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rts/chart1.xml" ContentType="application/vnd.openxmlformats-officedocument.drawingml.chart+xml"/>
  <Override PartName="/ppt/notesSlides/notesSlide3.xml" ContentType="application/vnd.openxmlformats-officedocument.presentationml.notesSlide+xml"/>
  <Override PartName="/ppt/charts/chart2.xml" ContentType="application/vnd.openxmlformats-officedocument.drawingml.chart+xml"/>
  <Override PartName="/ppt/notesSlides/notesSlide4.xml" ContentType="application/vnd.openxmlformats-officedocument.presentationml.notesSlide+xml"/>
  <Override PartName="/ppt/charts/chart3.xml" ContentType="application/vnd.openxmlformats-officedocument.drawingml.chart+xml"/>
  <Override PartName="/ppt/charts/style1.xml" ContentType="application/vnd.ms-office.chartstyle+xml"/>
  <Override PartName="/ppt/charts/colors1.xml" ContentType="application/vnd.ms-office.chartcolorstyle+xml"/>
  <Override PartName="/ppt/drawings/drawing1.xml" ContentType="application/vnd.openxmlformats-officedocument.drawingml.chartshapes+xml"/>
  <Override PartName="/ppt/notesSlides/notesSlide5.xml" ContentType="application/vnd.openxmlformats-officedocument.presentationml.notesSlide+xml"/>
  <Override PartName="/ppt/charts/chart4.xml" ContentType="application/vnd.openxmlformats-officedocument.drawingml.chart+xml"/>
  <Override PartName="/ppt/notesSlides/notesSlide6.xml" ContentType="application/vnd.openxmlformats-officedocument.presentationml.notesSlide+xml"/>
  <Override PartName="/ppt/charts/chart5.xml" ContentType="application/vnd.openxmlformats-officedocument.drawingml.chart+xml"/>
  <Override PartName="/ppt/notesSlides/notesSlide7.xml" ContentType="application/vnd.openxmlformats-officedocument.presentationml.notesSlide+xml"/>
  <Override PartName="/ppt/charts/chart6.xml" ContentType="application/vnd.openxmlformats-officedocument.drawingml.chart+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charts/chart7.xml" ContentType="application/vnd.openxmlformats-officedocument.drawingml.chart+xml"/>
  <Override PartName="/ppt/charts/chart8.xml" ContentType="application/vnd.openxmlformats-officedocument.drawingml.chart+xml"/>
  <Override PartName="/ppt/theme/themeOverride1.xml" ContentType="application/vnd.openxmlformats-officedocument.themeOverride+xml"/>
  <Override PartName="/ppt/notesSlides/notesSlide11.xml" ContentType="application/vnd.openxmlformats-officedocument.presentationml.notesSlide+xml"/>
  <Override PartName="/ppt/charts/chart9.xml" ContentType="application/vnd.openxmlformats-officedocument.drawingml.chart+xml"/>
  <Override PartName="/ppt/notesSlides/notesSlide12.xml" ContentType="application/vnd.openxmlformats-officedocument.presentationml.notesSlide+xml"/>
  <Override PartName="/ppt/charts/chart10.xml" ContentType="application/vnd.openxmlformats-officedocument.drawingml.chart+xml"/>
  <Override PartName="/ppt/charts/style2.xml" ContentType="application/vnd.ms-office.chartstyle+xml"/>
  <Override PartName="/ppt/charts/colors2.xml" ContentType="application/vnd.ms-office.chartcolorstyle+xml"/>
  <Override PartName="/ppt/theme/themeOverride2.xml" ContentType="application/vnd.openxmlformats-officedocument.themeOverride+xml"/>
  <Override PartName="/ppt/charts/chart11.xml" ContentType="application/vnd.openxmlformats-officedocument.drawingml.chart+xml"/>
  <Override PartName="/ppt/charts/style3.xml" ContentType="application/vnd.ms-office.chartstyle+xml"/>
  <Override PartName="/ppt/charts/colors3.xml" ContentType="application/vnd.ms-office.chartcolorstyle+xml"/>
  <Override PartName="/ppt/theme/themeOverride3.xml" ContentType="application/vnd.openxmlformats-officedocument.themeOverride+xml"/>
  <Override PartName="/ppt/notesSlides/notesSlide13.xml" ContentType="application/vnd.openxmlformats-officedocument.presentationml.notesSlide+xml"/>
  <Override PartName="/ppt/charts/chart12.xml" ContentType="application/vnd.openxmlformats-officedocument.drawingml.chart+xml"/>
  <Override PartName="/ppt/charts/style4.xml" ContentType="application/vnd.ms-office.chartstyle+xml"/>
  <Override PartName="/ppt/charts/colors4.xml" ContentType="application/vnd.ms-office.chartcolorstyle+xml"/>
  <Override PartName="/ppt/charts/chart13.xml" ContentType="application/vnd.openxmlformats-officedocument.drawingml.chart+xml"/>
  <Override PartName="/ppt/charts/style5.xml" ContentType="application/vnd.ms-office.chartstyle+xml"/>
  <Override PartName="/ppt/charts/colors5.xml" ContentType="application/vnd.ms-office.chartcolorstyl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charts/chart14.xml" ContentType="application/vnd.openxmlformats-officedocument.drawingml.chart+xml"/>
  <Override PartName="/ppt/charts/style6.xml" ContentType="application/vnd.ms-office.chartstyle+xml"/>
  <Override PartName="/ppt/charts/colors6.xml" ContentType="application/vnd.ms-office.chartcolorstyl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4491" r:id="rId7"/>
    <p:sldMasterId id="2147484675" r:id="rId8"/>
  </p:sldMasterIdLst>
  <p:notesMasterIdLst>
    <p:notesMasterId r:id="rId33"/>
  </p:notesMasterIdLst>
  <p:handoutMasterIdLst>
    <p:handoutMasterId r:id="rId34"/>
  </p:handoutMasterIdLst>
  <p:sldIdLst>
    <p:sldId id="2147481591" r:id="rId9"/>
    <p:sldId id="2147481590" r:id="rId10"/>
    <p:sldId id="2147481564" r:id="rId11"/>
    <p:sldId id="2147481574" r:id="rId12"/>
    <p:sldId id="2147481587" r:id="rId13"/>
    <p:sldId id="2147481588" r:id="rId14"/>
    <p:sldId id="2147481532" r:id="rId15"/>
    <p:sldId id="2147472555" r:id="rId16"/>
    <p:sldId id="2147481594" r:id="rId17"/>
    <p:sldId id="2147478545" r:id="rId18"/>
    <p:sldId id="2147478544" r:id="rId19"/>
    <p:sldId id="2147478546" r:id="rId20"/>
    <p:sldId id="2147478547" r:id="rId21"/>
    <p:sldId id="2147481595" r:id="rId22"/>
    <p:sldId id="256" r:id="rId23"/>
    <p:sldId id="257" r:id="rId24"/>
    <p:sldId id="260" r:id="rId25"/>
    <p:sldId id="259" r:id="rId26"/>
    <p:sldId id="258" r:id="rId27"/>
    <p:sldId id="261" r:id="rId28"/>
    <p:sldId id="262" r:id="rId29"/>
    <p:sldId id="263" r:id="rId30"/>
    <p:sldId id="264" r:id="rId31"/>
    <p:sldId id="265" r:id="rId32"/>
  </p:sldIdLst>
  <p:sldSz cx="12192000" cy="6858000"/>
  <p:notesSz cx="6858000" cy="9144000"/>
  <p:defaultTextStyle>
    <a:defPPr>
      <a:defRPr lang="en-US"/>
    </a:defPPr>
    <a:lvl1pPr marL="0" eaLnBrk="1" hangingPunct="1">
      <a:spcBef>
        <a:spcPts val="1200"/>
      </a:spcBef>
      <a:spcAft>
        <a:spcPts val="1200"/>
      </a:spcAft>
      <a:defRPr sz="2200">
        <a:solidFill>
          <a:schemeClr val="tx1"/>
        </a:solidFill>
        <a:latin typeface="Calibre Light" panose="020B0303030202060203" pitchFamily="34" charset="0"/>
        <a:ea typeface="+mn-ea"/>
        <a:cs typeface="+mn-cs"/>
      </a:defRPr>
    </a:lvl1pPr>
    <a:lvl2pPr marL="0" indent="0" eaLnBrk="1" hangingPunct="1">
      <a:spcAft>
        <a:spcPts val="600"/>
      </a:spcAft>
      <a:defRPr sz="1600" b="0">
        <a:solidFill>
          <a:schemeClr val="tx1"/>
        </a:solidFill>
        <a:latin typeface="Calibre Semibold" panose="020B0703030202060203" pitchFamily="34" charset="0"/>
        <a:ea typeface="+mn-ea"/>
        <a:cs typeface="+mn-cs"/>
      </a:defRPr>
    </a:lvl2pPr>
    <a:lvl3pPr marL="0" indent="0" eaLnBrk="1" hangingPunct="1">
      <a:spcBef>
        <a:spcPts val="300"/>
      </a:spcBef>
      <a:spcAft>
        <a:spcPts val="300"/>
      </a:spcAft>
      <a:defRPr sz="1200">
        <a:solidFill>
          <a:schemeClr val="tx1"/>
        </a:solidFill>
        <a:latin typeface="+mn-lt"/>
        <a:ea typeface="+mn-ea"/>
        <a:cs typeface="+mn-cs"/>
      </a:defRPr>
    </a:lvl3pPr>
    <a:lvl4pPr marL="171450" indent="-171450" eaLnBrk="1" hangingPunct="1">
      <a:spcBef>
        <a:spcPts val="300"/>
      </a:spcBef>
      <a:spcAft>
        <a:spcPts val="300"/>
      </a:spcAft>
      <a:buFont typeface="+mn-lt" panose="04000400000000000000" pitchFamily="82" charset="0"/>
      <a:buChar char="–"/>
      <a:defRPr sz="1200">
        <a:solidFill>
          <a:schemeClr val="tx1"/>
        </a:solidFill>
        <a:latin typeface="+mn-lt"/>
        <a:ea typeface="+mn-ea"/>
        <a:cs typeface="+mn-cs"/>
      </a:defRPr>
    </a:lvl4pPr>
    <a:lvl5pPr marL="360363" indent="-184150" eaLnBrk="1" hangingPunct="1">
      <a:spcBef>
        <a:spcPts val="300"/>
      </a:spcBef>
      <a:spcAft>
        <a:spcPts val="300"/>
      </a:spcAft>
      <a:buFont typeface="+mn-lt" panose="04000400000000000000" pitchFamily="82" charset="0"/>
      <a:buChar char="–"/>
      <a:defRPr sz="1200" b="0">
        <a:solidFill>
          <a:schemeClr val="tx1"/>
        </a:solidFill>
        <a:latin typeface="+mn-lt"/>
        <a:ea typeface="+mn-ea"/>
        <a:cs typeface="+mn-cs"/>
      </a:defRPr>
    </a:lvl5pPr>
    <a:lvl6pPr marL="0" indent="0" eaLnBrk="1" hangingPunct="1">
      <a:spcBef>
        <a:spcPts val="600"/>
      </a:spcBef>
      <a:spcAft>
        <a:spcPts val="0"/>
      </a:spcAft>
      <a:buFontTx/>
      <a:buNone/>
      <a:defRPr sz="1200">
        <a:solidFill>
          <a:schemeClr val="tx1"/>
        </a:solidFill>
        <a:latin typeface="Calibre Semibold" panose="020B07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mn-lt" panose="04000400000000000000" pitchFamily="82" charset="0"/>
      <a:buChar char="–"/>
      <a:defRPr sz="105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918F816-A538-8E7D-4EB8-5818C39CC39C}" name="Leahy, Michael @ Chicago" initials="LC" userId="S::michael.leahy1@cbre.com::65afcde0-5f8b-46d9-98fe-4abbf0a0c47a" providerId="AD"/>
  <p188:author id="{43FE941D-E431-4E34-8D5B-F1CBC89D35FC}" name="Raaum, Carsten @ CBRE Research" initials="RC@CR" userId="S::Carsten.Raaum@cbre.com::a7f15e02-d39e-4b36-9eb9-49f2159c9465" providerId="AD"/>
  <p188:author id="{6E3F002F-3CD8-DEDA-A09E-CD270828BB49}" name="Stephens, John @ Washington DC" initials="JS" userId="S::John.Stephens@cbre.com::d0492b57-6c8c-4639-b1c7-f0ee7a7f543b" providerId="AD"/>
  <p188:author id="{E4742F6C-D5F7-9145-4574-5BE566AA2AA8}" name="Schoenmaker, Dennis @ CBRE Research" initials="SD@CR" userId="S::Dennis.Schoenmaker@cbre.com::8f186979-0c4a-4448-a515-7903f457aca2" providerId="AD"/>
  <p188:author id="{F47A6BA3-9993-2C2D-F0D3-6C16BA33782E}" name="Barkham, Richard @ CBRE Research" initials="BR@CR" userId="S::Richard.Barkham@cbre.com::01990e8d-6c23-4bea-ad58-2c8643c24af7" providerId="AD"/>
  <p188:author id="{676FB2F8-4C37-7BB4-25BF-59722A18FC02}" name="Cottrell, Jacob @ Clayton" initials="CJ@C" userId="S::Jacob.Cottrell@cbre.com::ca6efe3d-5c18-43d1-ae84-e9df8ac43b9d"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00"/>
    <a:srgbClr val="1C1C1C"/>
    <a:srgbClr val="F0F0F0"/>
    <a:srgbClr val="F8F8F8"/>
    <a:srgbClr val="E20000"/>
    <a:srgbClr val="012A2D"/>
    <a:srgbClr val="3B372C"/>
    <a:srgbClr val="38372C"/>
  </p:clrMru>
  <p:extLst>
    <p:ext uri="{E76CE94A-603C-4142-B9EB-6D1370010A27}">
      <p14:discardImageEditData xmlns:p14="http://schemas.microsoft.com/office/powerpoint/2010/main" val="0"/>
    </p:ext>
    <p:ext uri="{D31A062A-798A-4329-ABDD-BBA856620510}">
      <p14:defaultImageDpi xmlns:p14="http://schemas.microsoft.com/office/powerpoint/2010/main" val="96"/>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611F8288-94FE-428C-BC68-D470A1F505C4}">
  <a:tblStyle styleId="{6EB843CA-C2C2-4D07-8CA5-9BBCF8472AE9}" styleName="CBRE Table - Emerald Option 1">
    <a:wholeTbl>
      <a:tcTxStyle>
        <a:fontRef idx="minor"/>
        <a:schemeClr val="dk1"/>
      </a:tcTxStyle>
      <a:tcStyle>
        <a:tcBdr>
          <a:left>
            <a:ln w="0" cmpd="sng">
              <a:noFill/>
            </a:ln>
          </a:left>
          <a:right>
            <a:ln w="0" cmpd="sng">
              <a:noFill/>
            </a:ln>
          </a:right>
          <a:top>
            <a:ln w="0" cmpd="sng">
              <a:noFill/>
            </a:ln>
          </a:top>
          <a:bottom>
            <a:ln w="28575" cmpd="sng">
              <a:solidFill>
                <a:schemeClr val="accent6"/>
              </a:solidFill>
            </a:ln>
          </a:bottom>
          <a:insideH>
            <a:ln w="12700" cmpd="sng">
              <a:solidFill>
                <a:srgbClr val="F6F6F6"/>
              </a:solidFill>
            </a:ln>
          </a:insideH>
          <a:insideV>
            <a:ln w="0" cmpd="sng">
              <a:noFill/>
              <a:prstDash val="solid"/>
            </a:ln>
          </a:insideV>
        </a:tcBdr>
        <a:fill>
          <a:solidFill>
            <a:schemeClr val="lt1"/>
          </a:solidFill>
        </a:fill>
      </a:tcStyle>
    </a:wholeTbl>
    <a:band1H>
      <a:tcStyle>
        <a:tcBdr>
          <a:top>
            <a:ln w="12700" cmpd="sng"/>
          </a:top>
        </a:tcBdr>
        <a:fill>
          <a:solidFill>
            <a:srgbClr val="F6F6F6"/>
          </a:solidFill>
        </a:fill>
      </a:tcStyle>
    </a:band1H>
    <a:band2H>
      <a:tcStyle>
        <a:tcBdr>
          <a:top>
            <a:ln w="12700" cmpd="sng"/>
          </a:top>
        </a:tcBdr>
      </a:tcStyle>
    </a:band2H>
    <a:band1V>
      <a:tcStyle>
        <a:tcBdr>
          <a:insideH>
            <a:ln w="12700" cmpd="sng">
              <a:solidFill>
                <a:schemeClr val="lt1"/>
              </a:solidFill>
            </a:ln>
          </a:insideH>
        </a:tcBdr>
        <a:fill>
          <a:solidFill>
            <a:srgbClr val="F6F6F6"/>
          </a:solidFill>
        </a:fill>
      </a:tcStyle>
    </a:band1V>
    <a:band2V>
      <a:tcStyle>
        <a:tcBdr>
          <a:left>
            <a:ln w="0" cmpd="sng">
              <a:noFill/>
              <a:prstDash val="solid"/>
            </a:ln>
          </a:left>
          <a:right>
            <a:ln w="0" cmpd="sng">
              <a:noFill/>
              <a:prstDash val="solid"/>
            </a:ln>
          </a:right>
          <a:insideH>
            <a:ln w="12700" cmpd="sng">
              <a:solidFill>
                <a:srgbClr val="F6F6F6"/>
              </a:solidFill>
            </a:ln>
          </a:insideH>
        </a:tcBdr>
        <a:fill>
          <a:solidFill>
            <a:schemeClr val="lt1"/>
          </a:solidFill>
        </a:fill>
      </a:tcStyle>
    </a:band2V>
    <a:lastCol>
      <a:tcTxStyle b="on">
        <a:fontRef idx="minor"/>
        <a:schemeClr val="lt1"/>
      </a:tcTxStyle>
      <a:tcStyle>
        <a:tcBdr>
          <a:left>
            <a:ln w="0" cmpd="sng">
              <a:noFill/>
            </a:ln>
          </a:left>
          <a:right>
            <a:ln w="0" cmpd="sng">
              <a:noFill/>
            </a:ln>
          </a:right>
          <a:top>
            <a:ln w="0" cmpd="sng">
              <a:noFill/>
            </a:ln>
          </a:top>
          <a:bottom>
            <a:ln w="28575" cmpd="sng">
              <a:solidFill>
                <a:schemeClr val="accent6"/>
              </a:solidFill>
            </a:ln>
          </a:bottom>
          <a:insideH>
            <a:ln w="12700" cmpd="sng">
              <a:solidFill>
                <a:schemeClr val="lt1"/>
              </a:solidFill>
            </a:ln>
          </a:insideH>
          <a:insideV>
            <a:ln w="0" cmpd="sng">
              <a:noFill/>
            </a:ln>
          </a:insideV>
        </a:tcBdr>
        <a:fill>
          <a:solidFill>
            <a:schemeClr val="dk1"/>
          </a:solidFill>
        </a:fill>
      </a:tcStyle>
    </a:lastCol>
    <a:firstCol>
      <a:tcTxStyle b="on">
        <a:fontRef idx="minor"/>
        <a:schemeClr val="lt1"/>
      </a:tcTxStyle>
      <a:tcStyle>
        <a:tcBdr>
          <a:left>
            <a:ln w="0" cmpd="sng">
              <a:noFill/>
            </a:ln>
          </a:left>
          <a:right>
            <a:ln w="0" cmpd="sng">
              <a:noFill/>
            </a:ln>
          </a:right>
          <a:top>
            <a:ln w="0" cmpd="sng">
              <a:noFill/>
            </a:ln>
          </a:top>
          <a:bottom>
            <a:ln w="28575" cmpd="sng">
              <a:solidFill>
                <a:schemeClr val="accent6"/>
              </a:solidFill>
            </a:ln>
          </a:bottom>
          <a:insideH>
            <a:ln w="12700" cmpd="sng">
              <a:solidFill>
                <a:schemeClr val="lt1"/>
              </a:solidFill>
            </a:ln>
          </a:insideH>
          <a:insideV>
            <a:ln w="0" cmpd="sng">
              <a:noFill/>
            </a:ln>
          </a:insideV>
        </a:tcBdr>
        <a:fill>
          <a:solidFill>
            <a:schemeClr val="accent6"/>
          </a:solidFill>
        </a:fill>
      </a:tcStyle>
    </a:firstCol>
    <a:lastRow>
      <a:tcTxStyle b="on">
        <a:fontRef idx="minor"/>
        <a:schemeClr val="lt1"/>
      </a:tcTxStyle>
      <a:tcStyle>
        <a:tcBdr>
          <a:top>
            <a:ln w="12700" cmpd="sng">
              <a:solidFill>
                <a:schemeClr val="lt1"/>
              </a:solidFill>
            </a:ln>
          </a:top>
          <a:bottom>
            <a:ln w="28575" cmpd="sng">
              <a:solidFill>
                <a:schemeClr val="dk1"/>
              </a:solidFill>
            </a:ln>
          </a:bottom>
          <a:insideV>
            <a:ln w="0" cmpd="sng">
              <a:noFill/>
              <a:prstDash val="solid"/>
            </a:ln>
          </a:insideV>
        </a:tcBdr>
        <a:fill>
          <a:solidFill>
            <a:schemeClr val="dk1"/>
          </a:solidFill>
        </a:fill>
      </a:tcStyle>
    </a:lastRow>
    <a:firstRow>
      <a:tcTxStyle b="on">
        <a:fontRef idx="minor"/>
        <a:schemeClr val="lt1"/>
      </a:tcTxStyle>
      <a:tcStyle>
        <a:tcBdr>
          <a:bottom>
            <a:ln w="12700" cmpd="sng">
              <a:solidFill>
                <a:schemeClr val="lt1"/>
              </a:solidFill>
            </a:ln>
          </a:bottom>
          <a:insideV>
            <a:ln w="0" cmpd="sng">
              <a:noFill/>
              <a:prstDash val="solid"/>
            </a:ln>
          </a:insideV>
        </a:tcBdr>
        <a:fill>
          <a:solidFill>
            <a:schemeClr val="accent6"/>
          </a:solidFill>
        </a:fill>
      </a:tcStyle>
    </a:firstRow>
  </a:tblStyle>
  <a:tblStyle styleId="{611F8288-94FE-428C-BC68-D470A1F505C4}" styleName="CBRE Table - Emerald Option 2">
    <a:wholeTbl>
      <a:tcTxStyle>
        <a:fontRef idx="minor"/>
        <a:schemeClr val="dk1"/>
      </a:tcTxStyle>
      <a:tcStyle>
        <a:tcBdr>
          <a:left>
            <a:ln w="0" cmpd="sng">
              <a:noFill/>
            </a:ln>
          </a:left>
          <a:right>
            <a:ln w="0" cmpd="sng">
              <a:noFill/>
            </a:ln>
          </a:right>
          <a:top>
            <a:ln w="0" cmpd="sng">
              <a:noFill/>
            </a:ln>
          </a:top>
          <a:bottom>
            <a:ln w="28575" cmpd="sng">
              <a:solidFill>
                <a:schemeClr val="accent6"/>
              </a:solidFill>
            </a:ln>
          </a:bottom>
          <a:insideH>
            <a:ln w="12700" cmpd="sng">
              <a:solidFill>
                <a:srgbClr val="F6F6F6"/>
              </a:solidFill>
            </a:ln>
          </a:insideH>
          <a:insideV>
            <a:ln w="0" cmpd="sng">
              <a:noFill/>
              <a:prstDash val="solid"/>
            </a:ln>
          </a:insideV>
        </a:tcBdr>
        <a:fill>
          <a:solidFill>
            <a:schemeClr val="lt1"/>
          </a:solidFill>
        </a:fill>
      </a:tcStyle>
    </a:wholeTbl>
    <a:band1H>
      <a:tcStyle>
        <a:tcBdr>
          <a:top>
            <a:ln w="12700" cmpd="sng">
              <a:solidFill>
                <a:srgbClr val="F6F6F6"/>
              </a:solidFill>
            </a:ln>
          </a:top>
        </a:tcBdr>
        <a:fill>
          <a:solidFill>
            <a:srgbClr val="F6F6F6"/>
          </a:solidFill>
        </a:fill>
      </a:tcStyle>
    </a:band1H>
    <a:band2H>
      <a:tcStyle>
        <a:tcBdr>
          <a:top>
            <a:ln w="12700" cmpd="sng">
              <a:solidFill>
                <a:srgbClr val="F6F6F6"/>
              </a:solidFill>
            </a:ln>
          </a:top>
        </a:tcBdr>
      </a:tcStyle>
    </a:band2H>
    <a:band1V>
      <a:tcStyle>
        <a:tcBdr>
          <a:insideH>
            <a:ln w="12700" cmpd="sng">
              <a:solidFill>
                <a:schemeClr val="lt1"/>
              </a:solidFill>
            </a:ln>
          </a:insideH>
        </a:tcBdr>
        <a:fill>
          <a:solidFill>
            <a:srgbClr val="F6F6F6"/>
          </a:solidFill>
        </a:fill>
      </a:tcStyle>
    </a:band1V>
    <a:band2V>
      <a:tcStyle>
        <a:tcBdr>
          <a:left>
            <a:ln w="0" cmpd="sng">
              <a:noFill/>
              <a:prstDash val="solid"/>
            </a:ln>
          </a:left>
          <a:right>
            <a:ln w="0" cmpd="sng">
              <a:noFill/>
              <a:prstDash val="solid"/>
            </a:ln>
          </a:right>
          <a:insideH>
            <a:ln w="12700" cmpd="sng">
              <a:solidFill>
                <a:srgbClr val="F6F6F6"/>
              </a:solidFill>
            </a:ln>
          </a:insideH>
        </a:tcBdr>
        <a:fill>
          <a:solidFill>
            <a:schemeClr val="lt1"/>
          </a:solidFill>
        </a:fill>
      </a:tcStyle>
    </a:band2V>
    <a:lastCol>
      <a:tcTxStyle b="on">
        <a:fontRef idx="minor"/>
        <a:schemeClr val="dk1"/>
      </a:tcTxStyle>
      <a:tcStyle>
        <a:tcBdr/>
      </a:tcStyle>
    </a:lastCol>
    <a:firstCol>
      <a:tcTxStyle b="on">
        <a:fontRef idx="minor"/>
        <a:schemeClr val="accent6"/>
      </a:tcTxStyle>
      <a:tcStyle>
        <a:tcBdr/>
      </a:tcStyle>
    </a:firstCol>
    <a:lastRow>
      <a:tcTxStyle b="on">
        <a:fontRef idx="minor"/>
        <a:schemeClr val="lt1"/>
      </a:tcTxStyle>
      <a:tcStyle>
        <a:tcBdr>
          <a:top>
            <a:ln w="12700" cmpd="sng">
              <a:solidFill>
                <a:schemeClr val="lt1"/>
              </a:solidFill>
            </a:ln>
          </a:top>
          <a:bottom>
            <a:ln w="28575" cmpd="sng">
              <a:solidFill>
                <a:schemeClr val="dk1"/>
              </a:solidFill>
            </a:ln>
          </a:bottom>
          <a:insideV>
            <a:ln w="0" cmpd="sng">
              <a:noFill/>
              <a:prstDash val="solid"/>
            </a:ln>
          </a:insideV>
        </a:tcBdr>
        <a:fill>
          <a:solidFill>
            <a:schemeClr val="dk1"/>
          </a:solidFill>
        </a:fill>
      </a:tcStyle>
    </a:lastRow>
    <a:firstRow>
      <a:tcTxStyle b="on">
        <a:fontRef idx="minor"/>
        <a:schemeClr val="lt1"/>
      </a:tcTxStyle>
      <a:tcStyle>
        <a:tcBdr>
          <a:bottom>
            <a:ln w="12700" cmpd="sng">
              <a:solidFill>
                <a:schemeClr val="lt1"/>
              </a:solidFill>
            </a:ln>
          </a:bottom>
          <a:insideV>
            <a:ln w="0" cmpd="sng">
              <a:noFill/>
              <a:prstDash val="solid"/>
            </a:ln>
          </a:insideV>
        </a:tcBdr>
        <a:fill>
          <a:solidFill>
            <a:schemeClr val="accent6"/>
          </a:solidFill>
        </a:fill>
      </a:tcStyle>
    </a:firstRow>
  </a:tblStyle>
  <a:tblStyle styleId="{EF66C874-BE0A-436F-BFC9-2B0613D0E7D1}" styleName="CBRE Table - Simple Accent Green">
    <a:wholeTbl>
      <a:tcTxStyle>
        <a:fontRef idx="minor"/>
        <a:schemeClr val="dk1"/>
      </a:tcTxStyle>
      <a:tcStyle>
        <a:tcBdr>
          <a:left>
            <a:ln w="0" cmpd="sng">
              <a:noFill/>
            </a:ln>
          </a:left>
          <a:right>
            <a:ln w="0" cmpd="sng">
              <a:noFill/>
            </a:ln>
          </a:right>
          <a:top>
            <a:ln w="0" cmpd="sng">
              <a:noFill/>
            </a:ln>
          </a:top>
          <a:bottom>
            <a:ln w="0" cmpd="sng">
              <a:noFill/>
            </a:ln>
          </a:bottom>
          <a:insideH>
            <a:ln w="9525" cmpd="sng">
              <a:solidFill>
                <a:srgbClr val="17E88F"/>
              </a:solidFill>
            </a:ln>
          </a:insideH>
          <a:insideV>
            <a:ln w="0" cmpd="sng">
              <a:noFill/>
              <a:prstDash val="solid"/>
            </a:ln>
          </a:insideV>
        </a:tcBdr>
        <a:fill>
          <a:solidFill>
            <a:schemeClr val="lt1"/>
          </a:solidFill>
        </a:fill>
      </a:tcStyle>
    </a:wholeTbl>
    <a:band1H>
      <a:tcStyle>
        <a:tcBdr>
          <a:top>
            <a:ln w="9525" cmpd="sng">
              <a:solidFill>
                <a:srgbClr val="17E88F"/>
              </a:solidFill>
            </a:ln>
          </a:top>
        </a:tcBdr>
      </a:tcStyle>
    </a:band1H>
    <a:band2H>
      <a:tcStyle>
        <a:tcBdr>
          <a:top>
            <a:ln w="9525" cmpd="sng">
              <a:solidFill>
                <a:srgbClr val="17E88F"/>
              </a:solidFill>
            </a:ln>
          </a:top>
        </a:tcBdr>
      </a:tcStyle>
    </a:band2H>
    <a:band1V>
      <a:tcStyle>
        <a:tcBdr>
          <a:insideH>
            <a:ln w="9525" cmpd="sng">
              <a:solidFill>
                <a:srgbClr val="17E88F"/>
              </a:solidFill>
            </a:ln>
          </a:insideH>
        </a:tcBdr>
        <a:fill>
          <a:solidFill>
            <a:srgbClr val="F6F6F6"/>
          </a:solidFill>
        </a:fill>
      </a:tcStyle>
    </a:band1V>
    <a:band2V>
      <a:tcStyle>
        <a:tcBdr>
          <a:left>
            <a:ln w="0" cmpd="sng">
              <a:noFill/>
              <a:prstDash val="solid"/>
            </a:ln>
          </a:left>
          <a:right>
            <a:ln w="0" cmpd="sng">
              <a:noFill/>
              <a:prstDash val="solid"/>
            </a:ln>
          </a:right>
          <a:insideH>
            <a:ln w="9525" cmpd="sng">
              <a:solidFill>
                <a:srgbClr val="17E88F"/>
              </a:solidFill>
            </a:ln>
          </a:insideH>
        </a:tcBdr>
      </a:tcStyle>
    </a:band2V>
    <a:lastCol>
      <a:tcTxStyle b="on">
        <a:fontRef idx="minor"/>
        <a:schemeClr val="dk1"/>
      </a:tcTxStyle>
      <a:tcStyle>
        <a:tcBdr/>
      </a:tcStyle>
    </a:lastCol>
    <a:firstCol>
      <a:tcTxStyle b="on">
        <a:fontRef idx="minor"/>
        <a:schemeClr val="dk1"/>
      </a:tcTxStyle>
      <a:tcStyle>
        <a:tcBdr/>
      </a:tcStyle>
    </a:firstCol>
    <a:lastRow>
      <a:tcTxStyle b="on">
        <a:fontRef idx="minor"/>
        <a:schemeClr val="dk1"/>
      </a:tcTxStyle>
      <a:tcStyle>
        <a:tcBdr>
          <a:top>
            <a:ln w="9525" cmpd="sng">
              <a:solidFill>
                <a:srgbClr val="17E88F"/>
              </a:solidFill>
            </a:ln>
          </a:top>
          <a:bottom>
            <a:ln w="0" cmpd="sng">
              <a:noFill/>
            </a:ln>
          </a:bottom>
          <a:insideV>
            <a:ln w="0" cmpd="sng">
              <a:noFill/>
              <a:prstDash val="solid"/>
            </a:ln>
          </a:insideV>
        </a:tcBdr>
      </a:tcStyle>
    </a:lastRow>
    <a:firstRow>
      <a:tcTxStyle b="on">
        <a:fontRef idx="minor"/>
        <a:schemeClr val="dk1"/>
      </a:tcTxStyle>
      <a:tcStyle>
        <a:tcBdr>
          <a:bottom>
            <a:ln w="9525" cmpd="sng">
              <a:solidFill>
                <a:srgbClr val="17E88F"/>
              </a:solidFill>
            </a:ln>
          </a:bottom>
          <a:insideV>
            <a:ln w="0" cmpd="sng">
              <a:noFill/>
              <a:prstDash val="solid"/>
            </a:ln>
          </a:insideV>
        </a:tcBdr>
      </a:tcStyle>
    </a:firstRow>
  </a:tblStyle>
  <a:tblStyle styleId="{D834BE9C-F012-464B-B95A-B12DCBAEE013}" styleName="CBRE Table - Simple Light Grey">
    <a:wholeTbl>
      <a:tcTxStyle>
        <a:fontRef idx="minor"/>
        <a:schemeClr val="dk1"/>
      </a:tcTxStyle>
      <a:tcStyle>
        <a:tcBdr>
          <a:left>
            <a:ln w="0" cmpd="sng">
              <a:noFill/>
            </a:ln>
          </a:left>
          <a:right>
            <a:ln w="0" cmpd="sng">
              <a:noFill/>
            </a:ln>
          </a:right>
          <a:top>
            <a:ln w="0" cmpd="sng">
              <a:noFill/>
            </a:ln>
          </a:top>
          <a:bottom>
            <a:ln w="9525" cmpd="sng">
              <a:solidFill>
                <a:schemeClr val="dk1"/>
              </a:solidFill>
            </a:ln>
          </a:bottom>
          <a:insideH>
            <a:ln w="9525" cmpd="sng">
              <a:solidFill>
                <a:schemeClr val="accent3"/>
              </a:solidFill>
            </a:ln>
          </a:insideH>
          <a:insideV>
            <a:ln w="0" cmpd="sng">
              <a:noFill/>
              <a:prstDash val="solid"/>
            </a:ln>
          </a:insideV>
        </a:tcBdr>
        <a:fill>
          <a:solidFill>
            <a:schemeClr val="lt1"/>
          </a:solidFill>
        </a:fill>
      </a:tcStyle>
    </a:wholeTbl>
    <a:band1H>
      <a:tcStyle>
        <a:tcBdr>
          <a:top>
            <a:ln w="9525" cmpd="sng">
              <a:solidFill>
                <a:schemeClr val="accent3"/>
              </a:solidFill>
            </a:ln>
          </a:top>
        </a:tcBdr>
      </a:tcStyle>
    </a:band1H>
    <a:band2H>
      <a:tcStyle>
        <a:tcBdr>
          <a:top>
            <a:ln w="9525" cmpd="sng">
              <a:solidFill>
                <a:schemeClr val="accent3"/>
              </a:solidFill>
            </a:ln>
          </a:top>
        </a:tcBdr>
      </a:tcStyle>
    </a:band2H>
    <a:band1V>
      <a:tcStyle>
        <a:tcBdr>
          <a:insideH>
            <a:ln w="9525" cmpd="sng">
              <a:solidFill>
                <a:schemeClr val="accent3"/>
              </a:solidFill>
            </a:ln>
          </a:insideH>
        </a:tcBdr>
        <a:fill>
          <a:solidFill>
            <a:srgbClr val="F6F6F6"/>
          </a:solidFill>
        </a:fill>
      </a:tcStyle>
    </a:band1V>
    <a:band2V>
      <a:tcStyle>
        <a:tcBdr>
          <a:left>
            <a:ln w="0" cmpd="sng">
              <a:noFill/>
              <a:prstDash val="solid"/>
            </a:ln>
          </a:left>
          <a:right>
            <a:ln w="0" cmpd="sng">
              <a:noFill/>
              <a:prstDash val="solid"/>
            </a:ln>
          </a:right>
          <a:insideH>
            <a:ln w="9525" cmpd="sng">
              <a:solidFill>
                <a:schemeClr val="accent3"/>
              </a:solidFill>
            </a:ln>
          </a:insideH>
        </a:tcBdr>
      </a:tcStyle>
    </a:band2V>
    <a:lastCol>
      <a:tcTxStyle b="on">
        <a:fontRef idx="minor"/>
        <a:schemeClr val="dk1"/>
      </a:tcTxStyle>
      <a:tcStyle>
        <a:tcBdr/>
      </a:tcStyle>
    </a:lastCol>
    <a:firstCol>
      <a:tcTxStyle b="on">
        <a:fontRef idx="minor"/>
        <a:schemeClr val="dk1"/>
      </a:tcTxStyle>
      <a:tcStyle>
        <a:tcBdr/>
      </a:tcStyle>
    </a:firstCol>
    <a:lastRow>
      <a:tcTxStyle b="on">
        <a:fontRef idx="minor"/>
        <a:schemeClr val="dk1"/>
      </a:tcTxStyle>
      <a:tcStyle>
        <a:tcBdr>
          <a:top>
            <a:ln w="9525" cmpd="sng">
              <a:solidFill>
                <a:schemeClr val="dk1"/>
              </a:solidFill>
            </a:ln>
          </a:top>
          <a:bottom>
            <a:ln w="9525" cmpd="sng">
              <a:solidFill>
                <a:schemeClr val="dk1"/>
              </a:solidFill>
            </a:ln>
          </a:bottom>
          <a:insideV>
            <a:ln w="0" cmpd="sng">
              <a:noFill/>
              <a:prstDash val="solid"/>
            </a:ln>
          </a:insideV>
        </a:tcBdr>
      </a:tcStyle>
    </a:lastRow>
    <a:firstRow>
      <a:tcTxStyle b="on">
        <a:fontRef idx="minor"/>
        <a:schemeClr val="lt1"/>
      </a:tcTxStyle>
      <a:tcStyle>
        <a:tcBdr>
          <a:top>
            <a:ln w="9525" cmpd="sng">
              <a:solidFill>
                <a:schemeClr val="dk1"/>
              </a:solidFill>
            </a:ln>
          </a:top>
          <a:bottom>
            <a:ln w="9525" cmpd="sng">
              <a:solidFill>
                <a:schemeClr val="dk1"/>
              </a:solidFill>
            </a:ln>
          </a:bottom>
          <a:insideV>
            <a:ln w="0" cmpd="sng">
              <a:noFill/>
              <a:prstDash val="solid"/>
            </a:ln>
          </a:insideV>
        </a:tcBdr>
        <a:fill>
          <a:solidFill>
            <a:schemeClr val="dk1"/>
          </a:solidFill>
        </a:fill>
      </a:tcStyle>
    </a:firstRow>
  </a:tblStyle>
  <a:tblStyle styleId="{AAFF3900-356E-4A21-B42E-9272C98913C2}" styleName="CBRE Table - Simple Celadon">
    <a:wholeTbl>
      <a:tcTxStyle>
        <a:fontRef idx="minor"/>
        <a:schemeClr val="dk1"/>
      </a:tcTxStyle>
      <a:tcStyle>
        <a:tcBdr>
          <a:left>
            <a:ln w="0" cmpd="sng">
              <a:noFill/>
            </a:ln>
          </a:left>
          <a:right>
            <a:ln w="0" cmpd="sng">
              <a:noFill/>
            </a:ln>
          </a:right>
          <a:top>
            <a:ln w="0" cmpd="sng">
              <a:noFill/>
            </a:ln>
          </a:top>
          <a:bottom>
            <a:ln w="9525" cmpd="sng">
              <a:solidFill>
                <a:schemeClr val="dk1"/>
              </a:solidFill>
            </a:ln>
          </a:bottom>
          <a:insideH>
            <a:ln w="9525" cmpd="sng">
              <a:solidFill>
                <a:schemeClr val="dk1"/>
              </a:solidFill>
            </a:ln>
          </a:insideH>
          <a:insideV>
            <a:ln w="0" cmpd="sng">
              <a:noFill/>
              <a:prstDash val="solid"/>
            </a:ln>
          </a:insideV>
        </a:tcBdr>
        <a:fill>
          <a:solidFill>
            <a:schemeClr val="lt1"/>
          </a:solidFill>
        </a:fill>
      </a:tcStyle>
    </a:wholeTbl>
    <a:band1H>
      <a:tcStyle>
        <a:tcBdr>
          <a:top>
            <a:ln w="9525" cmpd="sng">
              <a:solidFill>
                <a:schemeClr val="dk1"/>
              </a:solidFill>
            </a:ln>
          </a:top>
        </a:tcBdr>
      </a:tcStyle>
    </a:band1H>
    <a:band2H>
      <a:tcStyle>
        <a:tcBdr>
          <a:top>
            <a:ln w="9525" cmpd="sng">
              <a:solidFill>
                <a:schemeClr val="dk1"/>
              </a:solidFill>
            </a:ln>
          </a:top>
        </a:tcBdr>
      </a:tcStyle>
    </a:band2H>
    <a:band1V>
      <a:tcStyle>
        <a:tcBdr>
          <a:insideH>
            <a:ln w="9525" cmpd="sng">
              <a:solidFill>
                <a:schemeClr val="dk1"/>
              </a:solidFill>
            </a:ln>
          </a:insideH>
        </a:tcBdr>
        <a:fill>
          <a:solidFill>
            <a:srgbClr val="F6F6F6"/>
          </a:solidFill>
        </a:fill>
      </a:tcStyle>
    </a:band1V>
    <a:band2V>
      <a:tcStyle>
        <a:tcBdr>
          <a:left>
            <a:ln w="0" cmpd="sng">
              <a:noFill/>
              <a:prstDash val="solid"/>
            </a:ln>
          </a:left>
          <a:right>
            <a:ln w="0" cmpd="sng">
              <a:noFill/>
              <a:prstDash val="solid"/>
            </a:ln>
          </a:right>
          <a:insideH>
            <a:ln w="9525" cmpd="sng">
              <a:solidFill>
                <a:schemeClr val="dk1"/>
              </a:solidFill>
            </a:ln>
          </a:insideH>
        </a:tcBdr>
      </a:tcStyle>
    </a:band2V>
    <a:lastCol>
      <a:tcTxStyle b="on">
        <a:fontRef idx="minor"/>
        <a:schemeClr val="dk1"/>
      </a:tcTxStyle>
      <a:tcStyle>
        <a:tcBdr/>
      </a:tcStyle>
    </a:lastCol>
    <a:firstCol>
      <a:tcTxStyle b="on">
        <a:fontRef idx="minor"/>
        <a:schemeClr val="dk1"/>
      </a:tcTxStyle>
      <a:tcStyle>
        <a:tcBdr/>
      </a:tcStyle>
    </a:firstCol>
    <a:lastRow>
      <a:tcTxStyle b="on">
        <a:fontRef idx="minor"/>
        <a:srgbClr val="012A2D"/>
      </a:tcTxStyle>
      <a:tcStyle>
        <a:tcBdr>
          <a:top>
            <a:ln w="9525" cmpd="sng">
              <a:solidFill>
                <a:schemeClr val="dk1"/>
              </a:solidFill>
            </a:ln>
          </a:top>
          <a:bottom>
            <a:ln w="9525" cmpd="sng">
              <a:solidFill>
                <a:schemeClr val="dk1"/>
              </a:solidFill>
            </a:ln>
          </a:bottom>
          <a:insideV>
            <a:ln w="0" cmpd="sng">
              <a:noFill/>
              <a:prstDash val="solid"/>
            </a:ln>
          </a:insideV>
        </a:tcBdr>
        <a:fill>
          <a:solidFill>
            <a:srgbClr val="C0D4CB"/>
          </a:solidFill>
        </a:fill>
      </a:tcStyle>
    </a:lastRow>
    <a:firstRow>
      <a:tcTxStyle b="on">
        <a:fontRef idx="minor"/>
        <a:srgbClr val="012A2D"/>
      </a:tcTxStyle>
      <a:tcStyle>
        <a:tcBdr>
          <a:top>
            <a:ln w="9525" cmpd="sng">
              <a:solidFill>
                <a:schemeClr val="dk1"/>
              </a:solidFill>
            </a:ln>
          </a:top>
          <a:bottom>
            <a:ln w="9525" cmpd="sng">
              <a:solidFill>
                <a:schemeClr val="dk1"/>
              </a:solidFill>
            </a:ln>
          </a:bottom>
          <a:insideV>
            <a:ln w="0" cmpd="sng">
              <a:noFill/>
              <a:prstDash val="solid"/>
            </a:ln>
          </a:insideV>
        </a:tcBdr>
        <a:fill>
          <a:solidFill>
            <a:schemeClr val="lt2"/>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08FB837D-C827-4EFA-A057-4D05807E0F7C}" styleName="Themed Style 1 - Accent 6">
    <a:tblBg>
      <a:fillRef idx="2">
        <a:schemeClr val="accent6"/>
      </a:fillRef>
      <a:effectRef idx="1">
        <a:schemeClr val="accent6"/>
      </a:effectRef>
    </a:tblBg>
    <a:wholeTbl>
      <a:tcTxStyle>
        <a:fontRef idx="minor">
          <a:scrgbClr r="0" g="0" b="0"/>
        </a:fontRef>
        <a:schemeClr val="dk1"/>
      </a:tcTxStyle>
      <a:tcStyle>
        <a:tcBdr>
          <a:left>
            <a:lnRef idx="1">
              <a:schemeClr val="accent6"/>
            </a:lnRef>
          </a:left>
          <a:right>
            <a:lnRef idx="1">
              <a:schemeClr val="accent6"/>
            </a:lnRef>
          </a:right>
          <a:top>
            <a:lnRef idx="1">
              <a:schemeClr val="accent6"/>
            </a:lnRef>
          </a:top>
          <a:bottom>
            <a:lnRef idx="1">
              <a:schemeClr val="accent6"/>
            </a:lnRef>
          </a:bottom>
          <a:insideH>
            <a:lnRef idx="1">
              <a:schemeClr val="accent6"/>
            </a:lnRef>
          </a:insideH>
          <a:insideV>
            <a:lnRef idx="1">
              <a:schemeClr val="accent6"/>
            </a:lnRef>
          </a:insideV>
        </a:tcBdr>
        <a:fill>
          <a:noFill/>
        </a:fill>
      </a:tcStyle>
    </a:wholeTbl>
    <a:band1H>
      <a:tcStyle>
        <a:tcBdr/>
        <a:fill>
          <a:solidFill>
            <a:schemeClr val="accent6">
              <a:alpha val="40000"/>
            </a:schemeClr>
          </a:solidFill>
        </a:fill>
      </a:tcStyle>
    </a:band1H>
    <a:band2H>
      <a:tcStyle>
        <a:tcBdr/>
      </a:tcStyle>
    </a:band2H>
    <a:band1V>
      <a:tcStyle>
        <a:tcBdr>
          <a:top>
            <a:lnRef idx="1">
              <a:schemeClr val="accent6"/>
            </a:lnRef>
          </a:top>
          <a:bottom>
            <a:lnRef idx="1">
              <a:schemeClr val="accent6"/>
            </a:lnRef>
          </a:bottom>
        </a:tcBdr>
        <a:fill>
          <a:solidFill>
            <a:schemeClr val="accent6">
              <a:alpha val="40000"/>
            </a:schemeClr>
          </a:solidFill>
        </a:fill>
      </a:tcStyle>
    </a:band1V>
    <a:band2V>
      <a:tcStyle>
        <a:tcBdr/>
      </a:tcStyle>
    </a:band2V>
    <a:lastCol>
      <a:tcTxStyle b="on"/>
      <a:tcStyle>
        <a:tcBdr>
          <a:left>
            <a:lnRef idx="2">
              <a:schemeClr val="accent6"/>
            </a:lnRef>
          </a:left>
          <a:right>
            <a:lnRef idx="1">
              <a:schemeClr val="accent6"/>
            </a:lnRef>
          </a:right>
          <a:top>
            <a:lnRef idx="1">
              <a:schemeClr val="accent6"/>
            </a:lnRef>
          </a:top>
          <a:bottom>
            <a:lnRef idx="1">
              <a:schemeClr val="accent6"/>
            </a:lnRef>
          </a:bottom>
          <a:insideH>
            <a:lnRef idx="1">
              <a:schemeClr val="accent6"/>
            </a:lnRef>
          </a:insideH>
          <a:insideV>
            <a:ln>
              <a:noFill/>
            </a:ln>
          </a:insideV>
        </a:tcBdr>
      </a:tcStyle>
    </a:lastCol>
    <a:firstCol>
      <a:tcTxStyle b="on"/>
      <a:tcStyle>
        <a:tcBdr>
          <a:left>
            <a:lnRef idx="1">
              <a:schemeClr val="accent6"/>
            </a:lnRef>
          </a:left>
          <a:right>
            <a:lnRef idx="2">
              <a:schemeClr val="accent6"/>
            </a:lnRef>
          </a:right>
          <a:top>
            <a:lnRef idx="1">
              <a:schemeClr val="accent6"/>
            </a:lnRef>
          </a:top>
          <a:bottom>
            <a:lnRef idx="1">
              <a:schemeClr val="accent6"/>
            </a:lnRef>
          </a:bottom>
          <a:insideH>
            <a:lnRef idx="1">
              <a:schemeClr val="accent6"/>
            </a:lnRef>
          </a:insideH>
          <a:insideV>
            <a:ln>
              <a:noFill/>
            </a:ln>
          </a:insideV>
        </a:tcBdr>
      </a:tcStyle>
    </a:firstCol>
    <a:lastRow>
      <a:tcTxStyle b="on"/>
      <a:tcStyle>
        <a:tcBdr>
          <a:left>
            <a:lnRef idx="1">
              <a:schemeClr val="accent6"/>
            </a:lnRef>
          </a:left>
          <a:right>
            <a:lnRef idx="1">
              <a:schemeClr val="accent6"/>
            </a:lnRef>
          </a:right>
          <a:top>
            <a:lnRef idx="2">
              <a:schemeClr val="accent6"/>
            </a:lnRef>
          </a:top>
          <a:bottom>
            <a:lnRef idx="2">
              <a:schemeClr val="accent6"/>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6"/>
            </a:lnRef>
          </a:left>
          <a:right>
            <a:lnRef idx="1">
              <a:schemeClr val="accent6"/>
            </a:lnRef>
          </a:right>
          <a:top>
            <a:lnRef idx="1">
              <a:schemeClr val="accent6"/>
            </a:lnRef>
          </a:top>
          <a:bottom>
            <a:lnRef idx="2">
              <a:schemeClr val="lt1"/>
            </a:lnRef>
          </a:bottom>
          <a:insideH>
            <a:ln>
              <a:noFill/>
            </a:ln>
          </a:insideH>
          <a:insideV>
            <a:ln>
              <a:noFill/>
            </a:ln>
          </a:insideV>
        </a:tcBdr>
        <a:fill>
          <a:solidFill>
            <a:schemeClr val="accent6"/>
          </a:solidFill>
        </a:fill>
      </a:tcStyle>
    </a:firstRow>
  </a:tblStyle>
  <a:tblStyle styleId="{10A1B5D5-9B99-4C35-A422-299274C87663}" styleName="Medium Style 1 - Accent 6">
    <a:wholeTbl>
      <a:tcTxStyle>
        <a:fontRef idx="minor">
          <a:scrgbClr r="0" g="0" b="0"/>
        </a:fontRef>
        <a:schemeClr val="dk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a:noFill/>
            </a:ln>
          </a:insideV>
        </a:tcBdr>
        <a:fill>
          <a:solidFill>
            <a:schemeClr val="lt1"/>
          </a:solidFill>
        </a:fill>
      </a:tcStyle>
    </a:wholeTbl>
    <a:band1H>
      <a:tcStyle>
        <a:tcBdr/>
        <a:fill>
          <a:solidFill>
            <a:schemeClr val="accent6">
              <a:tint val="20000"/>
            </a:schemeClr>
          </a:solidFill>
        </a:fill>
      </a:tcStyle>
    </a:band1H>
    <a:band1V>
      <a:tcStyle>
        <a:tcBdr/>
        <a:fill>
          <a:solidFill>
            <a:schemeClr val="accent6">
              <a:tint val="20000"/>
            </a:schemeClr>
          </a:solidFill>
        </a:fill>
      </a:tcStyle>
    </a:band1V>
    <a:lastCol>
      <a:tcTxStyle b="on"/>
      <a:tcStyle>
        <a:tcBdr/>
      </a:tcStyle>
    </a:lastCol>
    <a:firstCol>
      <a:tcTxStyle b="on"/>
      <a:tcStyle>
        <a:tcBdr/>
      </a:tcStyle>
    </a:firstCol>
    <a:lastRow>
      <a:tcTxStyle b="on"/>
      <a:tcStyle>
        <a:tcBdr>
          <a:top>
            <a:ln w="50800" cmpd="dbl">
              <a:solidFill>
                <a:schemeClr val="accent6"/>
              </a:solidFill>
            </a:ln>
          </a:top>
        </a:tcBdr>
        <a:fill>
          <a:solidFill>
            <a:schemeClr val="lt1"/>
          </a:solidFill>
        </a:fill>
      </a:tcStyle>
    </a:lastRow>
    <a:firstRow>
      <a:tcTxStyle b="on">
        <a:fontRef idx="minor">
          <a:scrgbClr r="0" g="0" b="0"/>
        </a:fontRef>
        <a:schemeClr val="lt1"/>
      </a:tcTxStyle>
      <a:tcStyle>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3511" autoAdjust="0"/>
    <p:restoredTop sz="91961" autoAdjust="0"/>
  </p:normalViewPr>
  <p:slideViewPr>
    <p:cSldViewPr showGuides="1">
      <p:cViewPr varScale="1">
        <p:scale>
          <a:sx n="110" d="100"/>
          <a:sy n="110" d="100"/>
        </p:scale>
        <p:origin x="204" y="162"/>
      </p:cViewPr>
      <p:guideLst/>
    </p:cSldViewPr>
  </p:slideViewPr>
  <p:outlineViewPr>
    <p:cViewPr>
      <p:scale>
        <a:sx n="33" d="100"/>
        <a:sy n="33" d="100"/>
      </p:scale>
      <p:origin x="0" y="0"/>
    </p:cViewPr>
  </p:outlineViewPr>
  <p:notesTextViewPr>
    <p:cViewPr>
      <p:scale>
        <a:sx n="1" d="1"/>
        <a:sy n="1" d="1"/>
      </p:scale>
      <p:origin x="0" y="0"/>
    </p:cViewPr>
  </p:notesTextViewPr>
  <p:sorterViewPr>
    <p:cViewPr varScale="1">
      <p:scale>
        <a:sx n="1" d="1"/>
        <a:sy n="1" d="1"/>
      </p:scale>
      <p:origin x="0" y="-4128"/>
    </p:cViewPr>
  </p:sorterViewPr>
  <p:notesViewPr>
    <p:cSldViewPr showGuides="1">
      <p:cViewPr varScale="1">
        <p:scale>
          <a:sx n="124" d="100"/>
          <a:sy n="124" d="100"/>
        </p:scale>
        <p:origin x="2424" y="9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5.xml"/><Relationship Id="rId18" Type="http://schemas.openxmlformats.org/officeDocument/2006/relationships/slide" Target="slides/slide10.xml"/><Relationship Id="rId26" Type="http://schemas.openxmlformats.org/officeDocument/2006/relationships/slide" Target="slides/slide18.xml"/><Relationship Id="rId39" Type="http://schemas.microsoft.com/office/2018/10/relationships/authors" Target="authors.xml"/><Relationship Id="rId21" Type="http://schemas.openxmlformats.org/officeDocument/2006/relationships/slide" Target="slides/slide13.xml"/><Relationship Id="rId34" Type="http://schemas.openxmlformats.org/officeDocument/2006/relationships/handoutMaster" Target="handoutMasters/handoutMaster1.xml"/><Relationship Id="rId7" Type="http://schemas.openxmlformats.org/officeDocument/2006/relationships/slideMaster" Target="slideMasters/slideMaster1.xml"/><Relationship Id="rId12" Type="http://schemas.openxmlformats.org/officeDocument/2006/relationships/slide" Target="slides/slide4.xml"/><Relationship Id="rId17" Type="http://schemas.openxmlformats.org/officeDocument/2006/relationships/slide" Target="slides/slide9.xml"/><Relationship Id="rId25" Type="http://schemas.openxmlformats.org/officeDocument/2006/relationships/slide" Target="slides/slide17.xml"/><Relationship Id="rId33" Type="http://schemas.openxmlformats.org/officeDocument/2006/relationships/notesMaster" Target="notesMasters/notesMaster1.xml"/><Relationship Id="rId38"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slide" Target="slides/slide12.xml"/><Relationship Id="rId29" Type="http://schemas.openxmlformats.org/officeDocument/2006/relationships/slide" Target="slides/slide2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slide" Target="slides/slide16.xml"/><Relationship Id="rId32" Type="http://schemas.openxmlformats.org/officeDocument/2006/relationships/slide" Target="slides/slide24.xml"/><Relationship Id="rId37"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slide" Target="slides/slide15.xml"/><Relationship Id="rId28" Type="http://schemas.openxmlformats.org/officeDocument/2006/relationships/slide" Target="slides/slide20.xml"/><Relationship Id="rId36" Type="http://schemas.openxmlformats.org/officeDocument/2006/relationships/viewProps" Target="viewProps.xml"/><Relationship Id="rId10" Type="http://schemas.openxmlformats.org/officeDocument/2006/relationships/slide" Target="slides/slide2.xml"/><Relationship Id="rId19" Type="http://schemas.openxmlformats.org/officeDocument/2006/relationships/slide" Target="slides/slide11.xml"/><Relationship Id="rId31" Type="http://schemas.openxmlformats.org/officeDocument/2006/relationships/slide" Target="slides/slide23.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slide" Target="slides/slide14.xml"/><Relationship Id="rId27" Type="http://schemas.openxmlformats.org/officeDocument/2006/relationships/slide" Target="slides/slide19.xml"/><Relationship Id="rId30" Type="http://schemas.openxmlformats.org/officeDocument/2006/relationships/slide" Target="slides/slide22.xml"/><Relationship Id="rId35" Type="http://schemas.openxmlformats.org/officeDocument/2006/relationships/presProps" Target="presProps.xml"/><Relationship Id="rId8" Type="http://schemas.openxmlformats.org/officeDocument/2006/relationships/slideMaster" Target="slideMasters/slideMaster2.xml"/><Relationship Id="rId3" Type="http://schemas.openxmlformats.org/officeDocument/2006/relationships/customXml" Target="../customXml/item3.xml"/></Relationships>
</file>

<file path=ppt/charts/_rels/chart1.xml.rels><?xml version="1.0" encoding="UTF-8" standalone="yes"?>
<Relationships xmlns="http://schemas.openxmlformats.org/package/2006/relationships"><Relationship Id="rId1" Type="http://schemas.openxmlformats.org/officeDocument/2006/relationships/package" Target="../embeddings/Microsoft_Excel_Worksheet.xlsx"/></Relationships>
</file>

<file path=ppt/charts/_rels/chart10.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package" Target="../embeddings/Microsoft_Excel_Worksheet6.xlsx"/></Relationships>
</file>

<file path=ppt/charts/_rels/chart11.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package" Target="../embeddings/Microsoft_Excel_Worksheet7.xlsx"/></Relationships>
</file>

<file path=ppt/charts/_rels/chart12.xml.rels><?xml version="1.0" encoding="UTF-8" standalone="yes"?>
<Relationships xmlns="http://schemas.openxmlformats.org/package/2006/relationships"><Relationship Id="rId3" Type="http://schemas.openxmlformats.org/officeDocument/2006/relationships/oleObject" Target="../embeddings/oleObject3.bin"/><Relationship Id="rId2" Type="http://schemas.microsoft.com/office/2011/relationships/chartColorStyle" Target="colors4.xml"/><Relationship Id="rId1" Type="http://schemas.microsoft.com/office/2011/relationships/chartStyle" Target="style4.xml"/></Relationships>
</file>

<file path=ppt/charts/_rels/chart13.xml.rels><?xml version="1.0" encoding="UTF-8" standalone="yes"?>
<Relationships xmlns="http://schemas.openxmlformats.org/package/2006/relationships"><Relationship Id="rId3" Type="http://schemas.openxmlformats.org/officeDocument/2006/relationships/oleObject" Target="../embeddings/oleObject4.bin"/><Relationship Id="rId2" Type="http://schemas.microsoft.com/office/2011/relationships/chartColorStyle" Target="colors5.xml"/><Relationship Id="rId1" Type="http://schemas.microsoft.com/office/2011/relationships/chartStyle" Target="style5.xml"/></Relationships>
</file>

<file path=ppt/charts/_rels/chart14.xml.rels><?xml version="1.0" encoding="UTF-8" standalone="yes"?>
<Relationships xmlns="http://schemas.openxmlformats.org/package/2006/relationships"><Relationship Id="rId3" Type="http://schemas.openxmlformats.org/officeDocument/2006/relationships/package" Target="../embeddings/Microsoft_Excel_Worksheet8.xlsx"/><Relationship Id="rId2" Type="http://schemas.microsoft.com/office/2011/relationships/chartColorStyle" Target="colors6.xml"/><Relationship Id="rId1" Type="http://schemas.microsoft.com/office/2011/relationships/chartStyle" Target="style6.xml"/></Relationships>
</file>

<file path=ppt/charts/_rels/chart2.xml.rels><?xml version="1.0" encoding="UTF-8" standalone="yes"?>
<Relationships xmlns="http://schemas.openxmlformats.org/package/2006/relationships"><Relationship Id="rId1" Type="http://schemas.openxmlformats.org/officeDocument/2006/relationships/package" Target="../embeddings/Microsoft_Excel_Worksheet1.xlsx"/></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chartUserShapes" Target="../drawings/drawing1.xml"/></Relationships>
</file>

<file path=ppt/charts/_rels/chart4.xml.rels><?xml version="1.0" encoding="UTF-8" standalone="yes"?>
<Relationships xmlns="http://schemas.openxmlformats.org/package/2006/relationships"><Relationship Id="rId1" Type="http://schemas.openxmlformats.org/officeDocument/2006/relationships/package" Target="../embeddings/Microsoft_Excel_Worksheet3.xlsx"/></Relationships>
</file>

<file path=ppt/charts/_rels/chart5.xml.rels><?xml version="1.0" encoding="UTF-8" standalone="yes"?>
<Relationships xmlns="http://schemas.openxmlformats.org/package/2006/relationships"><Relationship Id="rId1" Type="http://schemas.openxmlformats.org/officeDocument/2006/relationships/package" Target="../embeddings/Microsoft_Excel_Worksheet4.xlsx"/></Relationships>
</file>

<file path=ppt/charts/_rels/chart6.xml.rels><?xml version="1.0" encoding="UTF-8" standalone="yes"?>
<Relationships xmlns="http://schemas.openxmlformats.org/package/2006/relationships"><Relationship Id="rId1" Type="http://schemas.openxmlformats.org/officeDocument/2006/relationships/package" Target="../embeddings/Microsoft_Excel_Worksheet5.xlsx"/></Relationships>
</file>

<file path=ppt/charts/_rels/chart7.xml.rels><?xml version="1.0" encoding="UTF-8" standalone="yes"?>
<Relationships xmlns="http://schemas.openxmlformats.org/package/2006/relationships"><Relationship Id="rId1" Type="http://schemas.openxmlformats.org/officeDocument/2006/relationships/oleObject" Target="../embeddings/oleObject1.bin"/></Relationships>
</file>

<file path=ppt/charts/_rels/chart8.xml.rels><?xml version="1.0" encoding="UTF-8" standalone="yes"?>
<Relationships xmlns="http://schemas.openxmlformats.org/package/2006/relationships"><Relationship Id="rId2" Type="http://schemas.openxmlformats.org/officeDocument/2006/relationships/oleObject" Target="../embeddings/oleObject2.bin"/><Relationship Id="rId1" Type="http://schemas.openxmlformats.org/officeDocument/2006/relationships/themeOverride" Target="../theme/themeOverride1.xml"/></Relationships>
</file>

<file path=ppt/charts/_rels/chart9.xml.rels><?xml version="1.0" encoding="UTF-8" standalone="yes"?>
<Relationships xmlns="http://schemas.openxmlformats.org/package/2006/relationships"><Relationship Id="rId1" Type="http://schemas.openxmlformats.org/officeDocument/2006/relationships/oleObject" Target="file:///\\EARES.US.CBRE.NET\EAECON\Mike%20Leahy\Viewpoints\Published\Debt%20Funding%20Gap\Output\Funding%20Gaps%20by%20Sector.xlsx" TargetMode="Externa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4.2220647419072624E-2"/>
          <c:y val="6.1713393780322916E-2"/>
          <c:w val="0.92612720909886259"/>
          <c:h val="0.83437664041994752"/>
        </c:manualLayout>
      </c:layout>
      <c:lineChart>
        <c:grouping val="standard"/>
        <c:varyColors val="0"/>
        <c:ser>
          <c:idx val="0"/>
          <c:order val="0"/>
          <c:tx>
            <c:strRef>
              <c:f>Core!$K$4</c:f>
              <c:strCache>
                <c:ptCount val="1"/>
                <c:pt idx="0">
                  <c:v>U.S.</c:v>
                </c:pt>
              </c:strCache>
            </c:strRef>
          </c:tx>
          <c:spPr>
            <a:ln w="25400" cap="rnd" cmpd="sng" algn="ctr">
              <a:solidFill>
                <a:srgbClr val="80BBAD"/>
              </a:solidFill>
              <a:prstDash val="solid"/>
              <a:round/>
              <a:headEnd type="none" w="med" len="med"/>
              <a:tailEnd type="none" w="med" len="med"/>
            </a:ln>
          </c:spPr>
          <c:marker>
            <c:symbol val="none"/>
          </c:marker>
          <c:cat>
            <c:numRef>
              <c:f>Core!$J$5:$J$81</c:f>
              <c:numCache>
                <c:formatCode>m/d/yyyy</c:formatCode>
                <c:ptCount val="77"/>
                <c:pt idx="0">
                  <c:v>43101</c:v>
                </c:pt>
                <c:pt idx="1">
                  <c:v>43132</c:v>
                </c:pt>
                <c:pt idx="2">
                  <c:v>43160</c:v>
                </c:pt>
                <c:pt idx="3">
                  <c:v>43191</c:v>
                </c:pt>
                <c:pt idx="4">
                  <c:v>43221</c:v>
                </c:pt>
                <c:pt idx="5">
                  <c:v>43252</c:v>
                </c:pt>
                <c:pt idx="6">
                  <c:v>43282</c:v>
                </c:pt>
                <c:pt idx="7">
                  <c:v>43313</c:v>
                </c:pt>
                <c:pt idx="8">
                  <c:v>43344</c:v>
                </c:pt>
                <c:pt idx="9">
                  <c:v>43374</c:v>
                </c:pt>
                <c:pt idx="10">
                  <c:v>43405</c:v>
                </c:pt>
                <c:pt idx="11">
                  <c:v>43435</c:v>
                </c:pt>
                <c:pt idx="12">
                  <c:v>43466</c:v>
                </c:pt>
                <c:pt idx="13">
                  <c:v>43497</c:v>
                </c:pt>
                <c:pt idx="14">
                  <c:v>43525</c:v>
                </c:pt>
                <c:pt idx="15">
                  <c:v>43556</c:v>
                </c:pt>
                <c:pt idx="16">
                  <c:v>43586</c:v>
                </c:pt>
                <c:pt idx="17">
                  <c:v>43617</c:v>
                </c:pt>
                <c:pt idx="18">
                  <c:v>43647</c:v>
                </c:pt>
                <c:pt idx="19">
                  <c:v>43678</c:v>
                </c:pt>
                <c:pt idx="20">
                  <c:v>43709</c:v>
                </c:pt>
                <c:pt idx="21">
                  <c:v>43739</c:v>
                </c:pt>
                <c:pt idx="22">
                  <c:v>43770</c:v>
                </c:pt>
                <c:pt idx="23">
                  <c:v>43800</c:v>
                </c:pt>
                <c:pt idx="24">
                  <c:v>43831</c:v>
                </c:pt>
                <c:pt idx="25">
                  <c:v>43862</c:v>
                </c:pt>
                <c:pt idx="26">
                  <c:v>43891</c:v>
                </c:pt>
                <c:pt idx="27">
                  <c:v>43922</c:v>
                </c:pt>
                <c:pt idx="28">
                  <c:v>43952</c:v>
                </c:pt>
                <c:pt idx="29">
                  <c:v>43983</c:v>
                </c:pt>
                <c:pt idx="30">
                  <c:v>44013</c:v>
                </c:pt>
                <c:pt idx="31">
                  <c:v>44044</c:v>
                </c:pt>
                <c:pt idx="32">
                  <c:v>44075</c:v>
                </c:pt>
                <c:pt idx="33">
                  <c:v>44105</c:v>
                </c:pt>
                <c:pt idx="34">
                  <c:v>44136</c:v>
                </c:pt>
                <c:pt idx="35">
                  <c:v>44166</c:v>
                </c:pt>
                <c:pt idx="36">
                  <c:v>44197</c:v>
                </c:pt>
                <c:pt idx="37">
                  <c:v>44228</c:v>
                </c:pt>
                <c:pt idx="38">
                  <c:v>44256</c:v>
                </c:pt>
                <c:pt idx="39">
                  <c:v>44287</c:v>
                </c:pt>
                <c:pt idx="40">
                  <c:v>44317</c:v>
                </c:pt>
                <c:pt idx="41">
                  <c:v>44348</c:v>
                </c:pt>
                <c:pt idx="42">
                  <c:v>44378</c:v>
                </c:pt>
                <c:pt idx="43">
                  <c:v>44409</c:v>
                </c:pt>
                <c:pt idx="44">
                  <c:v>44440</c:v>
                </c:pt>
                <c:pt idx="45">
                  <c:v>44470</c:v>
                </c:pt>
                <c:pt idx="46">
                  <c:v>44501</c:v>
                </c:pt>
                <c:pt idx="47">
                  <c:v>44531</c:v>
                </c:pt>
                <c:pt idx="48">
                  <c:v>44562</c:v>
                </c:pt>
                <c:pt idx="49">
                  <c:v>44593</c:v>
                </c:pt>
                <c:pt idx="50">
                  <c:v>44621</c:v>
                </c:pt>
                <c:pt idx="51">
                  <c:v>44652</c:v>
                </c:pt>
                <c:pt idx="52">
                  <c:v>44682</c:v>
                </c:pt>
                <c:pt idx="53">
                  <c:v>44713</c:v>
                </c:pt>
                <c:pt idx="54">
                  <c:v>44743</c:v>
                </c:pt>
                <c:pt idx="55">
                  <c:v>44774</c:v>
                </c:pt>
                <c:pt idx="56">
                  <c:v>44805</c:v>
                </c:pt>
                <c:pt idx="57">
                  <c:v>44835</c:v>
                </c:pt>
                <c:pt idx="58">
                  <c:v>44866</c:v>
                </c:pt>
                <c:pt idx="59">
                  <c:v>44896</c:v>
                </c:pt>
                <c:pt idx="60">
                  <c:v>44927</c:v>
                </c:pt>
                <c:pt idx="61">
                  <c:v>44958</c:v>
                </c:pt>
                <c:pt idx="62">
                  <c:v>44986</c:v>
                </c:pt>
                <c:pt idx="63">
                  <c:v>45017</c:v>
                </c:pt>
                <c:pt idx="64">
                  <c:v>45047</c:v>
                </c:pt>
                <c:pt idx="65">
                  <c:v>45078</c:v>
                </c:pt>
                <c:pt idx="66">
                  <c:v>45108</c:v>
                </c:pt>
                <c:pt idx="67">
                  <c:v>45139</c:v>
                </c:pt>
                <c:pt idx="68">
                  <c:v>45170</c:v>
                </c:pt>
                <c:pt idx="69">
                  <c:v>45200</c:v>
                </c:pt>
                <c:pt idx="70">
                  <c:v>45231</c:v>
                </c:pt>
                <c:pt idx="71">
                  <c:v>45261</c:v>
                </c:pt>
                <c:pt idx="72">
                  <c:v>45292</c:v>
                </c:pt>
                <c:pt idx="73">
                  <c:v>45323</c:v>
                </c:pt>
                <c:pt idx="74">
                  <c:v>45352</c:v>
                </c:pt>
                <c:pt idx="75">
                  <c:v>45383</c:v>
                </c:pt>
                <c:pt idx="76">
                  <c:v>45413</c:v>
                </c:pt>
              </c:numCache>
            </c:numRef>
          </c:cat>
          <c:val>
            <c:numRef>
              <c:f>Core!$K$5:$K$81</c:f>
              <c:numCache>
                <c:formatCode>General</c:formatCode>
                <c:ptCount val="77"/>
                <c:pt idx="0">
                  <c:v>1.8912671130328524</c:v>
                </c:pt>
                <c:pt idx="1">
                  <c:v>1.8777042048143899</c:v>
                </c:pt>
                <c:pt idx="2">
                  <c:v>2.1227843662331143</c:v>
                </c:pt>
                <c:pt idx="3">
                  <c:v>2.1506446361258909</c:v>
                </c:pt>
                <c:pt idx="4">
                  <c:v>2.2729984488724395</c:v>
                </c:pt>
                <c:pt idx="5">
                  <c:v>2.2455173071270216</c:v>
                </c:pt>
                <c:pt idx="6">
                  <c:v>2.2675952933706367</c:v>
                </c:pt>
                <c:pt idx="7">
                  <c:v>2.1208941334864564</c:v>
                </c:pt>
                <c:pt idx="8">
                  <c:v>2.1976804898501583</c:v>
                </c:pt>
                <c:pt idx="9">
                  <c:v>2.1264091256912359</c:v>
                </c:pt>
                <c:pt idx="10">
                  <c:v>2.2153843729315796</c:v>
                </c:pt>
                <c:pt idx="11">
                  <c:v>2.2485295505299887</c:v>
                </c:pt>
                <c:pt idx="12">
                  <c:v>2.1794329242488408</c:v>
                </c:pt>
                <c:pt idx="13">
                  <c:v>2.141088963712928</c:v>
                </c:pt>
                <c:pt idx="14">
                  <c:v>2.0665623500122887</c:v>
                </c:pt>
                <c:pt idx="15">
                  <c:v>2.091337723570907</c:v>
                </c:pt>
                <c:pt idx="16">
                  <c:v>1.9724280075443827</c:v>
                </c:pt>
                <c:pt idx="17">
                  <c:v>2.0746001344216469</c:v>
                </c:pt>
                <c:pt idx="18">
                  <c:v>2.1657049503490353</c:v>
                </c:pt>
                <c:pt idx="19">
                  <c:v>2.3211356735985316</c:v>
                </c:pt>
                <c:pt idx="20">
                  <c:v>2.3300099083477761</c:v>
                </c:pt>
                <c:pt idx="21">
                  <c:v>2.3378148209658134</c:v>
                </c:pt>
                <c:pt idx="22">
                  <c:v>2.3546960942649258</c:v>
                </c:pt>
                <c:pt idx="23">
                  <c:v>2.2905988164406295</c:v>
                </c:pt>
                <c:pt idx="24">
                  <c:v>2.2748364434013482</c:v>
                </c:pt>
                <c:pt idx="25">
                  <c:v>2.3799131653304575</c:v>
                </c:pt>
                <c:pt idx="26">
                  <c:v>2.1030940447380502</c:v>
                </c:pt>
                <c:pt idx="27">
                  <c:v>1.4500166032435402</c:v>
                </c:pt>
                <c:pt idx="28">
                  <c:v>1.2371432820907982</c:v>
                </c:pt>
                <c:pt idx="29">
                  <c:v>1.1798781300073546</c:v>
                </c:pt>
                <c:pt idx="30">
                  <c:v>1.5546186569431852</c:v>
                </c:pt>
                <c:pt idx="31">
                  <c:v>1.7102665256918854</c:v>
                </c:pt>
                <c:pt idx="32">
                  <c:v>1.7065827495952919</c:v>
                </c:pt>
                <c:pt idx="33">
                  <c:v>1.6265992376495244</c:v>
                </c:pt>
                <c:pt idx="34">
                  <c:v>1.6641059243526528</c:v>
                </c:pt>
                <c:pt idx="35">
                  <c:v>1.6239380497706914</c:v>
                </c:pt>
                <c:pt idx="36">
                  <c:v>1.3963359305281804</c:v>
                </c:pt>
                <c:pt idx="37">
                  <c:v>1.2756075122848751</c:v>
                </c:pt>
                <c:pt idx="38">
                  <c:v>1.6448994263633343</c:v>
                </c:pt>
                <c:pt idx="39">
                  <c:v>2.9605411669099717</c:v>
                </c:pt>
                <c:pt idx="40">
                  <c:v>3.779462896621355</c:v>
                </c:pt>
                <c:pt idx="41">
                  <c:v>4.4184638070410971</c:v>
                </c:pt>
                <c:pt idx="42">
                  <c:v>4.2034910032052721</c:v>
                </c:pt>
                <c:pt idx="43">
                  <c:v>3.9505942844368307</c:v>
                </c:pt>
                <c:pt idx="44">
                  <c:v>4.020081814801042</c:v>
                </c:pt>
                <c:pt idx="45">
                  <c:v>4.5837046939988184</c:v>
                </c:pt>
                <c:pt idx="46">
                  <c:v>4.9732004282004798</c:v>
                </c:pt>
                <c:pt idx="47">
                  <c:v>5.5045498261448662</c:v>
                </c:pt>
                <c:pt idx="48">
                  <c:v>6.0605276197942297</c:v>
                </c:pt>
                <c:pt idx="49">
                  <c:v>6.4524228895953994</c:v>
                </c:pt>
                <c:pt idx="50">
                  <c:v>6.4760683855139352</c:v>
                </c:pt>
                <c:pt idx="51">
                  <c:v>6.1571629547073847</c:v>
                </c:pt>
                <c:pt idx="52">
                  <c:v>6.0175539213195108</c:v>
                </c:pt>
                <c:pt idx="53">
                  <c:v>5.903416971378137</c:v>
                </c:pt>
                <c:pt idx="54">
                  <c:v>5.9017558468407616</c:v>
                </c:pt>
                <c:pt idx="55">
                  <c:v>6.2997996365500279</c:v>
                </c:pt>
                <c:pt idx="56">
                  <c:v>6.6404490365020967</c:v>
                </c:pt>
                <c:pt idx="57">
                  <c:v>6.2949403990441164</c:v>
                </c:pt>
                <c:pt idx="58">
                  <c:v>5.9630971830638027</c:v>
                </c:pt>
                <c:pt idx="59">
                  <c:v>5.6805073960192267</c:v>
                </c:pt>
                <c:pt idx="60">
                  <c:v>5.5430231058083637</c:v>
                </c:pt>
                <c:pt idx="61">
                  <c:v>5.493483924006302</c:v>
                </c:pt>
                <c:pt idx="62">
                  <c:v>5.5601108493258833</c:v>
                </c:pt>
                <c:pt idx="63">
                  <c:v>5.5157220797549185</c:v>
                </c:pt>
                <c:pt idx="64">
                  <c:v>5.3322468432441354</c:v>
                </c:pt>
                <c:pt idx="65">
                  <c:v>4.855224307076873</c:v>
                </c:pt>
                <c:pt idx="66">
                  <c:v>4.707596888715659</c:v>
                </c:pt>
                <c:pt idx="67">
                  <c:v>4.4128010682168357</c:v>
                </c:pt>
                <c:pt idx="68">
                  <c:v>4.1437019752987139</c:v>
                </c:pt>
                <c:pt idx="69">
                  <c:v>4.02170027826865</c:v>
                </c:pt>
                <c:pt idx="70">
                  <c:v>4.0150919771422533</c:v>
                </c:pt>
                <c:pt idx="71">
                  <c:v>3.9101196657189403</c:v>
                </c:pt>
                <c:pt idx="72">
                  <c:v>3.8746783214242013</c:v>
                </c:pt>
                <c:pt idx="73">
                  <c:v>3.761952361536733</c:v>
                </c:pt>
                <c:pt idx="74">
                  <c:v>3.7972941083929688</c:v>
                </c:pt>
                <c:pt idx="75">
                  <c:v>3.6155268986980538</c:v>
                </c:pt>
                <c:pt idx="76">
                  <c:v>3.4110633650364286</c:v>
                </c:pt>
              </c:numCache>
            </c:numRef>
          </c:val>
          <c:smooth val="0"/>
          <c:extLst>
            <c:ext xmlns:c16="http://schemas.microsoft.com/office/drawing/2014/chart" uri="{C3380CC4-5D6E-409C-BE32-E72D297353CC}">
              <c16:uniqueId val="{00000000-0612-46BF-B25E-EAEAB34DC28A}"/>
            </c:ext>
          </c:extLst>
        </c:ser>
        <c:ser>
          <c:idx val="1"/>
          <c:order val="1"/>
          <c:tx>
            <c:strRef>
              <c:f>Core!$L$4</c:f>
              <c:strCache>
                <c:ptCount val="1"/>
                <c:pt idx="0">
                  <c:v>U.K.</c:v>
                </c:pt>
              </c:strCache>
            </c:strRef>
          </c:tx>
          <c:spPr>
            <a:ln w="25400" cap="rnd" cmpd="sng" algn="ctr">
              <a:solidFill>
                <a:srgbClr val="435254"/>
              </a:solidFill>
              <a:prstDash val="solid"/>
              <a:round/>
              <a:headEnd type="none" w="med" len="med"/>
              <a:tailEnd type="none" w="med" len="med"/>
            </a:ln>
          </c:spPr>
          <c:marker>
            <c:symbol val="none"/>
          </c:marker>
          <c:cat>
            <c:numRef>
              <c:f>Core!$J$5:$J$81</c:f>
              <c:numCache>
                <c:formatCode>m/d/yyyy</c:formatCode>
                <c:ptCount val="77"/>
                <c:pt idx="0">
                  <c:v>43101</c:v>
                </c:pt>
                <c:pt idx="1">
                  <c:v>43132</c:v>
                </c:pt>
                <c:pt idx="2">
                  <c:v>43160</c:v>
                </c:pt>
                <c:pt idx="3">
                  <c:v>43191</c:v>
                </c:pt>
                <c:pt idx="4">
                  <c:v>43221</c:v>
                </c:pt>
                <c:pt idx="5">
                  <c:v>43252</c:v>
                </c:pt>
                <c:pt idx="6">
                  <c:v>43282</c:v>
                </c:pt>
                <c:pt idx="7">
                  <c:v>43313</c:v>
                </c:pt>
                <c:pt idx="8">
                  <c:v>43344</c:v>
                </c:pt>
                <c:pt idx="9">
                  <c:v>43374</c:v>
                </c:pt>
                <c:pt idx="10">
                  <c:v>43405</c:v>
                </c:pt>
                <c:pt idx="11">
                  <c:v>43435</c:v>
                </c:pt>
                <c:pt idx="12">
                  <c:v>43466</c:v>
                </c:pt>
                <c:pt idx="13">
                  <c:v>43497</c:v>
                </c:pt>
                <c:pt idx="14">
                  <c:v>43525</c:v>
                </c:pt>
                <c:pt idx="15">
                  <c:v>43556</c:v>
                </c:pt>
                <c:pt idx="16">
                  <c:v>43586</c:v>
                </c:pt>
                <c:pt idx="17">
                  <c:v>43617</c:v>
                </c:pt>
                <c:pt idx="18">
                  <c:v>43647</c:v>
                </c:pt>
                <c:pt idx="19">
                  <c:v>43678</c:v>
                </c:pt>
                <c:pt idx="20">
                  <c:v>43709</c:v>
                </c:pt>
                <c:pt idx="21">
                  <c:v>43739</c:v>
                </c:pt>
                <c:pt idx="22">
                  <c:v>43770</c:v>
                </c:pt>
                <c:pt idx="23">
                  <c:v>43800</c:v>
                </c:pt>
                <c:pt idx="24">
                  <c:v>43831</c:v>
                </c:pt>
                <c:pt idx="25">
                  <c:v>43862</c:v>
                </c:pt>
                <c:pt idx="26">
                  <c:v>43891</c:v>
                </c:pt>
                <c:pt idx="27">
                  <c:v>43922</c:v>
                </c:pt>
                <c:pt idx="28">
                  <c:v>43952</c:v>
                </c:pt>
                <c:pt idx="29">
                  <c:v>43983</c:v>
                </c:pt>
                <c:pt idx="30">
                  <c:v>44013</c:v>
                </c:pt>
                <c:pt idx="31">
                  <c:v>44044</c:v>
                </c:pt>
                <c:pt idx="32">
                  <c:v>44075</c:v>
                </c:pt>
                <c:pt idx="33">
                  <c:v>44105</c:v>
                </c:pt>
                <c:pt idx="34">
                  <c:v>44136</c:v>
                </c:pt>
                <c:pt idx="35">
                  <c:v>44166</c:v>
                </c:pt>
                <c:pt idx="36">
                  <c:v>44197</c:v>
                </c:pt>
                <c:pt idx="37">
                  <c:v>44228</c:v>
                </c:pt>
                <c:pt idx="38">
                  <c:v>44256</c:v>
                </c:pt>
                <c:pt idx="39">
                  <c:v>44287</c:v>
                </c:pt>
                <c:pt idx="40">
                  <c:v>44317</c:v>
                </c:pt>
                <c:pt idx="41">
                  <c:v>44348</c:v>
                </c:pt>
                <c:pt idx="42">
                  <c:v>44378</c:v>
                </c:pt>
                <c:pt idx="43">
                  <c:v>44409</c:v>
                </c:pt>
                <c:pt idx="44">
                  <c:v>44440</c:v>
                </c:pt>
                <c:pt idx="45">
                  <c:v>44470</c:v>
                </c:pt>
                <c:pt idx="46">
                  <c:v>44501</c:v>
                </c:pt>
                <c:pt idx="47">
                  <c:v>44531</c:v>
                </c:pt>
                <c:pt idx="48">
                  <c:v>44562</c:v>
                </c:pt>
                <c:pt idx="49">
                  <c:v>44593</c:v>
                </c:pt>
                <c:pt idx="50">
                  <c:v>44621</c:v>
                </c:pt>
                <c:pt idx="51">
                  <c:v>44652</c:v>
                </c:pt>
                <c:pt idx="52">
                  <c:v>44682</c:v>
                </c:pt>
                <c:pt idx="53">
                  <c:v>44713</c:v>
                </c:pt>
                <c:pt idx="54">
                  <c:v>44743</c:v>
                </c:pt>
                <c:pt idx="55">
                  <c:v>44774</c:v>
                </c:pt>
                <c:pt idx="56">
                  <c:v>44805</c:v>
                </c:pt>
                <c:pt idx="57">
                  <c:v>44835</c:v>
                </c:pt>
                <c:pt idx="58">
                  <c:v>44866</c:v>
                </c:pt>
                <c:pt idx="59">
                  <c:v>44896</c:v>
                </c:pt>
                <c:pt idx="60">
                  <c:v>44927</c:v>
                </c:pt>
                <c:pt idx="61">
                  <c:v>44958</c:v>
                </c:pt>
                <c:pt idx="62">
                  <c:v>44986</c:v>
                </c:pt>
                <c:pt idx="63">
                  <c:v>45017</c:v>
                </c:pt>
                <c:pt idx="64">
                  <c:v>45047</c:v>
                </c:pt>
                <c:pt idx="65">
                  <c:v>45078</c:v>
                </c:pt>
                <c:pt idx="66">
                  <c:v>45108</c:v>
                </c:pt>
                <c:pt idx="67">
                  <c:v>45139</c:v>
                </c:pt>
                <c:pt idx="68">
                  <c:v>45170</c:v>
                </c:pt>
                <c:pt idx="69">
                  <c:v>45200</c:v>
                </c:pt>
                <c:pt idx="70">
                  <c:v>45231</c:v>
                </c:pt>
                <c:pt idx="71">
                  <c:v>45261</c:v>
                </c:pt>
                <c:pt idx="72">
                  <c:v>45292</c:v>
                </c:pt>
                <c:pt idx="73">
                  <c:v>45323</c:v>
                </c:pt>
                <c:pt idx="74">
                  <c:v>45352</c:v>
                </c:pt>
                <c:pt idx="75">
                  <c:v>45383</c:v>
                </c:pt>
                <c:pt idx="76">
                  <c:v>45413</c:v>
                </c:pt>
              </c:numCache>
            </c:numRef>
          </c:cat>
          <c:val>
            <c:numRef>
              <c:f>Core!$L$5:$L$81</c:f>
              <c:numCache>
                <c:formatCode>General</c:formatCode>
                <c:ptCount val="77"/>
                <c:pt idx="0">
                  <c:v>2.6574803149606328</c:v>
                </c:pt>
                <c:pt idx="1">
                  <c:v>2.44140625</c:v>
                </c:pt>
                <c:pt idx="2">
                  <c:v>2.2373540856031102</c:v>
                </c:pt>
                <c:pt idx="3">
                  <c:v>2.0309477756286212</c:v>
                </c:pt>
                <c:pt idx="4">
                  <c:v>2.1215043394406967</c:v>
                </c:pt>
                <c:pt idx="5">
                  <c:v>1.8304431599229343</c:v>
                </c:pt>
                <c:pt idx="6">
                  <c:v>1.8322082931533188</c:v>
                </c:pt>
                <c:pt idx="7">
                  <c:v>2.1093000958772796</c:v>
                </c:pt>
                <c:pt idx="8">
                  <c:v>1.8164435946462769</c:v>
                </c:pt>
                <c:pt idx="9">
                  <c:v>1.8164435946462769</c:v>
                </c:pt>
                <c:pt idx="10">
                  <c:v>1.8112488083889335</c:v>
                </c:pt>
                <c:pt idx="11">
                  <c:v>1.9011406844106464</c:v>
                </c:pt>
                <c:pt idx="12">
                  <c:v>1.9175455417066156</c:v>
                </c:pt>
                <c:pt idx="13">
                  <c:v>1.9065776930409912</c:v>
                </c:pt>
                <c:pt idx="14">
                  <c:v>1.9029495718363463</c:v>
                </c:pt>
                <c:pt idx="15">
                  <c:v>1.8009478672985837</c:v>
                </c:pt>
                <c:pt idx="16">
                  <c:v>1.6997167138810172</c:v>
                </c:pt>
                <c:pt idx="17">
                  <c:v>1.7975402081362266</c:v>
                </c:pt>
                <c:pt idx="18">
                  <c:v>1.988636363636372</c:v>
                </c:pt>
                <c:pt idx="19">
                  <c:v>1.5023474178403702</c:v>
                </c:pt>
                <c:pt idx="20">
                  <c:v>1.6901408450704198</c:v>
                </c:pt>
                <c:pt idx="21">
                  <c:v>1.7840375586854516</c:v>
                </c:pt>
                <c:pt idx="22">
                  <c:v>1.6853932584269637</c:v>
                </c:pt>
                <c:pt idx="23">
                  <c:v>1.3059701492537232</c:v>
                </c:pt>
                <c:pt idx="24">
                  <c:v>1.5992474129821288</c:v>
                </c:pt>
                <c:pt idx="25">
                  <c:v>1.5902712815715516</c:v>
                </c:pt>
                <c:pt idx="26">
                  <c:v>1.5873015873015901</c:v>
                </c:pt>
                <c:pt idx="27">
                  <c:v>1.3966480446927374</c:v>
                </c:pt>
                <c:pt idx="28">
                  <c:v>1.2070566388115107</c:v>
                </c:pt>
                <c:pt idx="29">
                  <c:v>1.4869888475836512</c:v>
                </c:pt>
                <c:pt idx="30">
                  <c:v>1.8570102135561743</c:v>
                </c:pt>
                <c:pt idx="31">
                  <c:v>0.83256244218316899</c:v>
                </c:pt>
                <c:pt idx="32">
                  <c:v>1.292705447830107</c:v>
                </c:pt>
                <c:pt idx="33">
                  <c:v>1.3837638376383763</c:v>
                </c:pt>
                <c:pt idx="34">
                  <c:v>1.1049723756906105</c:v>
                </c:pt>
                <c:pt idx="35">
                  <c:v>1.3812154696132597</c:v>
                </c:pt>
                <c:pt idx="36">
                  <c:v>1.4814814814814761</c:v>
                </c:pt>
                <c:pt idx="37">
                  <c:v>0.92081031307550654</c:v>
                </c:pt>
                <c:pt idx="38">
                  <c:v>1.102941176470591</c:v>
                </c:pt>
                <c:pt idx="39">
                  <c:v>1.2855831037649141</c:v>
                </c:pt>
                <c:pt idx="40">
                  <c:v>1.9266055045871509</c:v>
                </c:pt>
                <c:pt idx="41">
                  <c:v>2.2893772893772892</c:v>
                </c:pt>
                <c:pt idx="42">
                  <c:v>1.8231540565177755</c:v>
                </c:pt>
                <c:pt idx="43">
                  <c:v>3.2110091743119269</c:v>
                </c:pt>
                <c:pt idx="44">
                  <c:v>2.9170464904284437</c:v>
                </c:pt>
                <c:pt idx="45">
                  <c:v>3.4576888080072767</c:v>
                </c:pt>
                <c:pt idx="46">
                  <c:v>4.0072859744990943</c:v>
                </c:pt>
                <c:pt idx="47">
                  <c:v>4.2688465031789313</c:v>
                </c:pt>
                <c:pt idx="48">
                  <c:v>4.3795620437956311</c:v>
                </c:pt>
                <c:pt idx="49">
                  <c:v>5.200729927007302</c:v>
                </c:pt>
                <c:pt idx="50">
                  <c:v>5.7272727272727249</c:v>
                </c:pt>
                <c:pt idx="51">
                  <c:v>6.1650045330915662</c:v>
                </c:pt>
                <c:pt idx="52">
                  <c:v>5.9405940594059485</c:v>
                </c:pt>
                <c:pt idx="53">
                  <c:v>5.8191584601611464</c:v>
                </c:pt>
                <c:pt idx="54">
                  <c:v>6.1772605192479775</c:v>
                </c:pt>
                <c:pt idx="55">
                  <c:v>6.2222222222222223</c:v>
                </c:pt>
                <c:pt idx="56">
                  <c:v>6.4658990256864461</c:v>
                </c:pt>
                <c:pt idx="57">
                  <c:v>6.4204045734388719</c:v>
                </c:pt>
                <c:pt idx="58">
                  <c:v>6.3047285464098106</c:v>
                </c:pt>
                <c:pt idx="59">
                  <c:v>6.3588850174216009</c:v>
                </c:pt>
                <c:pt idx="60">
                  <c:v>5.7692307692307638</c:v>
                </c:pt>
                <c:pt idx="61">
                  <c:v>6.1578490893321849</c:v>
                </c:pt>
                <c:pt idx="62">
                  <c:v>6.190885640584697</c:v>
                </c:pt>
                <c:pt idx="63">
                  <c:v>6.8317677198975231</c:v>
                </c:pt>
                <c:pt idx="64">
                  <c:v>7.1367884451996533</c:v>
                </c:pt>
                <c:pt idx="65">
                  <c:v>6.8527918781725843</c:v>
                </c:pt>
                <c:pt idx="66">
                  <c:v>6.8296795952782539</c:v>
                </c:pt>
                <c:pt idx="67">
                  <c:v>6.192468619246867</c:v>
                </c:pt>
                <c:pt idx="68">
                  <c:v>6.0732113144758708</c:v>
                </c:pt>
                <c:pt idx="69">
                  <c:v>5.7024793388429798</c:v>
                </c:pt>
                <c:pt idx="70">
                  <c:v>5.1070840197693474</c:v>
                </c:pt>
                <c:pt idx="71">
                  <c:v>5.0778050778050918</c:v>
                </c:pt>
                <c:pt idx="72">
                  <c:v>5.041322314049582</c:v>
                </c:pt>
                <c:pt idx="73">
                  <c:v>4.4934640522875817</c:v>
                </c:pt>
                <c:pt idx="74">
                  <c:v>4.2105263157894646</c:v>
                </c:pt>
                <c:pt idx="75">
                  <c:v>3.8369304556355011</c:v>
                </c:pt>
                <c:pt idx="76">
                  <c:v>3.4892942109437004</c:v>
                </c:pt>
              </c:numCache>
            </c:numRef>
          </c:val>
          <c:smooth val="0"/>
          <c:extLst>
            <c:ext xmlns:c16="http://schemas.microsoft.com/office/drawing/2014/chart" uri="{C3380CC4-5D6E-409C-BE32-E72D297353CC}">
              <c16:uniqueId val="{00000001-0612-46BF-B25E-EAEAB34DC28A}"/>
            </c:ext>
          </c:extLst>
        </c:ser>
        <c:ser>
          <c:idx val="2"/>
          <c:order val="2"/>
          <c:tx>
            <c:strRef>
              <c:f>Core!$M$4</c:f>
              <c:strCache>
                <c:ptCount val="1"/>
                <c:pt idx="0">
                  <c:v>Euro Area</c:v>
                </c:pt>
              </c:strCache>
            </c:strRef>
          </c:tx>
          <c:spPr>
            <a:ln w="25400" cap="rnd" cmpd="sng" algn="ctr">
              <a:solidFill>
                <a:srgbClr val="17E88F"/>
              </a:solidFill>
              <a:prstDash val="solid"/>
              <a:round/>
              <a:headEnd type="none" w="med" len="med"/>
              <a:tailEnd type="none" w="med" len="med"/>
            </a:ln>
          </c:spPr>
          <c:marker>
            <c:symbol val="none"/>
          </c:marker>
          <c:cat>
            <c:numRef>
              <c:f>Core!$J$5:$J$81</c:f>
              <c:numCache>
                <c:formatCode>m/d/yyyy</c:formatCode>
                <c:ptCount val="77"/>
                <c:pt idx="0">
                  <c:v>43101</c:v>
                </c:pt>
                <c:pt idx="1">
                  <c:v>43132</c:v>
                </c:pt>
                <c:pt idx="2">
                  <c:v>43160</c:v>
                </c:pt>
                <c:pt idx="3">
                  <c:v>43191</c:v>
                </c:pt>
                <c:pt idx="4">
                  <c:v>43221</c:v>
                </c:pt>
                <c:pt idx="5">
                  <c:v>43252</c:v>
                </c:pt>
                <c:pt idx="6">
                  <c:v>43282</c:v>
                </c:pt>
                <c:pt idx="7">
                  <c:v>43313</c:v>
                </c:pt>
                <c:pt idx="8">
                  <c:v>43344</c:v>
                </c:pt>
                <c:pt idx="9">
                  <c:v>43374</c:v>
                </c:pt>
                <c:pt idx="10">
                  <c:v>43405</c:v>
                </c:pt>
                <c:pt idx="11">
                  <c:v>43435</c:v>
                </c:pt>
                <c:pt idx="12">
                  <c:v>43466</c:v>
                </c:pt>
                <c:pt idx="13">
                  <c:v>43497</c:v>
                </c:pt>
                <c:pt idx="14">
                  <c:v>43525</c:v>
                </c:pt>
                <c:pt idx="15">
                  <c:v>43556</c:v>
                </c:pt>
                <c:pt idx="16">
                  <c:v>43586</c:v>
                </c:pt>
                <c:pt idx="17">
                  <c:v>43617</c:v>
                </c:pt>
                <c:pt idx="18">
                  <c:v>43647</c:v>
                </c:pt>
                <c:pt idx="19">
                  <c:v>43678</c:v>
                </c:pt>
                <c:pt idx="20">
                  <c:v>43709</c:v>
                </c:pt>
                <c:pt idx="21">
                  <c:v>43739</c:v>
                </c:pt>
                <c:pt idx="22">
                  <c:v>43770</c:v>
                </c:pt>
                <c:pt idx="23">
                  <c:v>43800</c:v>
                </c:pt>
                <c:pt idx="24">
                  <c:v>43831</c:v>
                </c:pt>
                <c:pt idx="25">
                  <c:v>43862</c:v>
                </c:pt>
                <c:pt idx="26">
                  <c:v>43891</c:v>
                </c:pt>
                <c:pt idx="27">
                  <c:v>43922</c:v>
                </c:pt>
                <c:pt idx="28">
                  <c:v>43952</c:v>
                </c:pt>
                <c:pt idx="29">
                  <c:v>43983</c:v>
                </c:pt>
                <c:pt idx="30">
                  <c:v>44013</c:v>
                </c:pt>
                <c:pt idx="31">
                  <c:v>44044</c:v>
                </c:pt>
                <c:pt idx="32">
                  <c:v>44075</c:v>
                </c:pt>
                <c:pt idx="33">
                  <c:v>44105</c:v>
                </c:pt>
                <c:pt idx="34">
                  <c:v>44136</c:v>
                </c:pt>
                <c:pt idx="35">
                  <c:v>44166</c:v>
                </c:pt>
                <c:pt idx="36">
                  <c:v>44197</c:v>
                </c:pt>
                <c:pt idx="37">
                  <c:v>44228</c:v>
                </c:pt>
                <c:pt idx="38">
                  <c:v>44256</c:v>
                </c:pt>
                <c:pt idx="39">
                  <c:v>44287</c:v>
                </c:pt>
                <c:pt idx="40">
                  <c:v>44317</c:v>
                </c:pt>
                <c:pt idx="41">
                  <c:v>44348</c:v>
                </c:pt>
                <c:pt idx="42">
                  <c:v>44378</c:v>
                </c:pt>
                <c:pt idx="43">
                  <c:v>44409</c:v>
                </c:pt>
                <c:pt idx="44">
                  <c:v>44440</c:v>
                </c:pt>
                <c:pt idx="45">
                  <c:v>44470</c:v>
                </c:pt>
                <c:pt idx="46">
                  <c:v>44501</c:v>
                </c:pt>
                <c:pt idx="47">
                  <c:v>44531</c:v>
                </c:pt>
                <c:pt idx="48">
                  <c:v>44562</c:v>
                </c:pt>
                <c:pt idx="49">
                  <c:v>44593</c:v>
                </c:pt>
                <c:pt idx="50">
                  <c:v>44621</c:v>
                </c:pt>
                <c:pt idx="51">
                  <c:v>44652</c:v>
                </c:pt>
                <c:pt idx="52">
                  <c:v>44682</c:v>
                </c:pt>
                <c:pt idx="53">
                  <c:v>44713</c:v>
                </c:pt>
                <c:pt idx="54">
                  <c:v>44743</c:v>
                </c:pt>
                <c:pt idx="55">
                  <c:v>44774</c:v>
                </c:pt>
                <c:pt idx="56">
                  <c:v>44805</c:v>
                </c:pt>
                <c:pt idx="57">
                  <c:v>44835</c:v>
                </c:pt>
                <c:pt idx="58">
                  <c:v>44866</c:v>
                </c:pt>
                <c:pt idx="59">
                  <c:v>44896</c:v>
                </c:pt>
                <c:pt idx="60">
                  <c:v>44927</c:v>
                </c:pt>
                <c:pt idx="61">
                  <c:v>44958</c:v>
                </c:pt>
                <c:pt idx="62">
                  <c:v>44986</c:v>
                </c:pt>
                <c:pt idx="63">
                  <c:v>45017</c:v>
                </c:pt>
                <c:pt idx="64">
                  <c:v>45047</c:v>
                </c:pt>
                <c:pt idx="65">
                  <c:v>45078</c:v>
                </c:pt>
                <c:pt idx="66">
                  <c:v>45108</c:v>
                </c:pt>
                <c:pt idx="67">
                  <c:v>45139</c:v>
                </c:pt>
                <c:pt idx="68">
                  <c:v>45170</c:v>
                </c:pt>
                <c:pt idx="69">
                  <c:v>45200</c:v>
                </c:pt>
                <c:pt idx="70">
                  <c:v>45231</c:v>
                </c:pt>
                <c:pt idx="71">
                  <c:v>45261</c:v>
                </c:pt>
                <c:pt idx="72">
                  <c:v>45292</c:v>
                </c:pt>
                <c:pt idx="73">
                  <c:v>45323</c:v>
                </c:pt>
                <c:pt idx="74">
                  <c:v>45352</c:v>
                </c:pt>
                <c:pt idx="75">
                  <c:v>45383</c:v>
                </c:pt>
                <c:pt idx="76">
                  <c:v>45413</c:v>
                </c:pt>
              </c:numCache>
            </c:numRef>
          </c:cat>
          <c:val>
            <c:numRef>
              <c:f>Core!$M$5:$M$81</c:f>
              <c:numCache>
                <c:formatCode>General</c:formatCode>
                <c:ptCount val="77"/>
                <c:pt idx="0">
                  <c:v>0.97291875626880531</c:v>
                </c:pt>
                <c:pt idx="1">
                  <c:v>0.99930048965723994</c:v>
                </c:pt>
                <c:pt idx="2">
                  <c:v>1.113300492610833</c:v>
                </c:pt>
                <c:pt idx="3">
                  <c:v>0.73320950239515104</c:v>
                </c:pt>
                <c:pt idx="4">
                  <c:v>1.2322738386308119</c:v>
                </c:pt>
                <c:pt idx="5">
                  <c:v>0.96519450131618334</c:v>
                </c:pt>
                <c:pt idx="6">
                  <c:v>1.1370319545187324</c:v>
                </c:pt>
                <c:pt idx="7">
                  <c:v>1.0363707469691068</c:v>
                </c:pt>
                <c:pt idx="8">
                  <c:v>0.95442150370080803</c:v>
                </c:pt>
                <c:pt idx="9">
                  <c:v>1.18037264657106</c:v>
                </c:pt>
                <c:pt idx="10">
                  <c:v>0.93164656271452673</c:v>
                </c:pt>
                <c:pt idx="11">
                  <c:v>0.9277343749999889</c:v>
                </c:pt>
                <c:pt idx="12">
                  <c:v>1.1224793880997272</c:v>
                </c:pt>
                <c:pt idx="13">
                  <c:v>0.98941327792618983</c:v>
                </c:pt>
                <c:pt idx="14">
                  <c:v>0.76975543213485953</c:v>
                </c:pt>
                <c:pt idx="15">
                  <c:v>1.2907608695652157</c:v>
                </c:pt>
                <c:pt idx="16">
                  <c:v>0.78253308859046278</c:v>
                </c:pt>
                <c:pt idx="17">
                  <c:v>1.1201235998454968</c:v>
                </c:pt>
                <c:pt idx="18">
                  <c:v>0.87226206629190861</c:v>
                </c:pt>
                <c:pt idx="19">
                  <c:v>0.94832591445712189</c:v>
                </c:pt>
                <c:pt idx="20">
                  <c:v>1.0129268763264492</c:v>
                </c:pt>
                <c:pt idx="21">
                  <c:v>1.0701889703046659</c:v>
                </c:pt>
                <c:pt idx="22">
                  <c:v>1.3116984065293376</c:v>
                </c:pt>
                <c:pt idx="23">
                  <c:v>1.2965650701499791</c:v>
                </c:pt>
                <c:pt idx="24">
                  <c:v>1.0903732809430249</c:v>
                </c:pt>
                <c:pt idx="25">
                  <c:v>1.2148525521700884</c:v>
                </c:pt>
                <c:pt idx="26">
                  <c:v>1.034616128408425</c:v>
                </c:pt>
                <c:pt idx="27">
                  <c:v>0.85273546038133619</c:v>
                </c:pt>
                <c:pt idx="28">
                  <c:v>0.90107361963191335</c:v>
                </c:pt>
                <c:pt idx="29">
                  <c:v>0.83078686019862924</c:v>
                </c:pt>
                <c:pt idx="30">
                  <c:v>1.1817832436587279</c:v>
                </c:pt>
                <c:pt idx="31">
                  <c:v>0.37384969325153433</c:v>
                </c:pt>
                <c:pt idx="32">
                  <c:v>0.21010409702990457</c:v>
                </c:pt>
                <c:pt idx="33">
                  <c:v>0.22894209672803101</c:v>
                </c:pt>
                <c:pt idx="34">
                  <c:v>0.24935264217896339</c:v>
                </c:pt>
                <c:pt idx="35">
                  <c:v>0.22924825675805627</c:v>
                </c:pt>
                <c:pt idx="36">
                  <c:v>1.4089981537265599</c:v>
                </c:pt>
                <c:pt idx="37">
                  <c:v>1.1131545832929932</c:v>
                </c:pt>
                <c:pt idx="38">
                  <c:v>0.93788879318595464</c:v>
                </c:pt>
                <c:pt idx="39">
                  <c:v>0.74102223066692097</c:v>
                </c:pt>
                <c:pt idx="40">
                  <c:v>0.95002850085502566</c:v>
                </c:pt>
                <c:pt idx="41">
                  <c:v>0.89023581778577299</c:v>
                </c:pt>
                <c:pt idx="42">
                  <c:v>0.71218307853005403</c:v>
                </c:pt>
                <c:pt idx="43">
                  <c:v>1.56623054149556</c:v>
                </c:pt>
                <c:pt idx="44">
                  <c:v>1.8774421042599816</c:v>
                </c:pt>
                <c:pt idx="45">
                  <c:v>2.0462548777005858</c:v>
                </c:pt>
                <c:pt idx="46">
                  <c:v>2.6116904238017833</c:v>
                </c:pt>
                <c:pt idx="47">
                  <c:v>2.6207948155913465</c:v>
                </c:pt>
                <c:pt idx="48">
                  <c:v>2.2709850517439674</c:v>
                </c:pt>
                <c:pt idx="49">
                  <c:v>2.7187440168485582</c:v>
                </c:pt>
                <c:pt idx="50">
                  <c:v>2.9581871622262295</c:v>
                </c:pt>
                <c:pt idx="51">
                  <c:v>3.4798189362504695</c:v>
                </c:pt>
                <c:pt idx="52">
                  <c:v>3.7549407114624458</c:v>
                </c:pt>
                <c:pt idx="53">
                  <c:v>3.726649770017834</c:v>
                </c:pt>
                <c:pt idx="54">
                  <c:v>4.0260230058457438</c:v>
                </c:pt>
                <c:pt idx="55">
                  <c:v>4.2971321109544034</c:v>
                </c:pt>
                <c:pt idx="56">
                  <c:v>4.7521047708138431</c:v>
                </c:pt>
                <c:pt idx="57">
                  <c:v>5.0177205745196751</c:v>
                </c:pt>
                <c:pt idx="58">
                  <c:v>4.9785567779227939</c:v>
                </c:pt>
                <c:pt idx="59">
                  <c:v>5.182020802377413</c:v>
                </c:pt>
                <c:pt idx="60">
                  <c:v>5.2937318467160042</c:v>
                </c:pt>
                <c:pt idx="61">
                  <c:v>5.610438024231124</c:v>
                </c:pt>
                <c:pt idx="62">
                  <c:v>5.6635049267888311</c:v>
                </c:pt>
                <c:pt idx="63">
                  <c:v>5.5955527203134974</c:v>
                </c:pt>
                <c:pt idx="64">
                  <c:v>5.3333333333333295</c:v>
                </c:pt>
                <c:pt idx="65">
                  <c:v>5.4570135746606345</c:v>
                </c:pt>
                <c:pt idx="66">
                  <c:v>5.4563581981328708</c:v>
                </c:pt>
                <c:pt idx="67">
                  <c:v>5.2560403894698871</c:v>
                </c:pt>
                <c:pt idx="68">
                  <c:v>4.5097338810501846</c:v>
                </c:pt>
                <c:pt idx="69">
                  <c:v>4.1651865008881099</c:v>
                </c:pt>
                <c:pt idx="70">
                  <c:v>3.5435168738898839</c:v>
                </c:pt>
                <c:pt idx="71">
                  <c:v>3.408087586085113</c:v>
                </c:pt>
                <c:pt idx="72">
                  <c:v>3.2479088805837386</c:v>
                </c:pt>
                <c:pt idx="73">
                  <c:v>3.0885986586657257</c:v>
                </c:pt>
                <c:pt idx="74">
                  <c:v>2.9283597699145894</c:v>
                </c:pt>
                <c:pt idx="75">
                  <c:v>2.640890653318376</c:v>
                </c:pt>
                <c:pt idx="76">
                  <c:v>2.8502540256608992</c:v>
                </c:pt>
              </c:numCache>
            </c:numRef>
          </c:val>
          <c:smooth val="0"/>
          <c:extLst>
            <c:ext xmlns:c16="http://schemas.microsoft.com/office/drawing/2014/chart" uri="{C3380CC4-5D6E-409C-BE32-E72D297353CC}">
              <c16:uniqueId val="{00000002-0612-46BF-B25E-EAEAB34DC28A}"/>
            </c:ext>
          </c:extLst>
        </c:ser>
        <c:ser>
          <c:idx val="3"/>
          <c:order val="3"/>
          <c:tx>
            <c:strRef>
              <c:f>Core!$N$4</c:f>
              <c:strCache>
                <c:ptCount val="1"/>
                <c:pt idx="0">
                  <c:v>China</c:v>
                </c:pt>
              </c:strCache>
            </c:strRef>
          </c:tx>
          <c:spPr>
            <a:ln w="25400" cap="rnd" cmpd="sng" algn="ctr">
              <a:solidFill>
                <a:srgbClr val="3E7CA6"/>
              </a:solidFill>
              <a:prstDash val="solid"/>
              <a:round/>
              <a:headEnd type="none" w="med" len="med"/>
              <a:tailEnd type="none" w="med" len="med"/>
            </a:ln>
          </c:spPr>
          <c:marker>
            <c:symbol val="none"/>
          </c:marker>
          <c:cat>
            <c:numRef>
              <c:f>Core!$J$5:$J$81</c:f>
              <c:numCache>
                <c:formatCode>m/d/yyyy</c:formatCode>
                <c:ptCount val="77"/>
                <c:pt idx="0">
                  <c:v>43101</c:v>
                </c:pt>
                <c:pt idx="1">
                  <c:v>43132</c:v>
                </c:pt>
                <c:pt idx="2">
                  <c:v>43160</c:v>
                </c:pt>
                <c:pt idx="3">
                  <c:v>43191</c:v>
                </c:pt>
                <c:pt idx="4">
                  <c:v>43221</c:v>
                </c:pt>
                <c:pt idx="5">
                  <c:v>43252</c:v>
                </c:pt>
                <c:pt idx="6">
                  <c:v>43282</c:v>
                </c:pt>
                <c:pt idx="7">
                  <c:v>43313</c:v>
                </c:pt>
                <c:pt idx="8">
                  <c:v>43344</c:v>
                </c:pt>
                <c:pt idx="9">
                  <c:v>43374</c:v>
                </c:pt>
                <c:pt idx="10">
                  <c:v>43405</c:v>
                </c:pt>
                <c:pt idx="11">
                  <c:v>43435</c:v>
                </c:pt>
                <c:pt idx="12">
                  <c:v>43466</c:v>
                </c:pt>
                <c:pt idx="13">
                  <c:v>43497</c:v>
                </c:pt>
                <c:pt idx="14">
                  <c:v>43525</c:v>
                </c:pt>
                <c:pt idx="15">
                  <c:v>43556</c:v>
                </c:pt>
                <c:pt idx="16">
                  <c:v>43586</c:v>
                </c:pt>
                <c:pt idx="17">
                  <c:v>43617</c:v>
                </c:pt>
                <c:pt idx="18">
                  <c:v>43647</c:v>
                </c:pt>
                <c:pt idx="19">
                  <c:v>43678</c:v>
                </c:pt>
                <c:pt idx="20">
                  <c:v>43709</c:v>
                </c:pt>
                <c:pt idx="21">
                  <c:v>43739</c:v>
                </c:pt>
                <c:pt idx="22">
                  <c:v>43770</c:v>
                </c:pt>
                <c:pt idx="23">
                  <c:v>43800</c:v>
                </c:pt>
                <c:pt idx="24">
                  <c:v>43831</c:v>
                </c:pt>
                <c:pt idx="25">
                  <c:v>43862</c:v>
                </c:pt>
                <c:pt idx="26">
                  <c:v>43891</c:v>
                </c:pt>
                <c:pt idx="27">
                  <c:v>43922</c:v>
                </c:pt>
                <c:pt idx="28">
                  <c:v>43952</c:v>
                </c:pt>
                <c:pt idx="29">
                  <c:v>43983</c:v>
                </c:pt>
                <c:pt idx="30">
                  <c:v>44013</c:v>
                </c:pt>
                <c:pt idx="31">
                  <c:v>44044</c:v>
                </c:pt>
                <c:pt idx="32">
                  <c:v>44075</c:v>
                </c:pt>
                <c:pt idx="33">
                  <c:v>44105</c:v>
                </c:pt>
                <c:pt idx="34">
                  <c:v>44136</c:v>
                </c:pt>
                <c:pt idx="35">
                  <c:v>44166</c:v>
                </c:pt>
                <c:pt idx="36">
                  <c:v>44197</c:v>
                </c:pt>
                <c:pt idx="37">
                  <c:v>44228</c:v>
                </c:pt>
                <c:pt idx="38">
                  <c:v>44256</c:v>
                </c:pt>
                <c:pt idx="39">
                  <c:v>44287</c:v>
                </c:pt>
                <c:pt idx="40">
                  <c:v>44317</c:v>
                </c:pt>
                <c:pt idx="41">
                  <c:v>44348</c:v>
                </c:pt>
                <c:pt idx="42">
                  <c:v>44378</c:v>
                </c:pt>
                <c:pt idx="43">
                  <c:v>44409</c:v>
                </c:pt>
                <c:pt idx="44">
                  <c:v>44440</c:v>
                </c:pt>
                <c:pt idx="45">
                  <c:v>44470</c:v>
                </c:pt>
                <c:pt idx="46">
                  <c:v>44501</c:v>
                </c:pt>
                <c:pt idx="47">
                  <c:v>44531</c:v>
                </c:pt>
                <c:pt idx="48">
                  <c:v>44562</c:v>
                </c:pt>
                <c:pt idx="49">
                  <c:v>44593</c:v>
                </c:pt>
                <c:pt idx="50">
                  <c:v>44621</c:v>
                </c:pt>
                <c:pt idx="51">
                  <c:v>44652</c:v>
                </c:pt>
                <c:pt idx="52">
                  <c:v>44682</c:v>
                </c:pt>
                <c:pt idx="53">
                  <c:v>44713</c:v>
                </c:pt>
                <c:pt idx="54">
                  <c:v>44743</c:v>
                </c:pt>
                <c:pt idx="55">
                  <c:v>44774</c:v>
                </c:pt>
                <c:pt idx="56">
                  <c:v>44805</c:v>
                </c:pt>
                <c:pt idx="57">
                  <c:v>44835</c:v>
                </c:pt>
                <c:pt idx="58">
                  <c:v>44866</c:v>
                </c:pt>
                <c:pt idx="59">
                  <c:v>44896</c:v>
                </c:pt>
                <c:pt idx="60">
                  <c:v>44927</c:v>
                </c:pt>
                <c:pt idx="61">
                  <c:v>44958</c:v>
                </c:pt>
                <c:pt idx="62">
                  <c:v>44986</c:v>
                </c:pt>
                <c:pt idx="63">
                  <c:v>45017</c:v>
                </c:pt>
                <c:pt idx="64">
                  <c:v>45047</c:v>
                </c:pt>
                <c:pt idx="65">
                  <c:v>45078</c:v>
                </c:pt>
                <c:pt idx="66">
                  <c:v>45108</c:v>
                </c:pt>
                <c:pt idx="67">
                  <c:v>45139</c:v>
                </c:pt>
                <c:pt idx="68">
                  <c:v>45170</c:v>
                </c:pt>
                <c:pt idx="69">
                  <c:v>45200</c:v>
                </c:pt>
                <c:pt idx="70">
                  <c:v>45231</c:v>
                </c:pt>
                <c:pt idx="71">
                  <c:v>45261</c:v>
                </c:pt>
                <c:pt idx="72">
                  <c:v>45292</c:v>
                </c:pt>
                <c:pt idx="73">
                  <c:v>45323</c:v>
                </c:pt>
                <c:pt idx="74">
                  <c:v>45352</c:v>
                </c:pt>
                <c:pt idx="75">
                  <c:v>45383</c:v>
                </c:pt>
                <c:pt idx="76">
                  <c:v>45413</c:v>
                </c:pt>
              </c:numCache>
            </c:numRef>
          </c:cat>
          <c:val>
            <c:numRef>
              <c:f>Core!$N$5:$N$81</c:f>
              <c:numCache>
                <c:formatCode>General</c:formatCode>
                <c:ptCount val="77"/>
                <c:pt idx="0">
                  <c:v>1.9000000000000057</c:v>
                </c:pt>
                <c:pt idx="1">
                  <c:v>2.5</c:v>
                </c:pt>
                <c:pt idx="2">
                  <c:v>2</c:v>
                </c:pt>
                <c:pt idx="3">
                  <c:v>2</c:v>
                </c:pt>
                <c:pt idx="4">
                  <c:v>1.9000000000000057</c:v>
                </c:pt>
                <c:pt idx="5">
                  <c:v>1.9000000000000057</c:v>
                </c:pt>
                <c:pt idx="6">
                  <c:v>1.9000000000000057</c:v>
                </c:pt>
                <c:pt idx="7">
                  <c:v>2</c:v>
                </c:pt>
                <c:pt idx="8">
                  <c:v>1.7000000000000028</c:v>
                </c:pt>
                <c:pt idx="9">
                  <c:v>1.7999999999999972</c:v>
                </c:pt>
                <c:pt idx="10">
                  <c:v>1.7999999999999972</c:v>
                </c:pt>
                <c:pt idx="11">
                  <c:v>1.7999999999999972</c:v>
                </c:pt>
                <c:pt idx="12">
                  <c:v>1.9000000000000057</c:v>
                </c:pt>
                <c:pt idx="13">
                  <c:v>1.7999999999999972</c:v>
                </c:pt>
                <c:pt idx="14">
                  <c:v>1.7999999999999972</c:v>
                </c:pt>
                <c:pt idx="15">
                  <c:v>1.7000000000000028</c:v>
                </c:pt>
                <c:pt idx="16">
                  <c:v>1.5999999999999943</c:v>
                </c:pt>
                <c:pt idx="17">
                  <c:v>1.5999999999999943</c:v>
                </c:pt>
                <c:pt idx="18">
                  <c:v>1.5999999999999943</c:v>
                </c:pt>
                <c:pt idx="19">
                  <c:v>1.5</c:v>
                </c:pt>
                <c:pt idx="20">
                  <c:v>1.5</c:v>
                </c:pt>
                <c:pt idx="21">
                  <c:v>1.5</c:v>
                </c:pt>
                <c:pt idx="22">
                  <c:v>1.4000000000000057</c:v>
                </c:pt>
                <c:pt idx="23">
                  <c:v>1.4000000000000057</c:v>
                </c:pt>
                <c:pt idx="24">
                  <c:v>1.5</c:v>
                </c:pt>
                <c:pt idx="25">
                  <c:v>1</c:v>
                </c:pt>
                <c:pt idx="26">
                  <c:v>1.2000000000000028</c:v>
                </c:pt>
                <c:pt idx="27">
                  <c:v>1.0999999999999943</c:v>
                </c:pt>
                <c:pt idx="28">
                  <c:v>1.0999999999999943</c:v>
                </c:pt>
                <c:pt idx="29">
                  <c:v>0.90000000000000568</c:v>
                </c:pt>
                <c:pt idx="30">
                  <c:v>0.5</c:v>
                </c:pt>
                <c:pt idx="31">
                  <c:v>0.5</c:v>
                </c:pt>
                <c:pt idx="32">
                  <c:v>0.5</c:v>
                </c:pt>
                <c:pt idx="33">
                  <c:v>0.5</c:v>
                </c:pt>
                <c:pt idx="34">
                  <c:v>0.5</c:v>
                </c:pt>
                <c:pt idx="35">
                  <c:v>0.40000000000000568</c:v>
                </c:pt>
                <c:pt idx="36">
                  <c:v>-0.29999999999999716</c:v>
                </c:pt>
                <c:pt idx="37">
                  <c:v>0</c:v>
                </c:pt>
                <c:pt idx="38">
                  <c:v>0.29999999999999716</c:v>
                </c:pt>
                <c:pt idx="39">
                  <c:v>0.70000000000000284</c:v>
                </c:pt>
                <c:pt idx="40">
                  <c:v>0.90000000000000568</c:v>
                </c:pt>
                <c:pt idx="41">
                  <c:v>0.90000000000000568</c:v>
                </c:pt>
                <c:pt idx="42">
                  <c:v>1.2999999999999972</c:v>
                </c:pt>
                <c:pt idx="43">
                  <c:v>1.2000000000000028</c:v>
                </c:pt>
                <c:pt idx="44">
                  <c:v>1.2000000000000028</c:v>
                </c:pt>
                <c:pt idx="45">
                  <c:v>1.2999999999999972</c:v>
                </c:pt>
                <c:pt idx="46">
                  <c:v>1.2000000000000028</c:v>
                </c:pt>
                <c:pt idx="47">
                  <c:v>1.2000000000000028</c:v>
                </c:pt>
                <c:pt idx="48">
                  <c:v>1.2000000000000028</c:v>
                </c:pt>
                <c:pt idx="49">
                  <c:v>1.0999999999999943</c:v>
                </c:pt>
                <c:pt idx="50">
                  <c:v>1.0999999999999943</c:v>
                </c:pt>
                <c:pt idx="51">
                  <c:v>0.94595200000000546</c:v>
                </c:pt>
                <c:pt idx="52">
                  <c:v>0.90000000000000568</c:v>
                </c:pt>
                <c:pt idx="53">
                  <c:v>1</c:v>
                </c:pt>
                <c:pt idx="54">
                  <c:v>0.79999999999999716</c:v>
                </c:pt>
                <c:pt idx="55">
                  <c:v>0.79999999999999716</c:v>
                </c:pt>
                <c:pt idx="56">
                  <c:v>0.59999999999999432</c:v>
                </c:pt>
                <c:pt idx="57">
                  <c:v>0.59999999999999432</c:v>
                </c:pt>
                <c:pt idx="58">
                  <c:v>0.59999999999999432</c:v>
                </c:pt>
                <c:pt idx="59">
                  <c:v>0.70000000000000284</c:v>
                </c:pt>
                <c:pt idx="60">
                  <c:v>1</c:v>
                </c:pt>
                <c:pt idx="61">
                  <c:v>0.59999999999999432</c:v>
                </c:pt>
                <c:pt idx="62">
                  <c:v>0.70000000000000284</c:v>
                </c:pt>
                <c:pt idx="63">
                  <c:v>0.70000000000000284</c:v>
                </c:pt>
                <c:pt idx="64">
                  <c:v>0.59999999999999432</c:v>
                </c:pt>
                <c:pt idx="65">
                  <c:v>0.40000000000000568</c:v>
                </c:pt>
                <c:pt idx="66">
                  <c:v>0.79999999999999716</c:v>
                </c:pt>
                <c:pt idx="67">
                  <c:v>0.79999999999999716</c:v>
                </c:pt>
                <c:pt idx="68">
                  <c:v>0.79999999999999716</c:v>
                </c:pt>
                <c:pt idx="69">
                  <c:v>0.59999999999999432</c:v>
                </c:pt>
                <c:pt idx="70">
                  <c:v>0.59999999999999432</c:v>
                </c:pt>
                <c:pt idx="71">
                  <c:v>0.59999999999999432</c:v>
                </c:pt>
                <c:pt idx="72">
                  <c:v>0.40000000000000568</c:v>
                </c:pt>
                <c:pt idx="73">
                  <c:v>1.2000000000000028</c:v>
                </c:pt>
                <c:pt idx="74">
                  <c:v>0.59999999999999432</c:v>
                </c:pt>
                <c:pt idx="75">
                  <c:v>0.70000000000000284</c:v>
                </c:pt>
                <c:pt idx="76">
                  <c:v>0.59999999999999432</c:v>
                </c:pt>
              </c:numCache>
            </c:numRef>
          </c:val>
          <c:smooth val="0"/>
          <c:extLst>
            <c:ext xmlns:c16="http://schemas.microsoft.com/office/drawing/2014/chart" uri="{C3380CC4-5D6E-409C-BE32-E72D297353CC}">
              <c16:uniqueId val="{00000003-0612-46BF-B25E-EAEAB34DC28A}"/>
            </c:ext>
          </c:extLst>
        </c:ser>
        <c:ser>
          <c:idx val="4"/>
          <c:order val="4"/>
          <c:tx>
            <c:strRef>
              <c:f>Core!$O$4</c:f>
              <c:strCache>
                <c:ptCount val="1"/>
                <c:pt idx="0">
                  <c:v>Japan</c:v>
                </c:pt>
              </c:strCache>
            </c:strRef>
          </c:tx>
          <c:spPr>
            <a:ln w="25400" cap="rnd" cmpd="sng" algn="ctr">
              <a:solidFill>
                <a:srgbClr val="D2785A"/>
              </a:solidFill>
              <a:prstDash val="solid"/>
              <a:round/>
              <a:headEnd type="none" w="med" len="med"/>
              <a:tailEnd type="none" w="med" len="med"/>
            </a:ln>
          </c:spPr>
          <c:marker>
            <c:symbol val="none"/>
          </c:marker>
          <c:cat>
            <c:numRef>
              <c:f>Core!$J$5:$J$81</c:f>
              <c:numCache>
                <c:formatCode>m/d/yyyy</c:formatCode>
                <c:ptCount val="77"/>
                <c:pt idx="0">
                  <c:v>43101</c:v>
                </c:pt>
                <c:pt idx="1">
                  <c:v>43132</c:v>
                </c:pt>
                <c:pt idx="2">
                  <c:v>43160</c:v>
                </c:pt>
                <c:pt idx="3">
                  <c:v>43191</c:v>
                </c:pt>
                <c:pt idx="4">
                  <c:v>43221</c:v>
                </c:pt>
                <c:pt idx="5">
                  <c:v>43252</c:v>
                </c:pt>
                <c:pt idx="6">
                  <c:v>43282</c:v>
                </c:pt>
                <c:pt idx="7">
                  <c:v>43313</c:v>
                </c:pt>
                <c:pt idx="8">
                  <c:v>43344</c:v>
                </c:pt>
                <c:pt idx="9">
                  <c:v>43374</c:v>
                </c:pt>
                <c:pt idx="10">
                  <c:v>43405</c:v>
                </c:pt>
                <c:pt idx="11">
                  <c:v>43435</c:v>
                </c:pt>
                <c:pt idx="12">
                  <c:v>43466</c:v>
                </c:pt>
                <c:pt idx="13">
                  <c:v>43497</c:v>
                </c:pt>
                <c:pt idx="14">
                  <c:v>43525</c:v>
                </c:pt>
                <c:pt idx="15">
                  <c:v>43556</c:v>
                </c:pt>
                <c:pt idx="16">
                  <c:v>43586</c:v>
                </c:pt>
                <c:pt idx="17">
                  <c:v>43617</c:v>
                </c:pt>
                <c:pt idx="18">
                  <c:v>43647</c:v>
                </c:pt>
                <c:pt idx="19">
                  <c:v>43678</c:v>
                </c:pt>
                <c:pt idx="20">
                  <c:v>43709</c:v>
                </c:pt>
                <c:pt idx="21">
                  <c:v>43739</c:v>
                </c:pt>
                <c:pt idx="22">
                  <c:v>43770</c:v>
                </c:pt>
                <c:pt idx="23">
                  <c:v>43800</c:v>
                </c:pt>
                <c:pt idx="24">
                  <c:v>43831</c:v>
                </c:pt>
                <c:pt idx="25">
                  <c:v>43862</c:v>
                </c:pt>
                <c:pt idx="26">
                  <c:v>43891</c:v>
                </c:pt>
                <c:pt idx="27">
                  <c:v>43922</c:v>
                </c:pt>
                <c:pt idx="28">
                  <c:v>43952</c:v>
                </c:pt>
                <c:pt idx="29">
                  <c:v>43983</c:v>
                </c:pt>
                <c:pt idx="30">
                  <c:v>44013</c:v>
                </c:pt>
                <c:pt idx="31">
                  <c:v>44044</c:v>
                </c:pt>
                <c:pt idx="32">
                  <c:v>44075</c:v>
                </c:pt>
                <c:pt idx="33">
                  <c:v>44105</c:v>
                </c:pt>
                <c:pt idx="34">
                  <c:v>44136</c:v>
                </c:pt>
                <c:pt idx="35">
                  <c:v>44166</c:v>
                </c:pt>
                <c:pt idx="36">
                  <c:v>44197</c:v>
                </c:pt>
                <c:pt idx="37">
                  <c:v>44228</c:v>
                </c:pt>
                <c:pt idx="38">
                  <c:v>44256</c:v>
                </c:pt>
                <c:pt idx="39">
                  <c:v>44287</c:v>
                </c:pt>
                <c:pt idx="40">
                  <c:v>44317</c:v>
                </c:pt>
                <c:pt idx="41">
                  <c:v>44348</c:v>
                </c:pt>
                <c:pt idx="42">
                  <c:v>44378</c:v>
                </c:pt>
                <c:pt idx="43">
                  <c:v>44409</c:v>
                </c:pt>
                <c:pt idx="44">
                  <c:v>44440</c:v>
                </c:pt>
                <c:pt idx="45">
                  <c:v>44470</c:v>
                </c:pt>
                <c:pt idx="46">
                  <c:v>44501</c:v>
                </c:pt>
                <c:pt idx="47">
                  <c:v>44531</c:v>
                </c:pt>
                <c:pt idx="48">
                  <c:v>44562</c:v>
                </c:pt>
                <c:pt idx="49">
                  <c:v>44593</c:v>
                </c:pt>
                <c:pt idx="50">
                  <c:v>44621</c:v>
                </c:pt>
                <c:pt idx="51">
                  <c:v>44652</c:v>
                </c:pt>
                <c:pt idx="52">
                  <c:v>44682</c:v>
                </c:pt>
                <c:pt idx="53">
                  <c:v>44713</c:v>
                </c:pt>
                <c:pt idx="54">
                  <c:v>44743</c:v>
                </c:pt>
                <c:pt idx="55">
                  <c:v>44774</c:v>
                </c:pt>
                <c:pt idx="56">
                  <c:v>44805</c:v>
                </c:pt>
                <c:pt idx="57">
                  <c:v>44835</c:v>
                </c:pt>
                <c:pt idx="58">
                  <c:v>44866</c:v>
                </c:pt>
                <c:pt idx="59">
                  <c:v>44896</c:v>
                </c:pt>
                <c:pt idx="60">
                  <c:v>44927</c:v>
                </c:pt>
                <c:pt idx="61">
                  <c:v>44958</c:v>
                </c:pt>
                <c:pt idx="62">
                  <c:v>44986</c:v>
                </c:pt>
                <c:pt idx="63">
                  <c:v>45017</c:v>
                </c:pt>
                <c:pt idx="64">
                  <c:v>45047</c:v>
                </c:pt>
                <c:pt idx="65">
                  <c:v>45078</c:v>
                </c:pt>
                <c:pt idx="66">
                  <c:v>45108</c:v>
                </c:pt>
                <c:pt idx="67">
                  <c:v>45139</c:v>
                </c:pt>
                <c:pt idx="68">
                  <c:v>45170</c:v>
                </c:pt>
                <c:pt idx="69">
                  <c:v>45200</c:v>
                </c:pt>
                <c:pt idx="70">
                  <c:v>45231</c:v>
                </c:pt>
                <c:pt idx="71">
                  <c:v>45261</c:v>
                </c:pt>
                <c:pt idx="72">
                  <c:v>45292</c:v>
                </c:pt>
                <c:pt idx="73">
                  <c:v>45323</c:v>
                </c:pt>
                <c:pt idx="74">
                  <c:v>45352</c:v>
                </c:pt>
                <c:pt idx="75">
                  <c:v>45383</c:v>
                </c:pt>
                <c:pt idx="76">
                  <c:v>45413</c:v>
                </c:pt>
              </c:numCache>
            </c:numRef>
          </c:cat>
          <c:val>
            <c:numRef>
              <c:f>Core!$O$5:$O$81</c:f>
              <c:numCache>
                <c:formatCode>General</c:formatCode>
                <c:ptCount val="77"/>
                <c:pt idx="0">
                  <c:v>0.30364372469635342</c:v>
                </c:pt>
                <c:pt idx="1">
                  <c:v>0.50658561296859173</c:v>
                </c:pt>
                <c:pt idx="2">
                  <c:v>0.50658561296859173</c:v>
                </c:pt>
                <c:pt idx="3">
                  <c:v>0.30364372469635342</c:v>
                </c:pt>
                <c:pt idx="4">
                  <c:v>0.30364372469635342</c:v>
                </c:pt>
                <c:pt idx="5">
                  <c:v>0.20222446916075693</c:v>
                </c:pt>
                <c:pt idx="6">
                  <c:v>0.30364372469635342</c:v>
                </c:pt>
                <c:pt idx="7">
                  <c:v>0.40444893832152823</c:v>
                </c:pt>
                <c:pt idx="8">
                  <c:v>0.30303030303030015</c:v>
                </c:pt>
                <c:pt idx="9">
                  <c:v>0.40404040404040975</c:v>
                </c:pt>
                <c:pt idx="10">
                  <c:v>0.30272452068618705</c:v>
                </c:pt>
                <c:pt idx="11">
                  <c:v>0.30272452068618705</c:v>
                </c:pt>
                <c:pt idx="12">
                  <c:v>0.40363269424823983</c:v>
                </c:pt>
                <c:pt idx="13">
                  <c:v>0.40322580645160433</c:v>
                </c:pt>
                <c:pt idx="14">
                  <c:v>0.40322580645160433</c:v>
                </c:pt>
                <c:pt idx="15">
                  <c:v>0.60544904137235978</c:v>
                </c:pt>
                <c:pt idx="16">
                  <c:v>0.50454086781029261</c:v>
                </c:pt>
                <c:pt idx="17">
                  <c:v>0.60544904137235978</c:v>
                </c:pt>
                <c:pt idx="18">
                  <c:v>0.50454086781029261</c:v>
                </c:pt>
                <c:pt idx="19">
                  <c:v>0.60422960725076391</c:v>
                </c:pt>
                <c:pt idx="20">
                  <c:v>0.60422960725076391</c:v>
                </c:pt>
                <c:pt idx="21">
                  <c:v>0.70422535211266457</c:v>
                </c:pt>
                <c:pt idx="22">
                  <c:v>0.80482897384305552</c:v>
                </c:pt>
                <c:pt idx="23">
                  <c:v>0.90543259557343203</c:v>
                </c:pt>
                <c:pt idx="24">
                  <c:v>0.90452261306533233</c:v>
                </c:pt>
                <c:pt idx="25">
                  <c:v>0.70281124497992264</c:v>
                </c:pt>
                <c:pt idx="26">
                  <c:v>0.80321285140563381</c:v>
                </c:pt>
                <c:pt idx="27">
                  <c:v>0.30090270812437026</c:v>
                </c:pt>
                <c:pt idx="28">
                  <c:v>0.4016064257028169</c:v>
                </c:pt>
                <c:pt idx="29">
                  <c:v>0.4012036108324889</c:v>
                </c:pt>
                <c:pt idx="30">
                  <c:v>0.30120481927711984</c:v>
                </c:pt>
                <c:pt idx="31">
                  <c:v>-0.20020020020020302</c:v>
                </c:pt>
                <c:pt idx="32">
                  <c:v>-0.10010010010010863</c:v>
                </c:pt>
                <c:pt idx="33">
                  <c:v>-0.29970029970029688</c:v>
                </c:pt>
                <c:pt idx="34">
                  <c:v>-0.39920159680639289</c:v>
                </c:pt>
                <c:pt idx="35">
                  <c:v>-0.39880358923229453</c:v>
                </c:pt>
                <c:pt idx="36">
                  <c:v>0</c:v>
                </c:pt>
                <c:pt idx="37">
                  <c:v>9.9700897308084291E-2</c:v>
                </c:pt>
                <c:pt idx="38">
                  <c:v>0</c:v>
                </c:pt>
                <c:pt idx="39">
                  <c:v>-1</c:v>
                </c:pt>
                <c:pt idx="40">
                  <c:v>-0.90000000000000568</c:v>
                </c:pt>
                <c:pt idx="41">
                  <c:v>-0.89910089910089064</c:v>
                </c:pt>
                <c:pt idx="42">
                  <c:v>-0.60060060060060905</c:v>
                </c:pt>
                <c:pt idx="43">
                  <c:v>-0.50150451354062187</c:v>
                </c:pt>
                <c:pt idx="44">
                  <c:v>-0.50100200400801598</c:v>
                </c:pt>
                <c:pt idx="45">
                  <c:v>-0.80160320641282279</c:v>
                </c:pt>
                <c:pt idx="46">
                  <c:v>-0.70140280561122537</c:v>
                </c:pt>
                <c:pt idx="47">
                  <c:v>-0.70070070070070345</c:v>
                </c:pt>
                <c:pt idx="48">
                  <c:v>-1.0956175298804864</c:v>
                </c:pt>
                <c:pt idx="49">
                  <c:v>-0.99601593625498008</c:v>
                </c:pt>
                <c:pt idx="50">
                  <c:v>-0.79681274900399535</c:v>
                </c:pt>
                <c:pt idx="51">
                  <c:v>0.70707070707070996</c:v>
                </c:pt>
                <c:pt idx="52">
                  <c:v>0.80726538849647966</c:v>
                </c:pt>
                <c:pt idx="53">
                  <c:v>1.0080645161290323</c:v>
                </c:pt>
                <c:pt idx="54">
                  <c:v>1.2084592145015136</c:v>
                </c:pt>
                <c:pt idx="55">
                  <c:v>1.6129032258064457</c:v>
                </c:pt>
                <c:pt idx="56">
                  <c:v>1.812688821752263</c:v>
                </c:pt>
                <c:pt idx="57">
                  <c:v>2.5252525252525251</c:v>
                </c:pt>
                <c:pt idx="58">
                  <c:v>2.8254288597376505</c:v>
                </c:pt>
                <c:pt idx="59">
                  <c:v>3.0241935483870965</c:v>
                </c:pt>
                <c:pt idx="60">
                  <c:v>3.2225579053373643</c:v>
                </c:pt>
                <c:pt idx="61">
                  <c:v>3.5211267605633796</c:v>
                </c:pt>
                <c:pt idx="62">
                  <c:v>3.8152610441767183</c:v>
                </c:pt>
                <c:pt idx="63">
                  <c:v>4.1123370110330937</c:v>
                </c:pt>
                <c:pt idx="64">
                  <c:v>4.304304304304301</c:v>
                </c:pt>
                <c:pt idx="65">
                  <c:v>4.1916167664670683</c:v>
                </c:pt>
                <c:pt idx="66">
                  <c:v>4.2786069651741272</c:v>
                </c:pt>
                <c:pt idx="67">
                  <c:v>4.2658730158730132</c:v>
                </c:pt>
                <c:pt idx="68">
                  <c:v>4.2532146389713272</c:v>
                </c:pt>
                <c:pt idx="69">
                  <c:v>4.0394088669950676</c:v>
                </c:pt>
                <c:pt idx="70">
                  <c:v>3.7291462217860616</c:v>
                </c:pt>
                <c:pt idx="71">
                  <c:v>3.6203522504892396</c:v>
                </c:pt>
                <c:pt idx="72">
                  <c:v>3.5121951219512142</c:v>
                </c:pt>
                <c:pt idx="73">
                  <c:v>3.3041788143828876</c:v>
                </c:pt>
                <c:pt idx="74">
                  <c:v>2.8046421663442853</c:v>
                </c:pt>
                <c:pt idx="75">
                  <c:v>2.4084778420038537</c:v>
                </c:pt>
                <c:pt idx="76">
                  <c:v>2.1113243761996188</c:v>
                </c:pt>
              </c:numCache>
            </c:numRef>
          </c:val>
          <c:smooth val="0"/>
          <c:extLst>
            <c:ext xmlns:c16="http://schemas.microsoft.com/office/drawing/2014/chart" uri="{C3380CC4-5D6E-409C-BE32-E72D297353CC}">
              <c16:uniqueId val="{00000004-0612-46BF-B25E-EAEAB34DC28A}"/>
            </c:ext>
          </c:extLst>
        </c:ser>
        <c:ser>
          <c:idx val="6"/>
          <c:order val="5"/>
          <c:tx>
            <c:strRef>
              <c:f>Core!$Q$4</c:f>
              <c:strCache>
                <c:ptCount val="1"/>
                <c:pt idx="0">
                  <c:v>Canada</c:v>
                </c:pt>
              </c:strCache>
            </c:strRef>
          </c:tx>
          <c:spPr>
            <a:ln w="25400"/>
          </c:spPr>
          <c:marker>
            <c:symbol val="none"/>
          </c:marker>
          <c:cat>
            <c:numRef>
              <c:f>Core!$J$5:$J$81</c:f>
              <c:numCache>
                <c:formatCode>m/d/yyyy</c:formatCode>
                <c:ptCount val="77"/>
                <c:pt idx="0">
                  <c:v>43101</c:v>
                </c:pt>
                <c:pt idx="1">
                  <c:v>43132</c:v>
                </c:pt>
                <c:pt idx="2">
                  <c:v>43160</c:v>
                </c:pt>
                <c:pt idx="3">
                  <c:v>43191</c:v>
                </c:pt>
                <c:pt idx="4">
                  <c:v>43221</c:v>
                </c:pt>
                <c:pt idx="5">
                  <c:v>43252</c:v>
                </c:pt>
                <c:pt idx="6">
                  <c:v>43282</c:v>
                </c:pt>
                <c:pt idx="7">
                  <c:v>43313</c:v>
                </c:pt>
                <c:pt idx="8">
                  <c:v>43344</c:v>
                </c:pt>
                <c:pt idx="9">
                  <c:v>43374</c:v>
                </c:pt>
                <c:pt idx="10">
                  <c:v>43405</c:v>
                </c:pt>
                <c:pt idx="11">
                  <c:v>43435</c:v>
                </c:pt>
                <c:pt idx="12">
                  <c:v>43466</c:v>
                </c:pt>
                <c:pt idx="13">
                  <c:v>43497</c:v>
                </c:pt>
                <c:pt idx="14">
                  <c:v>43525</c:v>
                </c:pt>
                <c:pt idx="15">
                  <c:v>43556</c:v>
                </c:pt>
                <c:pt idx="16">
                  <c:v>43586</c:v>
                </c:pt>
                <c:pt idx="17">
                  <c:v>43617</c:v>
                </c:pt>
                <c:pt idx="18">
                  <c:v>43647</c:v>
                </c:pt>
                <c:pt idx="19">
                  <c:v>43678</c:v>
                </c:pt>
                <c:pt idx="20">
                  <c:v>43709</c:v>
                </c:pt>
                <c:pt idx="21">
                  <c:v>43739</c:v>
                </c:pt>
                <c:pt idx="22">
                  <c:v>43770</c:v>
                </c:pt>
                <c:pt idx="23">
                  <c:v>43800</c:v>
                </c:pt>
                <c:pt idx="24">
                  <c:v>43831</c:v>
                </c:pt>
                <c:pt idx="25">
                  <c:v>43862</c:v>
                </c:pt>
                <c:pt idx="26">
                  <c:v>43891</c:v>
                </c:pt>
                <c:pt idx="27">
                  <c:v>43922</c:v>
                </c:pt>
                <c:pt idx="28">
                  <c:v>43952</c:v>
                </c:pt>
                <c:pt idx="29">
                  <c:v>43983</c:v>
                </c:pt>
                <c:pt idx="30">
                  <c:v>44013</c:v>
                </c:pt>
                <c:pt idx="31">
                  <c:v>44044</c:v>
                </c:pt>
                <c:pt idx="32">
                  <c:v>44075</c:v>
                </c:pt>
                <c:pt idx="33">
                  <c:v>44105</c:v>
                </c:pt>
                <c:pt idx="34">
                  <c:v>44136</c:v>
                </c:pt>
                <c:pt idx="35">
                  <c:v>44166</c:v>
                </c:pt>
                <c:pt idx="36">
                  <c:v>44197</c:v>
                </c:pt>
                <c:pt idx="37">
                  <c:v>44228</c:v>
                </c:pt>
                <c:pt idx="38">
                  <c:v>44256</c:v>
                </c:pt>
                <c:pt idx="39">
                  <c:v>44287</c:v>
                </c:pt>
                <c:pt idx="40">
                  <c:v>44317</c:v>
                </c:pt>
                <c:pt idx="41">
                  <c:v>44348</c:v>
                </c:pt>
                <c:pt idx="42">
                  <c:v>44378</c:v>
                </c:pt>
                <c:pt idx="43">
                  <c:v>44409</c:v>
                </c:pt>
                <c:pt idx="44">
                  <c:v>44440</c:v>
                </c:pt>
                <c:pt idx="45">
                  <c:v>44470</c:v>
                </c:pt>
                <c:pt idx="46">
                  <c:v>44501</c:v>
                </c:pt>
                <c:pt idx="47">
                  <c:v>44531</c:v>
                </c:pt>
                <c:pt idx="48">
                  <c:v>44562</c:v>
                </c:pt>
                <c:pt idx="49">
                  <c:v>44593</c:v>
                </c:pt>
                <c:pt idx="50">
                  <c:v>44621</c:v>
                </c:pt>
                <c:pt idx="51">
                  <c:v>44652</c:v>
                </c:pt>
                <c:pt idx="52">
                  <c:v>44682</c:v>
                </c:pt>
                <c:pt idx="53">
                  <c:v>44713</c:v>
                </c:pt>
                <c:pt idx="54">
                  <c:v>44743</c:v>
                </c:pt>
                <c:pt idx="55">
                  <c:v>44774</c:v>
                </c:pt>
                <c:pt idx="56">
                  <c:v>44805</c:v>
                </c:pt>
                <c:pt idx="57">
                  <c:v>44835</c:v>
                </c:pt>
                <c:pt idx="58">
                  <c:v>44866</c:v>
                </c:pt>
                <c:pt idx="59">
                  <c:v>44896</c:v>
                </c:pt>
                <c:pt idx="60">
                  <c:v>44927</c:v>
                </c:pt>
                <c:pt idx="61">
                  <c:v>44958</c:v>
                </c:pt>
                <c:pt idx="62">
                  <c:v>44986</c:v>
                </c:pt>
                <c:pt idx="63">
                  <c:v>45017</c:v>
                </c:pt>
                <c:pt idx="64">
                  <c:v>45047</c:v>
                </c:pt>
                <c:pt idx="65">
                  <c:v>45078</c:v>
                </c:pt>
                <c:pt idx="66">
                  <c:v>45108</c:v>
                </c:pt>
                <c:pt idx="67">
                  <c:v>45139</c:v>
                </c:pt>
                <c:pt idx="68">
                  <c:v>45170</c:v>
                </c:pt>
                <c:pt idx="69">
                  <c:v>45200</c:v>
                </c:pt>
                <c:pt idx="70">
                  <c:v>45231</c:v>
                </c:pt>
                <c:pt idx="71">
                  <c:v>45261</c:v>
                </c:pt>
                <c:pt idx="72">
                  <c:v>45292</c:v>
                </c:pt>
                <c:pt idx="73">
                  <c:v>45323</c:v>
                </c:pt>
                <c:pt idx="74">
                  <c:v>45352</c:v>
                </c:pt>
                <c:pt idx="75">
                  <c:v>45383</c:v>
                </c:pt>
                <c:pt idx="76">
                  <c:v>45413</c:v>
                </c:pt>
              </c:numCache>
            </c:numRef>
          </c:cat>
          <c:val>
            <c:numRef>
              <c:f>Core!$Q$5:$Q$81</c:f>
              <c:numCache>
                <c:formatCode>General</c:formatCode>
                <c:ptCount val="77"/>
                <c:pt idx="0">
                  <c:v>1.0827532869296033</c:v>
                </c:pt>
                <c:pt idx="1">
                  <c:v>1.3931888544891731</c:v>
                </c:pt>
                <c:pt idx="2">
                  <c:v>1.4705882352941222</c:v>
                </c:pt>
                <c:pt idx="3">
                  <c:v>1.3910355486862309</c:v>
                </c:pt>
                <c:pt idx="4">
                  <c:v>1.3921113689094995</c:v>
                </c:pt>
                <c:pt idx="5">
                  <c:v>1.3117283950617418</c:v>
                </c:pt>
                <c:pt idx="6">
                  <c:v>1.620370370370366</c:v>
                </c:pt>
                <c:pt idx="7">
                  <c:v>1.6962220508866748</c:v>
                </c:pt>
                <c:pt idx="8">
                  <c:v>1.5396458814472669</c:v>
                </c:pt>
                <c:pt idx="9">
                  <c:v>1.6923076923076836</c:v>
                </c:pt>
                <c:pt idx="10">
                  <c:v>1.4570552147239306</c:v>
                </c:pt>
                <c:pt idx="11">
                  <c:v>1.6091954022988464</c:v>
                </c:pt>
                <c:pt idx="12">
                  <c:v>1.5302218821729152</c:v>
                </c:pt>
                <c:pt idx="13">
                  <c:v>1.5267175572519083</c:v>
                </c:pt>
                <c:pt idx="14">
                  <c:v>1.6018306636155566</c:v>
                </c:pt>
                <c:pt idx="15">
                  <c:v>1.6768292682926962</c:v>
                </c:pt>
                <c:pt idx="16">
                  <c:v>2.1357742181540895</c:v>
                </c:pt>
                <c:pt idx="17">
                  <c:v>2.0563594821020477</c:v>
                </c:pt>
                <c:pt idx="18">
                  <c:v>1.9741837509491444</c:v>
                </c:pt>
                <c:pt idx="19">
                  <c:v>1.8953752843062925</c:v>
                </c:pt>
                <c:pt idx="20">
                  <c:v>1.9711902956785401</c:v>
                </c:pt>
                <c:pt idx="21">
                  <c:v>1.8154311649016688</c:v>
                </c:pt>
                <c:pt idx="22">
                  <c:v>1.8140589569160825</c:v>
                </c:pt>
                <c:pt idx="23">
                  <c:v>1.659125188536966</c:v>
                </c:pt>
                <c:pt idx="24">
                  <c:v>1.8085908063300724</c:v>
                </c:pt>
                <c:pt idx="25">
                  <c:v>1.9548872180451087</c:v>
                </c:pt>
                <c:pt idx="26">
                  <c:v>1.6516516516516648</c:v>
                </c:pt>
                <c:pt idx="27">
                  <c:v>1.1994002998500706</c:v>
                </c:pt>
                <c:pt idx="28">
                  <c:v>0.59746079163553611</c:v>
                </c:pt>
                <c:pt idx="29">
                  <c:v>1.0447761194029892</c:v>
                </c:pt>
                <c:pt idx="30">
                  <c:v>0.6701414743112265</c:v>
                </c:pt>
                <c:pt idx="31">
                  <c:v>0.74404761904761896</c:v>
                </c:pt>
                <c:pt idx="32">
                  <c:v>0.89219330855017742</c:v>
                </c:pt>
                <c:pt idx="33">
                  <c:v>1.1144130757800892</c:v>
                </c:pt>
                <c:pt idx="34">
                  <c:v>1.4847809948032666</c:v>
                </c:pt>
                <c:pt idx="35">
                  <c:v>1.5578635014836753</c:v>
                </c:pt>
                <c:pt idx="36">
                  <c:v>1.6284233900814338</c:v>
                </c:pt>
                <c:pt idx="37">
                  <c:v>1.253687315634231</c:v>
                </c:pt>
                <c:pt idx="38">
                  <c:v>1.4771048744460855</c:v>
                </c:pt>
                <c:pt idx="39">
                  <c:v>2.2222222222222223</c:v>
                </c:pt>
                <c:pt idx="40">
                  <c:v>2.7468448403860557</c:v>
                </c:pt>
                <c:pt idx="41">
                  <c:v>2.6587887740029501</c:v>
                </c:pt>
                <c:pt idx="42">
                  <c:v>3.2544378698224898</c:v>
                </c:pt>
                <c:pt idx="43">
                  <c:v>3.4711964549482928</c:v>
                </c:pt>
                <c:pt idx="44">
                  <c:v>3.6845983787767134</c:v>
                </c:pt>
                <c:pt idx="45">
                  <c:v>3.7472446730345292</c:v>
                </c:pt>
                <c:pt idx="46">
                  <c:v>3.5844915874177077</c:v>
                </c:pt>
                <c:pt idx="47">
                  <c:v>4.0175310445580719</c:v>
                </c:pt>
                <c:pt idx="48">
                  <c:v>4.3699927166788051</c:v>
                </c:pt>
                <c:pt idx="49">
                  <c:v>4.8798252002913243</c:v>
                </c:pt>
                <c:pt idx="50">
                  <c:v>5.5312954876273608</c:v>
                </c:pt>
                <c:pt idx="51">
                  <c:v>5.7246376811594244</c:v>
                </c:pt>
                <c:pt idx="52">
                  <c:v>6.0693641618497152</c:v>
                </c:pt>
                <c:pt idx="53">
                  <c:v>6.1151079136690649</c:v>
                </c:pt>
                <c:pt idx="54">
                  <c:v>6.0171919770773687</c:v>
                </c:pt>
                <c:pt idx="55">
                  <c:v>5.8529621698786709</c:v>
                </c:pt>
                <c:pt idx="56">
                  <c:v>5.8990760483297882</c:v>
                </c:pt>
                <c:pt idx="57">
                  <c:v>5.8073654390934966</c:v>
                </c:pt>
                <c:pt idx="58">
                  <c:v>5.7909604519774138</c:v>
                </c:pt>
                <c:pt idx="59">
                  <c:v>5.4775280898876284</c:v>
                </c:pt>
                <c:pt idx="60">
                  <c:v>4.9546406140962969</c:v>
                </c:pt>
                <c:pt idx="61">
                  <c:v>4.7222222222222303</c:v>
                </c:pt>
                <c:pt idx="62">
                  <c:v>4.2758620689655098</c:v>
                </c:pt>
                <c:pt idx="63">
                  <c:v>4.0438656614119299</c:v>
                </c:pt>
                <c:pt idx="64">
                  <c:v>3.6103542234332306</c:v>
                </c:pt>
                <c:pt idx="65">
                  <c:v>3.1864406779660936</c:v>
                </c:pt>
                <c:pt idx="66">
                  <c:v>3.1756756756756683</c:v>
                </c:pt>
                <c:pt idx="67">
                  <c:v>3.3041132838840035</c:v>
                </c:pt>
                <c:pt idx="68">
                  <c:v>2.8187919463087172</c:v>
                </c:pt>
                <c:pt idx="69">
                  <c:v>2.811244979919671</c:v>
                </c:pt>
                <c:pt idx="70">
                  <c:v>2.8037383177570017</c:v>
                </c:pt>
                <c:pt idx="71">
                  <c:v>2.596537949400803</c:v>
                </c:pt>
                <c:pt idx="72">
                  <c:v>2.460106382978716</c:v>
                </c:pt>
                <c:pt idx="73">
                  <c:v>2.1883289124668321</c:v>
                </c:pt>
                <c:pt idx="74">
                  <c:v>2.0502645502645653</c:v>
                </c:pt>
                <c:pt idx="75">
                  <c:v>1.712779973649535</c:v>
                </c:pt>
                <c:pt idx="76">
                  <c:v>1.8408941485864638</c:v>
                </c:pt>
              </c:numCache>
            </c:numRef>
          </c:val>
          <c:smooth val="0"/>
          <c:extLst>
            <c:ext xmlns:c16="http://schemas.microsoft.com/office/drawing/2014/chart" uri="{C3380CC4-5D6E-409C-BE32-E72D297353CC}">
              <c16:uniqueId val="{00000001-4CA5-45AD-9D57-4139B45C9FC2}"/>
            </c:ext>
          </c:extLst>
        </c:ser>
        <c:dLbls>
          <c:showLegendKey val="0"/>
          <c:showVal val="0"/>
          <c:showCatName val="0"/>
          <c:showSerName val="0"/>
          <c:showPercent val="0"/>
          <c:showBubbleSize val="0"/>
        </c:dLbls>
        <c:smooth val="0"/>
        <c:axId val="693851183"/>
        <c:axId val="693850223"/>
      </c:lineChart>
      <c:dateAx>
        <c:axId val="693851183"/>
        <c:scaling>
          <c:orientation val="minMax"/>
        </c:scaling>
        <c:delete val="0"/>
        <c:axPos val="b"/>
        <c:numFmt formatCode="mmm\-yy" sourceLinked="0"/>
        <c:majorTickMark val="none"/>
        <c:minorTickMark val="none"/>
        <c:tickLblPos val="low"/>
        <c:spPr>
          <a:noFill/>
          <a:ln w="9525">
            <a:solidFill>
              <a:srgbClr val="435254"/>
            </a:solidFill>
          </a:ln>
          <a:extLst>
            <a:ext uri="{909E8E84-426E-40DD-AFC4-6F175D3DCCD1}">
              <a14:hiddenFill xmlns:a14="http://schemas.microsoft.com/office/drawing/2010/main">
                <a:noFill/>
              </a14:hiddenFill>
            </a:ext>
          </a:extLst>
        </c:spPr>
        <c:txPr>
          <a:bodyPr rot="-2700000" vert="horz"/>
          <a:lstStyle/>
          <a:p>
            <a:pPr>
              <a:defRPr lang="ja-JP"/>
            </a:pPr>
            <a:endParaRPr lang="en-US"/>
          </a:p>
        </c:txPr>
        <c:crossAx val="693850223"/>
        <c:crosses val="autoZero"/>
        <c:auto val="1"/>
        <c:lblOffset val="100"/>
        <c:baseTimeUnit val="months"/>
        <c:majorUnit val="2"/>
        <c:majorTimeUnit val="months"/>
      </c:dateAx>
      <c:valAx>
        <c:axId val="693850223"/>
        <c:scaling>
          <c:orientation val="minMax"/>
          <c:max val="8"/>
        </c:scaling>
        <c:delete val="0"/>
        <c:axPos val="l"/>
        <c:majorGridlines>
          <c:spPr>
            <a:ln w="12700">
              <a:solidFill>
                <a:srgbClr val="CAD1D3"/>
              </a:solidFill>
              <a:prstDash val="solid"/>
            </a:ln>
          </c:spPr>
        </c:majorGridlines>
        <c:title>
          <c:tx>
            <c:rich>
              <a:bodyPr rot="0" vert="horz"/>
              <a:lstStyle/>
              <a:p>
                <a:pPr>
                  <a:defRPr lang="ja-JP"/>
                </a:pPr>
                <a:r>
                  <a:rPr lang="en-US" dirty="0"/>
                  <a:t>%</a:t>
                </a:r>
              </a:p>
            </c:rich>
          </c:tx>
          <c:layout>
            <c:manualLayout>
              <c:xMode val="edge"/>
              <c:yMode val="edge"/>
              <c:x val="0"/>
              <c:y val="1.5836249635462232E-2"/>
            </c:manualLayout>
          </c:layout>
          <c:overlay val="0"/>
          <c:spPr>
            <a:noFill/>
            <a:ln>
              <a:noFill/>
            </a:ln>
            <a:effectLst/>
            <a:extLst>
              <a:ext uri="{91240B29-F687-4F45-9708-019B960494DF}">
                <a14:hiddenLine xmlns:a14="http://schemas.microsoft.com/office/drawing/2010/main">
                  <a:noFill/>
                </a14:hiddenLine>
              </a:ext>
            </a:extLst>
          </c:spPr>
        </c:title>
        <c:numFmt formatCode="#,##0" sourceLinked="0"/>
        <c:majorTickMark val="none"/>
        <c:minorTickMark val="none"/>
        <c:tickLblPos val="nextTo"/>
        <c:spPr>
          <a:noFill/>
          <a:ln w="9525" cap="flat" cmpd="sng" algn="ctr">
            <a:noFill/>
            <a:prstDash val="solid"/>
            <a:round/>
          </a:ln>
          <a:effectLst/>
          <a:extLst>
            <a:ext uri="{909E8E84-426E-40DD-AFC4-6F175D3DCCD1}">
              <a14:hiddenFill xmlns:a14="http://schemas.microsoft.com/office/drawing/2010/main">
                <a:noFill/>
              </a14:hiddenFill>
            </a:ext>
            <a:ext uri="{91240B29-F687-4F45-9708-019B960494DF}">
              <a14:hiddenLine xmlns:a14="http://schemas.microsoft.com/office/drawing/2010/main" w="9525" cap="flat" cmpd="sng" algn="ctr">
                <a:solidFill>
                  <a:srgbClr val="435254"/>
                </a:solidFill>
                <a:prstDash val="solid"/>
                <a:round/>
              </a14:hiddenLine>
            </a:ext>
          </a:extLst>
        </c:spPr>
        <c:txPr>
          <a:bodyPr rot="0" vert="horz"/>
          <a:lstStyle/>
          <a:p>
            <a:pPr>
              <a:defRPr lang="ja-JP"/>
            </a:pPr>
            <a:endParaRPr lang="en-US"/>
          </a:p>
        </c:txPr>
        <c:crossAx val="693851183"/>
        <c:crosses val="autoZero"/>
        <c:crossBetween val="between"/>
      </c:valAx>
      <c:spPr>
        <a:noFill/>
        <a:ln>
          <a:noFill/>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a:noFill/>
            </a14:hiddenLine>
          </a:ext>
        </a:extLst>
      </c:spPr>
    </c:plotArea>
    <c:legend>
      <c:legendPos val="b"/>
      <c:layout>
        <c:manualLayout>
          <c:xMode val="edge"/>
          <c:yMode val="edge"/>
          <c:x val="0.12147804024496937"/>
          <c:y val="5.0996062992125987E-2"/>
          <c:w val="0.75654216972878385"/>
          <c:h val="7.4194225721784759E-2"/>
        </c:manualLayout>
      </c:layout>
      <c:overlay val="0"/>
      <c:spPr>
        <a:noFill/>
        <a:ln>
          <a:noFill/>
        </a:ln>
        <a:effectLst/>
        <a:extLst>
          <a:ext uri="{909E8E84-426E-40DD-AFC4-6F175D3DCCD1}">
            <a14:hiddenFill xmlns:a14="http://schemas.microsoft.com/office/drawing/2010/main">
              <a:solidFill>
                <a:srgbClr val="435254"/>
              </a:solidFill>
            </a14:hiddenFill>
          </a:ext>
          <a:ext uri="{91240B29-F687-4F45-9708-019B960494DF}">
            <a14:hiddenLine xmlns:a14="http://schemas.microsoft.com/office/drawing/2010/main">
              <a:solidFill>
                <a:srgbClr val="435254"/>
              </a:solidFill>
            </a14:hiddenLine>
          </a:ext>
        </a:extLst>
      </c:spPr>
      <c:txPr>
        <a:bodyPr/>
        <a:lstStyle/>
        <a:p>
          <a:pPr>
            <a:defRPr lang="ja-JP" sz="2000"/>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12700" cap="flat" cmpd="sng" algn="ctr">
      <a:noFill/>
      <a:prstDash val="solid"/>
      <a:round/>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w="12700" cap="flat" cmpd="sng" algn="ctr">
          <a:solidFill>
            <a:sysClr val="windowText" lastClr="000000">
              <a:tint val="75000"/>
            </a:sysClr>
          </a:solidFill>
          <a:prstDash val="solid"/>
          <a:round/>
        </a14:hiddenLine>
      </a:ext>
    </a:extLst>
  </c:spPr>
  <c:txPr>
    <a:bodyPr/>
    <a:lstStyle/>
    <a:p>
      <a:pPr>
        <a:defRPr sz="1200"/>
      </a:pPr>
      <a:endParaRPr lang="en-US"/>
    </a:p>
  </c:txPr>
  <c:externalData r:id="rId1">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8.3261432352153344E-2"/>
          <c:y val="3.8296981519083756E-2"/>
          <c:w val="0.88987545089943365"/>
          <c:h val="0.74825962762919818"/>
        </c:manualLayout>
      </c:layout>
      <c:lineChart>
        <c:grouping val="standard"/>
        <c:varyColors val="0"/>
        <c:ser>
          <c:idx val="0"/>
          <c:order val="0"/>
          <c:tx>
            <c:strRef>
              <c:f>Sheet1!$B$1</c:f>
              <c:strCache>
                <c:ptCount val="1"/>
                <c:pt idx="0">
                  <c:v>US</c:v>
                </c:pt>
              </c:strCache>
            </c:strRef>
          </c:tx>
          <c:spPr>
            <a:ln w="28575" cap="rnd">
              <a:solidFill>
                <a:srgbClr val="435254"/>
              </a:solidFill>
              <a:round/>
            </a:ln>
            <a:effectLst/>
          </c:spPr>
          <c:marker>
            <c:symbol val="none"/>
          </c:marker>
          <c:cat>
            <c:strRef>
              <c:f>Sheet1!$A$2:$A$8</c:f>
              <c:strCache>
                <c:ptCount val="6"/>
                <c:pt idx="0">
                  <c:v>2019</c:v>
                </c:pt>
                <c:pt idx="1">
                  <c:v>2020</c:v>
                </c:pt>
                <c:pt idx="2">
                  <c:v>2021</c:v>
                </c:pt>
                <c:pt idx="3">
                  <c:v>2022</c:v>
                </c:pt>
                <c:pt idx="4">
                  <c:v>2023</c:v>
                </c:pt>
                <c:pt idx="5">
                  <c:v>Q1 2024</c:v>
                </c:pt>
              </c:strCache>
            </c:strRef>
          </c:cat>
          <c:val>
            <c:numRef>
              <c:f>Sheet1!$B$2:$B$8</c:f>
              <c:numCache>
                <c:formatCode>General</c:formatCode>
                <c:ptCount val="6"/>
                <c:pt idx="0">
                  <c:v>12.1</c:v>
                </c:pt>
                <c:pt idx="1">
                  <c:v>14.9</c:v>
                </c:pt>
                <c:pt idx="2">
                  <c:v>16.5</c:v>
                </c:pt>
                <c:pt idx="3">
                  <c:v>17.3</c:v>
                </c:pt>
                <c:pt idx="4">
                  <c:v>18.600000000000001</c:v>
                </c:pt>
                <c:pt idx="5">
                  <c:v>19</c:v>
                </c:pt>
              </c:numCache>
            </c:numRef>
          </c:val>
          <c:smooth val="0"/>
          <c:extLst>
            <c:ext xmlns:c16="http://schemas.microsoft.com/office/drawing/2014/chart" uri="{C3380CC4-5D6E-409C-BE32-E72D297353CC}">
              <c16:uniqueId val="{00000000-51FD-4330-B67D-C6C45E762CC3}"/>
            </c:ext>
          </c:extLst>
        </c:ser>
        <c:ser>
          <c:idx val="1"/>
          <c:order val="1"/>
          <c:tx>
            <c:strRef>
              <c:f>Sheet1!$C$1</c:f>
              <c:strCache>
                <c:ptCount val="1"/>
                <c:pt idx="0">
                  <c:v>Europe</c:v>
                </c:pt>
              </c:strCache>
            </c:strRef>
          </c:tx>
          <c:spPr>
            <a:ln w="28575" cap="rnd">
              <a:solidFill>
                <a:srgbClr val="80BBAD"/>
              </a:solidFill>
              <a:round/>
            </a:ln>
            <a:effectLst/>
          </c:spPr>
          <c:marker>
            <c:symbol val="none"/>
          </c:marker>
          <c:cat>
            <c:strRef>
              <c:f>Sheet1!$A$2:$A$8</c:f>
              <c:strCache>
                <c:ptCount val="6"/>
                <c:pt idx="0">
                  <c:v>2019</c:v>
                </c:pt>
                <c:pt idx="1">
                  <c:v>2020</c:v>
                </c:pt>
                <c:pt idx="2">
                  <c:v>2021</c:v>
                </c:pt>
                <c:pt idx="3">
                  <c:v>2022</c:v>
                </c:pt>
                <c:pt idx="4">
                  <c:v>2023</c:v>
                </c:pt>
                <c:pt idx="5">
                  <c:v>Q1 2024</c:v>
                </c:pt>
              </c:strCache>
            </c:strRef>
          </c:cat>
          <c:val>
            <c:numRef>
              <c:f>Sheet1!$C$2:$C$8</c:f>
              <c:numCache>
                <c:formatCode>General</c:formatCode>
                <c:ptCount val="6"/>
                <c:pt idx="0">
                  <c:v>5.5</c:v>
                </c:pt>
                <c:pt idx="1">
                  <c:v>6.6</c:v>
                </c:pt>
                <c:pt idx="2">
                  <c:v>7.2</c:v>
                </c:pt>
                <c:pt idx="3">
                  <c:v>7</c:v>
                </c:pt>
                <c:pt idx="4">
                  <c:v>7.9</c:v>
                </c:pt>
                <c:pt idx="5">
                  <c:v>8.1</c:v>
                </c:pt>
              </c:numCache>
            </c:numRef>
          </c:val>
          <c:smooth val="0"/>
          <c:extLst>
            <c:ext xmlns:c16="http://schemas.microsoft.com/office/drawing/2014/chart" uri="{C3380CC4-5D6E-409C-BE32-E72D297353CC}">
              <c16:uniqueId val="{00000001-51FD-4330-B67D-C6C45E762CC3}"/>
            </c:ext>
          </c:extLst>
        </c:ser>
        <c:dLbls>
          <c:showLegendKey val="0"/>
          <c:showVal val="0"/>
          <c:showCatName val="0"/>
          <c:showSerName val="0"/>
          <c:showPercent val="0"/>
          <c:showBubbleSize val="0"/>
        </c:dLbls>
        <c:smooth val="0"/>
        <c:axId val="224295376"/>
        <c:axId val="224295736"/>
      </c:lineChart>
      <c:catAx>
        <c:axId val="22429537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lang="ja-JP" sz="1197" b="0" i="0" u="none" strike="noStrike" kern="1200" baseline="0">
                <a:solidFill>
                  <a:schemeClr val="tx1">
                    <a:lumMod val="65000"/>
                    <a:lumOff val="35000"/>
                  </a:schemeClr>
                </a:solidFill>
                <a:latin typeface="+mn-lt"/>
                <a:ea typeface="+mn-ea"/>
                <a:cs typeface="+mn-cs"/>
              </a:defRPr>
            </a:pPr>
            <a:endParaRPr lang="en-US"/>
          </a:p>
        </c:txPr>
        <c:crossAx val="224295736"/>
        <c:crosses val="autoZero"/>
        <c:auto val="1"/>
        <c:lblAlgn val="ctr"/>
        <c:lblOffset val="100"/>
        <c:noMultiLvlLbl val="0"/>
      </c:catAx>
      <c:valAx>
        <c:axId val="224295736"/>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lang="ja-JP" sz="1330" b="0" i="0" u="none" strike="noStrike" kern="1200" baseline="0">
                    <a:solidFill>
                      <a:schemeClr val="tx1">
                        <a:lumMod val="65000"/>
                        <a:lumOff val="35000"/>
                      </a:schemeClr>
                    </a:solidFill>
                    <a:latin typeface="+mn-lt"/>
                    <a:ea typeface="+mn-ea"/>
                    <a:cs typeface="+mn-cs"/>
                  </a:defRPr>
                </a:pPr>
                <a:r>
                  <a:rPr lang="en-GB" dirty="0"/>
                  <a:t>%</a:t>
                </a:r>
              </a:p>
            </c:rich>
          </c:tx>
          <c:overlay val="0"/>
          <c:spPr>
            <a:noFill/>
            <a:ln>
              <a:noFill/>
            </a:ln>
            <a:effectLst/>
          </c:spPr>
          <c:txPr>
            <a:bodyPr rot="-5400000" spcFirstLastPara="1" vertOverflow="ellipsis" vert="horz" wrap="square" anchor="ctr" anchorCtr="1"/>
            <a:lstStyle/>
            <a:p>
              <a:pPr>
                <a:defRPr lang="ja-JP" sz="133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lang="ja-JP" sz="1197" b="0" i="0" u="none" strike="noStrike" kern="1200" baseline="0">
                <a:solidFill>
                  <a:schemeClr val="tx1">
                    <a:lumMod val="65000"/>
                    <a:lumOff val="35000"/>
                  </a:schemeClr>
                </a:solidFill>
                <a:latin typeface="+mn-lt"/>
                <a:ea typeface="+mn-ea"/>
                <a:cs typeface="+mn-cs"/>
              </a:defRPr>
            </a:pPr>
            <a:endParaRPr lang="en-US"/>
          </a:p>
        </c:txPr>
        <c:crossAx val="22429537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lang="ja-JP"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stockChart>
        <c:ser>
          <c:idx val="0"/>
          <c:order val="0"/>
          <c:tx>
            <c:strRef>
              <c:f>Sheet1!$B$1</c:f>
              <c:strCache>
                <c:ptCount val="1"/>
                <c:pt idx="0">
                  <c:v>Q1 2024</c:v>
                </c:pt>
              </c:strCache>
            </c:strRef>
          </c:tx>
          <c:spPr>
            <a:ln w="28575" cap="rnd">
              <a:noFill/>
              <a:round/>
            </a:ln>
            <a:effectLst/>
          </c:spPr>
          <c:marker>
            <c:symbol val="circle"/>
            <c:size val="10"/>
            <c:spPr>
              <a:solidFill>
                <a:schemeClr val="tx2"/>
              </a:solidFill>
              <a:ln w="9525">
                <a:solidFill>
                  <a:schemeClr val="tx2"/>
                </a:solidFill>
              </a:ln>
              <a:effectLst/>
            </c:spPr>
          </c:marker>
          <c:cat>
            <c:strRef>
              <c:f>Sheet1!$A$2:$A$33</c:f>
              <c:strCache>
                <c:ptCount val="32"/>
                <c:pt idx="0">
                  <c:v>San Francisco</c:v>
                </c:pt>
                <c:pt idx="1">
                  <c:v>Houston</c:v>
                </c:pt>
                <c:pt idx="2">
                  <c:v>Dallas</c:v>
                </c:pt>
                <c:pt idx="3">
                  <c:v>Minneapolis</c:v>
                </c:pt>
                <c:pt idx="4">
                  <c:v>Atlanta</c:v>
                </c:pt>
                <c:pt idx="5">
                  <c:v>Phoenix</c:v>
                </c:pt>
                <c:pt idx="6">
                  <c:v>Los Angeles</c:v>
                </c:pt>
                <c:pt idx="7">
                  <c:v>Chicago</c:v>
                </c:pt>
                <c:pt idx="8">
                  <c:v>Seattle</c:v>
                </c:pt>
                <c:pt idx="9">
                  <c:v>Washington, D.C.</c:v>
                </c:pt>
                <c:pt idx="10">
                  <c:v>Dublin</c:v>
                </c:pt>
                <c:pt idx="11">
                  <c:v>Baltimore</c:v>
                </c:pt>
                <c:pt idx="12">
                  <c:v>Philadelphia</c:v>
                </c:pt>
                <c:pt idx="13">
                  <c:v>Boston</c:v>
                </c:pt>
                <c:pt idx="14">
                  <c:v>Manhattan</c:v>
                </c:pt>
                <c:pt idx="15">
                  <c:v>San Diego</c:v>
                </c:pt>
                <c:pt idx="16">
                  <c:v>Helsinki</c:v>
                </c:pt>
                <c:pt idx="17">
                  <c:v>Barcelona</c:v>
                </c:pt>
                <c:pt idx="18">
                  <c:v>Madrid</c:v>
                </c:pt>
                <c:pt idx="19">
                  <c:v>Warsaw</c:v>
                </c:pt>
                <c:pt idx="20">
                  <c:v>Frankfurt am Main</c:v>
                </c:pt>
                <c:pt idx="21">
                  <c:v>Lisbon</c:v>
                </c:pt>
                <c:pt idx="22">
                  <c:v>Milan</c:v>
                </c:pt>
                <c:pt idx="23">
                  <c:v>London - Central</c:v>
                </c:pt>
                <c:pt idx="24">
                  <c:v>Amsterdam</c:v>
                </c:pt>
                <c:pt idx="25">
                  <c:v>Paris Ile-de-France</c:v>
                </c:pt>
                <c:pt idx="26">
                  <c:v>Brussels</c:v>
                </c:pt>
                <c:pt idx="27">
                  <c:v>Stockholm</c:v>
                </c:pt>
                <c:pt idx="28">
                  <c:v>Munich</c:v>
                </c:pt>
                <c:pt idx="29">
                  <c:v>Copenhagen</c:v>
                </c:pt>
                <c:pt idx="30">
                  <c:v>Berlin</c:v>
                </c:pt>
                <c:pt idx="31">
                  <c:v>Vienna</c:v>
                </c:pt>
              </c:strCache>
            </c:strRef>
          </c:cat>
          <c:val>
            <c:numRef>
              <c:f>Sheet1!$B$2:$B$33</c:f>
              <c:numCache>
                <c:formatCode>0.00</c:formatCode>
                <c:ptCount val="32"/>
                <c:pt idx="0">
                  <c:v>24.5</c:v>
                </c:pt>
                <c:pt idx="1">
                  <c:v>24.3</c:v>
                </c:pt>
                <c:pt idx="2">
                  <c:v>24</c:v>
                </c:pt>
                <c:pt idx="3">
                  <c:v>22.2</c:v>
                </c:pt>
                <c:pt idx="4">
                  <c:v>21.7</c:v>
                </c:pt>
                <c:pt idx="5">
                  <c:v>21.5</c:v>
                </c:pt>
                <c:pt idx="6">
                  <c:v>21.5</c:v>
                </c:pt>
                <c:pt idx="7">
                  <c:v>21.3</c:v>
                </c:pt>
                <c:pt idx="8">
                  <c:v>20.3</c:v>
                </c:pt>
                <c:pt idx="9">
                  <c:v>19</c:v>
                </c:pt>
                <c:pt idx="10">
                  <c:v>17.72</c:v>
                </c:pt>
                <c:pt idx="11">
                  <c:v>16.600000000000001</c:v>
                </c:pt>
                <c:pt idx="12">
                  <c:v>16</c:v>
                </c:pt>
                <c:pt idx="13">
                  <c:v>15.9</c:v>
                </c:pt>
                <c:pt idx="14">
                  <c:v>15.3</c:v>
                </c:pt>
                <c:pt idx="15">
                  <c:v>14.8</c:v>
                </c:pt>
                <c:pt idx="16">
                  <c:v>14.5</c:v>
                </c:pt>
                <c:pt idx="17">
                  <c:v>13.98</c:v>
                </c:pt>
                <c:pt idx="18">
                  <c:v>11.69</c:v>
                </c:pt>
                <c:pt idx="19">
                  <c:v>11.05</c:v>
                </c:pt>
                <c:pt idx="20">
                  <c:v>10.48</c:v>
                </c:pt>
                <c:pt idx="21">
                  <c:v>9.7899999999999991</c:v>
                </c:pt>
                <c:pt idx="22">
                  <c:v>9.25</c:v>
                </c:pt>
                <c:pt idx="23" formatCode="General">
                  <c:v>8.82</c:v>
                </c:pt>
                <c:pt idx="24" formatCode="General">
                  <c:v>8.65</c:v>
                </c:pt>
                <c:pt idx="25" formatCode="General">
                  <c:v>8.09</c:v>
                </c:pt>
                <c:pt idx="26" formatCode="General">
                  <c:v>7.49</c:v>
                </c:pt>
                <c:pt idx="27" formatCode="General">
                  <c:v>7.11</c:v>
                </c:pt>
                <c:pt idx="28" formatCode="General">
                  <c:v>7.1</c:v>
                </c:pt>
                <c:pt idx="29" formatCode="General">
                  <c:v>6.8</c:v>
                </c:pt>
                <c:pt idx="30" formatCode="General">
                  <c:v>6.41</c:v>
                </c:pt>
                <c:pt idx="31" formatCode="General">
                  <c:v>3.36</c:v>
                </c:pt>
              </c:numCache>
            </c:numRef>
          </c:val>
          <c:smooth val="0"/>
          <c:extLst>
            <c:ext xmlns:c16="http://schemas.microsoft.com/office/drawing/2014/chart" uri="{C3380CC4-5D6E-409C-BE32-E72D297353CC}">
              <c16:uniqueId val="{00000000-EAC7-4119-8028-572E9C895A5F}"/>
            </c:ext>
          </c:extLst>
        </c:ser>
        <c:ser>
          <c:idx val="1"/>
          <c:order val="1"/>
          <c:tx>
            <c:strRef>
              <c:f>Sheet1!$C$1</c:f>
              <c:strCache>
                <c:ptCount val="1"/>
                <c:pt idx="0">
                  <c:v>Q4 2019</c:v>
                </c:pt>
              </c:strCache>
            </c:strRef>
          </c:tx>
          <c:spPr>
            <a:ln w="28575" cap="rnd">
              <a:noFill/>
              <a:round/>
            </a:ln>
            <a:effectLst/>
          </c:spPr>
          <c:marker>
            <c:symbol val="square"/>
            <c:size val="10"/>
            <c:spPr>
              <a:solidFill>
                <a:schemeClr val="accent2"/>
              </a:solidFill>
              <a:ln w="9525">
                <a:solidFill>
                  <a:schemeClr val="accent2"/>
                </a:solidFill>
              </a:ln>
              <a:effectLst/>
            </c:spPr>
          </c:marker>
          <c:cat>
            <c:strRef>
              <c:f>Sheet1!$A$2:$A$33</c:f>
              <c:strCache>
                <c:ptCount val="32"/>
                <c:pt idx="0">
                  <c:v>San Francisco</c:v>
                </c:pt>
                <c:pt idx="1">
                  <c:v>Houston</c:v>
                </c:pt>
                <c:pt idx="2">
                  <c:v>Dallas</c:v>
                </c:pt>
                <c:pt idx="3">
                  <c:v>Minneapolis</c:v>
                </c:pt>
                <c:pt idx="4">
                  <c:v>Atlanta</c:v>
                </c:pt>
                <c:pt idx="5">
                  <c:v>Phoenix</c:v>
                </c:pt>
                <c:pt idx="6">
                  <c:v>Los Angeles</c:v>
                </c:pt>
                <c:pt idx="7">
                  <c:v>Chicago</c:v>
                </c:pt>
                <c:pt idx="8">
                  <c:v>Seattle</c:v>
                </c:pt>
                <c:pt idx="9">
                  <c:v>Washington, D.C.</c:v>
                </c:pt>
                <c:pt idx="10">
                  <c:v>Dublin</c:v>
                </c:pt>
                <c:pt idx="11">
                  <c:v>Baltimore</c:v>
                </c:pt>
                <c:pt idx="12">
                  <c:v>Philadelphia</c:v>
                </c:pt>
                <c:pt idx="13">
                  <c:v>Boston</c:v>
                </c:pt>
                <c:pt idx="14">
                  <c:v>Manhattan</c:v>
                </c:pt>
                <c:pt idx="15">
                  <c:v>San Diego</c:v>
                </c:pt>
                <c:pt idx="16">
                  <c:v>Helsinki</c:v>
                </c:pt>
                <c:pt idx="17">
                  <c:v>Barcelona</c:v>
                </c:pt>
                <c:pt idx="18">
                  <c:v>Madrid</c:v>
                </c:pt>
                <c:pt idx="19">
                  <c:v>Warsaw</c:v>
                </c:pt>
                <c:pt idx="20">
                  <c:v>Frankfurt am Main</c:v>
                </c:pt>
                <c:pt idx="21">
                  <c:v>Lisbon</c:v>
                </c:pt>
                <c:pt idx="22">
                  <c:v>Milan</c:v>
                </c:pt>
                <c:pt idx="23">
                  <c:v>London - Central</c:v>
                </c:pt>
                <c:pt idx="24">
                  <c:v>Amsterdam</c:v>
                </c:pt>
                <c:pt idx="25">
                  <c:v>Paris Ile-de-France</c:v>
                </c:pt>
                <c:pt idx="26">
                  <c:v>Brussels</c:v>
                </c:pt>
                <c:pt idx="27">
                  <c:v>Stockholm</c:v>
                </c:pt>
                <c:pt idx="28">
                  <c:v>Munich</c:v>
                </c:pt>
                <c:pt idx="29">
                  <c:v>Copenhagen</c:v>
                </c:pt>
                <c:pt idx="30">
                  <c:v>Berlin</c:v>
                </c:pt>
                <c:pt idx="31">
                  <c:v>Vienna</c:v>
                </c:pt>
              </c:strCache>
            </c:strRef>
          </c:cat>
          <c:val>
            <c:numRef>
              <c:f>Sheet1!$C$2:$C$33</c:f>
              <c:numCache>
                <c:formatCode>0.00</c:formatCode>
                <c:ptCount val="32"/>
                <c:pt idx="0">
                  <c:v>5.2</c:v>
                </c:pt>
                <c:pt idx="1">
                  <c:v>21.4</c:v>
                </c:pt>
                <c:pt idx="2">
                  <c:v>18.100000000000001</c:v>
                </c:pt>
                <c:pt idx="3">
                  <c:v>18.5</c:v>
                </c:pt>
                <c:pt idx="4">
                  <c:v>14.3</c:v>
                </c:pt>
                <c:pt idx="5">
                  <c:v>13.3</c:v>
                </c:pt>
                <c:pt idx="6">
                  <c:v>11.6</c:v>
                </c:pt>
                <c:pt idx="7">
                  <c:v>13.8</c:v>
                </c:pt>
                <c:pt idx="8">
                  <c:v>7.1</c:v>
                </c:pt>
                <c:pt idx="9">
                  <c:v>13.9</c:v>
                </c:pt>
                <c:pt idx="10">
                  <c:v>5.05</c:v>
                </c:pt>
                <c:pt idx="11">
                  <c:v>12.8</c:v>
                </c:pt>
                <c:pt idx="12">
                  <c:v>10.199999999999999</c:v>
                </c:pt>
                <c:pt idx="13">
                  <c:v>8.6999999999999993</c:v>
                </c:pt>
                <c:pt idx="14">
                  <c:v>7.5</c:v>
                </c:pt>
                <c:pt idx="15">
                  <c:v>10.3</c:v>
                </c:pt>
                <c:pt idx="16">
                  <c:v>12.6</c:v>
                </c:pt>
                <c:pt idx="17">
                  <c:v>5.85</c:v>
                </c:pt>
                <c:pt idx="18">
                  <c:v>8.9499999999999993</c:v>
                </c:pt>
                <c:pt idx="19">
                  <c:v>7.79</c:v>
                </c:pt>
                <c:pt idx="20">
                  <c:v>6.93</c:v>
                </c:pt>
                <c:pt idx="21">
                  <c:v>5.21</c:v>
                </c:pt>
                <c:pt idx="22">
                  <c:v>10.09</c:v>
                </c:pt>
                <c:pt idx="23" formatCode="General">
                  <c:v>3.86</c:v>
                </c:pt>
                <c:pt idx="24" formatCode="General">
                  <c:v>3.31</c:v>
                </c:pt>
                <c:pt idx="25" formatCode="General">
                  <c:v>4.66</c:v>
                </c:pt>
                <c:pt idx="26" formatCode="General">
                  <c:v>7.29</c:v>
                </c:pt>
                <c:pt idx="27" formatCode="General">
                  <c:v>4.08</c:v>
                </c:pt>
                <c:pt idx="28" formatCode="General">
                  <c:v>2.88</c:v>
                </c:pt>
                <c:pt idx="29" formatCode="General">
                  <c:v>8.25</c:v>
                </c:pt>
                <c:pt idx="30" formatCode="General">
                  <c:v>1.07</c:v>
                </c:pt>
                <c:pt idx="31" formatCode="General">
                  <c:v>4.75</c:v>
                </c:pt>
              </c:numCache>
            </c:numRef>
          </c:val>
          <c:smooth val="0"/>
          <c:extLst>
            <c:ext xmlns:c16="http://schemas.microsoft.com/office/drawing/2014/chart" uri="{C3380CC4-5D6E-409C-BE32-E72D297353CC}">
              <c16:uniqueId val="{00000001-EAC7-4119-8028-572E9C895A5F}"/>
            </c:ext>
          </c:extLst>
        </c:ser>
        <c:dLbls>
          <c:showLegendKey val="0"/>
          <c:showVal val="0"/>
          <c:showCatName val="0"/>
          <c:showSerName val="0"/>
          <c:showPercent val="0"/>
          <c:showBubbleSize val="0"/>
        </c:dLbls>
        <c:hiLowLines>
          <c:spPr>
            <a:ln w="9525" cap="flat" cmpd="sng" algn="ctr">
              <a:noFill/>
              <a:round/>
            </a:ln>
            <a:effectLst/>
          </c:spPr>
        </c:hiLowLines>
        <c:axId val="933490432"/>
        <c:axId val="933489352"/>
      </c:stockChart>
      <c:catAx>
        <c:axId val="933490432"/>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lang="ja-JP" sz="1000" b="0" i="0" u="none" strike="noStrike" kern="1200" baseline="0">
                <a:solidFill>
                  <a:schemeClr val="tx1">
                    <a:lumMod val="65000"/>
                    <a:lumOff val="35000"/>
                  </a:schemeClr>
                </a:solidFill>
                <a:latin typeface="+mn-lt"/>
                <a:ea typeface="+mn-ea"/>
                <a:cs typeface="+mn-cs"/>
              </a:defRPr>
            </a:pPr>
            <a:endParaRPr lang="en-US"/>
          </a:p>
        </c:txPr>
        <c:crossAx val="933489352"/>
        <c:crosses val="autoZero"/>
        <c:auto val="1"/>
        <c:lblAlgn val="ctr"/>
        <c:lblOffset val="100"/>
        <c:noMultiLvlLbl val="0"/>
      </c:catAx>
      <c:valAx>
        <c:axId val="93348935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lang="ja-JP" sz="1000" b="0" i="0" u="none" strike="noStrike" kern="1200" baseline="0">
                    <a:solidFill>
                      <a:schemeClr val="tx1">
                        <a:lumMod val="65000"/>
                        <a:lumOff val="35000"/>
                      </a:schemeClr>
                    </a:solidFill>
                    <a:latin typeface="+mn-lt"/>
                    <a:ea typeface="+mn-ea"/>
                    <a:cs typeface="+mn-cs"/>
                  </a:defRPr>
                </a:pPr>
                <a:r>
                  <a:rPr lang="en-GB"/>
                  <a:t>%</a:t>
                </a:r>
              </a:p>
            </c:rich>
          </c:tx>
          <c:overlay val="0"/>
          <c:spPr>
            <a:noFill/>
            <a:ln>
              <a:noFill/>
            </a:ln>
            <a:effectLst/>
          </c:spPr>
          <c:txPr>
            <a:bodyPr rot="-5400000" spcFirstLastPara="1" vertOverflow="ellipsis" vert="horz" wrap="square" anchor="ctr" anchorCtr="1"/>
            <a:lstStyle/>
            <a:p>
              <a:pPr>
                <a:defRPr lang="ja-JP" sz="1000" b="0" i="0" u="none" strike="noStrike" kern="1200" baseline="0">
                  <a:solidFill>
                    <a:schemeClr val="tx1">
                      <a:lumMod val="65000"/>
                      <a:lumOff val="35000"/>
                    </a:schemeClr>
                  </a:solidFill>
                  <a:latin typeface="+mn-lt"/>
                  <a:ea typeface="+mn-ea"/>
                  <a:cs typeface="+mn-cs"/>
                </a:defRPr>
              </a:pPr>
              <a:endParaRPr lang="en-US"/>
            </a:p>
          </c:txPr>
        </c:title>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lang="ja-JP" sz="1000" b="0" i="0" u="none" strike="noStrike" kern="1200" baseline="0">
                <a:solidFill>
                  <a:schemeClr val="tx1">
                    <a:lumMod val="65000"/>
                    <a:lumOff val="35000"/>
                  </a:schemeClr>
                </a:solidFill>
                <a:latin typeface="+mn-lt"/>
                <a:ea typeface="+mn-ea"/>
                <a:cs typeface="+mn-cs"/>
              </a:defRPr>
            </a:pPr>
            <a:endParaRPr lang="en-US"/>
          </a:p>
        </c:txPr>
        <c:crossAx val="933490432"/>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lang="ja-JP" sz="10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rgbClr val="FFFFFF"/>
    </a:solidFill>
    <a:ln>
      <a:noFill/>
    </a:ln>
    <a:effectLst/>
  </c:spPr>
  <c:txPr>
    <a:bodyPr/>
    <a:lstStyle/>
    <a:p>
      <a:pPr>
        <a:defRPr sz="1000"/>
      </a:pPr>
      <a:endParaRPr lang="en-US"/>
    </a:p>
  </c:txPr>
  <c:externalData r:id="rId4">
    <c:autoUpdate val="0"/>
  </c:externalData>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9.5485016864201355E-2"/>
          <c:y val="3.7709797277785263E-2"/>
          <c:w val="0.89833499086078894"/>
          <c:h val="0.85377099256236"/>
        </c:manualLayout>
      </c:layout>
      <c:barChart>
        <c:barDir val="col"/>
        <c:grouping val="clustered"/>
        <c:varyColors val="0"/>
        <c:ser>
          <c:idx val="0"/>
          <c:order val="0"/>
          <c:tx>
            <c:strRef>
              <c:f>'[data for charts only.xlsx]Sheet15'!$C$1</c:f>
              <c:strCache>
                <c:ptCount val="1"/>
                <c:pt idx="0">
                  <c:v>sumDiff</c:v>
                </c:pt>
              </c:strCache>
            </c:strRef>
          </c:tx>
          <c:spPr>
            <a:solidFill>
              <a:schemeClr val="bg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lang="ja-JP" sz="1200" b="0" i="0" u="none" strike="noStrike" kern="1200" baseline="0">
                    <a:solidFill>
                      <a:srgbClr val="435254"/>
                    </a:solidFill>
                    <a:latin typeface="Barlow Condensed Medium" pitchFamily="2" charset="77"/>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ata for charts only.xlsx]Sheet15'!$D$2:$D$5</c:f>
              <c:strCache>
                <c:ptCount val="4"/>
                <c:pt idx="0">
                  <c:v>All Buildings</c:v>
                </c:pt>
                <c:pt idx="1">
                  <c:v>Hardest Hit Buildings (the worst 10%)</c:v>
                </c:pt>
                <c:pt idx="2">
                  <c:v>Best 10% Performing Buidlings</c:v>
                </c:pt>
                <c:pt idx="3">
                  <c:v>Silent Middle Buidlings</c:v>
                </c:pt>
              </c:strCache>
            </c:strRef>
          </c:cat>
          <c:val>
            <c:numRef>
              <c:f>'[data for charts only.xlsx]Sheet15'!$C$2:$C$5</c:f>
              <c:numCache>
                <c:formatCode>_(* #,##0_);_(* \(#,##0\);_(* "-"??_);_(@_)</c:formatCode>
                <c:ptCount val="4"/>
                <c:pt idx="0">
                  <c:v>273615.74800000002</c:v>
                </c:pt>
                <c:pt idx="1">
                  <c:v>355296.34100000001</c:v>
                </c:pt>
                <c:pt idx="2">
                  <c:v>-147065.245</c:v>
                </c:pt>
                <c:pt idx="3">
                  <c:v>65384.652000000002</c:v>
                </c:pt>
              </c:numCache>
            </c:numRef>
          </c:val>
          <c:extLst>
            <c:ext xmlns:c16="http://schemas.microsoft.com/office/drawing/2014/chart" uri="{C3380CC4-5D6E-409C-BE32-E72D297353CC}">
              <c16:uniqueId val="{00000000-7B17-42AF-B812-E46FFF66C814}"/>
            </c:ext>
          </c:extLst>
        </c:ser>
        <c:dLbls>
          <c:dLblPos val="outEnd"/>
          <c:showLegendKey val="0"/>
          <c:showVal val="1"/>
          <c:showCatName val="0"/>
          <c:showSerName val="0"/>
          <c:showPercent val="0"/>
          <c:showBubbleSize val="0"/>
        </c:dLbls>
        <c:gapWidth val="219"/>
        <c:overlap val="-27"/>
        <c:axId val="76342335"/>
        <c:axId val="76341255"/>
      </c:barChart>
      <c:catAx>
        <c:axId val="76342335"/>
        <c:scaling>
          <c:orientation val="minMax"/>
        </c:scaling>
        <c:delete val="0"/>
        <c:axPos val="b"/>
        <c:numFmt formatCode="General" sourceLinked="1"/>
        <c:majorTickMark val="none"/>
        <c:minorTickMark val="none"/>
        <c:tickLblPos val="low"/>
        <c:spPr>
          <a:noFill/>
          <a:ln w="12700" cap="flat" cmpd="sng" algn="ctr">
            <a:solidFill>
              <a:srgbClr val="435254"/>
            </a:solidFill>
            <a:round/>
          </a:ln>
          <a:effectLst/>
        </c:spPr>
        <c:txPr>
          <a:bodyPr rot="-60000000" spcFirstLastPara="1" vertOverflow="ellipsis" vert="horz" wrap="square" anchor="ctr" anchorCtr="1"/>
          <a:lstStyle/>
          <a:p>
            <a:pPr>
              <a:defRPr lang="ja-JP" sz="1100" b="0" i="0" u="none" strike="noStrike" kern="1200" baseline="0">
                <a:solidFill>
                  <a:srgbClr val="435254"/>
                </a:solidFill>
                <a:latin typeface="Calibre" panose="020B0503030202060203" pitchFamily="34" charset="77"/>
                <a:ea typeface="+mn-ea"/>
                <a:cs typeface="+mn-cs"/>
              </a:defRPr>
            </a:pPr>
            <a:endParaRPr lang="en-US"/>
          </a:p>
        </c:txPr>
        <c:crossAx val="76341255"/>
        <c:crosses val="autoZero"/>
        <c:auto val="1"/>
        <c:lblAlgn val="ctr"/>
        <c:lblOffset val="100"/>
        <c:noMultiLvlLbl val="0"/>
      </c:catAx>
      <c:valAx>
        <c:axId val="76341255"/>
        <c:scaling>
          <c:orientation val="minMax"/>
        </c:scaling>
        <c:delete val="0"/>
        <c:axPos val="l"/>
        <c:majorGridlines>
          <c:spPr>
            <a:ln w="6350" cap="flat" cmpd="sng" algn="ctr">
              <a:solidFill>
                <a:srgbClr val="CAD1D3"/>
              </a:solidFill>
              <a:round/>
            </a:ln>
            <a:effectLst/>
          </c:spPr>
        </c:majorGridlines>
        <c:numFmt formatCode="_(* #,##0_);_(* \(#,##0\);_(* &quot;-&quot;??_);_(@_)" sourceLinked="1"/>
        <c:majorTickMark val="none"/>
        <c:minorTickMark val="none"/>
        <c:tickLblPos val="nextTo"/>
        <c:spPr>
          <a:noFill/>
          <a:ln>
            <a:noFill/>
          </a:ln>
          <a:effectLst/>
        </c:spPr>
        <c:txPr>
          <a:bodyPr rot="-60000000" spcFirstLastPara="1" vertOverflow="ellipsis" vert="horz" wrap="square" anchor="ctr" anchorCtr="1"/>
          <a:lstStyle/>
          <a:p>
            <a:pPr>
              <a:defRPr lang="ja-JP" sz="1200" b="0" i="0" u="none" strike="noStrike" kern="1200" baseline="0">
                <a:solidFill>
                  <a:srgbClr val="435254"/>
                </a:solidFill>
                <a:latin typeface="Calibre" panose="020B0503030202060203" pitchFamily="34" charset="77"/>
                <a:ea typeface="+mn-ea"/>
                <a:cs typeface="+mn-cs"/>
              </a:defRPr>
            </a:pPr>
            <a:endParaRPr lang="en-US"/>
          </a:p>
        </c:txPr>
        <c:crossAx val="76342335"/>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7328801346144616E-2"/>
          <c:y val="4.2713178294573641E-2"/>
          <c:w val="0.90693644309213273"/>
          <c:h val="0.70789598974546786"/>
        </c:manualLayout>
      </c:layout>
      <c:lineChart>
        <c:grouping val="standard"/>
        <c:varyColors val="0"/>
        <c:ser>
          <c:idx val="0"/>
          <c:order val="0"/>
          <c:tx>
            <c:strRef>
              <c:f>'[top 16.xlsx]prime nonprime'!$W$1</c:f>
              <c:strCache>
                <c:ptCount val="1"/>
                <c:pt idx="0">
                  <c:v> Prime </c:v>
                </c:pt>
              </c:strCache>
            </c:strRef>
          </c:tx>
          <c:spPr>
            <a:ln w="28575" cap="rnd">
              <a:solidFill>
                <a:schemeClr val="bg2"/>
              </a:solidFill>
              <a:round/>
            </a:ln>
            <a:effectLst/>
          </c:spPr>
          <c:marker>
            <c:symbol val="none"/>
          </c:marker>
          <c:dLbls>
            <c:dLbl>
              <c:idx val="24"/>
              <c:dLblPos val="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0-99AE-4F76-916D-8C081BE0AAA7}"/>
                </c:ext>
              </c:extLst>
            </c:dLbl>
            <c:spPr>
              <a:noFill/>
              <a:ln>
                <a:noFill/>
              </a:ln>
              <a:effectLst/>
            </c:spPr>
            <c:txPr>
              <a:bodyPr rot="0" spcFirstLastPara="1" vertOverflow="ellipsis" vert="horz" wrap="square" lIns="38100" tIns="19050" rIns="38100" bIns="19050" anchor="ctr" anchorCtr="1">
                <a:spAutoFit/>
              </a:bodyPr>
              <a:lstStyle/>
              <a:p>
                <a:pPr>
                  <a:defRPr lang="ja-JP" sz="1200" b="0" i="0" u="none" strike="noStrike" kern="1200" baseline="0">
                    <a:solidFill>
                      <a:srgbClr val="435254"/>
                    </a:solidFill>
                    <a:latin typeface="Barlow Condensed Medium" pitchFamily="2" charset="77"/>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top 16.xlsx]prime nonprime'!$V$2:$V$26</c:f>
              <c:numCache>
                <c:formatCode>General</c:formatCode>
                <c:ptCount val="25"/>
                <c:pt idx="0">
                  <c:v>2018.1</c:v>
                </c:pt>
                <c:pt idx="1">
                  <c:v>2018.2</c:v>
                </c:pt>
                <c:pt idx="2">
                  <c:v>2018.3</c:v>
                </c:pt>
                <c:pt idx="3">
                  <c:v>2018.4</c:v>
                </c:pt>
                <c:pt idx="4">
                  <c:v>2019.1</c:v>
                </c:pt>
                <c:pt idx="5">
                  <c:v>2019.2</c:v>
                </c:pt>
                <c:pt idx="6">
                  <c:v>2019.3</c:v>
                </c:pt>
                <c:pt idx="7">
                  <c:v>2019.4</c:v>
                </c:pt>
                <c:pt idx="8">
                  <c:v>2020.1</c:v>
                </c:pt>
                <c:pt idx="9">
                  <c:v>2020.2</c:v>
                </c:pt>
                <c:pt idx="10">
                  <c:v>2020.3</c:v>
                </c:pt>
                <c:pt idx="11">
                  <c:v>2020.4</c:v>
                </c:pt>
                <c:pt idx="12">
                  <c:v>2021.1</c:v>
                </c:pt>
                <c:pt idx="13">
                  <c:v>2021.2</c:v>
                </c:pt>
                <c:pt idx="14">
                  <c:v>2021.3</c:v>
                </c:pt>
                <c:pt idx="15">
                  <c:v>2021.4</c:v>
                </c:pt>
                <c:pt idx="16">
                  <c:v>2022.1</c:v>
                </c:pt>
                <c:pt idx="17">
                  <c:v>2022.2</c:v>
                </c:pt>
                <c:pt idx="18">
                  <c:v>2022.3</c:v>
                </c:pt>
                <c:pt idx="19">
                  <c:v>2022.4</c:v>
                </c:pt>
                <c:pt idx="20">
                  <c:v>2023.1</c:v>
                </c:pt>
                <c:pt idx="21">
                  <c:v>2023.2</c:v>
                </c:pt>
                <c:pt idx="22">
                  <c:v>2023.3</c:v>
                </c:pt>
                <c:pt idx="23">
                  <c:v>2023.4</c:v>
                </c:pt>
                <c:pt idx="24">
                  <c:v>2024.1</c:v>
                </c:pt>
              </c:numCache>
            </c:numRef>
          </c:cat>
          <c:val>
            <c:numRef>
              <c:f>'[top 16.xlsx]prime nonprime'!$W$2:$W$26</c:f>
              <c:numCache>
                <c:formatCode>_(* #,##0.0_);_(* \(#,##0.0\);_(* "-"??_);_(@_)</c:formatCode>
                <c:ptCount val="25"/>
                <c:pt idx="0">
                  <c:v>10.865</c:v>
                </c:pt>
                <c:pt idx="1">
                  <c:v>11.286</c:v>
                </c:pt>
                <c:pt idx="2">
                  <c:v>10.567</c:v>
                </c:pt>
                <c:pt idx="3">
                  <c:v>9.9060000000000006</c:v>
                </c:pt>
                <c:pt idx="4">
                  <c:v>9.7330000000000005</c:v>
                </c:pt>
                <c:pt idx="5">
                  <c:v>9.1720000000000006</c:v>
                </c:pt>
                <c:pt idx="6">
                  <c:v>8.3369999999999997</c:v>
                </c:pt>
                <c:pt idx="7">
                  <c:v>7.915</c:v>
                </c:pt>
                <c:pt idx="8">
                  <c:v>8.0619999999999994</c:v>
                </c:pt>
                <c:pt idx="9">
                  <c:v>8.5530000000000008</c:v>
                </c:pt>
                <c:pt idx="10">
                  <c:v>9.2420000000000009</c:v>
                </c:pt>
                <c:pt idx="11">
                  <c:v>10.353</c:v>
                </c:pt>
                <c:pt idx="12">
                  <c:v>11.59</c:v>
                </c:pt>
                <c:pt idx="13">
                  <c:v>11.981</c:v>
                </c:pt>
                <c:pt idx="14">
                  <c:v>12.026</c:v>
                </c:pt>
                <c:pt idx="15">
                  <c:v>11.747</c:v>
                </c:pt>
                <c:pt idx="16">
                  <c:v>12.003</c:v>
                </c:pt>
                <c:pt idx="17">
                  <c:v>11.96</c:v>
                </c:pt>
                <c:pt idx="18">
                  <c:v>11.56</c:v>
                </c:pt>
                <c:pt idx="19">
                  <c:v>11.827</c:v>
                </c:pt>
                <c:pt idx="20">
                  <c:v>12.124000000000001</c:v>
                </c:pt>
                <c:pt idx="21">
                  <c:v>13.037000000000001</c:v>
                </c:pt>
                <c:pt idx="22">
                  <c:v>13.33</c:v>
                </c:pt>
                <c:pt idx="23">
                  <c:v>13.526999999999999</c:v>
                </c:pt>
                <c:pt idx="24">
                  <c:v>14.135</c:v>
                </c:pt>
              </c:numCache>
            </c:numRef>
          </c:val>
          <c:smooth val="0"/>
          <c:extLst>
            <c:ext xmlns:c16="http://schemas.microsoft.com/office/drawing/2014/chart" uri="{C3380CC4-5D6E-409C-BE32-E72D297353CC}">
              <c16:uniqueId val="{00000001-99AE-4F76-916D-8C081BE0AAA7}"/>
            </c:ext>
          </c:extLst>
        </c:ser>
        <c:ser>
          <c:idx val="1"/>
          <c:order val="1"/>
          <c:tx>
            <c:strRef>
              <c:f>'[top 16.xlsx]prime nonprime'!$X$1</c:f>
              <c:strCache>
                <c:ptCount val="1"/>
                <c:pt idx="0">
                  <c:v> Non-prime </c:v>
                </c:pt>
              </c:strCache>
            </c:strRef>
          </c:tx>
          <c:spPr>
            <a:ln w="28575" cap="rnd">
              <a:solidFill>
                <a:schemeClr val="tx1"/>
              </a:solidFill>
              <a:round/>
            </a:ln>
            <a:effectLst/>
          </c:spPr>
          <c:marker>
            <c:symbol val="none"/>
          </c:marker>
          <c:dLbls>
            <c:dLbl>
              <c:idx val="24"/>
              <c:dLblPos val="t"/>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2-99AE-4F76-916D-8C081BE0AAA7}"/>
                </c:ext>
              </c:extLst>
            </c:dLbl>
            <c:spPr>
              <a:noFill/>
              <a:ln>
                <a:noFill/>
              </a:ln>
              <a:effectLst/>
            </c:spPr>
            <c:txPr>
              <a:bodyPr rot="0" spcFirstLastPara="1" vertOverflow="ellipsis" vert="horz" wrap="square" lIns="38100" tIns="19050" rIns="38100" bIns="19050" anchor="ctr" anchorCtr="1">
                <a:spAutoFit/>
              </a:bodyPr>
              <a:lstStyle/>
              <a:p>
                <a:pPr>
                  <a:defRPr lang="ja-JP" sz="1200" b="0" i="0" u="none" strike="noStrike" kern="1200" baseline="0">
                    <a:solidFill>
                      <a:srgbClr val="435254"/>
                    </a:solidFill>
                    <a:latin typeface="Barlow Condensed Medium" pitchFamily="2" charset="77"/>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top 16.xlsx]prime nonprime'!$V$2:$V$26</c:f>
              <c:numCache>
                <c:formatCode>General</c:formatCode>
                <c:ptCount val="25"/>
                <c:pt idx="0">
                  <c:v>2018.1</c:v>
                </c:pt>
                <c:pt idx="1">
                  <c:v>2018.2</c:v>
                </c:pt>
                <c:pt idx="2">
                  <c:v>2018.3</c:v>
                </c:pt>
                <c:pt idx="3">
                  <c:v>2018.4</c:v>
                </c:pt>
                <c:pt idx="4">
                  <c:v>2019.1</c:v>
                </c:pt>
                <c:pt idx="5">
                  <c:v>2019.2</c:v>
                </c:pt>
                <c:pt idx="6">
                  <c:v>2019.3</c:v>
                </c:pt>
                <c:pt idx="7">
                  <c:v>2019.4</c:v>
                </c:pt>
                <c:pt idx="8">
                  <c:v>2020.1</c:v>
                </c:pt>
                <c:pt idx="9">
                  <c:v>2020.2</c:v>
                </c:pt>
                <c:pt idx="10">
                  <c:v>2020.3</c:v>
                </c:pt>
                <c:pt idx="11">
                  <c:v>2020.4</c:v>
                </c:pt>
                <c:pt idx="12">
                  <c:v>2021.1</c:v>
                </c:pt>
                <c:pt idx="13">
                  <c:v>2021.2</c:v>
                </c:pt>
                <c:pt idx="14">
                  <c:v>2021.3</c:v>
                </c:pt>
                <c:pt idx="15">
                  <c:v>2021.4</c:v>
                </c:pt>
                <c:pt idx="16">
                  <c:v>2022.1</c:v>
                </c:pt>
                <c:pt idx="17">
                  <c:v>2022.2</c:v>
                </c:pt>
                <c:pt idx="18">
                  <c:v>2022.3</c:v>
                </c:pt>
                <c:pt idx="19">
                  <c:v>2022.4</c:v>
                </c:pt>
                <c:pt idx="20">
                  <c:v>2023.1</c:v>
                </c:pt>
                <c:pt idx="21">
                  <c:v>2023.2</c:v>
                </c:pt>
                <c:pt idx="22">
                  <c:v>2023.3</c:v>
                </c:pt>
                <c:pt idx="23">
                  <c:v>2023.4</c:v>
                </c:pt>
                <c:pt idx="24">
                  <c:v>2024.1</c:v>
                </c:pt>
              </c:numCache>
            </c:numRef>
          </c:cat>
          <c:val>
            <c:numRef>
              <c:f>'[top 16.xlsx]prime nonprime'!$X$2:$X$26</c:f>
              <c:numCache>
                <c:formatCode>_(* #,##0.0_);_(* \(#,##0.0\);_(* "-"??_);_(@_)</c:formatCode>
                <c:ptCount val="25"/>
                <c:pt idx="0">
                  <c:v>13.093</c:v>
                </c:pt>
                <c:pt idx="1">
                  <c:v>12.863</c:v>
                </c:pt>
                <c:pt idx="2">
                  <c:v>12.641999999999999</c:v>
                </c:pt>
                <c:pt idx="3">
                  <c:v>12.539</c:v>
                </c:pt>
                <c:pt idx="4">
                  <c:v>12.505000000000001</c:v>
                </c:pt>
                <c:pt idx="5">
                  <c:v>12.391999999999999</c:v>
                </c:pt>
                <c:pt idx="6">
                  <c:v>12.211</c:v>
                </c:pt>
                <c:pt idx="7">
                  <c:v>12.282</c:v>
                </c:pt>
                <c:pt idx="8">
                  <c:v>12.523</c:v>
                </c:pt>
                <c:pt idx="9">
                  <c:v>13.42</c:v>
                </c:pt>
                <c:pt idx="10">
                  <c:v>14.555</c:v>
                </c:pt>
                <c:pt idx="11">
                  <c:v>15.554</c:v>
                </c:pt>
                <c:pt idx="12">
                  <c:v>16.745000000000001</c:v>
                </c:pt>
                <c:pt idx="13">
                  <c:v>17.321999999999999</c:v>
                </c:pt>
                <c:pt idx="14">
                  <c:v>17.707999999999998</c:v>
                </c:pt>
                <c:pt idx="15">
                  <c:v>17.579999999999998</c:v>
                </c:pt>
                <c:pt idx="16">
                  <c:v>17.821000000000002</c:v>
                </c:pt>
                <c:pt idx="17">
                  <c:v>17.87</c:v>
                </c:pt>
                <c:pt idx="18">
                  <c:v>18.106999999999999</c:v>
                </c:pt>
                <c:pt idx="19">
                  <c:v>18.361000000000001</c:v>
                </c:pt>
                <c:pt idx="20">
                  <c:v>18.802</c:v>
                </c:pt>
                <c:pt idx="21">
                  <c:v>19.210999999999999</c:v>
                </c:pt>
                <c:pt idx="22">
                  <c:v>19.631</c:v>
                </c:pt>
                <c:pt idx="23">
                  <c:v>19.878</c:v>
                </c:pt>
                <c:pt idx="24">
                  <c:v>20.413</c:v>
                </c:pt>
              </c:numCache>
            </c:numRef>
          </c:val>
          <c:smooth val="0"/>
          <c:extLst>
            <c:ext xmlns:c16="http://schemas.microsoft.com/office/drawing/2014/chart" uri="{C3380CC4-5D6E-409C-BE32-E72D297353CC}">
              <c16:uniqueId val="{00000003-99AE-4F76-916D-8C081BE0AAA7}"/>
            </c:ext>
          </c:extLst>
        </c:ser>
        <c:dLbls>
          <c:showLegendKey val="0"/>
          <c:showVal val="0"/>
          <c:showCatName val="0"/>
          <c:showSerName val="0"/>
          <c:showPercent val="0"/>
          <c:showBubbleSize val="0"/>
        </c:dLbls>
        <c:smooth val="0"/>
        <c:axId val="1176879072"/>
        <c:axId val="1176879432"/>
      </c:lineChart>
      <c:catAx>
        <c:axId val="1176879072"/>
        <c:scaling>
          <c:orientation val="minMax"/>
        </c:scaling>
        <c:delete val="0"/>
        <c:axPos val="b"/>
        <c:numFmt formatCode="General" sourceLinked="1"/>
        <c:majorTickMark val="none"/>
        <c:minorTickMark val="none"/>
        <c:tickLblPos val="nextTo"/>
        <c:spPr>
          <a:noFill/>
          <a:ln w="12700" cap="flat" cmpd="sng" algn="ctr">
            <a:solidFill>
              <a:srgbClr val="435254"/>
            </a:solidFill>
            <a:round/>
          </a:ln>
          <a:effectLst/>
        </c:spPr>
        <c:txPr>
          <a:bodyPr rot="-60000000" spcFirstLastPara="1" vertOverflow="ellipsis" vert="horz" wrap="square" anchor="ctr" anchorCtr="1"/>
          <a:lstStyle/>
          <a:p>
            <a:pPr>
              <a:defRPr lang="ja-JP" sz="1100" b="0" i="0" u="none" strike="noStrike" kern="1200" baseline="0">
                <a:solidFill>
                  <a:srgbClr val="435254"/>
                </a:solidFill>
                <a:latin typeface="Calibre" panose="020B0503030202060203" pitchFamily="34" charset="77"/>
                <a:ea typeface="+mn-ea"/>
                <a:cs typeface="+mn-cs"/>
              </a:defRPr>
            </a:pPr>
            <a:endParaRPr lang="en-US"/>
          </a:p>
        </c:txPr>
        <c:crossAx val="1176879432"/>
        <c:crosses val="autoZero"/>
        <c:auto val="1"/>
        <c:lblAlgn val="ctr"/>
        <c:lblOffset val="100"/>
        <c:noMultiLvlLbl val="0"/>
      </c:catAx>
      <c:valAx>
        <c:axId val="1176879432"/>
        <c:scaling>
          <c:orientation val="minMax"/>
        </c:scaling>
        <c:delete val="0"/>
        <c:axPos val="l"/>
        <c:majorGridlines>
          <c:spPr>
            <a:ln w="9525" cap="flat" cmpd="sng" algn="ctr">
              <a:solidFill>
                <a:schemeClr val="tx1">
                  <a:lumMod val="15000"/>
                  <a:lumOff val="85000"/>
                </a:schemeClr>
              </a:solidFill>
              <a:round/>
            </a:ln>
            <a:effectLst/>
          </c:spPr>
        </c:majorGridlines>
        <c:numFmt formatCode="_(* #,##0.0_);_(* \(#,##0.0\);_(* &quot;-&quot;??_);_(@_)" sourceLinked="1"/>
        <c:majorTickMark val="none"/>
        <c:minorTickMark val="none"/>
        <c:tickLblPos val="nextTo"/>
        <c:spPr>
          <a:noFill/>
          <a:ln>
            <a:noFill/>
          </a:ln>
          <a:effectLst/>
        </c:spPr>
        <c:txPr>
          <a:bodyPr rot="-60000000" spcFirstLastPara="1" vertOverflow="ellipsis" vert="horz" wrap="square" anchor="ctr" anchorCtr="1"/>
          <a:lstStyle/>
          <a:p>
            <a:pPr>
              <a:defRPr lang="ja-JP" sz="1100" b="0" i="0" u="none" strike="noStrike" kern="1200" baseline="0">
                <a:solidFill>
                  <a:srgbClr val="435254"/>
                </a:solidFill>
                <a:latin typeface="Calibre" panose="020B0503030202060203" pitchFamily="34" charset="77"/>
                <a:ea typeface="+mn-ea"/>
                <a:cs typeface="+mn-cs"/>
              </a:defRPr>
            </a:pPr>
            <a:endParaRPr lang="en-US"/>
          </a:p>
        </c:txPr>
        <c:crossAx val="1176879072"/>
        <c:crosses val="autoZero"/>
        <c:crossBetween val="between"/>
      </c:valAx>
      <c:spPr>
        <a:noFill/>
        <a:ln>
          <a:noFill/>
        </a:ln>
        <a:effectLst/>
      </c:spPr>
    </c:plotArea>
    <c:legend>
      <c:legendPos val="b"/>
      <c:layout>
        <c:manualLayout>
          <c:xMode val="edge"/>
          <c:yMode val="edge"/>
          <c:x val="0.34734110065057644"/>
          <c:y val="0.93894768967832509"/>
          <c:w val="0.30531779869884723"/>
          <c:h val="6.1052310321674907E-2"/>
        </c:manualLayout>
      </c:layout>
      <c:overlay val="0"/>
      <c:spPr>
        <a:noFill/>
        <a:ln>
          <a:noFill/>
        </a:ln>
        <a:effectLst/>
      </c:spPr>
      <c:txPr>
        <a:bodyPr rot="0" spcFirstLastPara="1" vertOverflow="ellipsis" vert="horz" wrap="square" anchor="ctr" anchorCtr="1"/>
        <a:lstStyle/>
        <a:p>
          <a:pPr>
            <a:defRPr lang="ja-JP" sz="1100" b="0" i="0" u="none" strike="noStrike" kern="1200" baseline="0">
              <a:solidFill>
                <a:srgbClr val="435254"/>
              </a:solidFill>
              <a:latin typeface="Calibre" panose="020B0503030202060203" pitchFamily="34" charset="77"/>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a:noFill/>
    </a:ln>
    <a:effectLst/>
  </c:spPr>
  <c:txPr>
    <a:bodyPr/>
    <a:lstStyle/>
    <a:p>
      <a:pPr>
        <a:defRPr/>
      </a:pPr>
      <a:endParaRPr lang="en-US"/>
    </a:p>
  </c:txPr>
  <c:externalData r:id="rId3">
    <c:autoUpdate val="0"/>
  </c:externalData>
</c:chartSpace>
</file>

<file path=ppt/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layout>
        <c:manualLayout>
          <c:xMode val="edge"/>
          <c:yMode val="edge"/>
          <c:x val="0.77982633420822411"/>
          <c:y val="8.7962962962962965E-2"/>
        </c:manualLayout>
      </c:layout>
      <c:overlay val="0"/>
      <c:spPr>
        <a:noFill/>
        <a:ln>
          <a:noFill/>
        </a:ln>
        <a:effectLst/>
      </c:spPr>
      <c:txPr>
        <a:bodyPr rot="0" spcFirstLastPara="1" vertOverflow="ellipsis" vert="horz" wrap="square" anchor="ctr" anchorCtr="1"/>
        <a:lstStyle/>
        <a:p>
          <a:pPr>
            <a:defRPr lang="ja-JP" sz="11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clustered"/>
        <c:varyColors val="0"/>
        <c:ser>
          <c:idx val="0"/>
          <c:order val="0"/>
          <c:tx>
            <c:strRef>
              <c:f>オフィスストック全国!$B$5</c:f>
              <c:strCache>
                <c:ptCount val="1"/>
                <c:pt idx="0">
                  <c:v>0,000tsubo (NRA)</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lang="ja-JP" sz="1200" b="0"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オフィスストック全国!$A$6:$A$11</c:f>
              <c:strCache>
                <c:ptCount val="6"/>
                <c:pt idx="0">
                  <c:v>Tokyo 23 wards</c:v>
                </c:pt>
                <c:pt idx="1">
                  <c:v>Osaka</c:v>
                </c:pt>
                <c:pt idx="2">
                  <c:v>Nagoya</c:v>
                </c:pt>
                <c:pt idx="3">
                  <c:v>Fukuoka</c:v>
                </c:pt>
                <c:pt idx="4">
                  <c:v>Sapporo</c:v>
                </c:pt>
                <c:pt idx="5">
                  <c:v>Sendai</c:v>
                </c:pt>
              </c:strCache>
            </c:strRef>
          </c:cat>
          <c:val>
            <c:numRef>
              <c:f>オフィスストック全国!$B$6:$B$11</c:f>
              <c:numCache>
                <c:formatCode>General</c:formatCode>
                <c:ptCount val="6"/>
                <c:pt idx="0" formatCode="#,##0_);[Red]\(#,##0\)">
                  <c:v>1206</c:v>
                </c:pt>
                <c:pt idx="1">
                  <c:v>313</c:v>
                </c:pt>
                <c:pt idx="2">
                  <c:v>131</c:v>
                </c:pt>
                <c:pt idx="3">
                  <c:v>91</c:v>
                </c:pt>
                <c:pt idx="4">
                  <c:v>63</c:v>
                </c:pt>
                <c:pt idx="5">
                  <c:v>48</c:v>
                </c:pt>
              </c:numCache>
            </c:numRef>
          </c:val>
          <c:extLst>
            <c:ext xmlns:c16="http://schemas.microsoft.com/office/drawing/2014/chart" uri="{C3380CC4-5D6E-409C-BE32-E72D297353CC}">
              <c16:uniqueId val="{00000000-390F-4099-AD6A-ED946E69606E}"/>
            </c:ext>
          </c:extLst>
        </c:ser>
        <c:dLbls>
          <c:showLegendKey val="0"/>
          <c:showVal val="0"/>
          <c:showCatName val="0"/>
          <c:showSerName val="0"/>
          <c:showPercent val="0"/>
          <c:showBubbleSize val="0"/>
        </c:dLbls>
        <c:gapWidth val="219"/>
        <c:overlap val="-27"/>
        <c:axId val="625144751"/>
        <c:axId val="625147663"/>
      </c:barChart>
      <c:catAx>
        <c:axId val="625144751"/>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lang="ja-JP" sz="1200" b="0" i="0" u="none" strike="noStrike" kern="1200" baseline="0">
                <a:solidFill>
                  <a:schemeClr val="tx1">
                    <a:lumMod val="65000"/>
                    <a:lumOff val="35000"/>
                  </a:schemeClr>
                </a:solidFill>
                <a:latin typeface="+mn-lt"/>
                <a:ea typeface="+mn-ea"/>
                <a:cs typeface="+mn-cs"/>
              </a:defRPr>
            </a:pPr>
            <a:endParaRPr lang="en-US"/>
          </a:p>
        </c:txPr>
        <c:crossAx val="625147663"/>
        <c:crosses val="autoZero"/>
        <c:auto val="1"/>
        <c:lblAlgn val="ctr"/>
        <c:lblOffset val="100"/>
        <c:noMultiLvlLbl val="0"/>
      </c:catAx>
      <c:valAx>
        <c:axId val="625147663"/>
        <c:scaling>
          <c:orientation val="minMax"/>
        </c:scaling>
        <c:delete val="0"/>
        <c:axPos val="l"/>
        <c:majorGridlines>
          <c:spPr>
            <a:ln w="9525" cap="flat" cmpd="sng" algn="ctr">
              <a:solidFill>
                <a:schemeClr val="tx1">
                  <a:lumMod val="15000"/>
                  <a:lumOff val="85000"/>
                </a:schemeClr>
              </a:solidFill>
              <a:round/>
            </a:ln>
            <a:effectLst/>
          </c:spPr>
        </c:majorGridlines>
        <c:numFmt formatCode="#,##0_);[Red]\(#,##0\)" sourceLinked="1"/>
        <c:majorTickMark val="none"/>
        <c:minorTickMark val="none"/>
        <c:tickLblPos val="nextTo"/>
        <c:spPr>
          <a:noFill/>
          <a:ln>
            <a:noFill/>
          </a:ln>
          <a:effectLst/>
        </c:spPr>
        <c:txPr>
          <a:bodyPr rot="-60000000" spcFirstLastPara="1" vertOverflow="ellipsis" vert="horz" wrap="square" anchor="ctr" anchorCtr="1"/>
          <a:lstStyle/>
          <a:p>
            <a:pPr>
              <a:defRPr lang="ja-JP" sz="1200" b="0" i="0" u="none" strike="noStrike" kern="1200" baseline="0">
                <a:solidFill>
                  <a:schemeClr val="tx1">
                    <a:lumMod val="65000"/>
                    <a:lumOff val="35000"/>
                  </a:schemeClr>
                </a:solidFill>
                <a:latin typeface="+mn-lt"/>
                <a:ea typeface="+mn-ea"/>
                <a:cs typeface="+mn-cs"/>
              </a:defRPr>
            </a:pPr>
            <a:endParaRPr lang="en-US"/>
          </a:p>
        </c:txPr>
        <c:crossAx val="625144751"/>
        <c:crosses val="autoZero"/>
        <c:crossBetween val="between"/>
      </c:valAx>
      <c:spPr>
        <a:noFill/>
        <a:ln>
          <a:noFill/>
        </a:ln>
        <a:effectLst/>
      </c:spPr>
    </c:plotArea>
    <c:plotVisOnly val="1"/>
    <c:dispBlanksAs val="gap"/>
    <c:showDLblsOverMax val="0"/>
  </c:chart>
  <c:spPr>
    <a:solidFill>
      <a:schemeClr val="bg1"/>
    </a:solidFill>
    <a:ln w="9525" cap="flat" cmpd="sng" algn="ctr">
      <a:noFill/>
      <a:round/>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2.9119335083114616E-2"/>
          <c:y val="5.1824786863214484E-2"/>
          <c:w val="0.95592274715660541"/>
          <c:h val="0.93386900501073733"/>
        </c:manualLayout>
      </c:layout>
      <c:lineChart>
        <c:grouping val="standard"/>
        <c:varyColors val="0"/>
        <c:ser>
          <c:idx val="0"/>
          <c:order val="0"/>
          <c:tx>
            <c:strRef>
              <c:f>Sheet1!$M$4</c:f>
              <c:strCache>
                <c:ptCount val="1"/>
                <c:pt idx="0">
                  <c:v>U.S. </c:v>
                </c:pt>
              </c:strCache>
            </c:strRef>
          </c:tx>
          <c:spPr>
            <a:ln w="25400" cap="rnd" cmpd="sng" algn="ctr">
              <a:solidFill>
                <a:srgbClr val="80BBAD"/>
              </a:solidFill>
              <a:prstDash val="solid"/>
              <a:round/>
              <a:headEnd type="none" w="med" len="med"/>
              <a:tailEnd type="none" w="med" len="med"/>
            </a:ln>
          </c:spPr>
          <c:marker>
            <c:symbol val="none"/>
          </c:marker>
          <c:cat>
            <c:numRef>
              <c:f>Sheet1!$L$5:$L$8952</c:f>
              <c:numCache>
                <c:formatCode>m/d/yyyy</c:formatCode>
                <c:ptCount val="8948"/>
                <c:pt idx="0">
                  <c:v>36526</c:v>
                </c:pt>
                <c:pt idx="1">
                  <c:v>36527</c:v>
                </c:pt>
                <c:pt idx="2">
                  <c:v>36528</c:v>
                </c:pt>
                <c:pt idx="3">
                  <c:v>36529</c:v>
                </c:pt>
                <c:pt idx="4">
                  <c:v>36530</c:v>
                </c:pt>
                <c:pt idx="5">
                  <c:v>36531</c:v>
                </c:pt>
                <c:pt idx="6">
                  <c:v>36532</c:v>
                </c:pt>
                <c:pt idx="7">
                  <c:v>36533</c:v>
                </c:pt>
                <c:pt idx="8">
                  <c:v>36534</c:v>
                </c:pt>
                <c:pt idx="9">
                  <c:v>36535</c:v>
                </c:pt>
                <c:pt idx="10">
                  <c:v>36536</c:v>
                </c:pt>
                <c:pt idx="11">
                  <c:v>36537</c:v>
                </c:pt>
                <c:pt idx="12">
                  <c:v>36538</c:v>
                </c:pt>
                <c:pt idx="13">
                  <c:v>36539</c:v>
                </c:pt>
                <c:pt idx="14">
                  <c:v>36540</c:v>
                </c:pt>
                <c:pt idx="15">
                  <c:v>36541</c:v>
                </c:pt>
                <c:pt idx="16">
                  <c:v>36542</c:v>
                </c:pt>
                <c:pt idx="17">
                  <c:v>36543</c:v>
                </c:pt>
                <c:pt idx="18">
                  <c:v>36544</c:v>
                </c:pt>
                <c:pt idx="19">
                  <c:v>36545</c:v>
                </c:pt>
                <c:pt idx="20">
                  <c:v>36546</c:v>
                </c:pt>
                <c:pt idx="21">
                  <c:v>36547</c:v>
                </c:pt>
                <c:pt idx="22">
                  <c:v>36548</c:v>
                </c:pt>
                <c:pt idx="23">
                  <c:v>36549</c:v>
                </c:pt>
                <c:pt idx="24">
                  <c:v>36550</c:v>
                </c:pt>
                <c:pt idx="25">
                  <c:v>36551</c:v>
                </c:pt>
                <c:pt idx="26">
                  <c:v>36552</c:v>
                </c:pt>
                <c:pt idx="27">
                  <c:v>36553</c:v>
                </c:pt>
                <c:pt idx="28">
                  <c:v>36554</c:v>
                </c:pt>
                <c:pt idx="29">
                  <c:v>36555</c:v>
                </c:pt>
                <c:pt idx="30">
                  <c:v>36556</c:v>
                </c:pt>
                <c:pt idx="31">
                  <c:v>36557</c:v>
                </c:pt>
                <c:pt idx="32">
                  <c:v>36558</c:v>
                </c:pt>
                <c:pt idx="33">
                  <c:v>36559</c:v>
                </c:pt>
                <c:pt idx="34">
                  <c:v>36560</c:v>
                </c:pt>
                <c:pt idx="35">
                  <c:v>36561</c:v>
                </c:pt>
                <c:pt idx="36">
                  <c:v>36562</c:v>
                </c:pt>
                <c:pt idx="37">
                  <c:v>36563</c:v>
                </c:pt>
                <c:pt idx="38">
                  <c:v>36564</c:v>
                </c:pt>
                <c:pt idx="39">
                  <c:v>36565</c:v>
                </c:pt>
                <c:pt idx="40">
                  <c:v>36566</c:v>
                </c:pt>
                <c:pt idx="41">
                  <c:v>36567</c:v>
                </c:pt>
                <c:pt idx="42">
                  <c:v>36568</c:v>
                </c:pt>
                <c:pt idx="43">
                  <c:v>36569</c:v>
                </c:pt>
                <c:pt idx="44">
                  <c:v>36570</c:v>
                </c:pt>
                <c:pt idx="45">
                  <c:v>36571</c:v>
                </c:pt>
                <c:pt idx="46">
                  <c:v>36572</c:v>
                </c:pt>
                <c:pt idx="47">
                  <c:v>36573</c:v>
                </c:pt>
                <c:pt idx="48">
                  <c:v>36574</c:v>
                </c:pt>
                <c:pt idx="49">
                  <c:v>36575</c:v>
                </c:pt>
                <c:pt idx="50">
                  <c:v>36576</c:v>
                </c:pt>
                <c:pt idx="51">
                  <c:v>36577</c:v>
                </c:pt>
                <c:pt idx="52">
                  <c:v>36578</c:v>
                </c:pt>
                <c:pt idx="53">
                  <c:v>36579</c:v>
                </c:pt>
                <c:pt idx="54">
                  <c:v>36580</c:v>
                </c:pt>
                <c:pt idx="55">
                  <c:v>36581</c:v>
                </c:pt>
                <c:pt idx="56">
                  <c:v>36582</c:v>
                </c:pt>
                <c:pt idx="57">
                  <c:v>36583</c:v>
                </c:pt>
                <c:pt idx="58">
                  <c:v>36584</c:v>
                </c:pt>
                <c:pt idx="59">
                  <c:v>36585</c:v>
                </c:pt>
                <c:pt idx="60">
                  <c:v>36586</c:v>
                </c:pt>
                <c:pt idx="61">
                  <c:v>36587</c:v>
                </c:pt>
                <c:pt idx="62">
                  <c:v>36588</c:v>
                </c:pt>
                <c:pt idx="63">
                  <c:v>36589</c:v>
                </c:pt>
                <c:pt idx="64">
                  <c:v>36590</c:v>
                </c:pt>
                <c:pt idx="65">
                  <c:v>36591</c:v>
                </c:pt>
                <c:pt idx="66">
                  <c:v>36592</c:v>
                </c:pt>
                <c:pt idx="67">
                  <c:v>36593</c:v>
                </c:pt>
                <c:pt idx="68">
                  <c:v>36594</c:v>
                </c:pt>
                <c:pt idx="69">
                  <c:v>36595</c:v>
                </c:pt>
                <c:pt idx="70">
                  <c:v>36596</c:v>
                </c:pt>
                <c:pt idx="71">
                  <c:v>36597</c:v>
                </c:pt>
                <c:pt idx="72">
                  <c:v>36598</c:v>
                </c:pt>
                <c:pt idx="73">
                  <c:v>36599</c:v>
                </c:pt>
                <c:pt idx="74">
                  <c:v>36600</c:v>
                </c:pt>
                <c:pt idx="75">
                  <c:v>36601</c:v>
                </c:pt>
                <c:pt idx="76">
                  <c:v>36602</c:v>
                </c:pt>
                <c:pt idx="77">
                  <c:v>36603</c:v>
                </c:pt>
                <c:pt idx="78">
                  <c:v>36604</c:v>
                </c:pt>
                <c:pt idx="79">
                  <c:v>36605</c:v>
                </c:pt>
                <c:pt idx="80">
                  <c:v>36606</c:v>
                </c:pt>
                <c:pt idx="81">
                  <c:v>36607</c:v>
                </c:pt>
                <c:pt idx="82">
                  <c:v>36608</c:v>
                </c:pt>
                <c:pt idx="83">
                  <c:v>36609</c:v>
                </c:pt>
                <c:pt idx="84">
                  <c:v>36610</c:v>
                </c:pt>
                <c:pt idx="85">
                  <c:v>36611</c:v>
                </c:pt>
                <c:pt idx="86">
                  <c:v>36612</c:v>
                </c:pt>
                <c:pt idx="87">
                  <c:v>36613</c:v>
                </c:pt>
                <c:pt idx="88">
                  <c:v>36614</c:v>
                </c:pt>
                <c:pt idx="89">
                  <c:v>36615</c:v>
                </c:pt>
                <c:pt idx="90">
                  <c:v>36616</c:v>
                </c:pt>
                <c:pt idx="91">
                  <c:v>36617</c:v>
                </c:pt>
                <c:pt idx="92">
                  <c:v>36618</c:v>
                </c:pt>
                <c:pt idx="93">
                  <c:v>36619</c:v>
                </c:pt>
                <c:pt idx="94">
                  <c:v>36620</c:v>
                </c:pt>
                <c:pt idx="95">
                  <c:v>36621</c:v>
                </c:pt>
                <c:pt idx="96">
                  <c:v>36622</c:v>
                </c:pt>
                <c:pt idx="97">
                  <c:v>36623</c:v>
                </c:pt>
                <c:pt idx="98">
                  <c:v>36624</c:v>
                </c:pt>
                <c:pt idx="99">
                  <c:v>36625</c:v>
                </c:pt>
                <c:pt idx="100">
                  <c:v>36626</c:v>
                </c:pt>
                <c:pt idx="101">
                  <c:v>36627</c:v>
                </c:pt>
                <c:pt idx="102">
                  <c:v>36628</c:v>
                </c:pt>
                <c:pt idx="103">
                  <c:v>36629</c:v>
                </c:pt>
                <c:pt idx="104">
                  <c:v>36630</c:v>
                </c:pt>
                <c:pt idx="105">
                  <c:v>36631</c:v>
                </c:pt>
                <c:pt idx="106">
                  <c:v>36632</c:v>
                </c:pt>
                <c:pt idx="107">
                  <c:v>36633</c:v>
                </c:pt>
                <c:pt idx="108">
                  <c:v>36634</c:v>
                </c:pt>
                <c:pt idx="109">
                  <c:v>36635</c:v>
                </c:pt>
                <c:pt idx="110">
                  <c:v>36636</c:v>
                </c:pt>
                <c:pt idx="111">
                  <c:v>36637</c:v>
                </c:pt>
                <c:pt idx="112">
                  <c:v>36638</c:v>
                </c:pt>
                <c:pt idx="113">
                  <c:v>36639</c:v>
                </c:pt>
                <c:pt idx="114">
                  <c:v>36640</c:v>
                </c:pt>
                <c:pt idx="115">
                  <c:v>36641</c:v>
                </c:pt>
                <c:pt idx="116">
                  <c:v>36642</c:v>
                </c:pt>
                <c:pt idx="117">
                  <c:v>36643</c:v>
                </c:pt>
                <c:pt idx="118">
                  <c:v>36644</c:v>
                </c:pt>
                <c:pt idx="119">
                  <c:v>36645</c:v>
                </c:pt>
                <c:pt idx="120">
                  <c:v>36646</c:v>
                </c:pt>
                <c:pt idx="121">
                  <c:v>36647</c:v>
                </c:pt>
                <c:pt idx="122">
                  <c:v>36648</c:v>
                </c:pt>
                <c:pt idx="123">
                  <c:v>36649</c:v>
                </c:pt>
                <c:pt idx="124">
                  <c:v>36650</c:v>
                </c:pt>
                <c:pt idx="125">
                  <c:v>36651</c:v>
                </c:pt>
                <c:pt idx="126">
                  <c:v>36652</c:v>
                </c:pt>
                <c:pt idx="127">
                  <c:v>36653</c:v>
                </c:pt>
                <c:pt idx="128">
                  <c:v>36654</c:v>
                </c:pt>
                <c:pt idx="129">
                  <c:v>36655</c:v>
                </c:pt>
                <c:pt idx="130">
                  <c:v>36656</c:v>
                </c:pt>
                <c:pt idx="131">
                  <c:v>36657</c:v>
                </c:pt>
                <c:pt idx="132">
                  <c:v>36658</c:v>
                </c:pt>
                <c:pt idx="133">
                  <c:v>36659</c:v>
                </c:pt>
                <c:pt idx="134">
                  <c:v>36660</c:v>
                </c:pt>
                <c:pt idx="135">
                  <c:v>36661</c:v>
                </c:pt>
                <c:pt idx="136">
                  <c:v>36662</c:v>
                </c:pt>
                <c:pt idx="137">
                  <c:v>36663</c:v>
                </c:pt>
                <c:pt idx="138">
                  <c:v>36664</c:v>
                </c:pt>
                <c:pt idx="139">
                  <c:v>36665</c:v>
                </c:pt>
                <c:pt idx="140">
                  <c:v>36666</c:v>
                </c:pt>
                <c:pt idx="141">
                  <c:v>36667</c:v>
                </c:pt>
                <c:pt idx="142">
                  <c:v>36668</c:v>
                </c:pt>
                <c:pt idx="143">
                  <c:v>36669</c:v>
                </c:pt>
                <c:pt idx="144">
                  <c:v>36670</c:v>
                </c:pt>
                <c:pt idx="145">
                  <c:v>36671</c:v>
                </c:pt>
                <c:pt idx="146">
                  <c:v>36672</c:v>
                </c:pt>
                <c:pt idx="147">
                  <c:v>36673</c:v>
                </c:pt>
                <c:pt idx="148">
                  <c:v>36674</c:v>
                </c:pt>
                <c:pt idx="149">
                  <c:v>36675</c:v>
                </c:pt>
                <c:pt idx="150">
                  <c:v>36676</c:v>
                </c:pt>
                <c:pt idx="151">
                  <c:v>36677</c:v>
                </c:pt>
                <c:pt idx="152">
                  <c:v>36678</c:v>
                </c:pt>
                <c:pt idx="153">
                  <c:v>36679</c:v>
                </c:pt>
                <c:pt idx="154">
                  <c:v>36680</c:v>
                </c:pt>
                <c:pt idx="155">
                  <c:v>36681</c:v>
                </c:pt>
                <c:pt idx="156">
                  <c:v>36682</c:v>
                </c:pt>
                <c:pt idx="157">
                  <c:v>36683</c:v>
                </c:pt>
                <c:pt idx="158">
                  <c:v>36684</c:v>
                </c:pt>
                <c:pt idx="159">
                  <c:v>36685</c:v>
                </c:pt>
                <c:pt idx="160">
                  <c:v>36686</c:v>
                </c:pt>
                <c:pt idx="161">
                  <c:v>36687</c:v>
                </c:pt>
                <c:pt idx="162">
                  <c:v>36688</c:v>
                </c:pt>
                <c:pt idx="163">
                  <c:v>36689</c:v>
                </c:pt>
                <c:pt idx="164">
                  <c:v>36690</c:v>
                </c:pt>
                <c:pt idx="165">
                  <c:v>36691</c:v>
                </c:pt>
                <c:pt idx="166">
                  <c:v>36692</c:v>
                </c:pt>
                <c:pt idx="167">
                  <c:v>36693</c:v>
                </c:pt>
                <c:pt idx="168">
                  <c:v>36694</c:v>
                </c:pt>
                <c:pt idx="169">
                  <c:v>36695</c:v>
                </c:pt>
                <c:pt idx="170">
                  <c:v>36696</c:v>
                </c:pt>
                <c:pt idx="171">
                  <c:v>36697</c:v>
                </c:pt>
                <c:pt idx="172">
                  <c:v>36698</c:v>
                </c:pt>
                <c:pt idx="173">
                  <c:v>36699</c:v>
                </c:pt>
                <c:pt idx="174">
                  <c:v>36700</c:v>
                </c:pt>
                <c:pt idx="175">
                  <c:v>36701</c:v>
                </c:pt>
                <c:pt idx="176">
                  <c:v>36702</c:v>
                </c:pt>
                <c:pt idx="177">
                  <c:v>36703</c:v>
                </c:pt>
                <c:pt idx="178">
                  <c:v>36704</c:v>
                </c:pt>
                <c:pt idx="179">
                  <c:v>36705</c:v>
                </c:pt>
                <c:pt idx="180">
                  <c:v>36706</c:v>
                </c:pt>
                <c:pt idx="181">
                  <c:v>36707</c:v>
                </c:pt>
                <c:pt idx="182">
                  <c:v>36708</c:v>
                </c:pt>
                <c:pt idx="183">
                  <c:v>36709</c:v>
                </c:pt>
                <c:pt idx="184">
                  <c:v>36710</c:v>
                </c:pt>
                <c:pt idx="185">
                  <c:v>36711</c:v>
                </c:pt>
                <c:pt idx="186">
                  <c:v>36712</c:v>
                </c:pt>
                <c:pt idx="187">
                  <c:v>36713</c:v>
                </c:pt>
                <c:pt idx="188">
                  <c:v>36714</c:v>
                </c:pt>
                <c:pt idx="189">
                  <c:v>36715</c:v>
                </c:pt>
                <c:pt idx="190">
                  <c:v>36716</c:v>
                </c:pt>
                <c:pt idx="191">
                  <c:v>36717</c:v>
                </c:pt>
                <c:pt idx="192">
                  <c:v>36718</c:v>
                </c:pt>
                <c:pt idx="193">
                  <c:v>36719</c:v>
                </c:pt>
                <c:pt idx="194">
                  <c:v>36720</c:v>
                </c:pt>
                <c:pt idx="195">
                  <c:v>36721</c:v>
                </c:pt>
                <c:pt idx="196">
                  <c:v>36722</c:v>
                </c:pt>
                <c:pt idx="197">
                  <c:v>36723</c:v>
                </c:pt>
                <c:pt idx="198">
                  <c:v>36724</c:v>
                </c:pt>
                <c:pt idx="199">
                  <c:v>36725</c:v>
                </c:pt>
                <c:pt idx="200">
                  <c:v>36726</c:v>
                </c:pt>
                <c:pt idx="201">
                  <c:v>36727</c:v>
                </c:pt>
                <c:pt idx="202">
                  <c:v>36728</c:v>
                </c:pt>
                <c:pt idx="203">
                  <c:v>36729</c:v>
                </c:pt>
                <c:pt idx="204">
                  <c:v>36730</c:v>
                </c:pt>
                <c:pt idx="205">
                  <c:v>36731</c:v>
                </c:pt>
                <c:pt idx="206">
                  <c:v>36732</c:v>
                </c:pt>
                <c:pt idx="207">
                  <c:v>36733</c:v>
                </c:pt>
                <c:pt idx="208">
                  <c:v>36734</c:v>
                </c:pt>
                <c:pt idx="209">
                  <c:v>36735</c:v>
                </c:pt>
                <c:pt idx="210">
                  <c:v>36736</c:v>
                </c:pt>
                <c:pt idx="211">
                  <c:v>36737</c:v>
                </c:pt>
                <c:pt idx="212">
                  <c:v>36738</c:v>
                </c:pt>
                <c:pt idx="213">
                  <c:v>36739</c:v>
                </c:pt>
                <c:pt idx="214">
                  <c:v>36740</c:v>
                </c:pt>
                <c:pt idx="215">
                  <c:v>36741</c:v>
                </c:pt>
                <c:pt idx="216">
                  <c:v>36742</c:v>
                </c:pt>
                <c:pt idx="217">
                  <c:v>36743</c:v>
                </c:pt>
                <c:pt idx="218">
                  <c:v>36744</c:v>
                </c:pt>
                <c:pt idx="219">
                  <c:v>36745</c:v>
                </c:pt>
                <c:pt idx="220">
                  <c:v>36746</c:v>
                </c:pt>
                <c:pt idx="221">
                  <c:v>36747</c:v>
                </c:pt>
                <c:pt idx="222">
                  <c:v>36748</c:v>
                </c:pt>
                <c:pt idx="223">
                  <c:v>36749</c:v>
                </c:pt>
                <c:pt idx="224">
                  <c:v>36750</c:v>
                </c:pt>
                <c:pt idx="225">
                  <c:v>36751</c:v>
                </c:pt>
                <c:pt idx="226">
                  <c:v>36752</c:v>
                </c:pt>
                <c:pt idx="227">
                  <c:v>36753</c:v>
                </c:pt>
                <c:pt idx="228">
                  <c:v>36754</c:v>
                </c:pt>
                <c:pt idx="229">
                  <c:v>36755</c:v>
                </c:pt>
                <c:pt idx="230">
                  <c:v>36756</c:v>
                </c:pt>
                <c:pt idx="231">
                  <c:v>36757</c:v>
                </c:pt>
                <c:pt idx="232">
                  <c:v>36758</c:v>
                </c:pt>
                <c:pt idx="233">
                  <c:v>36759</c:v>
                </c:pt>
                <c:pt idx="234">
                  <c:v>36760</c:v>
                </c:pt>
                <c:pt idx="235">
                  <c:v>36761</c:v>
                </c:pt>
                <c:pt idx="236">
                  <c:v>36762</c:v>
                </c:pt>
                <c:pt idx="237">
                  <c:v>36763</c:v>
                </c:pt>
                <c:pt idx="238">
                  <c:v>36764</c:v>
                </c:pt>
                <c:pt idx="239">
                  <c:v>36765</c:v>
                </c:pt>
                <c:pt idx="240">
                  <c:v>36766</c:v>
                </c:pt>
                <c:pt idx="241">
                  <c:v>36767</c:v>
                </c:pt>
                <c:pt idx="242">
                  <c:v>36768</c:v>
                </c:pt>
                <c:pt idx="243">
                  <c:v>36769</c:v>
                </c:pt>
                <c:pt idx="244">
                  <c:v>36770</c:v>
                </c:pt>
                <c:pt idx="245">
                  <c:v>36771</c:v>
                </c:pt>
                <c:pt idx="246">
                  <c:v>36772</c:v>
                </c:pt>
                <c:pt idx="247">
                  <c:v>36773</c:v>
                </c:pt>
                <c:pt idx="248">
                  <c:v>36774</c:v>
                </c:pt>
                <c:pt idx="249">
                  <c:v>36775</c:v>
                </c:pt>
                <c:pt idx="250">
                  <c:v>36776</c:v>
                </c:pt>
                <c:pt idx="251">
                  <c:v>36777</c:v>
                </c:pt>
                <c:pt idx="252">
                  <c:v>36778</c:v>
                </c:pt>
                <c:pt idx="253">
                  <c:v>36779</c:v>
                </c:pt>
                <c:pt idx="254">
                  <c:v>36780</c:v>
                </c:pt>
                <c:pt idx="255">
                  <c:v>36781</c:v>
                </c:pt>
                <c:pt idx="256">
                  <c:v>36782</c:v>
                </c:pt>
                <c:pt idx="257">
                  <c:v>36783</c:v>
                </c:pt>
                <c:pt idx="258">
                  <c:v>36784</c:v>
                </c:pt>
                <c:pt idx="259">
                  <c:v>36785</c:v>
                </c:pt>
                <c:pt idx="260">
                  <c:v>36786</c:v>
                </c:pt>
                <c:pt idx="261">
                  <c:v>36787</c:v>
                </c:pt>
                <c:pt idx="262">
                  <c:v>36788</c:v>
                </c:pt>
                <c:pt idx="263">
                  <c:v>36789</c:v>
                </c:pt>
                <c:pt idx="264">
                  <c:v>36790</c:v>
                </c:pt>
                <c:pt idx="265">
                  <c:v>36791</c:v>
                </c:pt>
                <c:pt idx="266">
                  <c:v>36792</c:v>
                </c:pt>
                <c:pt idx="267">
                  <c:v>36793</c:v>
                </c:pt>
                <c:pt idx="268">
                  <c:v>36794</c:v>
                </c:pt>
                <c:pt idx="269">
                  <c:v>36795</c:v>
                </c:pt>
                <c:pt idx="270">
                  <c:v>36796</c:v>
                </c:pt>
                <c:pt idx="271">
                  <c:v>36797</c:v>
                </c:pt>
                <c:pt idx="272">
                  <c:v>36798</c:v>
                </c:pt>
                <c:pt idx="273">
                  <c:v>36799</c:v>
                </c:pt>
                <c:pt idx="274">
                  <c:v>36800</c:v>
                </c:pt>
                <c:pt idx="275">
                  <c:v>36801</c:v>
                </c:pt>
                <c:pt idx="276">
                  <c:v>36802</c:v>
                </c:pt>
                <c:pt idx="277">
                  <c:v>36803</c:v>
                </c:pt>
                <c:pt idx="278">
                  <c:v>36804</c:v>
                </c:pt>
                <c:pt idx="279">
                  <c:v>36805</c:v>
                </c:pt>
                <c:pt idx="280">
                  <c:v>36806</c:v>
                </c:pt>
                <c:pt idx="281">
                  <c:v>36807</c:v>
                </c:pt>
                <c:pt idx="282">
                  <c:v>36808</c:v>
                </c:pt>
                <c:pt idx="283">
                  <c:v>36809</c:v>
                </c:pt>
                <c:pt idx="284">
                  <c:v>36810</c:v>
                </c:pt>
                <c:pt idx="285">
                  <c:v>36811</c:v>
                </c:pt>
                <c:pt idx="286">
                  <c:v>36812</c:v>
                </c:pt>
                <c:pt idx="287">
                  <c:v>36813</c:v>
                </c:pt>
                <c:pt idx="288">
                  <c:v>36814</c:v>
                </c:pt>
                <c:pt idx="289">
                  <c:v>36815</c:v>
                </c:pt>
                <c:pt idx="290">
                  <c:v>36816</c:v>
                </c:pt>
                <c:pt idx="291">
                  <c:v>36817</c:v>
                </c:pt>
                <c:pt idx="292">
                  <c:v>36818</c:v>
                </c:pt>
                <c:pt idx="293">
                  <c:v>36819</c:v>
                </c:pt>
                <c:pt idx="294">
                  <c:v>36820</c:v>
                </c:pt>
                <c:pt idx="295">
                  <c:v>36821</c:v>
                </c:pt>
                <c:pt idx="296">
                  <c:v>36822</c:v>
                </c:pt>
                <c:pt idx="297">
                  <c:v>36823</c:v>
                </c:pt>
                <c:pt idx="298">
                  <c:v>36824</c:v>
                </c:pt>
                <c:pt idx="299">
                  <c:v>36825</c:v>
                </c:pt>
                <c:pt idx="300">
                  <c:v>36826</c:v>
                </c:pt>
                <c:pt idx="301">
                  <c:v>36827</c:v>
                </c:pt>
                <c:pt idx="302">
                  <c:v>36828</c:v>
                </c:pt>
                <c:pt idx="303">
                  <c:v>36829</c:v>
                </c:pt>
                <c:pt idx="304">
                  <c:v>36830</c:v>
                </c:pt>
                <c:pt idx="305">
                  <c:v>36831</c:v>
                </c:pt>
                <c:pt idx="306">
                  <c:v>36832</c:v>
                </c:pt>
                <c:pt idx="307">
                  <c:v>36833</c:v>
                </c:pt>
                <c:pt idx="308">
                  <c:v>36834</c:v>
                </c:pt>
                <c:pt idx="309">
                  <c:v>36835</c:v>
                </c:pt>
                <c:pt idx="310">
                  <c:v>36836</c:v>
                </c:pt>
                <c:pt idx="311">
                  <c:v>36837</c:v>
                </c:pt>
                <c:pt idx="312">
                  <c:v>36838</c:v>
                </c:pt>
                <c:pt idx="313">
                  <c:v>36839</c:v>
                </c:pt>
                <c:pt idx="314">
                  <c:v>36840</c:v>
                </c:pt>
                <c:pt idx="315">
                  <c:v>36841</c:v>
                </c:pt>
                <c:pt idx="316">
                  <c:v>36842</c:v>
                </c:pt>
                <c:pt idx="317">
                  <c:v>36843</c:v>
                </c:pt>
                <c:pt idx="318">
                  <c:v>36844</c:v>
                </c:pt>
                <c:pt idx="319">
                  <c:v>36845</c:v>
                </c:pt>
                <c:pt idx="320">
                  <c:v>36846</c:v>
                </c:pt>
                <c:pt idx="321">
                  <c:v>36847</c:v>
                </c:pt>
                <c:pt idx="322">
                  <c:v>36848</c:v>
                </c:pt>
                <c:pt idx="323">
                  <c:v>36849</c:v>
                </c:pt>
                <c:pt idx="324">
                  <c:v>36850</c:v>
                </c:pt>
                <c:pt idx="325">
                  <c:v>36851</c:v>
                </c:pt>
                <c:pt idx="326">
                  <c:v>36852</c:v>
                </c:pt>
                <c:pt idx="327">
                  <c:v>36853</c:v>
                </c:pt>
                <c:pt idx="328">
                  <c:v>36854</c:v>
                </c:pt>
                <c:pt idx="329">
                  <c:v>36855</c:v>
                </c:pt>
                <c:pt idx="330">
                  <c:v>36856</c:v>
                </c:pt>
                <c:pt idx="331">
                  <c:v>36857</c:v>
                </c:pt>
                <c:pt idx="332">
                  <c:v>36858</c:v>
                </c:pt>
                <c:pt idx="333">
                  <c:v>36859</c:v>
                </c:pt>
                <c:pt idx="334">
                  <c:v>36860</c:v>
                </c:pt>
                <c:pt idx="335">
                  <c:v>36861</c:v>
                </c:pt>
                <c:pt idx="336">
                  <c:v>36862</c:v>
                </c:pt>
                <c:pt idx="337">
                  <c:v>36863</c:v>
                </c:pt>
                <c:pt idx="338">
                  <c:v>36864</c:v>
                </c:pt>
                <c:pt idx="339">
                  <c:v>36865</c:v>
                </c:pt>
                <c:pt idx="340">
                  <c:v>36866</c:v>
                </c:pt>
                <c:pt idx="341">
                  <c:v>36867</c:v>
                </c:pt>
                <c:pt idx="342">
                  <c:v>36868</c:v>
                </c:pt>
                <c:pt idx="343">
                  <c:v>36869</c:v>
                </c:pt>
                <c:pt idx="344">
                  <c:v>36870</c:v>
                </c:pt>
                <c:pt idx="345">
                  <c:v>36871</c:v>
                </c:pt>
                <c:pt idx="346">
                  <c:v>36872</c:v>
                </c:pt>
                <c:pt idx="347">
                  <c:v>36873</c:v>
                </c:pt>
                <c:pt idx="348">
                  <c:v>36874</c:v>
                </c:pt>
                <c:pt idx="349">
                  <c:v>36875</c:v>
                </c:pt>
                <c:pt idx="350">
                  <c:v>36876</c:v>
                </c:pt>
                <c:pt idx="351">
                  <c:v>36877</c:v>
                </c:pt>
                <c:pt idx="352">
                  <c:v>36878</c:v>
                </c:pt>
                <c:pt idx="353">
                  <c:v>36879</c:v>
                </c:pt>
                <c:pt idx="354">
                  <c:v>36880</c:v>
                </c:pt>
                <c:pt idx="355">
                  <c:v>36881</c:v>
                </c:pt>
                <c:pt idx="356">
                  <c:v>36882</c:v>
                </c:pt>
                <c:pt idx="357">
                  <c:v>36883</c:v>
                </c:pt>
                <c:pt idx="358">
                  <c:v>36884</c:v>
                </c:pt>
                <c:pt idx="359">
                  <c:v>36885</c:v>
                </c:pt>
                <c:pt idx="360">
                  <c:v>36886</c:v>
                </c:pt>
                <c:pt idx="361">
                  <c:v>36887</c:v>
                </c:pt>
                <c:pt idx="362">
                  <c:v>36888</c:v>
                </c:pt>
                <c:pt idx="363">
                  <c:v>36889</c:v>
                </c:pt>
                <c:pt idx="364">
                  <c:v>36890</c:v>
                </c:pt>
                <c:pt idx="365">
                  <c:v>36891</c:v>
                </c:pt>
                <c:pt idx="366">
                  <c:v>36892</c:v>
                </c:pt>
                <c:pt idx="367">
                  <c:v>36893</c:v>
                </c:pt>
                <c:pt idx="368">
                  <c:v>36894</c:v>
                </c:pt>
                <c:pt idx="369">
                  <c:v>36895</c:v>
                </c:pt>
                <c:pt idx="370">
                  <c:v>36896</c:v>
                </c:pt>
                <c:pt idx="371">
                  <c:v>36897</c:v>
                </c:pt>
                <c:pt idx="372">
                  <c:v>36898</c:v>
                </c:pt>
                <c:pt idx="373">
                  <c:v>36899</c:v>
                </c:pt>
                <c:pt idx="374">
                  <c:v>36900</c:v>
                </c:pt>
                <c:pt idx="375">
                  <c:v>36901</c:v>
                </c:pt>
                <c:pt idx="376">
                  <c:v>36902</c:v>
                </c:pt>
                <c:pt idx="377">
                  <c:v>36903</c:v>
                </c:pt>
                <c:pt idx="378">
                  <c:v>36904</c:v>
                </c:pt>
                <c:pt idx="379">
                  <c:v>36905</c:v>
                </c:pt>
                <c:pt idx="380">
                  <c:v>36906</c:v>
                </c:pt>
                <c:pt idx="381">
                  <c:v>36907</c:v>
                </c:pt>
                <c:pt idx="382">
                  <c:v>36908</c:v>
                </c:pt>
                <c:pt idx="383">
                  <c:v>36909</c:v>
                </c:pt>
                <c:pt idx="384">
                  <c:v>36910</c:v>
                </c:pt>
                <c:pt idx="385">
                  <c:v>36911</c:v>
                </c:pt>
                <c:pt idx="386">
                  <c:v>36912</c:v>
                </c:pt>
                <c:pt idx="387">
                  <c:v>36913</c:v>
                </c:pt>
                <c:pt idx="388">
                  <c:v>36914</c:v>
                </c:pt>
                <c:pt idx="389">
                  <c:v>36915</c:v>
                </c:pt>
                <c:pt idx="390">
                  <c:v>36916</c:v>
                </c:pt>
                <c:pt idx="391">
                  <c:v>36917</c:v>
                </c:pt>
                <c:pt idx="392">
                  <c:v>36918</c:v>
                </c:pt>
                <c:pt idx="393">
                  <c:v>36919</c:v>
                </c:pt>
                <c:pt idx="394">
                  <c:v>36920</c:v>
                </c:pt>
                <c:pt idx="395">
                  <c:v>36921</c:v>
                </c:pt>
                <c:pt idx="396">
                  <c:v>36922</c:v>
                </c:pt>
                <c:pt idx="397">
                  <c:v>36923</c:v>
                </c:pt>
                <c:pt idx="398">
                  <c:v>36924</c:v>
                </c:pt>
                <c:pt idx="399">
                  <c:v>36925</c:v>
                </c:pt>
                <c:pt idx="400">
                  <c:v>36926</c:v>
                </c:pt>
                <c:pt idx="401">
                  <c:v>36927</c:v>
                </c:pt>
                <c:pt idx="402">
                  <c:v>36928</c:v>
                </c:pt>
                <c:pt idx="403">
                  <c:v>36929</c:v>
                </c:pt>
                <c:pt idx="404">
                  <c:v>36930</c:v>
                </c:pt>
                <c:pt idx="405">
                  <c:v>36931</c:v>
                </c:pt>
                <c:pt idx="406">
                  <c:v>36932</c:v>
                </c:pt>
                <c:pt idx="407">
                  <c:v>36933</c:v>
                </c:pt>
                <c:pt idx="408">
                  <c:v>36934</c:v>
                </c:pt>
                <c:pt idx="409">
                  <c:v>36935</c:v>
                </c:pt>
                <c:pt idx="410">
                  <c:v>36936</c:v>
                </c:pt>
                <c:pt idx="411">
                  <c:v>36937</c:v>
                </c:pt>
                <c:pt idx="412">
                  <c:v>36938</c:v>
                </c:pt>
                <c:pt idx="413">
                  <c:v>36939</c:v>
                </c:pt>
                <c:pt idx="414">
                  <c:v>36940</c:v>
                </c:pt>
                <c:pt idx="415">
                  <c:v>36941</c:v>
                </c:pt>
                <c:pt idx="416">
                  <c:v>36942</c:v>
                </c:pt>
                <c:pt idx="417">
                  <c:v>36943</c:v>
                </c:pt>
                <c:pt idx="418">
                  <c:v>36944</c:v>
                </c:pt>
                <c:pt idx="419">
                  <c:v>36945</c:v>
                </c:pt>
                <c:pt idx="420">
                  <c:v>36946</c:v>
                </c:pt>
                <c:pt idx="421">
                  <c:v>36947</c:v>
                </c:pt>
                <c:pt idx="422">
                  <c:v>36948</c:v>
                </c:pt>
                <c:pt idx="423">
                  <c:v>36949</c:v>
                </c:pt>
                <c:pt idx="424">
                  <c:v>36950</c:v>
                </c:pt>
                <c:pt idx="425">
                  <c:v>36951</c:v>
                </c:pt>
                <c:pt idx="426">
                  <c:v>36952</c:v>
                </c:pt>
                <c:pt idx="427">
                  <c:v>36953</c:v>
                </c:pt>
                <c:pt idx="428">
                  <c:v>36954</c:v>
                </c:pt>
                <c:pt idx="429">
                  <c:v>36955</c:v>
                </c:pt>
                <c:pt idx="430">
                  <c:v>36956</c:v>
                </c:pt>
                <c:pt idx="431">
                  <c:v>36957</c:v>
                </c:pt>
                <c:pt idx="432">
                  <c:v>36958</c:v>
                </c:pt>
                <c:pt idx="433">
                  <c:v>36959</c:v>
                </c:pt>
                <c:pt idx="434">
                  <c:v>36960</c:v>
                </c:pt>
                <c:pt idx="435">
                  <c:v>36961</c:v>
                </c:pt>
                <c:pt idx="436">
                  <c:v>36962</c:v>
                </c:pt>
                <c:pt idx="437">
                  <c:v>36963</c:v>
                </c:pt>
                <c:pt idx="438">
                  <c:v>36964</c:v>
                </c:pt>
                <c:pt idx="439">
                  <c:v>36965</c:v>
                </c:pt>
                <c:pt idx="440">
                  <c:v>36966</c:v>
                </c:pt>
                <c:pt idx="441">
                  <c:v>36967</c:v>
                </c:pt>
                <c:pt idx="442">
                  <c:v>36968</c:v>
                </c:pt>
                <c:pt idx="443">
                  <c:v>36969</c:v>
                </c:pt>
                <c:pt idx="444">
                  <c:v>36970</c:v>
                </c:pt>
                <c:pt idx="445">
                  <c:v>36971</c:v>
                </c:pt>
                <c:pt idx="446">
                  <c:v>36972</c:v>
                </c:pt>
                <c:pt idx="447">
                  <c:v>36973</c:v>
                </c:pt>
                <c:pt idx="448">
                  <c:v>36974</c:v>
                </c:pt>
                <c:pt idx="449">
                  <c:v>36975</c:v>
                </c:pt>
                <c:pt idx="450">
                  <c:v>36976</c:v>
                </c:pt>
                <c:pt idx="451">
                  <c:v>36977</c:v>
                </c:pt>
                <c:pt idx="452">
                  <c:v>36978</c:v>
                </c:pt>
                <c:pt idx="453">
                  <c:v>36979</c:v>
                </c:pt>
                <c:pt idx="454">
                  <c:v>36980</c:v>
                </c:pt>
                <c:pt idx="455">
                  <c:v>36981</c:v>
                </c:pt>
                <c:pt idx="456">
                  <c:v>36982</c:v>
                </c:pt>
                <c:pt idx="457">
                  <c:v>36983</c:v>
                </c:pt>
                <c:pt idx="458">
                  <c:v>36984</c:v>
                </c:pt>
                <c:pt idx="459">
                  <c:v>36985</c:v>
                </c:pt>
                <c:pt idx="460">
                  <c:v>36986</c:v>
                </c:pt>
                <c:pt idx="461">
                  <c:v>36987</c:v>
                </c:pt>
                <c:pt idx="462">
                  <c:v>36988</c:v>
                </c:pt>
                <c:pt idx="463">
                  <c:v>36989</c:v>
                </c:pt>
                <c:pt idx="464">
                  <c:v>36990</c:v>
                </c:pt>
                <c:pt idx="465">
                  <c:v>36991</c:v>
                </c:pt>
                <c:pt idx="466">
                  <c:v>36992</c:v>
                </c:pt>
                <c:pt idx="467">
                  <c:v>36993</c:v>
                </c:pt>
                <c:pt idx="468">
                  <c:v>36994</c:v>
                </c:pt>
                <c:pt idx="469">
                  <c:v>36995</c:v>
                </c:pt>
                <c:pt idx="470">
                  <c:v>36996</c:v>
                </c:pt>
                <c:pt idx="471">
                  <c:v>36997</c:v>
                </c:pt>
                <c:pt idx="472">
                  <c:v>36998</c:v>
                </c:pt>
                <c:pt idx="473">
                  <c:v>36999</c:v>
                </c:pt>
                <c:pt idx="474">
                  <c:v>37000</c:v>
                </c:pt>
                <c:pt idx="475">
                  <c:v>37001</c:v>
                </c:pt>
                <c:pt idx="476">
                  <c:v>37002</c:v>
                </c:pt>
                <c:pt idx="477">
                  <c:v>37003</c:v>
                </c:pt>
                <c:pt idx="478">
                  <c:v>37004</c:v>
                </c:pt>
                <c:pt idx="479">
                  <c:v>37005</c:v>
                </c:pt>
                <c:pt idx="480">
                  <c:v>37006</c:v>
                </c:pt>
                <c:pt idx="481">
                  <c:v>37007</c:v>
                </c:pt>
                <c:pt idx="482">
                  <c:v>37008</c:v>
                </c:pt>
                <c:pt idx="483">
                  <c:v>37009</c:v>
                </c:pt>
                <c:pt idx="484">
                  <c:v>37010</c:v>
                </c:pt>
                <c:pt idx="485">
                  <c:v>37011</c:v>
                </c:pt>
                <c:pt idx="486">
                  <c:v>37012</c:v>
                </c:pt>
                <c:pt idx="487">
                  <c:v>37013</c:v>
                </c:pt>
                <c:pt idx="488">
                  <c:v>37014</c:v>
                </c:pt>
                <c:pt idx="489">
                  <c:v>37015</c:v>
                </c:pt>
                <c:pt idx="490">
                  <c:v>37016</c:v>
                </c:pt>
                <c:pt idx="491">
                  <c:v>37017</c:v>
                </c:pt>
                <c:pt idx="492">
                  <c:v>37018</c:v>
                </c:pt>
                <c:pt idx="493">
                  <c:v>37019</c:v>
                </c:pt>
                <c:pt idx="494">
                  <c:v>37020</c:v>
                </c:pt>
                <c:pt idx="495">
                  <c:v>37021</c:v>
                </c:pt>
                <c:pt idx="496">
                  <c:v>37022</c:v>
                </c:pt>
                <c:pt idx="497">
                  <c:v>37023</c:v>
                </c:pt>
                <c:pt idx="498">
                  <c:v>37024</c:v>
                </c:pt>
                <c:pt idx="499">
                  <c:v>37025</c:v>
                </c:pt>
                <c:pt idx="500">
                  <c:v>37026</c:v>
                </c:pt>
                <c:pt idx="501">
                  <c:v>37027</c:v>
                </c:pt>
                <c:pt idx="502">
                  <c:v>37028</c:v>
                </c:pt>
                <c:pt idx="503">
                  <c:v>37029</c:v>
                </c:pt>
                <c:pt idx="504">
                  <c:v>37030</c:v>
                </c:pt>
                <c:pt idx="505">
                  <c:v>37031</c:v>
                </c:pt>
                <c:pt idx="506">
                  <c:v>37032</c:v>
                </c:pt>
                <c:pt idx="507">
                  <c:v>37033</c:v>
                </c:pt>
                <c:pt idx="508">
                  <c:v>37034</c:v>
                </c:pt>
                <c:pt idx="509">
                  <c:v>37035</c:v>
                </c:pt>
                <c:pt idx="510">
                  <c:v>37036</c:v>
                </c:pt>
                <c:pt idx="511">
                  <c:v>37037</c:v>
                </c:pt>
                <c:pt idx="512">
                  <c:v>37038</c:v>
                </c:pt>
                <c:pt idx="513">
                  <c:v>37039</c:v>
                </c:pt>
                <c:pt idx="514">
                  <c:v>37040</c:v>
                </c:pt>
                <c:pt idx="515">
                  <c:v>37041</c:v>
                </c:pt>
                <c:pt idx="516">
                  <c:v>37042</c:v>
                </c:pt>
                <c:pt idx="517">
                  <c:v>37043</c:v>
                </c:pt>
                <c:pt idx="518">
                  <c:v>37044</c:v>
                </c:pt>
                <c:pt idx="519">
                  <c:v>37045</c:v>
                </c:pt>
                <c:pt idx="520">
                  <c:v>37046</c:v>
                </c:pt>
                <c:pt idx="521">
                  <c:v>37047</c:v>
                </c:pt>
                <c:pt idx="522">
                  <c:v>37048</c:v>
                </c:pt>
                <c:pt idx="523">
                  <c:v>37049</c:v>
                </c:pt>
                <c:pt idx="524">
                  <c:v>37050</c:v>
                </c:pt>
                <c:pt idx="525">
                  <c:v>37051</c:v>
                </c:pt>
                <c:pt idx="526">
                  <c:v>37052</c:v>
                </c:pt>
                <c:pt idx="527">
                  <c:v>37053</c:v>
                </c:pt>
                <c:pt idx="528">
                  <c:v>37054</c:v>
                </c:pt>
                <c:pt idx="529">
                  <c:v>37055</c:v>
                </c:pt>
                <c:pt idx="530">
                  <c:v>37056</c:v>
                </c:pt>
                <c:pt idx="531">
                  <c:v>37057</c:v>
                </c:pt>
                <c:pt idx="532">
                  <c:v>37058</c:v>
                </c:pt>
                <c:pt idx="533">
                  <c:v>37059</c:v>
                </c:pt>
                <c:pt idx="534">
                  <c:v>37060</c:v>
                </c:pt>
                <c:pt idx="535">
                  <c:v>37061</c:v>
                </c:pt>
                <c:pt idx="536">
                  <c:v>37062</c:v>
                </c:pt>
                <c:pt idx="537">
                  <c:v>37063</c:v>
                </c:pt>
                <c:pt idx="538">
                  <c:v>37064</c:v>
                </c:pt>
                <c:pt idx="539">
                  <c:v>37065</c:v>
                </c:pt>
                <c:pt idx="540">
                  <c:v>37066</c:v>
                </c:pt>
                <c:pt idx="541">
                  <c:v>37067</c:v>
                </c:pt>
                <c:pt idx="542">
                  <c:v>37068</c:v>
                </c:pt>
                <c:pt idx="543">
                  <c:v>37069</c:v>
                </c:pt>
                <c:pt idx="544">
                  <c:v>37070</c:v>
                </c:pt>
                <c:pt idx="545">
                  <c:v>37071</c:v>
                </c:pt>
                <c:pt idx="546">
                  <c:v>37072</c:v>
                </c:pt>
                <c:pt idx="547">
                  <c:v>37073</c:v>
                </c:pt>
                <c:pt idx="548">
                  <c:v>37074</c:v>
                </c:pt>
                <c:pt idx="549">
                  <c:v>37075</c:v>
                </c:pt>
                <c:pt idx="550">
                  <c:v>37076</c:v>
                </c:pt>
                <c:pt idx="551">
                  <c:v>37077</c:v>
                </c:pt>
                <c:pt idx="552">
                  <c:v>37078</c:v>
                </c:pt>
                <c:pt idx="553">
                  <c:v>37079</c:v>
                </c:pt>
                <c:pt idx="554">
                  <c:v>37080</c:v>
                </c:pt>
                <c:pt idx="555">
                  <c:v>37081</c:v>
                </c:pt>
                <c:pt idx="556">
                  <c:v>37082</c:v>
                </c:pt>
                <c:pt idx="557">
                  <c:v>37083</c:v>
                </c:pt>
                <c:pt idx="558">
                  <c:v>37084</c:v>
                </c:pt>
                <c:pt idx="559">
                  <c:v>37085</c:v>
                </c:pt>
                <c:pt idx="560">
                  <c:v>37086</c:v>
                </c:pt>
                <c:pt idx="561">
                  <c:v>37087</c:v>
                </c:pt>
                <c:pt idx="562">
                  <c:v>37088</c:v>
                </c:pt>
                <c:pt idx="563">
                  <c:v>37089</c:v>
                </c:pt>
                <c:pt idx="564">
                  <c:v>37090</c:v>
                </c:pt>
                <c:pt idx="565">
                  <c:v>37091</c:v>
                </c:pt>
                <c:pt idx="566">
                  <c:v>37092</c:v>
                </c:pt>
                <c:pt idx="567">
                  <c:v>37093</c:v>
                </c:pt>
                <c:pt idx="568">
                  <c:v>37094</c:v>
                </c:pt>
                <c:pt idx="569">
                  <c:v>37095</c:v>
                </c:pt>
                <c:pt idx="570">
                  <c:v>37096</c:v>
                </c:pt>
                <c:pt idx="571">
                  <c:v>37097</c:v>
                </c:pt>
                <c:pt idx="572">
                  <c:v>37098</c:v>
                </c:pt>
                <c:pt idx="573">
                  <c:v>37099</c:v>
                </c:pt>
                <c:pt idx="574">
                  <c:v>37100</c:v>
                </c:pt>
                <c:pt idx="575">
                  <c:v>37101</c:v>
                </c:pt>
                <c:pt idx="576">
                  <c:v>37102</c:v>
                </c:pt>
                <c:pt idx="577">
                  <c:v>37103</c:v>
                </c:pt>
                <c:pt idx="578">
                  <c:v>37104</c:v>
                </c:pt>
                <c:pt idx="579">
                  <c:v>37105</c:v>
                </c:pt>
                <c:pt idx="580">
                  <c:v>37106</c:v>
                </c:pt>
                <c:pt idx="581">
                  <c:v>37107</c:v>
                </c:pt>
                <c:pt idx="582">
                  <c:v>37108</c:v>
                </c:pt>
                <c:pt idx="583">
                  <c:v>37109</c:v>
                </c:pt>
                <c:pt idx="584">
                  <c:v>37110</c:v>
                </c:pt>
                <c:pt idx="585">
                  <c:v>37111</c:v>
                </c:pt>
                <c:pt idx="586">
                  <c:v>37112</c:v>
                </c:pt>
                <c:pt idx="587">
                  <c:v>37113</c:v>
                </c:pt>
                <c:pt idx="588">
                  <c:v>37114</c:v>
                </c:pt>
                <c:pt idx="589">
                  <c:v>37115</c:v>
                </c:pt>
                <c:pt idx="590">
                  <c:v>37116</c:v>
                </c:pt>
                <c:pt idx="591">
                  <c:v>37117</c:v>
                </c:pt>
                <c:pt idx="592">
                  <c:v>37118</c:v>
                </c:pt>
                <c:pt idx="593">
                  <c:v>37119</c:v>
                </c:pt>
                <c:pt idx="594">
                  <c:v>37120</c:v>
                </c:pt>
                <c:pt idx="595">
                  <c:v>37121</c:v>
                </c:pt>
                <c:pt idx="596">
                  <c:v>37122</c:v>
                </c:pt>
                <c:pt idx="597">
                  <c:v>37123</c:v>
                </c:pt>
                <c:pt idx="598">
                  <c:v>37124</c:v>
                </c:pt>
                <c:pt idx="599">
                  <c:v>37125</c:v>
                </c:pt>
                <c:pt idx="600">
                  <c:v>37126</c:v>
                </c:pt>
                <c:pt idx="601">
                  <c:v>37127</c:v>
                </c:pt>
                <c:pt idx="602">
                  <c:v>37128</c:v>
                </c:pt>
                <c:pt idx="603">
                  <c:v>37129</c:v>
                </c:pt>
                <c:pt idx="604">
                  <c:v>37130</c:v>
                </c:pt>
                <c:pt idx="605">
                  <c:v>37131</c:v>
                </c:pt>
                <c:pt idx="606">
                  <c:v>37132</c:v>
                </c:pt>
                <c:pt idx="607">
                  <c:v>37133</c:v>
                </c:pt>
                <c:pt idx="608">
                  <c:v>37134</c:v>
                </c:pt>
                <c:pt idx="609">
                  <c:v>37135</c:v>
                </c:pt>
                <c:pt idx="610">
                  <c:v>37136</c:v>
                </c:pt>
                <c:pt idx="611">
                  <c:v>37137</c:v>
                </c:pt>
                <c:pt idx="612">
                  <c:v>37138</c:v>
                </c:pt>
                <c:pt idx="613">
                  <c:v>37139</c:v>
                </c:pt>
                <c:pt idx="614">
                  <c:v>37140</c:v>
                </c:pt>
                <c:pt idx="615">
                  <c:v>37141</c:v>
                </c:pt>
                <c:pt idx="616">
                  <c:v>37142</c:v>
                </c:pt>
                <c:pt idx="617">
                  <c:v>37143</c:v>
                </c:pt>
                <c:pt idx="618">
                  <c:v>37144</c:v>
                </c:pt>
                <c:pt idx="619">
                  <c:v>37145</c:v>
                </c:pt>
                <c:pt idx="620">
                  <c:v>37146</c:v>
                </c:pt>
                <c:pt idx="621">
                  <c:v>37147</c:v>
                </c:pt>
                <c:pt idx="622">
                  <c:v>37148</c:v>
                </c:pt>
                <c:pt idx="623">
                  <c:v>37149</c:v>
                </c:pt>
                <c:pt idx="624">
                  <c:v>37150</c:v>
                </c:pt>
                <c:pt idx="625">
                  <c:v>37151</c:v>
                </c:pt>
                <c:pt idx="626">
                  <c:v>37152</c:v>
                </c:pt>
                <c:pt idx="627">
                  <c:v>37153</c:v>
                </c:pt>
                <c:pt idx="628">
                  <c:v>37154</c:v>
                </c:pt>
                <c:pt idx="629">
                  <c:v>37155</c:v>
                </c:pt>
                <c:pt idx="630">
                  <c:v>37156</c:v>
                </c:pt>
                <c:pt idx="631">
                  <c:v>37157</c:v>
                </c:pt>
                <c:pt idx="632">
                  <c:v>37158</c:v>
                </c:pt>
                <c:pt idx="633">
                  <c:v>37159</c:v>
                </c:pt>
                <c:pt idx="634">
                  <c:v>37160</c:v>
                </c:pt>
                <c:pt idx="635">
                  <c:v>37161</c:v>
                </c:pt>
                <c:pt idx="636">
                  <c:v>37162</c:v>
                </c:pt>
                <c:pt idx="637">
                  <c:v>37163</c:v>
                </c:pt>
                <c:pt idx="638">
                  <c:v>37164</c:v>
                </c:pt>
                <c:pt idx="639">
                  <c:v>37165</c:v>
                </c:pt>
                <c:pt idx="640">
                  <c:v>37166</c:v>
                </c:pt>
                <c:pt idx="641">
                  <c:v>37167</c:v>
                </c:pt>
                <c:pt idx="642">
                  <c:v>37168</c:v>
                </c:pt>
                <c:pt idx="643">
                  <c:v>37169</c:v>
                </c:pt>
                <c:pt idx="644">
                  <c:v>37170</c:v>
                </c:pt>
                <c:pt idx="645">
                  <c:v>37171</c:v>
                </c:pt>
                <c:pt idx="646">
                  <c:v>37172</c:v>
                </c:pt>
                <c:pt idx="647">
                  <c:v>37173</c:v>
                </c:pt>
                <c:pt idx="648">
                  <c:v>37174</c:v>
                </c:pt>
                <c:pt idx="649">
                  <c:v>37175</c:v>
                </c:pt>
                <c:pt idx="650">
                  <c:v>37176</c:v>
                </c:pt>
                <c:pt idx="651">
                  <c:v>37177</c:v>
                </c:pt>
                <c:pt idx="652">
                  <c:v>37178</c:v>
                </c:pt>
                <c:pt idx="653">
                  <c:v>37179</c:v>
                </c:pt>
                <c:pt idx="654">
                  <c:v>37180</c:v>
                </c:pt>
                <c:pt idx="655">
                  <c:v>37181</c:v>
                </c:pt>
                <c:pt idx="656">
                  <c:v>37182</c:v>
                </c:pt>
                <c:pt idx="657">
                  <c:v>37183</c:v>
                </c:pt>
                <c:pt idx="658">
                  <c:v>37184</c:v>
                </c:pt>
                <c:pt idx="659">
                  <c:v>37185</c:v>
                </c:pt>
                <c:pt idx="660">
                  <c:v>37186</c:v>
                </c:pt>
                <c:pt idx="661">
                  <c:v>37187</c:v>
                </c:pt>
                <c:pt idx="662">
                  <c:v>37188</c:v>
                </c:pt>
                <c:pt idx="663">
                  <c:v>37189</c:v>
                </c:pt>
                <c:pt idx="664">
                  <c:v>37190</c:v>
                </c:pt>
                <c:pt idx="665">
                  <c:v>37191</c:v>
                </c:pt>
                <c:pt idx="666">
                  <c:v>37192</c:v>
                </c:pt>
                <c:pt idx="667">
                  <c:v>37193</c:v>
                </c:pt>
                <c:pt idx="668">
                  <c:v>37194</c:v>
                </c:pt>
                <c:pt idx="669">
                  <c:v>37195</c:v>
                </c:pt>
                <c:pt idx="670">
                  <c:v>37196</c:v>
                </c:pt>
                <c:pt idx="671">
                  <c:v>37197</c:v>
                </c:pt>
                <c:pt idx="672">
                  <c:v>37198</c:v>
                </c:pt>
                <c:pt idx="673">
                  <c:v>37199</c:v>
                </c:pt>
                <c:pt idx="674">
                  <c:v>37200</c:v>
                </c:pt>
                <c:pt idx="675">
                  <c:v>37201</c:v>
                </c:pt>
                <c:pt idx="676">
                  <c:v>37202</c:v>
                </c:pt>
                <c:pt idx="677">
                  <c:v>37203</c:v>
                </c:pt>
                <c:pt idx="678">
                  <c:v>37204</c:v>
                </c:pt>
                <c:pt idx="679">
                  <c:v>37205</c:v>
                </c:pt>
                <c:pt idx="680">
                  <c:v>37206</c:v>
                </c:pt>
                <c:pt idx="681">
                  <c:v>37207</c:v>
                </c:pt>
                <c:pt idx="682">
                  <c:v>37208</c:v>
                </c:pt>
                <c:pt idx="683">
                  <c:v>37209</c:v>
                </c:pt>
                <c:pt idx="684">
                  <c:v>37210</c:v>
                </c:pt>
                <c:pt idx="685">
                  <c:v>37211</c:v>
                </c:pt>
                <c:pt idx="686">
                  <c:v>37212</c:v>
                </c:pt>
                <c:pt idx="687">
                  <c:v>37213</c:v>
                </c:pt>
                <c:pt idx="688">
                  <c:v>37214</c:v>
                </c:pt>
                <c:pt idx="689">
                  <c:v>37215</c:v>
                </c:pt>
                <c:pt idx="690">
                  <c:v>37216</c:v>
                </c:pt>
                <c:pt idx="691">
                  <c:v>37217</c:v>
                </c:pt>
                <c:pt idx="692">
                  <c:v>37218</c:v>
                </c:pt>
                <c:pt idx="693">
                  <c:v>37219</c:v>
                </c:pt>
                <c:pt idx="694">
                  <c:v>37220</c:v>
                </c:pt>
                <c:pt idx="695">
                  <c:v>37221</c:v>
                </c:pt>
                <c:pt idx="696">
                  <c:v>37222</c:v>
                </c:pt>
                <c:pt idx="697">
                  <c:v>37223</c:v>
                </c:pt>
                <c:pt idx="698">
                  <c:v>37224</c:v>
                </c:pt>
                <c:pt idx="699">
                  <c:v>37225</c:v>
                </c:pt>
                <c:pt idx="700">
                  <c:v>37226</c:v>
                </c:pt>
                <c:pt idx="701">
                  <c:v>37227</c:v>
                </c:pt>
                <c:pt idx="702">
                  <c:v>37228</c:v>
                </c:pt>
                <c:pt idx="703">
                  <c:v>37229</c:v>
                </c:pt>
                <c:pt idx="704">
                  <c:v>37230</c:v>
                </c:pt>
                <c:pt idx="705">
                  <c:v>37231</c:v>
                </c:pt>
                <c:pt idx="706">
                  <c:v>37232</c:v>
                </c:pt>
                <c:pt idx="707">
                  <c:v>37233</c:v>
                </c:pt>
                <c:pt idx="708">
                  <c:v>37234</c:v>
                </c:pt>
                <c:pt idx="709">
                  <c:v>37235</c:v>
                </c:pt>
                <c:pt idx="710">
                  <c:v>37236</c:v>
                </c:pt>
                <c:pt idx="711">
                  <c:v>37237</c:v>
                </c:pt>
                <c:pt idx="712">
                  <c:v>37238</c:v>
                </c:pt>
                <c:pt idx="713">
                  <c:v>37239</c:v>
                </c:pt>
                <c:pt idx="714">
                  <c:v>37240</c:v>
                </c:pt>
                <c:pt idx="715">
                  <c:v>37241</c:v>
                </c:pt>
                <c:pt idx="716">
                  <c:v>37242</c:v>
                </c:pt>
                <c:pt idx="717">
                  <c:v>37243</c:v>
                </c:pt>
                <c:pt idx="718">
                  <c:v>37244</c:v>
                </c:pt>
                <c:pt idx="719">
                  <c:v>37245</c:v>
                </c:pt>
                <c:pt idx="720">
                  <c:v>37246</c:v>
                </c:pt>
                <c:pt idx="721">
                  <c:v>37247</c:v>
                </c:pt>
                <c:pt idx="722">
                  <c:v>37248</c:v>
                </c:pt>
                <c:pt idx="723">
                  <c:v>37249</c:v>
                </c:pt>
                <c:pt idx="724">
                  <c:v>37250</c:v>
                </c:pt>
                <c:pt idx="725">
                  <c:v>37251</c:v>
                </c:pt>
                <c:pt idx="726">
                  <c:v>37252</c:v>
                </c:pt>
                <c:pt idx="727">
                  <c:v>37253</c:v>
                </c:pt>
                <c:pt idx="728">
                  <c:v>37254</c:v>
                </c:pt>
                <c:pt idx="729">
                  <c:v>37255</c:v>
                </c:pt>
                <c:pt idx="730">
                  <c:v>37256</c:v>
                </c:pt>
                <c:pt idx="731">
                  <c:v>37257</c:v>
                </c:pt>
                <c:pt idx="732">
                  <c:v>37258</c:v>
                </c:pt>
                <c:pt idx="733">
                  <c:v>37259</c:v>
                </c:pt>
                <c:pt idx="734">
                  <c:v>37260</c:v>
                </c:pt>
                <c:pt idx="735">
                  <c:v>37261</c:v>
                </c:pt>
                <c:pt idx="736">
                  <c:v>37262</c:v>
                </c:pt>
                <c:pt idx="737">
                  <c:v>37263</c:v>
                </c:pt>
                <c:pt idx="738">
                  <c:v>37264</c:v>
                </c:pt>
                <c:pt idx="739">
                  <c:v>37265</c:v>
                </c:pt>
                <c:pt idx="740">
                  <c:v>37266</c:v>
                </c:pt>
                <c:pt idx="741">
                  <c:v>37267</c:v>
                </c:pt>
                <c:pt idx="742">
                  <c:v>37268</c:v>
                </c:pt>
                <c:pt idx="743">
                  <c:v>37269</c:v>
                </c:pt>
                <c:pt idx="744">
                  <c:v>37270</c:v>
                </c:pt>
                <c:pt idx="745">
                  <c:v>37271</c:v>
                </c:pt>
                <c:pt idx="746">
                  <c:v>37272</c:v>
                </c:pt>
                <c:pt idx="747">
                  <c:v>37273</c:v>
                </c:pt>
                <c:pt idx="748">
                  <c:v>37274</c:v>
                </c:pt>
                <c:pt idx="749">
                  <c:v>37275</c:v>
                </c:pt>
                <c:pt idx="750">
                  <c:v>37276</c:v>
                </c:pt>
                <c:pt idx="751">
                  <c:v>37277</c:v>
                </c:pt>
                <c:pt idx="752">
                  <c:v>37278</c:v>
                </c:pt>
                <c:pt idx="753">
                  <c:v>37279</c:v>
                </c:pt>
                <c:pt idx="754">
                  <c:v>37280</c:v>
                </c:pt>
                <c:pt idx="755">
                  <c:v>37281</c:v>
                </c:pt>
                <c:pt idx="756">
                  <c:v>37282</c:v>
                </c:pt>
                <c:pt idx="757">
                  <c:v>37283</c:v>
                </c:pt>
                <c:pt idx="758">
                  <c:v>37284</c:v>
                </c:pt>
                <c:pt idx="759">
                  <c:v>37285</c:v>
                </c:pt>
                <c:pt idx="760">
                  <c:v>37286</c:v>
                </c:pt>
                <c:pt idx="761">
                  <c:v>37287</c:v>
                </c:pt>
                <c:pt idx="762">
                  <c:v>37288</c:v>
                </c:pt>
                <c:pt idx="763">
                  <c:v>37289</c:v>
                </c:pt>
                <c:pt idx="764">
                  <c:v>37290</c:v>
                </c:pt>
                <c:pt idx="765">
                  <c:v>37291</c:v>
                </c:pt>
                <c:pt idx="766">
                  <c:v>37292</c:v>
                </c:pt>
                <c:pt idx="767">
                  <c:v>37293</c:v>
                </c:pt>
                <c:pt idx="768">
                  <c:v>37294</c:v>
                </c:pt>
                <c:pt idx="769">
                  <c:v>37295</c:v>
                </c:pt>
                <c:pt idx="770">
                  <c:v>37296</c:v>
                </c:pt>
                <c:pt idx="771">
                  <c:v>37297</c:v>
                </c:pt>
                <c:pt idx="772">
                  <c:v>37298</c:v>
                </c:pt>
                <c:pt idx="773">
                  <c:v>37299</c:v>
                </c:pt>
                <c:pt idx="774">
                  <c:v>37300</c:v>
                </c:pt>
                <c:pt idx="775">
                  <c:v>37301</c:v>
                </c:pt>
                <c:pt idx="776">
                  <c:v>37302</c:v>
                </c:pt>
                <c:pt idx="777">
                  <c:v>37303</c:v>
                </c:pt>
                <c:pt idx="778">
                  <c:v>37304</c:v>
                </c:pt>
                <c:pt idx="779">
                  <c:v>37305</c:v>
                </c:pt>
                <c:pt idx="780">
                  <c:v>37306</c:v>
                </c:pt>
                <c:pt idx="781">
                  <c:v>37307</c:v>
                </c:pt>
                <c:pt idx="782">
                  <c:v>37308</c:v>
                </c:pt>
                <c:pt idx="783">
                  <c:v>37309</c:v>
                </c:pt>
                <c:pt idx="784">
                  <c:v>37310</c:v>
                </c:pt>
                <c:pt idx="785">
                  <c:v>37311</c:v>
                </c:pt>
                <c:pt idx="786">
                  <c:v>37312</c:v>
                </c:pt>
                <c:pt idx="787">
                  <c:v>37313</c:v>
                </c:pt>
                <c:pt idx="788">
                  <c:v>37314</c:v>
                </c:pt>
                <c:pt idx="789">
                  <c:v>37315</c:v>
                </c:pt>
                <c:pt idx="790">
                  <c:v>37316</c:v>
                </c:pt>
                <c:pt idx="791">
                  <c:v>37317</c:v>
                </c:pt>
                <c:pt idx="792">
                  <c:v>37318</c:v>
                </c:pt>
                <c:pt idx="793">
                  <c:v>37319</c:v>
                </c:pt>
                <c:pt idx="794">
                  <c:v>37320</c:v>
                </c:pt>
                <c:pt idx="795">
                  <c:v>37321</c:v>
                </c:pt>
                <c:pt idx="796">
                  <c:v>37322</c:v>
                </c:pt>
                <c:pt idx="797">
                  <c:v>37323</c:v>
                </c:pt>
                <c:pt idx="798">
                  <c:v>37324</c:v>
                </c:pt>
                <c:pt idx="799">
                  <c:v>37325</c:v>
                </c:pt>
                <c:pt idx="800">
                  <c:v>37326</c:v>
                </c:pt>
                <c:pt idx="801">
                  <c:v>37327</c:v>
                </c:pt>
                <c:pt idx="802">
                  <c:v>37328</c:v>
                </c:pt>
                <c:pt idx="803">
                  <c:v>37329</c:v>
                </c:pt>
                <c:pt idx="804">
                  <c:v>37330</c:v>
                </c:pt>
                <c:pt idx="805">
                  <c:v>37331</c:v>
                </c:pt>
                <c:pt idx="806">
                  <c:v>37332</c:v>
                </c:pt>
                <c:pt idx="807">
                  <c:v>37333</c:v>
                </c:pt>
                <c:pt idx="808">
                  <c:v>37334</c:v>
                </c:pt>
                <c:pt idx="809">
                  <c:v>37335</c:v>
                </c:pt>
                <c:pt idx="810">
                  <c:v>37336</c:v>
                </c:pt>
                <c:pt idx="811">
                  <c:v>37337</c:v>
                </c:pt>
                <c:pt idx="812">
                  <c:v>37338</c:v>
                </c:pt>
                <c:pt idx="813">
                  <c:v>37339</c:v>
                </c:pt>
                <c:pt idx="814">
                  <c:v>37340</c:v>
                </c:pt>
                <c:pt idx="815">
                  <c:v>37341</c:v>
                </c:pt>
                <c:pt idx="816">
                  <c:v>37342</c:v>
                </c:pt>
                <c:pt idx="817">
                  <c:v>37343</c:v>
                </c:pt>
                <c:pt idx="818">
                  <c:v>37344</c:v>
                </c:pt>
                <c:pt idx="819">
                  <c:v>37345</c:v>
                </c:pt>
                <c:pt idx="820">
                  <c:v>37346</c:v>
                </c:pt>
                <c:pt idx="821">
                  <c:v>37347</c:v>
                </c:pt>
                <c:pt idx="822">
                  <c:v>37348</c:v>
                </c:pt>
                <c:pt idx="823">
                  <c:v>37349</c:v>
                </c:pt>
                <c:pt idx="824">
                  <c:v>37350</c:v>
                </c:pt>
                <c:pt idx="825">
                  <c:v>37351</c:v>
                </c:pt>
                <c:pt idx="826">
                  <c:v>37352</c:v>
                </c:pt>
                <c:pt idx="827">
                  <c:v>37353</c:v>
                </c:pt>
                <c:pt idx="828">
                  <c:v>37354</c:v>
                </c:pt>
                <c:pt idx="829">
                  <c:v>37355</c:v>
                </c:pt>
                <c:pt idx="830">
                  <c:v>37356</c:v>
                </c:pt>
                <c:pt idx="831">
                  <c:v>37357</c:v>
                </c:pt>
                <c:pt idx="832">
                  <c:v>37358</c:v>
                </c:pt>
                <c:pt idx="833">
                  <c:v>37359</c:v>
                </c:pt>
                <c:pt idx="834">
                  <c:v>37360</c:v>
                </c:pt>
                <c:pt idx="835">
                  <c:v>37361</c:v>
                </c:pt>
                <c:pt idx="836">
                  <c:v>37362</c:v>
                </c:pt>
                <c:pt idx="837">
                  <c:v>37363</c:v>
                </c:pt>
                <c:pt idx="838">
                  <c:v>37364</c:v>
                </c:pt>
                <c:pt idx="839">
                  <c:v>37365</c:v>
                </c:pt>
                <c:pt idx="840">
                  <c:v>37366</c:v>
                </c:pt>
                <c:pt idx="841">
                  <c:v>37367</c:v>
                </c:pt>
                <c:pt idx="842">
                  <c:v>37368</c:v>
                </c:pt>
                <c:pt idx="843">
                  <c:v>37369</c:v>
                </c:pt>
                <c:pt idx="844">
                  <c:v>37370</c:v>
                </c:pt>
                <c:pt idx="845">
                  <c:v>37371</c:v>
                </c:pt>
                <c:pt idx="846">
                  <c:v>37372</c:v>
                </c:pt>
                <c:pt idx="847">
                  <c:v>37373</c:v>
                </c:pt>
                <c:pt idx="848">
                  <c:v>37374</c:v>
                </c:pt>
                <c:pt idx="849">
                  <c:v>37375</c:v>
                </c:pt>
                <c:pt idx="850">
                  <c:v>37376</c:v>
                </c:pt>
                <c:pt idx="851">
                  <c:v>37377</c:v>
                </c:pt>
                <c:pt idx="852">
                  <c:v>37378</c:v>
                </c:pt>
                <c:pt idx="853">
                  <c:v>37379</c:v>
                </c:pt>
                <c:pt idx="854">
                  <c:v>37380</c:v>
                </c:pt>
                <c:pt idx="855">
                  <c:v>37381</c:v>
                </c:pt>
                <c:pt idx="856">
                  <c:v>37382</c:v>
                </c:pt>
                <c:pt idx="857">
                  <c:v>37383</c:v>
                </c:pt>
                <c:pt idx="858">
                  <c:v>37384</c:v>
                </c:pt>
                <c:pt idx="859">
                  <c:v>37385</c:v>
                </c:pt>
                <c:pt idx="860">
                  <c:v>37386</c:v>
                </c:pt>
                <c:pt idx="861">
                  <c:v>37387</c:v>
                </c:pt>
                <c:pt idx="862">
                  <c:v>37388</c:v>
                </c:pt>
                <c:pt idx="863">
                  <c:v>37389</c:v>
                </c:pt>
                <c:pt idx="864">
                  <c:v>37390</c:v>
                </c:pt>
                <c:pt idx="865">
                  <c:v>37391</c:v>
                </c:pt>
                <c:pt idx="866">
                  <c:v>37392</c:v>
                </c:pt>
                <c:pt idx="867">
                  <c:v>37393</c:v>
                </c:pt>
                <c:pt idx="868">
                  <c:v>37394</c:v>
                </c:pt>
                <c:pt idx="869">
                  <c:v>37395</c:v>
                </c:pt>
                <c:pt idx="870">
                  <c:v>37396</c:v>
                </c:pt>
                <c:pt idx="871">
                  <c:v>37397</c:v>
                </c:pt>
                <c:pt idx="872">
                  <c:v>37398</c:v>
                </c:pt>
                <c:pt idx="873">
                  <c:v>37399</c:v>
                </c:pt>
                <c:pt idx="874">
                  <c:v>37400</c:v>
                </c:pt>
                <c:pt idx="875">
                  <c:v>37401</c:v>
                </c:pt>
                <c:pt idx="876">
                  <c:v>37402</c:v>
                </c:pt>
                <c:pt idx="877">
                  <c:v>37403</c:v>
                </c:pt>
                <c:pt idx="878">
                  <c:v>37404</c:v>
                </c:pt>
                <c:pt idx="879">
                  <c:v>37405</c:v>
                </c:pt>
                <c:pt idx="880">
                  <c:v>37406</c:v>
                </c:pt>
                <c:pt idx="881">
                  <c:v>37407</c:v>
                </c:pt>
                <c:pt idx="882">
                  <c:v>37408</c:v>
                </c:pt>
                <c:pt idx="883">
                  <c:v>37409</c:v>
                </c:pt>
                <c:pt idx="884">
                  <c:v>37410</c:v>
                </c:pt>
                <c:pt idx="885">
                  <c:v>37411</c:v>
                </c:pt>
                <c:pt idx="886">
                  <c:v>37412</c:v>
                </c:pt>
                <c:pt idx="887">
                  <c:v>37413</c:v>
                </c:pt>
                <c:pt idx="888">
                  <c:v>37414</c:v>
                </c:pt>
                <c:pt idx="889">
                  <c:v>37415</c:v>
                </c:pt>
                <c:pt idx="890">
                  <c:v>37416</c:v>
                </c:pt>
                <c:pt idx="891">
                  <c:v>37417</c:v>
                </c:pt>
                <c:pt idx="892">
                  <c:v>37418</c:v>
                </c:pt>
                <c:pt idx="893">
                  <c:v>37419</c:v>
                </c:pt>
                <c:pt idx="894">
                  <c:v>37420</c:v>
                </c:pt>
                <c:pt idx="895">
                  <c:v>37421</c:v>
                </c:pt>
                <c:pt idx="896">
                  <c:v>37422</c:v>
                </c:pt>
                <c:pt idx="897">
                  <c:v>37423</c:v>
                </c:pt>
                <c:pt idx="898">
                  <c:v>37424</c:v>
                </c:pt>
                <c:pt idx="899">
                  <c:v>37425</c:v>
                </c:pt>
                <c:pt idx="900">
                  <c:v>37426</c:v>
                </c:pt>
                <c:pt idx="901">
                  <c:v>37427</c:v>
                </c:pt>
                <c:pt idx="902">
                  <c:v>37428</c:v>
                </c:pt>
                <c:pt idx="903">
                  <c:v>37429</c:v>
                </c:pt>
                <c:pt idx="904">
                  <c:v>37430</c:v>
                </c:pt>
                <c:pt idx="905">
                  <c:v>37431</c:v>
                </c:pt>
                <c:pt idx="906">
                  <c:v>37432</c:v>
                </c:pt>
                <c:pt idx="907">
                  <c:v>37433</c:v>
                </c:pt>
                <c:pt idx="908">
                  <c:v>37434</c:v>
                </c:pt>
                <c:pt idx="909">
                  <c:v>37435</c:v>
                </c:pt>
                <c:pt idx="910">
                  <c:v>37436</c:v>
                </c:pt>
                <c:pt idx="911">
                  <c:v>37437</c:v>
                </c:pt>
                <c:pt idx="912">
                  <c:v>37438</c:v>
                </c:pt>
                <c:pt idx="913">
                  <c:v>37439</c:v>
                </c:pt>
                <c:pt idx="914">
                  <c:v>37440</c:v>
                </c:pt>
                <c:pt idx="915">
                  <c:v>37441</c:v>
                </c:pt>
                <c:pt idx="916">
                  <c:v>37442</c:v>
                </c:pt>
                <c:pt idx="917">
                  <c:v>37443</c:v>
                </c:pt>
                <c:pt idx="918">
                  <c:v>37444</c:v>
                </c:pt>
                <c:pt idx="919">
                  <c:v>37445</c:v>
                </c:pt>
                <c:pt idx="920">
                  <c:v>37446</c:v>
                </c:pt>
                <c:pt idx="921">
                  <c:v>37447</c:v>
                </c:pt>
                <c:pt idx="922">
                  <c:v>37448</c:v>
                </c:pt>
                <c:pt idx="923">
                  <c:v>37449</c:v>
                </c:pt>
                <c:pt idx="924">
                  <c:v>37450</c:v>
                </c:pt>
                <c:pt idx="925">
                  <c:v>37451</c:v>
                </c:pt>
                <c:pt idx="926">
                  <c:v>37452</c:v>
                </c:pt>
                <c:pt idx="927">
                  <c:v>37453</c:v>
                </c:pt>
                <c:pt idx="928">
                  <c:v>37454</c:v>
                </c:pt>
                <c:pt idx="929">
                  <c:v>37455</c:v>
                </c:pt>
                <c:pt idx="930">
                  <c:v>37456</c:v>
                </c:pt>
                <c:pt idx="931">
                  <c:v>37457</c:v>
                </c:pt>
                <c:pt idx="932">
                  <c:v>37458</c:v>
                </c:pt>
                <c:pt idx="933">
                  <c:v>37459</c:v>
                </c:pt>
                <c:pt idx="934">
                  <c:v>37460</c:v>
                </c:pt>
                <c:pt idx="935">
                  <c:v>37461</c:v>
                </c:pt>
                <c:pt idx="936">
                  <c:v>37462</c:v>
                </c:pt>
                <c:pt idx="937">
                  <c:v>37463</c:v>
                </c:pt>
                <c:pt idx="938">
                  <c:v>37464</c:v>
                </c:pt>
                <c:pt idx="939">
                  <c:v>37465</c:v>
                </c:pt>
                <c:pt idx="940">
                  <c:v>37466</c:v>
                </c:pt>
                <c:pt idx="941">
                  <c:v>37467</c:v>
                </c:pt>
                <c:pt idx="942">
                  <c:v>37468</c:v>
                </c:pt>
                <c:pt idx="943">
                  <c:v>37469</c:v>
                </c:pt>
                <c:pt idx="944">
                  <c:v>37470</c:v>
                </c:pt>
                <c:pt idx="945">
                  <c:v>37471</c:v>
                </c:pt>
                <c:pt idx="946">
                  <c:v>37472</c:v>
                </c:pt>
                <c:pt idx="947">
                  <c:v>37473</c:v>
                </c:pt>
                <c:pt idx="948">
                  <c:v>37474</c:v>
                </c:pt>
                <c:pt idx="949">
                  <c:v>37475</c:v>
                </c:pt>
                <c:pt idx="950">
                  <c:v>37476</c:v>
                </c:pt>
                <c:pt idx="951">
                  <c:v>37477</c:v>
                </c:pt>
                <c:pt idx="952">
                  <c:v>37478</c:v>
                </c:pt>
                <c:pt idx="953">
                  <c:v>37479</c:v>
                </c:pt>
                <c:pt idx="954">
                  <c:v>37480</c:v>
                </c:pt>
                <c:pt idx="955">
                  <c:v>37481</c:v>
                </c:pt>
                <c:pt idx="956">
                  <c:v>37482</c:v>
                </c:pt>
                <c:pt idx="957">
                  <c:v>37483</c:v>
                </c:pt>
                <c:pt idx="958">
                  <c:v>37484</c:v>
                </c:pt>
                <c:pt idx="959">
                  <c:v>37485</c:v>
                </c:pt>
                <c:pt idx="960">
                  <c:v>37486</c:v>
                </c:pt>
                <c:pt idx="961">
                  <c:v>37487</c:v>
                </c:pt>
                <c:pt idx="962">
                  <c:v>37488</c:v>
                </c:pt>
                <c:pt idx="963">
                  <c:v>37489</c:v>
                </c:pt>
                <c:pt idx="964">
                  <c:v>37490</c:v>
                </c:pt>
                <c:pt idx="965">
                  <c:v>37491</c:v>
                </c:pt>
                <c:pt idx="966">
                  <c:v>37492</c:v>
                </c:pt>
                <c:pt idx="967">
                  <c:v>37493</c:v>
                </c:pt>
                <c:pt idx="968">
                  <c:v>37494</c:v>
                </c:pt>
                <c:pt idx="969">
                  <c:v>37495</c:v>
                </c:pt>
                <c:pt idx="970">
                  <c:v>37496</c:v>
                </c:pt>
                <c:pt idx="971">
                  <c:v>37497</c:v>
                </c:pt>
                <c:pt idx="972">
                  <c:v>37498</c:v>
                </c:pt>
                <c:pt idx="973">
                  <c:v>37499</c:v>
                </c:pt>
                <c:pt idx="974">
                  <c:v>37500</c:v>
                </c:pt>
                <c:pt idx="975">
                  <c:v>37501</c:v>
                </c:pt>
                <c:pt idx="976">
                  <c:v>37502</c:v>
                </c:pt>
                <c:pt idx="977">
                  <c:v>37503</c:v>
                </c:pt>
                <c:pt idx="978">
                  <c:v>37504</c:v>
                </c:pt>
                <c:pt idx="979">
                  <c:v>37505</c:v>
                </c:pt>
                <c:pt idx="980">
                  <c:v>37506</c:v>
                </c:pt>
                <c:pt idx="981">
                  <c:v>37507</c:v>
                </c:pt>
                <c:pt idx="982">
                  <c:v>37508</c:v>
                </c:pt>
                <c:pt idx="983">
                  <c:v>37509</c:v>
                </c:pt>
                <c:pt idx="984">
                  <c:v>37510</c:v>
                </c:pt>
                <c:pt idx="985">
                  <c:v>37511</c:v>
                </c:pt>
                <c:pt idx="986">
                  <c:v>37512</c:v>
                </c:pt>
                <c:pt idx="987">
                  <c:v>37513</c:v>
                </c:pt>
                <c:pt idx="988">
                  <c:v>37514</c:v>
                </c:pt>
                <c:pt idx="989">
                  <c:v>37515</c:v>
                </c:pt>
                <c:pt idx="990">
                  <c:v>37516</c:v>
                </c:pt>
                <c:pt idx="991">
                  <c:v>37517</c:v>
                </c:pt>
                <c:pt idx="992">
                  <c:v>37518</c:v>
                </c:pt>
                <c:pt idx="993">
                  <c:v>37519</c:v>
                </c:pt>
                <c:pt idx="994">
                  <c:v>37520</c:v>
                </c:pt>
                <c:pt idx="995">
                  <c:v>37521</c:v>
                </c:pt>
                <c:pt idx="996">
                  <c:v>37522</c:v>
                </c:pt>
                <c:pt idx="997">
                  <c:v>37523</c:v>
                </c:pt>
                <c:pt idx="998">
                  <c:v>37524</c:v>
                </c:pt>
                <c:pt idx="999">
                  <c:v>37525</c:v>
                </c:pt>
                <c:pt idx="1000">
                  <c:v>37526</c:v>
                </c:pt>
                <c:pt idx="1001">
                  <c:v>37527</c:v>
                </c:pt>
                <c:pt idx="1002">
                  <c:v>37528</c:v>
                </c:pt>
                <c:pt idx="1003">
                  <c:v>37529</c:v>
                </c:pt>
                <c:pt idx="1004">
                  <c:v>37530</c:v>
                </c:pt>
                <c:pt idx="1005">
                  <c:v>37531</c:v>
                </c:pt>
                <c:pt idx="1006">
                  <c:v>37532</c:v>
                </c:pt>
                <c:pt idx="1007">
                  <c:v>37533</c:v>
                </c:pt>
                <c:pt idx="1008">
                  <c:v>37534</c:v>
                </c:pt>
                <c:pt idx="1009">
                  <c:v>37535</c:v>
                </c:pt>
                <c:pt idx="1010">
                  <c:v>37536</c:v>
                </c:pt>
                <c:pt idx="1011">
                  <c:v>37537</c:v>
                </c:pt>
                <c:pt idx="1012">
                  <c:v>37538</c:v>
                </c:pt>
                <c:pt idx="1013">
                  <c:v>37539</c:v>
                </c:pt>
                <c:pt idx="1014">
                  <c:v>37540</c:v>
                </c:pt>
                <c:pt idx="1015">
                  <c:v>37541</c:v>
                </c:pt>
                <c:pt idx="1016">
                  <c:v>37542</c:v>
                </c:pt>
                <c:pt idx="1017">
                  <c:v>37543</c:v>
                </c:pt>
                <c:pt idx="1018">
                  <c:v>37544</c:v>
                </c:pt>
                <c:pt idx="1019">
                  <c:v>37545</c:v>
                </c:pt>
                <c:pt idx="1020">
                  <c:v>37546</c:v>
                </c:pt>
                <c:pt idx="1021">
                  <c:v>37547</c:v>
                </c:pt>
                <c:pt idx="1022">
                  <c:v>37548</c:v>
                </c:pt>
                <c:pt idx="1023">
                  <c:v>37549</c:v>
                </c:pt>
                <c:pt idx="1024">
                  <c:v>37550</c:v>
                </c:pt>
                <c:pt idx="1025">
                  <c:v>37551</c:v>
                </c:pt>
                <c:pt idx="1026">
                  <c:v>37552</c:v>
                </c:pt>
                <c:pt idx="1027">
                  <c:v>37553</c:v>
                </c:pt>
                <c:pt idx="1028">
                  <c:v>37554</c:v>
                </c:pt>
                <c:pt idx="1029">
                  <c:v>37555</c:v>
                </c:pt>
                <c:pt idx="1030">
                  <c:v>37556</c:v>
                </c:pt>
                <c:pt idx="1031">
                  <c:v>37557</c:v>
                </c:pt>
                <c:pt idx="1032">
                  <c:v>37558</c:v>
                </c:pt>
                <c:pt idx="1033">
                  <c:v>37559</c:v>
                </c:pt>
                <c:pt idx="1034">
                  <c:v>37560</c:v>
                </c:pt>
                <c:pt idx="1035">
                  <c:v>37561</c:v>
                </c:pt>
                <c:pt idx="1036">
                  <c:v>37562</c:v>
                </c:pt>
                <c:pt idx="1037">
                  <c:v>37563</c:v>
                </c:pt>
                <c:pt idx="1038">
                  <c:v>37564</c:v>
                </c:pt>
                <c:pt idx="1039">
                  <c:v>37565</c:v>
                </c:pt>
                <c:pt idx="1040">
                  <c:v>37566</c:v>
                </c:pt>
                <c:pt idx="1041">
                  <c:v>37567</c:v>
                </c:pt>
                <c:pt idx="1042">
                  <c:v>37568</c:v>
                </c:pt>
                <c:pt idx="1043">
                  <c:v>37569</c:v>
                </c:pt>
                <c:pt idx="1044">
                  <c:v>37570</c:v>
                </c:pt>
                <c:pt idx="1045">
                  <c:v>37571</c:v>
                </c:pt>
                <c:pt idx="1046">
                  <c:v>37572</c:v>
                </c:pt>
                <c:pt idx="1047">
                  <c:v>37573</c:v>
                </c:pt>
                <c:pt idx="1048">
                  <c:v>37574</c:v>
                </c:pt>
                <c:pt idx="1049">
                  <c:v>37575</c:v>
                </c:pt>
                <c:pt idx="1050">
                  <c:v>37576</c:v>
                </c:pt>
                <c:pt idx="1051">
                  <c:v>37577</c:v>
                </c:pt>
                <c:pt idx="1052">
                  <c:v>37578</c:v>
                </c:pt>
                <c:pt idx="1053">
                  <c:v>37579</c:v>
                </c:pt>
                <c:pt idx="1054">
                  <c:v>37580</c:v>
                </c:pt>
                <c:pt idx="1055">
                  <c:v>37581</c:v>
                </c:pt>
                <c:pt idx="1056">
                  <c:v>37582</c:v>
                </c:pt>
                <c:pt idx="1057">
                  <c:v>37583</c:v>
                </c:pt>
                <c:pt idx="1058">
                  <c:v>37584</c:v>
                </c:pt>
                <c:pt idx="1059">
                  <c:v>37585</c:v>
                </c:pt>
                <c:pt idx="1060">
                  <c:v>37586</c:v>
                </c:pt>
                <c:pt idx="1061">
                  <c:v>37587</c:v>
                </c:pt>
                <c:pt idx="1062">
                  <c:v>37588</c:v>
                </c:pt>
                <c:pt idx="1063">
                  <c:v>37589</c:v>
                </c:pt>
                <c:pt idx="1064">
                  <c:v>37590</c:v>
                </c:pt>
                <c:pt idx="1065">
                  <c:v>37591</c:v>
                </c:pt>
                <c:pt idx="1066">
                  <c:v>37592</c:v>
                </c:pt>
                <c:pt idx="1067">
                  <c:v>37593</c:v>
                </c:pt>
                <c:pt idx="1068">
                  <c:v>37594</c:v>
                </c:pt>
                <c:pt idx="1069">
                  <c:v>37595</c:v>
                </c:pt>
                <c:pt idx="1070">
                  <c:v>37596</c:v>
                </c:pt>
                <c:pt idx="1071">
                  <c:v>37597</c:v>
                </c:pt>
                <c:pt idx="1072">
                  <c:v>37598</c:v>
                </c:pt>
                <c:pt idx="1073">
                  <c:v>37599</c:v>
                </c:pt>
                <c:pt idx="1074">
                  <c:v>37600</c:v>
                </c:pt>
                <c:pt idx="1075">
                  <c:v>37601</c:v>
                </c:pt>
                <c:pt idx="1076">
                  <c:v>37602</c:v>
                </c:pt>
                <c:pt idx="1077">
                  <c:v>37603</c:v>
                </c:pt>
                <c:pt idx="1078">
                  <c:v>37604</c:v>
                </c:pt>
                <c:pt idx="1079">
                  <c:v>37605</c:v>
                </c:pt>
                <c:pt idx="1080">
                  <c:v>37606</c:v>
                </c:pt>
                <c:pt idx="1081">
                  <c:v>37607</c:v>
                </c:pt>
                <c:pt idx="1082">
                  <c:v>37608</c:v>
                </c:pt>
                <c:pt idx="1083">
                  <c:v>37609</c:v>
                </c:pt>
                <c:pt idx="1084">
                  <c:v>37610</c:v>
                </c:pt>
                <c:pt idx="1085">
                  <c:v>37611</c:v>
                </c:pt>
                <c:pt idx="1086">
                  <c:v>37612</c:v>
                </c:pt>
                <c:pt idx="1087">
                  <c:v>37613</c:v>
                </c:pt>
                <c:pt idx="1088">
                  <c:v>37614</c:v>
                </c:pt>
                <c:pt idx="1089">
                  <c:v>37615</c:v>
                </c:pt>
                <c:pt idx="1090">
                  <c:v>37616</c:v>
                </c:pt>
                <c:pt idx="1091">
                  <c:v>37617</c:v>
                </c:pt>
                <c:pt idx="1092">
                  <c:v>37618</c:v>
                </c:pt>
                <c:pt idx="1093">
                  <c:v>37619</c:v>
                </c:pt>
                <c:pt idx="1094">
                  <c:v>37620</c:v>
                </c:pt>
                <c:pt idx="1095">
                  <c:v>37621</c:v>
                </c:pt>
                <c:pt idx="1096">
                  <c:v>37622</c:v>
                </c:pt>
                <c:pt idx="1097">
                  <c:v>37623</c:v>
                </c:pt>
                <c:pt idx="1098">
                  <c:v>37624</c:v>
                </c:pt>
                <c:pt idx="1099">
                  <c:v>37625</c:v>
                </c:pt>
                <c:pt idx="1100">
                  <c:v>37626</c:v>
                </c:pt>
                <c:pt idx="1101">
                  <c:v>37627</c:v>
                </c:pt>
                <c:pt idx="1102">
                  <c:v>37628</c:v>
                </c:pt>
                <c:pt idx="1103">
                  <c:v>37629</c:v>
                </c:pt>
                <c:pt idx="1104">
                  <c:v>37630</c:v>
                </c:pt>
                <c:pt idx="1105">
                  <c:v>37631</c:v>
                </c:pt>
                <c:pt idx="1106">
                  <c:v>37632</c:v>
                </c:pt>
                <c:pt idx="1107">
                  <c:v>37633</c:v>
                </c:pt>
                <c:pt idx="1108">
                  <c:v>37634</c:v>
                </c:pt>
                <c:pt idx="1109">
                  <c:v>37635</c:v>
                </c:pt>
                <c:pt idx="1110">
                  <c:v>37636</c:v>
                </c:pt>
                <c:pt idx="1111">
                  <c:v>37637</c:v>
                </c:pt>
                <c:pt idx="1112">
                  <c:v>37638</c:v>
                </c:pt>
                <c:pt idx="1113">
                  <c:v>37639</c:v>
                </c:pt>
                <c:pt idx="1114">
                  <c:v>37640</c:v>
                </c:pt>
                <c:pt idx="1115">
                  <c:v>37641</c:v>
                </c:pt>
                <c:pt idx="1116">
                  <c:v>37642</c:v>
                </c:pt>
                <c:pt idx="1117">
                  <c:v>37643</c:v>
                </c:pt>
                <c:pt idx="1118">
                  <c:v>37644</c:v>
                </c:pt>
                <c:pt idx="1119">
                  <c:v>37645</c:v>
                </c:pt>
                <c:pt idx="1120">
                  <c:v>37646</c:v>
                </c:pt>
                <c:pt idx="1121">
                  <c:v>37647</c:v>
                </c:pt>
                <c:pt idx="1122">
                  <c:v>37648</c:v>
                </c:pt>
                <c:pt idx="1123">
                  <c:v>37649</c:v>
                </c:pt>
                <c:pt idx="1124">
                  <c:v>37650</c:v>
                </c:pt>
                <c:pt idx="1125">
                  <c:v>37651</c:v>
                </c:pt>
                <c:pt idx="1126">
                  <c:v>37652</c:v>
                </c:pt>
                <c:pt idx="1127">
                  <c:v>37653</c:v>
                </c:pt>
                <c:pt idx="1128">
                  <c:v>37654</c:v>
                </c:pt>
                <c:pt idx="1129">
                  <c:v>37655</c:v>
                </c:pt>
                <c:pt idx="1130">
                  <c:v>37656</c:v>
                </c:pt>
                <c:pt idx="1131">
                  <c:v>37657</c:v>
                </c:pt>
                <c:pt idx="1132">
                  <c:v>37658</c:v>
                </c:pt>
                <c:pt idx="1133">
                  <c:v>37659</c:v>
                </c:pt>
                <c:pt idx="1134">
                  <c:v>37660</c:v>
                </c:pt>
                <c:pt idx="1135">
                  <c:v>37661</c:v>
                </c:pt>
                <c:pt idx="1136">
                  <c:v>37662</c:v>
                </c:pt>
                <c:pt idx="1137">
                  <c:v>37663</c:v>
                </c:pt>
                <c:pt idx="1138">
                  <c:v>37664</c:v>
                </c:pt>
                <c:pt idx="1139">
                  <c:v>37665</c:v>
                </c:pt>
                <c:pt idx="1140">
                  <c:v>37666</c:v>
                </c:pt>
                <c:pt idx="1141">
                  <c:v>37667</c:v>
                </c:pt>
                <c:pt idx="1142">
                  <c:v>37668</c:v>
                </c:pt>
                <c:pt idx="1143">
                  <c:v>37669</c:v>
                </c:pt>
                <c:pt idx="1144">
                  <c:v>37670</c:v>
                </c:pt>
                <c:pt idx="1145">
                  <c:v>37671</c:v>
                </c:pt>
                <c:pt idx="1146">
                  <c:v>37672</c:v>
                </c:pt>
                <c:pt idx="1147">
                  <c:v>37673</c:v>
                </c:pt>
                <c:pt idx="1148">
                  <c:v>37674</c:v>
                </c:pt>
                <c:pt idx="1149">
                  <c:v>37675</c:v>
                </c:pt>
                <c:pt idx="1150">
                  <c:v>37676</c:v>
                </c:pt>
                <c:pt idx="1151">
                  <c:v>37677</c:v>
                </c:pt>
                <c:pt idx="1152">
                  <c:v>37678</c:v>
                </c:pt>
                <c:pt idx="1153">
                  <c:v>37679</c:v>
                </c:pt>
                <c:pt idx="1154">
                  <c:v>37680</c:v>
                </c:pt>
                <c:pt idx="1155">
                  <c:v>37681</c:v>
                </c:pt>
                <c:pt idx="1156">
                  <c:v>37682</c:v>
                </c:pt>
                <c:pt idx="1157">
                  <c:v>37683</c:v>
                </c:pt>
                <c:pt idx="1158">
                  <c:v>37684</c:v>
                </c:pt>
                <c:pt idx="1159">
                  <c:v>37685</c:v>
                </c:pt>
                <c:pt idx="1160">
                  <c:v>37686</c:v>
                </c:pt>
                <c:pt idx="1161">
                  <c:v>37687</c:v>
                </c:pt>
                <c:pt idx="1162">
                  <c:v>37688</c:v>
                </c:pt>
                <c:pt idx="1163">
                  <c:v>37689</c:v>
                </c:pt>
                <c:pt idx="1164">
                  <c:v>37690</c:v>
                </c:pt>
                <c:pt idx="1165">
                  <c:v>37691</c:v>
                </c:pt>
                <c:pt idx="1166">
                  <c:v>37692</c:v>
                </c:pt>
                <c:pt idx="1167">
                  <c:v>37693</c:v>
                </c:pt>
                <c:pt idx="1168">
                  <c:v>37694</c:v>
                </c:pt>
                <c:pt idx="1169">
                  <c:v>37695</c:v>
                </c:pt>
                <c:pt idx="1170">
                  <c:v>37696</c:v>
                </c:pt>
                <c:pt idx="1171">
                  <c:v>37697</c:v>
                </c:pt>
                <c:pt idx="1172">
                  <c:v>37698</c:v>
                </c:pt>
                <c:pt idx="1173">
                  <c:v>37699</c:v>
                </c:pt>
                <c:pt idx="1174">
                  <c:v>37700</c:v>
                </c:pt>
                <c:pt idx="1175">
                  <c:v>37701</c:v>
                </c:pt>
                <c:pt idx="1176">
                  <c:v>37702</c:v>
                </c:pt>
                <c:pt idx="1177">
                  <c:v>37703</c:v>
                </c:pt>
                <c:pt idx="1178">
                  <c:v>37704</c:v>
                </c:pt>
                <c:pt idx="1179">
                  <c:v>37705</c:v>
                </c:pt>
                <c:pt idx="1180">
                  <c:v>37706</c:v>
                </c:pt>
                <c:pt idx="1181">
                  <c:v>37707</c:v>
                </c:pt>
                <c:pt idx="1182">
                  <c:v>37708</c:v>
                </c:pt>
                <c:pt idx="1183">
                  <c:v>37709</c:v>
                </c:pt>
                <c:pt idx="1184">
                  <c:v>37710</c:v>
                </c:pt>
                <c:pt idx="1185">
                  <c:v>37711</c:v>
                </c:pt>
                <c:pt idx="1186">
                  <c:v>37712</c:v>
                </c:pt>
                <c:pt idx="1187">
                  <c:v>37713</c:v>
                </c:pt>
                <c:pt idx="1188">
                  <c:v>37714</c:v>
                </c:pt>
                <c:pt idx="1189">
                  <c:v>37715</c:v>
                </c:pt>
                <c:pt idx="1190">
                  <c:v>37716</c:v>
                </c:pt>
                <c:pt idx="1191">
                  <c:v>37717</c:v>
                </c:pt>
                <c:pt idx="1192">
                  <c:v>37718</c:v>
                </c:pt>
                <c:pt idx="1193">
                  <c:v>37719</c:v>
                </c:pt>
                <c:pt idx="1194">
                  <c:v>37720</c:v>
                </c:pt>
                <c:pt idx="1195">
                  <c:v>37721</c:v>
                </c:pt>
                <c:pt idx="1196">
                  <c:v>37722</c:v>
                </c:pt>
                <c:pt idx="1197">
                  <c:v>37723</c:v>
                </c:pt>
                <c:pt idx="1198">
                  <c:v>37724</c:v>
                </c:pt>
                <c:pt idx="1199">
                  <c:v>37725</c:v>
                </c:pt>
                <c:pt idx="1200">
                  <c:v>37726</c:v>
                </c:pt>
                <c:pt idx="1201">
                  <c:v>37727</c:v>
                </c:pt>
                <c:pt idx="1202">
                  <c:v>37728</c:v>
                </c:pt>
                <c:pt idx="1203">
                  <c:v>37729</c:v>
                </c:pt>
                <c:pt idx="1204">
                  <c:v>37730</c:v>
                </c:pt>
                <c:pt idx="1205">
                  <c:v>37731</c:v>
                </c:pt>
                <c:pt idx="1206">
                  <c:v>37732</c:v>
                </c:pt>
                <c:pt idx="1207">
                  <c:v>37733</c:v>
                </c:pt>
                <c:pt idx="1208">
                  <c:v>37734</c:v>
                </c:pt>
                <c:pt idx="1209">
                  <c:v>37735</c:v>
                </c:pt>
                <c:pt idx="1210">
                  <c:v>37736</c:v>
                </c:pt>
                <c:pt idx="1211">
                  <c:v>37737</c:v>
                </c:pt>
                <c:pt idx="1212">
                  <c:v>37738</c:v>
                </c:pt>
                <c:pt idx="1213">
                  <c:v>37739</c:v>
                </c:pt>
                <c:pt idx="1214">
                  <c:v>37740</c:v>
                </c:pt>
                <c:pt idx="1215">
                  <c:v>37741</c:v>
                </c:pt>
                <c:pt idx="1216">
                  <c:v>37742</c:v>
                </c:pt>
                <c:pt idx="1217">
                  <c:v>37743</c:v>
                </c:pt>
                <c:pt idx="1218">
                  <c:v>37744</c:v>
                </c:pt>
                <c:pt idx="1219">
                  <c:v>37745</c:v>
                </c:pt>
                <c:pt idx="1220">
                  <c:v>37746</c:v>
                </c:pt>
                <c:pt idx="1221">
                  <c:v>37747</c:v>
                </c:pt>
                <c:pt idx="1222">
                  <c:v>37748</c:v>
                </c:pt>
                <c:pt idx="1223">
                  <c:v>37749</c:v>
                </c:pt>
                <c:pt idx="1224">
                  <c:v>37750</c:v>
                </c:pt>
                <c:pt idx="1225">
                  <c:v>37751</c:v>
                </c:pt>
                <c:pt idx="1226">
                  <c:v>37752</c:v>
                </c:pt>
                <c:pt idx="1227">
                  <c:v>37753</c:v>
                </c:pt>
                <c:pt idx="1228">
                  <c:v>37754</c:v>
                </c:pt>
                <c:pt idx="1229">
                  <c:v>37755</c:v>
                </c:pt>
                <c:pt idx="1230">
                  <c:v>37756</c:v>
                </c:pt>
                <c:pt idx="1231">
                  <c:v>37757</c:v>
                </c:pt>
                <c:pt idx="1232">
                  <c:v>37758</c:v>
                </c:pt>
                <c:pt idx="1233">
                  <c:v>37759</c:v>
                </c:pt>
                <c:pt idx="1234">
                  <c:v>37760</c:v>
                </c:pt>
                <c:pt idx="1235">
                  <c:v>37761</c:v>
                </c:pt>
                <c:pt idx="1236">
                  <c:v>37762</c:v>
                </c:pt>
                <c:pt idx="1237">
                  <c:v>37763</c:v>
                </c:pt>
                <c:pt idx="1238">
                  <c:v>37764</c:v>
                </c:pt>
                <c:pt idx="1239">
                  <c:v>37765</c:v>
                </c:pt>
                <c:pt idx="1240">
                  <c:v>37766</c:v>
                </c:pt>
                <c:pt idx="1241">
                  <c:v>37767</c:v>
                </c:pt>
                <c:pt idx="1242">
                  <c:v>37768</c:v>
                </c:pt>
                <c:pt idx="1243">
                  <c:v>37769</c:v>
                </c:pt>
                <c:pt idx="1244">
                  <c:v>37770</c:v>
                </c:pt>
                <c:pt idx="1245">
                  <c:v>37771</c:v>
                </c:pt>
                <c:pt idx="1246">
                  <c:v>37772</c:v>
                </c:pt>
                <c:pt idx="1247">
                  <c:v>37773</c:v>
                </c:pt>
                <c:pt idx="1248">
                  <c:v>37774</c:v>
                </c:pt>
                <c:pt idx="1249">
                  <c:v>37775</c:v>
                </c:pt>
                <c:pt idx="1250">
                  <c:v>37776</c:v>
                </c:pt>
                <c:pt idx="1251">
                  <c:v>37777</c:v>
                </c:pt>
                <c:pt idx="1252">
                  <c:v>37778</c:v>
                </c:pt>
                <c:pt idx="1253">
                  <c:v>37779</c:v>
                </c:pt>
                <c:pt idx="1254">
                  <c:v>37780</c:v>
                </c:pt>
                <c:pt idx="1255">
                  <c:v>37781</c:v>
                </c:pt>
                <c:pt idx="1256">
                  <c:v>37782</c:v>
                </c:pt>
                <c:pt idx="1257">
                  <c:v>37783</c:v>
                </c:pt>
                <c:pt idx="1258">
                  <c:v>37784</c:v>
                </c:pt>
                <c:pt idx="1259">
                  <c:v>37785</c:v>
                </c:pt>
                <c:pt idx="1260">
                  <c:v>37786</c:v>
                </c:pt>
                <c:pt idx="1261">
                  <c:v>37787</c:v>
                </c:pt>
                <c:pt idx="1262">
                  <c:v>37788</c:v>
                </c:pt>
                <c:pt idx="1263">
                  <c:v>37789</c:v>
                </c:pt>
                <c:pt idx="1264">
                  <c:v>37790</c:v>
                </c:pt>
                <c:pt idx="1265">
                  <c:v>37791</c:v>
                </c:pt>
                <c:pt idx="1266">
                  <c:v>37792</c:v>
                </c:pt>
                <c:pt idx="1267">
                  <c:v>37793</c:v>
                </c:pt>
                <c:pt idx="1268">
                  <c:v>37794</c:v>
                </c:pt>
                <c:pt idx="1269">
                  <c:v>37795</c:v>
                </c:pt>
                <c:pt idx="1270">
                  <c:v>37796</c:v>
                </c:pt>
                <c:pt idx="1271">
                  <c:v>37797</c:v>
                </c:pt>
                <c:pt idx="1272">
                  <c:v>37798</c:v>
                </c:pt>
                <c:pt idx="1273">
                  <c:v>37799</c:v>
                </c:pt>
                <c:pt idx="1274">
                  <c:v>37800</c:v>
                </c:pt>
                <c:pt idx="1275">
                  <c:v>37801</c:v>
                </c:pt>
                <c:pt idx="1276">
                  <c:v>37802</c:v>
                </c:pt>
                <c:pt idx="1277">
                  <c:v>37803</c:v>
                </c:pt>
                <c:pt idx="1278">
                  <c:v>37804</c:v>
                </c:pt>
                <c:pt idx="1279">
                  <c:v>37805</c:v>
                </c:pt>
                <c:pt idx="1280">
                  <c:v>37806</c:v>
                </c:pt>
                <c:pt idx="1281">
                  <c:v>37807</c:v>
                </c:pt>
                <c:pt idx="1282">
                  <c:v>37808</c:v>
                </c:pt>
                <c:pt idx="1283">
                  <c:v>37809</c:v>
                </c:pt>
                <c:pt idx="1284">
                  <c:v>37810</c:v>
                </c:pt>
                <c:pt idx="1285">
                  <c:v>37811</c:v>
                </c:pt>
                <c:pt idx="1286">
                  <c:v>37812</c:v>
                </c:pt>
                <c:pt idx="1287">
                  <c:v>37813</c:v>
                </c:pt>
                <c:pt idx="1288">
                  <c:v>37814</c:v>
                </c:pt>
                <c:pt idx="1289">
                  <c:v>37815</c:v>
                </c:pt>
                <c:pt idx="1290">
                  <c:v>37816</c:v>
                </c:pt>
                <c:pt idx="1291">
                  <c:v>37817</c:v>
                </c:pt>
                <c:pt idx="1292">
                  <c:v>37818</c:v>
                </c:pt>
                <c:pt idx="1293">
                  <c:v>37819</c:v>
                </c:pt>
                <c:pt idx="1294">
                  <c:v>37820</c:v>
                </c:pt>
                <c:pt idx="1295">
                  <c:v>37821</c:v>
                </c:pt>
                <c:pt idx="1296">
                  <c:v>37822</c:v>
                </c:pt>
                <c:pt idx="1297">
                  <c:v>37823</c:v>
                </c:pt>
                <c:pt idx="1298">
                  <c:v>37824</c:v>
                </c:pt>
                <c:pt idx="1299">
                  <c:v>37825</c:v>
                </c:pt>
                <c:pt idx="1300">
                  <c:v>37826</c:v>
                </c:pt>
                <c:pt idx="1301">
                  <c:v>37827</c:v>
                </c:pt>
                <c:pt idx="1302">
                  <c:v>37828</c:v>
                </c:pt>
                <c:pt idx="1303">
                  <c:v>37829</c:v>
                </c:pt>
                <c:pt idx="1304">
                  <c:v>37830</c:v>
                </c:pt>
                <c:pt idx="1305">
                  <c:v>37831</c:v>
                </c:pt>
                <c:pt idx="1306">
                  <c:v>37832</c:v>
                </c:pt>
                <c:pt idx="1307">
                  <c:v>37833</c:v>
                </c:pt>
                <c:pt idx="1308">
                  <c:v>37834</c:v>
                </c:pt>
                <c:pt idx="1309">
                  <c:v>37835</c:v>
                </c:pt>
                <c:pt idx="1310">
                  <c:v>37836</c:v>
                </c:pt>
                <c:pt idx="1311">
                  <c:v>37837</c:v>
                </c:pt>
                <c:pt idx="1312">
                  <c:v>37838</c:v>
                </c:pt>
                <c:pt idx="1313">
                  <c:v>37839</c:v>
                </c:pt>
                <c:pt idx="1314">
                  <c:v>37840</c:v>
                </c:pt>
                <c:pt idx="1315">
                  <c:v>37841</c:v>
                </c:pt>
                <c:pt idx="1316">
                  <c:v>37842</c:v>
                </c:pt>
                <c:pt idx="1317">
                  <c:v>37843</c:v>
                </c:pt>
                <c:pt idx="1318">
                  <c:v>37844</c:v>
                </c:pt>
                <c:pt idx="1319">
                  <c:v>37845</c:v>
                </c:pt>
                <c:pt idx="1320">
                  <c:v>37846</c:v>
                </c:pt>
                <c:pt idx="1321">
                  <c:v>37847</c:v>
                </c:pt>
                <c:pt idx="1322">
                  <c:v>37848</c:v>
                </c:pt>
                <c:pt idx="1323">
                  <c:v>37849</c:v>
                </c:pt>
                <c:pt idx="1324">
                  <c:v>37850</c:v>
                </c:pt>
                <c:pt idx="1325">
                  <c:v>37851</c:v>
                </c:pt>
                <c:pt idx="1326">
                  <c:v>37852</c:v>
                </c:pt>
                <c:pt idx="1327">
                  <c:v>37853</c:v>
                </c:pt>
                <c:pt idx="1328">
                  <c:v>37854</c:v>
                </c:pt>
                <c:pt idx="1329">
                  <c:v>37855</c:v>
                </c:pt>
                <c:pt idx="1330">
                  <c:v>37856</c:v>
                </c:pt>
                <c:pt idx="1331">
                  <c:v>37857</c:v>
                </c:pt>
                <c:pt idx="1332">
                  <c:v>37858</c:v>
                </c:pt>
                <c:pt idx="1333">
                  <c:v>37859</c:v>
                </c:pt>
                <c:pt idx="1334">
                  <c:v>37860</c:v>
                </c:pt>
                <c:pt idx="1335">
                  <c:v>37861</c:v>
                </c:pt>
                <c:pt idx="1336">
                  <c:v>37862</c:v>
                </c:pt>
                <c:pt idx="1337">
                  <c:v>37863</c:v>
                </c:pt>
                <c:pt idx="1338">
                  <c:v>37864</c:v>
                </c:pt>
                <c:pt idx="1339">
                  <c:v>37865</c:v>
                </c:pt>
                <c:pt idx="1340">
                  <c:v>37866</c:v>
                </c:pt>
                <c:pt idx="1341">
                  <c:v>37867</c:v>
                </c:pt>
                <c:pt idx="1342">
                  <c:v>37868</c:v>
                </c:pt>
                <c:pt idx="1343">
                  <c:v>37869</c:v>
                </c:pt>
                <c:pt idx="1344">
                  <c:v>37870</c:v>
                </c:pt>
                <c:pt idx="1345">
                  <c:v>37871</c:v>
                </c:pt>
                <c:pt idx="1346">
                  <c:v>37872</c:v>
                </c:pt>
                <c:pt idx="1347">
                  <c:v>37873</c:v>
                </c:pt>
                <c:pt idx="1348">
                  <c:v>37874</c:v>
                </c:pt>
                <c:pt idx="1349">
                  <c:v>37875</c:v>
                </c:pt>
                <c:pt idx="1350">
                  <c:v>37876</c:v>
                </c:pt>
                <c:pt idx="1351">
                  <c:v>37877</c:v>
                </c:pt>
                <c:pt idx="1352">
                  <c:v>37878</c:v>
                </c:pt>
                <c:pt idx="1353">
                  <c:v>37879</c:v>
                </c:pt>
                <c:pt idx="1354">
                  <c:v>37880</c:v>
                </c:pt>
                <c:pt idx="1355">
                  <c:v>37881</c:v>
                </c:pt>
                <c:pt idx="1356">
                  <c:v>37882</c:v>
                </c:pt>
                <c:pt idx="1357">
                  <c:v>37883</c:v>
                </c:pt>
                <c:pt idx="1358">
                  <c:v>37884</c:v>
                </c:pt>
                <c:pt idx="1359">
                  <c:v>37885</c:v>
                </c:pt>
                <c:pt idx="1360">
                  <c:v>37886</c:v>
                </c:pt>
                <c:pt idx="1361">
                  <c:v>37887</c:v>
                </c:pt>
                <c:pt idx="1362">
                  <c:v>37888</c:v>
                </c:pt>
                <c:pt idx="1363">
                  <c:v>37889</c:v>
                </c:pt>
                <c:pt idx="1364">
                  <c:v>37890</c:v>
                </c:pt>
                <c:pt idx="1365">
                  <c:v>37891</c:v>
                </c:pt>
                <c:pt idx="1366">
                  <c:v>37892</c:v>
                </c:pt>
                <c:pt idx="1367">
                  <c:v>37893</c:v>
                </c:pt>
                <c:pt idx="1368">
                  <c:v>37894</c:v>
                </c:pt>
                <c:pt idx="1369">
                  <c:v>37895</c:v>
                </c:pt>
                <c:pt idx="1370">
                  <c:v>37896</c:v>
                </c:pt>
                <c:pt idx="1371">
                  <c:v>37897</c:v>
                </c:pt>
                <c:pt idx="1372">
                  <c:v>37898</c:v>
                </c:pt>
                <c:pt idx="1373">
                  <c:v>37899</c:v>
                </c:pt>
                <c:pt idx="1374">
                  <c:v>37900</c:v>
                </c:pt>
                <c:pt idx="1375">
                  <c:v>37901</c:v>
                </c:pt>
                <c:pt idx="1376">
                  <c:v>37902</c:v>
                </c:pt>
                <c:pt idx="1377">
                  <c:v>37903</c:v>
                </c:pt>
                <c:pt idx="1378">
                  <c:v>37904</c:v>
                </c:pt>
                <c:pt idx="1379">
                  <c:v>37905</c:v>
                </c:pt>
                <c:pt idx="1380">
                  <c:v>37906</c:v>
                </c:pt>
                <c:pt idx="1381">
                  <c:v>37907</c:v>
                </c:pt>
                <c:pt idx="1382">
                  <c:v>37908</c:v>
                </c:pt>
                <c:pt idx="1383">
                  <c:v>37909</c:v>
                </c:pt>
                <c:pt idx="1384">
                  <c:v>37910</c:v>
                </c:pt>
                <c:pt idx="1385">
                  <c:v>37911</c:v>
                </c:pt>
                <c:pt idx="1386">
                  <c:v>37912</c:v>
                </c:pt>
                <c:pt idx="1387">
                  <c:v>37913</c:v>
                </c:pt>
                <c:pt idx="1388">
                  <c:v>37914</c:v>
                </c:pt>
                <c:pt idx="1389">
                  <c:v>37915</c:v>
                </c:pt>
                <c:pt idx="1390">
                  <c:v>37916</c:v>
                </c:pt>
                <c:pt idx="1391">
                  <c:v>37917</c:v>
                </c:pt>
                <c:pt idx="1392">
                  <c:v>37918</c:v>
                </c:pt>
                <c:pt idx="1393">
                  <c:v>37919</c:v>
                </c:pt>
                <c:pt idx="1394">
                  <c:v>37920</c:v>
                </c:pt>
                <c:pt idx="1395">
                  <c:v>37921</c:v>
                </c:pt>
                <c:pt idx="1396">
                  <c:v>37922</c:v>
                </c:pt>
                <c:pt idx="1397">
                  <c:v>37923</c:v>
                </c:pt>
                <c:pt idx="1398">
                  <c:v>37924</c:v>
                </c:pt>
                <c:pt idx="1399">
                  <c:v>37925</c:v>
                </c:pt>
                <c:pt idx="1400">
                  <c:v>37926</c:v>
                </c:pt>
                <c:pt idx="1401">
                  <c:v>37927</c:v>
                </c:pt>
                <c:pt idx="1402">
                  <c:v>37928</c:v>
                </c:pt>
                <c:pt idx="1403">
                  <c:v>37929</c:v>
                </c:pt>
                <c:pt idx="1404">
                  <c:v>37930</c:v>
                </c:pt>
                <c:pt idx="1405">
                  <c:v>37931</c:v>
                </c:pt>
                <c:pt idx="1406">
                  <c:v>37932</c:v>
                </c:pt>
                <c:pt idx="1407">
                  <c:v>37933</c:v>
                </c:pt>
                <c:pt idx="1408">
                  <c:v>37934</c:v>
                </c:pt>
                <c:pt idx="1409">
                  <c:v>37935</c:v>
                </c:pt>
                <c:pt idx="1410">
                  <c:v>37936</c:v>
                </c:pt>
                <c:pt idx="1411">
                  <c:v>37937</c:v>
                </c:pt>
                <c:pt idx="1412">
                  <c:v>37938</c:v>
                </c:pt>
                <c:pt idx="1413">
                  <c:v>37939</c:v>
                </c:pt>
                <c:pt idx="1414">
                  <c:v>37940</c:v>
                </c:pt>
                <c:pt idx="1415">
                  <c:v>37941</c:v>
                </c:pt>
                <c:pt idx="1416">
                  <c:v>37942</c:v>
                </c:pt>
                <c:pt idx="1417">
                  <c:v>37943</c:v>
                </c:pt>
                <c:pt idx="1418">
                  <c:v>37944</c:v>
                </c:pt>
                <c:pt idx="1419">
                  <c:v>37945</c:v>
                </c:pt>
                <c:pt idx="1420">
                  <c:v>37946</c:v>
                </c:pt>
                <c:pt idx="1421">
                  <c:v>37947</c:v>
                </c:pt>
                <c:pt idx="1422">
                  <c:v>37948</c:v>
                </c:pt>
                <c:pt idx="1423">
                  <c:v>37949</c:v>
                </c:pt>
                <c:pt idx="1424">
                  <c:v>37950</c:v>
                </c:pt>
                <c:pt idx="1425">
                  <c:v>37951</c:v>
                </c:pt>
                <c:pt idx="1426">
                  <c:v>37952</c:v>
                </c:pt>
                <c:pt idx="1427">
                  <c:v>37953</c:v>
                </c:pt>
                <c:pt idx="1428">
                  <c:v>37954</c:v>
                </c:pt>
                <c:pt idx="1429">
                  <c:v>37955</c:v>
                </c:pt>
                <c:pt idx="1430">
                  <c:v>37956</c:v>
                </c:pt>
                <c:pt idx="1431">
                  <c:v>37957</c:v>
                </c:pt>
                <c:pt idx="1432">
                  <c:v>37958</c:v>
                </c:pt>
                <c:pt idx="1433">
                  <c:v>37959</c:v>
                </c:pt>
                <c:pt idx="1434">
                  <c:v>37960</c:v>
                </c:pt>
                <c:pt idx="1435">
                  <c:v>37961</c:v>
                </c:pt>
                <c:pt idx="1436">
                  <c:v>37962</c:v>
                </c:pt>
                <c:pt idx="1437">
                  <c:v>37963</c:v>
                </c:pt>
                <c:pt idx="1438">
                  <c:v>37964</c:v>
                </c:pt>
                <c:pt idx="1439">
                  <c:v>37965</c:v>
                </c:pt>
                <c:pt idx="1440">
                  <c:v>37966</c:v>
                </c:pt>
                <c:pt idx="1441">
                  <c:v>37967</c:v>
                </c:pt>
                <c:pt idx="1442">
                  <c:v>37968</c:v>
                </c:pt>
                <c:pt idx="1443">
                  <c:v>37969</c:v>
                </c:pt>
                <c:pt idx="1444">
                  <c:v>37970</c:v>
                </c:pt>
                <c:pt idx="1445">
                  <c:v>37971</c:v>
                </c:pt>
                <c:pt idx="1446">
                  <c:v>37972</c:v>
                </c:pt>
                <c:pt idx="1447">
                  <c:v>37973</c:v>
                </c:pt>
                <c:pt idx="1448">
                  <c:v>37974</c:v>
                </c:pt>
                <c:pt idx="1449">
                  <c:v>37975</c:v>
                </c:pt>
                <c:pt idx="1450">
                  <c:v>37976</c:v>
                </c:pt>
                <c:pt idx="1451">
                  <c:v>37977</c:v>
                </c:pt>
                <c:pt idx="1452">
                  <c:v>37978</c:v>
                </c:pt>
                <c:pt idx="1453">
                  <c:v>37979</c:v>
                </c:pt>
                <c:pt idx="1454">
                  <c:v>37980</c:v>
                </c:pt>
                <c:pt idx="1455">
                  <c:v>37981</c:v>
                </c:pt>
                <c:pt idx="1456">
                  <c:v>37982</c:v>
                </c:pt>
                <c:pt idx="1457">
                  <c:v>37983</c:v>
                </c:pt>
                <c:pt idx="1458">
                  <c:v>37984</c:v>
                </c:pt>
                <c:pt idx="1459">
                  <c:v>37985</c:v>
                </c:pt>
                <c:pt idx="1460">
                  <c:v>37986</c:v>
                </c:pt>
                <c:pt idx="1461">
                  <c:v>37987</c:v>
                </c:pt>
                <c:pt idx="1462">
                  <c:v>37988</c:v>
                </c:pt>
                <c:pt idx="1463">
                  <c:v>37989</c:v>
                </c:pt>
                <c:pt idx="1464">
                  <c:v>37990</c:v>
                </c:pt>
                <c:pt idx="1465">
                  <c:v>37991</c:v>
                </c:pt>
                <c:pt idx="1466">
                  <c:v>37992</c:v>
                </c:pt>
                <c:pt idx="1467">
                  <c:v>37993</c:v>
                </c:pt>
                <c:pt idx="1468">
                  <c:v>37994</c:v>
                </c:pt>
                <c:pt idx="1469">
                  <c:v>37995</c:v>
                </c:pt>
                <c:pt idx="1470">
                  <c:v>37996</c:v>
                </c:pt>
                <c:pt idx="1471">
                  <c:v>37997</c:v>
                </c:pt>
                <c:pt idx="1472">
                  <c:v>37998</c:v>
                </c:pt>
                <c:pt idx="1473">
                  <c:v>37999</c:v>
                </c:pt>
                <c:pt idx="1474">
                  <c:v>38000</c:v>
                </c:pt>
                <c:pt idx="1475">
                  <c:v>38001</c:v>
                </c:pt>
                <c:pt idx="1476">
                  <c:v>38002</c:v>
                </c:pt>
                <c:pt idx="1477">
                  <c:v>38003</c:v>
                </c:pt>
                <c:pt idx="1478">
                  <c:v>38004</c:v>
                </c:pt>
                <c:pt idx="1479">
                  <c:v>38005</c:v>
                </c:pt>
                <c:pt idx="1480">
                  <c:v>38006</c:v>
                </c:pt>
                <c:pt idx="1481">
                  <c:v>38007</c:v>
                </c:pt>
                <c:pt idx="1482">
                  <c:v>38008</c:v>
                </c:pt>
                <c:pt idx="1483">
                  <c:v>38009</c:v>
                </c:pt>
                <c:pt idx="1484">
                  <c:v>38010</c:v>
                </c:pt>
                <c:pt idx="1485">
                  <c:v>38011</c:v>
                </c:pt>
                <c:pt idx="1486">
                  <c:v>38012</c:v>
                </c:pt>
                <c:pt idx="1487">
                  <c:v>38013</c:v>
                </c:pt>
                <c:pt idx="1488">
                  <c:v>38014</c:v>
                </c:pt>
                <c:pt idx="1489">
                  <c:v>38015</c:v>
                </c:pt>
                <c:pt idx="1490">
                  <c:v>38016</c:v>
                </c:pt>
                <c:pt idx="1491">
                  <c:v>38017</c:v>
                </c:pt>
                <c:pt idx="1492">
                  <c:v>38018</c:v>
                </c:pt>
                <c:pt idx="1493">
                  <c:v>38019</c:v>
                </c:pt>
                <c:pt idx="1494">
                  <c:v>38020</c:v>
                </c:pt>
                <c:pt idx="1495">
                  <c:v>38021</c:v>
                </c:pt>
                <c:pt idx="1496">
                  <c:v>38022</c:v>
                </c:pt>
                <c:pt idx="1497">
                  <c:v>38023</c:v>
                </c:pt>
                <c:pt idx="1498">
                  <c:v>38024</c:v>
                </c:pt>
                <c:pt idx="1499">
                  <c:v>38025</c:v>
                </c:pt>
                <c:pt idx="1500">
                  <c:v>38026</c:v>
                </c:pt>
                <c:pt idx="1501">
                  <c:v>38027</c:v>
                </c:pt>
                <c:pt idx="1502">
                  <c:v>38028</c:v>
                </c:pt>
                <c:pt idx="1503">
                  <c:v>38029</c:v>
                </c:pt>
                <c:pt idx="1504">
                  <c:v>38030</c:v>
                </c:pt>
                <c:pt idx="1505">
                  <c:v>38031</c:v>
                </c:pt>
                <c:pt idx="1506">
                  <c:v>38032</c:v>
                </c:pt>
                <c:pt idx="1507">
                  <c:v>38033</c:v>
                </c:pt>
                <c:pt idx="1508">
                  <c:v>38034</c:v>
                </c:pt>
                <c:pt idx="1509">
                  <c:v>38035</c:v>
                </c:pt>
                <c:pt idx="1510">
                  <c:v>38036</c:v>
                </c:pt>
                <c:pt idx="1511">
                  <c:v>38037</c:v>
                </c:pt>
                <c:pt idx="1512">
                  <c:v>38038</c:v>
                </c:pt>
                <c:pt idx="1513">
                  <c:v>38039</c:v>
                </c:pt>
                <c:pt idx="1514">
                  <c:v>38040</c:v>
                </c:pt>
                <c:pt idx="1515">
                  <c:v>38041</c:v>
                </c:pt>
                <c:pt idx="1516">
                  <c:v>38042</c:v>
                </c:pt>
                <c:pt idx="1517">
                  <c:v>38043</c:v>
                </c:pt>
                <c:pt idx="1518">
                  <c:v>38044</c:v>
                </c:pt>
                <c:pt idx="1519">
                  <c:v>38045</c:v>
                </c:pt>
                <c:pt idx="1520">
                  <c:v>38046</c:v>
                </c:pt>
                <c:pt idx="1521">
                  <c:v>38047</c:v>
                </c:pt>
                <c:pt idx="1522">
                  <c:v>38048</c:v>
                </c:pt>
                <c:pt idx="1523">
                  <c:v>38049</c:v>
                </c:pt>
                <c:pt idx="1524">
                  <c:v>38050</c:v>
                </c:pt>
                <c:pt idx="1525">
                  <c:v>38051</c:v>
                </c:pt>
                <c:pt idx="1526">
                  <c:v>38052</c:v>
                </c:pt>
                <c:pt idx="1527">
                  <c:v>38053</c:v>
                </c:pt>
                <c:pt idx="1528">
                  <c:v>38054</c:v>
                </c:pt>
                <c:pt idx="1529">
                  <c:v>38055</c:v>
                </c:pt>
                <c:pt idx="1530">
                  <c:v>38056</c:v>
                </c:pt>
                <c:pt idx="1531">
                  <c:v>38057</c:v>
                </c:pt>
                <c:pt idx="1532">
                  <c:v>38058</c:v>
                </c:pt>
                <c:pt idx="1533">
                  <c:v>38059</c:v>
                </c:pt>
                <c:pt idx="1534">
                  <c:v>38060</c:v>
                </c:pt>
                <c:pt idx="1535">
                  <c:v>38061</c:v>
                </c:pt>
                <c:pt idx="1536">
                  <c:v>38062</c:v>
                </c:pt>
                <c:pt idx="1537">
                  <c:v>38063</c:v>
                </c:pt>
                <c:pt idx="1538">
                  <c:v>38064</c:v>
                </c:pt>
                <c:pt idx="1539">
                  <c:v>38065</c:v>
                </c:pt>
                <c:pt idx="1540">
                  <c:v>38066</c:v>
                </c:pt>
                <c:pt idx="1541">
                  <c:v>38067</c:v>
                </c:pt>
                <c:pt idx="1542">
                  <c:v>38068</c:v>
                </c:pt>
                <c:pt idx="1543">
                  <c:v>38069</c:v>
                </c:pt>
                <c:pt idx="1544">
                  <c:v>38070</c:v>
                </c:pt>
                <c:pt idx="1545">
                  <c:v>38071</c:v>
                </c:pt>
                <c:pt idx="1546">
                  <c:v>38072</c:v>
                </c:pt>
                <c:pt idx="1547">
                  <c:v>38073</c:v>
                </c:pt>
                <c:pt idx="1548">
                  <c:v>38074</c:v>
                </c:pt>
                <c:pt idx="1549">
                  <c:v>38075</c:v>
                </c:pt>
                <c:pt idx="1550">
                  <c:v>38076</c:v>
                </c:pt>
                <c:pt idx="1551">
                  <c:v>38077</c:v>
                </c:pt>
                <c:pt idx="1552">
                  <c:v>38078</c:v>
                </c:pt>
                <c:pt idx="1553">
                  <c:v>38079</c:v>
                </c:pt>
                <c:pt idx="1554">
                  <c:v>38080</c:v>
                </c:pt>
                <c:pt idx="1555">
                  <c:v>38081</c:v>
                </c:pt>
                <c:pt idx="1556">
                  <c:v>38082</c:v>
                </c:pt>
                <c:pt idx="1557">
                  <c:v>38083</c:v>
                </c:pt>
                <c:pt idx="1558">
                  <c:v>38084</c:v>
                </c:pt>
                <c:pt idx="1559">
                  <c:v>38085</c:v>
                </c:pt>
                <c:pt idx="1560">
                  <c:v>38086</c:v>
                </c:pt>
                <c:pt idx="1561">
                  <c:v>38087</c:v>
                </c:pt>
                <c:pt idx="1562">
                  <c:v>38088</c:v>
                </c:pt>
                <c:pt idx="1563">
                  <c:v>38089</c:v>
                </c:pt>
                <c:pt idx="1564">
                  <c:v>38090</c:v>
                </c:pt>
                <c:pt idx="1565">
                  <c:v>38091</c:v>
                </c:pt>
                <c:pt idx="1566">
                  <c:v>38092</c:v>
                </c:pt>
                <c:pt idx="1567">
                  <c:v>38093</c:v>
                </c:pt>
                <c:pt idx="1568">
                  <c:v>38094</c:v>
                </c:pt>
                <c:pt idx="1569">
                  <c:v>38095</c:v>
                </c:pt>
                <c:pt idx="1570">
                  <c:v>38096</c:v>
                </c:pt>
                <c:pt idx="1571">
                  <c:v>38097</c:v>
                </c:pt>
                <c:pt idx="1572">
                  <c:v>38098</c:v>
                </c:pt>
                <c:pt idx="1573">
                  <c:v>38099</c:v>
                </c:pt>
                <c:pt idx="1574">
                  <c:v>38100</c:v>
                </c:pt>
                <c:pt idx="1575">
                  <c:v>38101</c:v>
                </c:pt>
                <c:pt idx="1576">
                  <c:v>38102</c:v>
                </c:pt>
                <c:pt idx="1577">
                  <c:v>38103</c:v>
                </c:pt>
                <c:pt idx="1578">
                  <c:v>38104</c:v>
                </c:pt>
                <c:pt idx="1579">
                  <c:v>38105</c:v>
                </c:pt>
                <c:pt idx="1580">
                  <c:v>38106</c:v>
                </c:pt>
                <c:pt idx="1581">
                  <c:v>38107</c:v>
                </c:pt>
                <c:pt idx="1582">
                  <c:v>38108</c:v>
                </c:pt>
                <c:pt idx="1583">
                  <c:v>38109</c:v>
                </c:pt>
                <c:pt idx="1584">
                  <c:v>38110</c:v>
                </c:pt>
                <c:pt idx="1585">
                  <c:v>38111</c:v>
                </c:pt>
                <c:pt idx="1586">
                  <c:v>38112</c:v>
                </c:pt>
                <c:pt idx="1587">
                  <c:v>38113</c:v>
                </c:pt>
                <c:pt idx="1588">
                  <c:v>38114</c:v>
                </c:pt>
                <c:pt idx="1589">
                  <c:v>38115</c:v>
                </c:pt>
                <c:pt idx="1590">
                  <c:v>38116</c:v>
                </c:pt>
                <c:pt idx="1591">
                  <c:v>38117</c:v>
                </c:pt>
                <c:pt idx="1592">
                  <c:v>38118</c:v>
                </c:pt>
                <c:pt idx="1593">
                  <c:v>38119</c:v>
                </c:pt>
                <c:pt idx="1594">
                  <c:v>38120</c:v>
                </c:pt>
                <c:pt idx="1595">
                  <c:v>38121</c:v>
                </c:pt>
                <c:pt idx="1596">
                  <c:v>38122</c:v>
                </c:pt>
                <c:pt idx="1597">
                  <c:v>38123</c:v>
                </c:pt>
                <c:pt idx="1598">
                  <c:v>38124</c:v>
                </c:pt>
                <c:pt idx="1599">
                  <c:v>38125</c:v>
                </c:pt>
                <c:pt idx="1600">
                  <c:v>38126</c:v>
                </c:pt>
                <c:pt idx="1601">
                  <c:v>38127</c:v>
                </c:pt>
                <c:pt idx="1602">
                  <c:v>38128</c:v>
                </c:pt>
                <c:pt idx="1603">
                  <c:v>38129</c:v>
                </c:pt>
                <c:pt idx="1604">
                  <c:v>38130</c:v>
                </c:pt>
                <c:pt idx="1605">
                  <c:v>38131</c:v>
                </c:pt>
                <c:pt idx="1606">
                  <c:v>38132</c:v>
                </c:pt>
                <c:pt idx="1607">
                  <c:v>38133</c:v>
                </c:pt>
                <c:pt idx="1608">
                  <c:v>38134</c:v>
                </c:pt>
                <c:pt idx="1609">
                  <c:v>38135</c:v>
                </c:pt>
                <c:pt idx="1610">
                  <c:v>38136</c:v>
                </c:pt>
                <c:pt idx="1611">
                  <c:v>38137</c:v>
                </c:pt>
                <c:pt idx="1612">
                  <c:v>38138</c:v>
                </c:pt>
                <c:pt idx="1613">
                  <c:v>38139</c:v>
                </c:pt>
                <c:pt idx="1614">
                  <c:v>38140</c:v>
                </c:pt>
                <c:pt idx="1615">
                  <c:v>38141</c:v>
                </c:pt>
                <c:pt idx="1616">
                  <c:v>38142</c:v>
                </c:pt>
                <c:pt idx="1617">
                  <c:v>38143</c:v>
                </c:pt>
                <c:pt idx="1618">
                  <c:v>38144</c:v>
                </c:pt>
                <c:pt idx="1619">
                  <c:v>38145</c:v>
                </c:pt>
                <c:pt idx="1620">
                  <c:v>38146</c:v>
                </c:pt>
                <c:pt idx="1621">
                  <c:v>38147</c:v>
                </c:pt>
                <c:pt idx="1622">
                  <c:v>38148</c:v>
                </c:pt>
                <c:pt idx="1623">
                  <c:v>38149</c:v>
                </c:pt>
                <c:pt idx="1624">
                  <c:v>38150</c:v>
                </c:pt>
                <c:pt idx="1625">
                  <c:v>38151</c:v>
                </c:pt>
                <c:pt idx="1626">
                  <c:v>38152</c:v>
                </c:pt>
                <c:pt idx="1627">
                  <c:v>38153</c:v>
                </c:pt>
                <c:pt idx="1628">
                  <c:v>38154</c:v>
                </c:pt>
                <c:pt idx="1629">
                  <c:v>38155</c:v>
                </c:pt>
                <c:pt idx="1630">
                  <c:v>38156</c:v>
                </c:pt>
                <c:pt idx="1631">
                  <c:v>38157</c:v>
                </c:pt>
                <c:pt idx="1632">
                  <c:v>38158</c:v>
                </c:pt>
                <c:pt idx="1633">
                  <c:v>38159</c:v>
                </c:pt>
                <c:pt idx="1634">
                  <c:v>38160</c:v>
                </c:pt>
                <c:pt idx="1635">
                  <c:v>38161</c:v>
                </c:pt>
                <c:pt idx="1636">
                  <c:v>38162</c:v>
                </c:pt>
                <c:pt idx="1637">
                  <c:v>38163</c:v>
                </c:pt>
                <c:pt idx="1638">
                  <c:v>38164</c:v>
                </c:pt>
                <c:pt idx="1639">
                  <c:v>38165</c:v>
                </c:pt>
                <c:pt idx="1640">
                  <c:v>38166</c:v>
                </c:pt>
                <c:pt idx="1641">
                  <c:v>38167</c:v>
                </c:pt>
                <c:pt idx="1642">
                  <c:v>38168</c:v>
                </c:pt>
                <c:pt idx="1643">
                  <c:v>38169</c:v>
                </c:pt>
                <c:pt idx="1644">
                  <c:v>38170</c:v>
                </c:pt>
                <c:pt idx="1645">
                  <c:v>38171</c:v>
                </c:pt>
                <c:pt idx="1646">
                  <c:v>38172</c:v>
                </c:pt>
                <c:pt idx="1647">
                  <c:v>38173</c:v>
                </c:pt>
                <c:pt idx="1648">
                  <c:v>38174</c:v>
                </c:pt>
                <c:pt idx="1649">
                  <c:v>38175</c:v>
                </c:pt>
                <c:pt idx="1650">
                  <c:v>38176</c:v>
                </c:pt>
                <c:pt idx="1651">
                  <c:v>38177</c:v>
                </c:pt>
                <c:pt idx="1652">
                  <c:v>38178</c:v>
                </c:pt>
                <c:pt idx="1653">
                  <c:v>38179</c:v>
                </c:pt>
                <c:pt idx="1654">
                  <c:v>38180</c:v>
                </c:pt>
                <c:pt idx="1655">
                  <c:v>38181</c:v>
                </c:pt>
                <c:pt idx="1656">
                  <c:v>38182</c:v>
                </c:pt>
                <c:pt idx="1657">
                  <c:v>38183</c:v>
                </c:pt>
                <c:pt idx="1658">
                  <c:v>38184</c:v>
                </c:pt>
                <c:pt idx="1659">
                  <c:v>38185</c:v>
                </c:pt>
                <c:pt idx="1660">
                  <c:v>38186</c:v>
                </c:pt>
                <c:pt idx="1661">
                  <c:v>38187</c:v>
                </c:pt>
                <c:pt idx="1662">
                  <c:v>38188</c:v>
                </c:pt>
                <c:pt idx="1663">
                  <c:v>38189</c:v>
                </c:pt>
                <c:pt idx="1664">
                  <c:v>38190</c:v>
                </c:pt>
                <c:pt idx="1665">
                  <c:v>38191</c:v>
                </c:pt>
                <c:pt idx="1666">
                  <c:v>38192</c:v>
                </c:pt>
                <c:pt idx="1667">
                  <c:v>38193</c:v>
                </c:pt>
                <c:pt idx="1668">
                  <c:v>38194</c:v>
                </c:pt>
                <c:pt idx="1669">
                  <c:v>38195</c:v>
                </c:pt>
                <c:pt idx="1670">
                  <c:v>38196</c:v>
                </c:pt>
                <c:pt idx="1671">
                  <c:v>38197</c:v>
                </c:pt>
                <c:pt idx="1672">
                  <c:v>38198</c:v>
                </c:pt>
                <c:pt idx="1673">
                  <c:v>38199</c:v>
                </c:pt>
                <c:pt idx="1674">
                  <c:v>38200</c:v>
                </c:pt>
                <c:pt idx="1675">
                  <c:v>38201</c:v>
                </c:pt>
                <c:pt idx="1676">
                  <c:v>38202</c:v>
                </c:pt>
                <c:pt idx="1677">
                  <c:v>38203</c:v>
                </c:pt>
                <c:pt idx="1678">
                  <c:v>38204</c:v>
                </c:pt>
                <c:pt idx="1679">
                  <c:v>38205</c:v>
                </c:pt>
                <c:pt idx="1680">
                  <c:v>38206</c:v>
                </c:pt>
                <c:pt idx="1681">
                  <c:v>38207</c:v>
                </c:pt>
                <c:pt idx="1682">
                  <c:v>38208</c:v>
                </c:pt>
                <c:pt idx="1683">
                  <c:v>38209</c:v>
                </c:pt>
                <c:pt idx="1684">
                  <c:v>38210</c:v>
                </c:pt>
                <c:pt idx="1685">
                  <c:v>38211</c:v>
                </c:pt>
                <c:pt idx="1686">
                  <c:v>38212</c:v>
                </c:pt>
                <c:pt idx="1687">
                  <c:v>38213</c:v>
                </c:pt>
                <c:pt idx="1688">
                  <c:v>38214</c:v>
                </c:pt>
                <c:pt idx="1689">
                  <c:v>38215</c:v>
                </c:pt>
                <c:pt idx="1690">
                  <c:v>38216</c:v>
                </c:pt>
                <c:pt idx="1691">
                  <c:v>38217</c:v>
                </c:pt>
                <c:pt idx="1692">
                  <c:v>38218</c:v>
                </c:pt>
                <c:pt idx="1693">
                  <c:v>38219</c:v>
                </c:pt>
                <c:pt idx="1694">
                  <c:v>38220</c:v>
                </c:pt>
                <c:pt idx="1695">
                  <c:v>38221</c:v>
                </c:pt>
                <c:pt idx="1696">
                  <c:v>38222</c:v>
                </c:pt>
                <c:pt idx="1697">
                  <c:v>38223</c:v>
                </c:pt>
                <c:pt idx="1698">
                  <c:v>38224</c:v>
                </c:pt>
                <c:pt idx="1699">
                  <c:v>38225</c:v>
                </c:pt>
                <c:pt idx="1700">
                  <c:v>38226</c:v>
                </c:pt>
                <c:pt idx="1701">
                  <c:v>38227</c:v>
                </c:pt>
                <c:pt idx="1702">
                  <c:v>38228</c:v>
                </c:pt>
                <c:pt idx="1703">
                  <c:v>38229</c:v>
                </c:pt>
                <c:pt idx="1704">
                  <c:v>38230</c:v>
                </c:pt>
                <c:pt idx="1705">
                  <c:v>38231</c:v>
                </c:pt>
                <c:pt idx="1706">
                  <c:v>38232</c:v>
                </c:pt>
                <c:pt idx="1707">
                  <c:v>38233</c:v>
                </c:pt>
                <c:pt idx="1708">
                  <c:v>38234</c:v>
                </c:pt>
                <c:pt idx="1709">
                  <c:v>38235</c:v>
                </c:pt>
                <c:pt idx="1710">
                  <c:v>38236</c:v>
                </c:pt>
                <c:pt idx="1711">
                  <c:v>38237</c:v>
                </c:pt>
                <c:pt idx="1712">
                  <c:v>38238</c:v>
                </c:pt>
                <c:pt idx="1713">
                  <c:v>38239</c:v>
                </c:pt>
                <c:pt idx="1714">
                  <c:v>38240</c:v>
                </c:pt>
                <c:pt idx="1715">
                  <c:v>38241</c:v>
                </c:pt>
                <c:pt idx="1716">
                  <c:v>38242</c:v>
                </c:pt>
                <c:pt idx="1717">
                  <c:v>38243</c:v>
                </c:pt>
                <c:pt idx="1718">
                  <c:v>38244</c:v>
                </c:pt>
                <c:pt idx="1719">
                  <c:v>38245</c:v>
                </c:pt>
                <c:pt idx="1720">
                  <c:v>38246</c:v>
                </c:pt>
                <c:pt idx="1721">
                  <c:v>38247</c:v>
                </c:pt>
                <c:pt idx="1722">
                  <c:v>38248</c:v>
                </c:pt>
                <c:pt idx="1723">
                  <c:v>38249</c:v>
                </c:pt>
                <c:pt idx="1724">
                  <c:v>38250</c:v>
                </c:pt>
                <c:pt idx="1725">
                  <c:v>38251</c:v>
                </c:pt>
                <c:pt idx="1726">
                  <c:v>38252</c:v>
                </c:pt>
                <c:pt idx="1727">
                  <c:v>38253</c:v>
                </c:pt>
                <c:pt idx="1728">
                  <c:v>38254</c:v>
                </c:pt>
                <c:pt idx="1729">
                  <c:v>38255</c:v>
                </c:pt>
                <c:pt idx="1730">
                  <c:v>38256</c:v>
                </c:pt>
                <c:pt idx="1731">
                  <c:v>38257</c:v>
                </c:pt>
                <c:pt idx="1732">
                  <c:v>38258</c:v>
                </c:pt>
                <c:pt idx="1733">
                  <c:v>38259</c:v>
                </c:pt>
                <c:pt idx="1734">
                  <c:v>38260</c:v>
                </c:pt>
                <c:pt idx="1735">
                  <c:v>38261</c:v>
                </c:pt>
                <c:pt idx="1736">
                  <c:v>38262</c:v>
                </c:pt>
                <c:pt idx="1737">
                  <c:v>38263</c:v>
                </c:pt>
                <c:pt idx="1738">
                  <c:v>38264</c:v>
                </c:pt>
                <c:pt idx="1739">
                  <c:v>38265</c:v>
                </c:pt>
                <c:pt idx="1740">
                  <c:v>38266</c:v>
                </c:pt>
                <c:pt idx="1741">
                  <c:v>38267</c:v>
                </c:pt>
                <c:pt idx="1742">
                  <c:v>38268</c:v>
                </c:pt>
                <c:pt idx="1743">
                  <c:v>38269</c:v>
                </c:pt>
                <c:pt idx="1744">
                  <c:v>38270</c:v>
                </c:pt>
                <c:pt idx="1745">
                  <c:v>38271</c:v>
                </c:pt>
                <c:pt idx="1746">
                  <c:v>38272</c:v>
                </c:pt>
                <c:pt idx="1747">
                  <c:v>38273</c:v>
                </c:pt>
                <c:pt idx="1748">
                  <c:v>38274</c:v>
                </c:pt>
                <c:pt idx="1749">
                  <c:v>38275</c:v>
                </c:pt>
                <c:pt idx="1750">
                  <c:v>38276</c:v>
                </c:pt>
                <c:pt idx="1751">
                  <c:v>38277</c:v>
                </c:pt>
                <c:pt idx="1752">
                  <c:v>38278</c:v>
                </c:pt>
                <c:pt idx="1753">
                  <c:v>38279</c:v>
                </c:pt>
                <c:pt idx="1754">
                  <c:v>38280</c:v>
                </c:pt>
                <c:pt idx="1755">
                  <c:v>38281</c:v>
                </c:pt>
                <c:pt idx="1756">
                  <c:v>38282</c:v>
                </c:pt>
                <c:pt idx="1757">
                  <c:v>38283</c:v>
                </c:pt>
                <c:pt idx="1758">
                  <c:v>38284</c:v>
                </c:pt>
                <c:pt idx="1759">
                  <c:v>38285</c:v>
                </c:pt>
                <c:pt idx="1760">
                  <c:v>38286</c:v>
                </c:pt>
                <c:pt idx="1761">
                  <c:v>38287</c:v>
                </c:pt>
                <c:pt idx="1762">
                  <c:v>38288</c:v>
                </c:pt>
                <c:pt idx="1763">
                  <c:v>38289</c:v>
                </c:pt>
                <c:pt idx="1764">
                  <c:v>38290</c:v>
                </c:pt>
                <c:pt idx="1765">
                  <c:v>38291</c:v>
                </c:pt>
                <c:pt idx="1766">
                  <c:v>38292</c:v>
                </c:pt>
                <c:pt idx="1767">
                  <c:v>38293</c:v>
                </c:pt>
                <c:pt idx="1768">
                  <c:v>38294</c:v>
                </c:pt>
                <c:pt idx="1769">
                  <c:v>38295</c:v>
                </c:pt>
                <c:pt idx="1770">
                  <c:v>38296</c:v>
                </c:pt>
                <c:pt idx="1771">
                  <c:v>38297</c:v>
                </c:pt>
                <c:pt idx="1772">
                  <c:v>38298</c:v>
                </c:pt>
                <c:pt idx="1773">
                  <c:v>38299</c:v>
                </c:pt>
                <c:pt idx="1774">
                  <c:v>38300</c:v>
                </c:pt>
                <c:pt idx="1775">
                  <c:v>38301</c:v>
                </c:pt>
                <c:pt idx="1776">
                  <c:v>38302</c:v>
                </c:pt>
                <c:pt idx="1777">
                  <c:v>38303</c:v>
                </c:pt>
                <c:pt idx="1778">
                  <c:v>38304</c:v>
                </c:pt>
                <c:pt idx="1779">
                  <c:v>38305</c:v>
                </c:pt>
                <c:pt idx="1780">
                  <c:v>38306</c:v>
                </c:pt>
                <c:pt idx="1781">
                  <c:v>38307</c:v>
                </c:pt>
                <c:pt idx="1782">
                  <c:v>38308</c:v>
                </c:pt>
                <c:pt idx="1783">
                  <c:v>38309</c:v>
                </c:pt>
                <c:pt idx="1784">
                  <c:v>38310</c:v>
                </c:pt>
                <c:pt idx="1785">
                  <c:v>38311</c:v>
                </c:pt>
                <c:pt idx="1786">
                  <c:v>38312</c:v>
                </c:pt>
                <c:pt idx="1787">
                  <c:v>38313</c:v>
                </c:pt>
                <c:pt idx="1788">
                  <c:v>38314</c:v>
                </c:pt>
                <c:pt idx="1789">
                  <c:v>38315</c:v>
                </c:pt>
                <c:pt idx="1790">
                  <c:v>38316</c:v>
                </c:pt>
                <c:pt idx="1791">
                  <c:v>38317</c:v>
                </c:pt>
                <c:pt idx="1792">
                  <c:v>38318</c:v>
                </c:pt>
                <c:pt idx="1793">
                  <c:v>38319</c:v>
                </c:pt>
                <c:pt idx="1794">
                  <c:v>38320</c:v>
                </c:pt>
                <c:pt idx="1795">
                  <c:v>38321</c:v>
                </c:pt>
                <c:pt idx="1796">
                  <c:v>38322</c:v>
                </c:pt>
                <c:pt idx="1797">
                  <c:v>38323</c:v>
                </c:pt>
                <c:pt idx="1798">
                  <c:v>38324</c:v>
                </c:pt>
                <c:pt idx="1799">
                  <c:v>38325</c:v>
                </c:pt>
                <c:pt idx="1800">
                  <c:v>38326</c:v>
                </c:pt>
                <c:pt idx="1801">
                  <c:v>38327</c:v>
                </c:pt>
                <c:pt idx="1802">
                  <c:v>38328</c:v>
                </c:pt>
                <c:pt idx="1803">
                  <c:v>38329</c:v>
                </c:pt>
                <c:pt idx="1804">
                  <c:v>38330</c:v>
                </c:pt>
                <c:pt idx="1805">
                  <c:v>38331</c:v>
                </c:pt>
                <c:pt idx="1806">
                  <c:v>38332</c:v>
                </c:pt>
                <c:pt idx="1807">
                  <c:v>38333</c:v>
                </c:pt>
                <c:pt idx="1808">
                  <c:v>38334</c:v>
                </c:pt>
                <c:pt idx="1809">
                  <c:v>38335</c:v>
                </c:pt>
                <c:pt idx="1810">
                  <c:v>38336</c:v>
                </c:pt>
                <c:pt idx="1811">
                  <c:v>38337</c:v>
                </c:pt>
                <c:pt idx="1812">
                  <c:v>38338</c:v>
                </c:pt>
                <c:pt idx="1813">
                  <c:v>38339</c:v>
                </c:pt>
                <c:pt idx="1814">
                  <c:v>38340</c:v>
                </c:pt>
                <c:pt idx="1815">
                  <c:v>38341</c:v>
                </c:pt>
                <c:pt idx="1816">
                  <c:v>38342</c:v>
                </c:pt>
                <c:pt idx="1817">
                  <c:v>38343</c:v>
                </c:pt>
                <c:pt idx="1818">
                  <c:v>38344</c:v>
                </c:pt>
                <c:pt idx="1819">
                  <c:v>38345</c:v>
                </c:pt>
                <c:pt idx="1820">
                  <c:v>38346</c:v>
                </c:pt>
                <c:pt idx="1821">
                  <c:v>38347</c:v>
                </c:pt>
                <c:pt idx="1822">
                  <c:v>38348</c:v>
                </c:pt>
                <c:pt idx="1823">
                  <c:v>38349</c:v>
                </c:pt>
                <c:pt idx="1824">
                  <c:v>38350</c:v>
                </c:pt>
                <c:pt idx="1825">
                  <c:v>38351</c:v>
                </c:pt>
                <c:pt idx="1826">
                  <c:v>38352</c:v>
                </c:pt>
                <c:pt idx="1827">
                  <c:v>38353</c:v>
                </c:pt>
                <c:pt idx="1828">
                  <c:v>38354</c:v>
                </c:pt>
                <c:pt idx="1829">
                  <c:v>38355</c:v>
                </c:pt>
                <c:pt idx="1830">
                  <c:v>38356</c:v>
                </c:pt>
                <c:pt idx="1831">
                  <c:v>38357</c:v>
                </c:pt>
                <c:pt idx="1832">
                  <c:v>38358</c:v>
                </c:pt>
                <c:pt idx="1833">
                  <c:v>38359</c:v>
                </c:pt>
                <c:pt idx="1834">
                  <c:v>38360</c:v>
                </c:pt>
                <c:pt idx="1835">
                  <c:v>38361</c:v>
                </c:pt>
                <c:pt idx="1836">
                  <c:v>38362</c:v>
                </c:pt>
                <c:pt idx="1837">
                  <c:v>38363</c:v>
                </c:pt>
                <c:pt idx="1838">
                  <c:v>38364</c:v>
                </c:pt>
                <c:pt idx="1839">
                  <c:v>38365</c:v>
                </c:pt>
                <c:pt idx="1840">
                  <c:v>38366</c:v>
                </c:pt>
                <c:pt idx="1841">
                  <c:v>38367</c:v>
                </c:pt>
                <c:pt idx="1842">
                  <c:v>38368</c:v>
                </c:pt>
                <c:pt idx="1843">
                  <c:v>38369</c:v>
                </c:pt>
                <c:pt idx="1844">
                  <c:v>38370</c:v>
                </c:pt>
                <c:pt idx="1845">
                  <c:v>38371</c:v>
                </c:pt>
                <c:pt idx="1846">
                  <c:v>38372</c:v>
                </c:pt>
                <c:pt idx="1847">
                  <c:v>38373</c:v>
                </c:pt>
                <c:pt idx="1848">
                  <c:v>38374</c:v>
                </c:pt>
                <c:pt idx="1849">
                  <c:v>38375</c:v>
                </c:pt>
                <c:pt idx="1850">
                  <c:v>38376</c:v>
                </c:pt>
                <c:pt idx="1851">
                  <c:v>38377</c:v>
                </c:pt>
                <c:pt idx="1852">
                  <c:v>38378</c:v>
                </c:pt>
                <c:pt idx="1853">
                  <c:v>38379</c:v>
                </c:pt>
                <c:pt idx="1854">
                  <c:v>38380</c:v>
                </c:pt>
                <c:pt idx="1855">
                  <c:v>38381</c:v>
                </c:pt>
                <c:pt idx="1856">
                  <c:v>38382</c:v>
                </c:pt>
                <c:pt idx="1857">
                  <c:v>38383</c:v>
                </c:pt>
                <c:pt idx="1858">
                  <c:v>38384</c:v>
                </c:pt>
                <c:pt idx="1859">
                  <c:v>38385</c:v>
                </c:pt>
                <c:pt idx="1860">
                  <c:v>38386</c:v>
                </c:pt>
                <c:pt idx="1861">
                  <c:v>38387</c:v>
                </c:pt>
                <c:pt idx="1862">
                  <c:v>38388</c:v>
                </c:pt>
                <c:pt idx="1863">
                  <c:v>38389</c:v>
                </c:pt>
                <c:pt idx="1864">
                  <c:v>38390</c:v>
                </c:pt>
                <c:pt idx="1865">
                  <c:v>38391</c:v>
                </c:pt>
                <c:pt idx="1866">
                  <c:v>38392</c:v>
                </c:pt>
                <c:pt idx="1867">
                  <c:v>38393</c:v>
                </c:pt>
                <c:pt idx="1868">
                  <c:v>38394</c:v>
                </c:pt>
                <c:pt idx="1869">
                  <c:v>38395</c:v>
                </c:pt>
                <c:pt idx="1870">
                  <c:v>38396</c:v>
                </c:pt>
                <c:pt idx="1871">
                  <c:v>38397</c:v>
                </c:pt>
                <c:pt idx="1872">
                  <c:v>38398</c:v>
                </c:pt>
                <c:pt idx="1873">
                  <c:v>38399</c:v>
                </c:pt>
                <c:pt idx="1874">
                  <c:v>38400</c:v>
                </c:pt>
                <c:pt idx="1875">
                  <c:v>38401</c:v>
                </c:pt>
                <c:pt idx="1876">
                  <c:v>38402</c:v>
                </c:pt>
                <c:pt idx="1877">
                  <c:v>38403</c:v>
                </c:pt>
                <c:pt idx="1878">
                  <c:v>38404</c:v>
                </c:pt>
                <c:pt idx="1879">
                  <c:v>38405</c:v>
                </c:pt>
                <c:pt idx="1880">
                  <c:v>38406</c:v>
                </c:pt>
                <c:pt idx="1881">
                  <c:v>38407</c:v>
                </c:pt>
                <c:pt idx="1882">
                  <c:v>38408</c:v>
                </c:pt>
                <c:pt idx="1883">
                  <c:v>38409</c:v>
                </c:pt>
                <c:pt idx="1884">
                  <c:v>38410</c:v>
                </c:pt>
                <c:pt idx="1885">
                  <c:v>38411</c:v>
                </c:pt>
                <c:pt idx="1886">
                  <c:v>38412</c:v>
                </c:pt>
                <c:pt idx="1887">
                  <c:v>38413</c:v>
                </c:pt>
                <c:pt idx="1888">
                  <c:v>38414</c:v>
                </c:pt>
                <c:pt idx="1889">
                  <c:v>38415</c:v>
                </c:pt>
                <c:pt idx="1890">
                  <c:v>38416</c:v>
                </c:pt>
                <c:pt idx="1891">
                  <c:v>38417</c:v>
                </c:pt>
                <c:pt idx="1892">
                  <c:v>38418</c:v>
                </c:pt>
                <c:pt idx="1893">
                  <c:v>38419</c:v>
                </c:pt>
                <c:pt idx="1894">
                  <c:v>38420</c:v>
                </c:pt>
                <c:pt idx="1895">
                  <c:v>38421</c:v>
                </c:pt>
                <c:pt idx="1896">
                  <c:v>38422</c:v>
                </c:pt>
                <c:pt idx="1897">
                  <c:v>38423</c:v>
                </c:pt>
                <c:pt idx="1898">
                  <c:v>38424</c:v>
                </c:pt>
                <c:pt idx="1899">
                  <c:v>38425</c:v>
                </c:pt>
                <c:pt idx="1900">
                  <c:v>38426</c:v>
                </c:pt>
                <c:pt idx="1901">
                  <c:v>38427</c:v>
                </c:pt>
                <c:pt idx="1902">
                  <c:v>38428</c:v>
                </c:pt>
                <c:pt idx="1903">
                  <c:v>38429</c:v>
                </c:pt>
                <c:pt idx="1904">
                  <c:v>38430</c:v>
                </c:pt>
                <c:pt idx="1905">
                  <c:v>38431</c:v>
                </c:pt>
                <c:pt idx="1906">
                  <c:v>38432</c:v>
                </c:pt>
                <c:pt idx="1907">
                  <c:v>38433</c:v>
                </c:pt>
                <c:pt idx="1908">
                  <c:v>38434</c:v>
                </c:pt>
                <c:pt idx="1909">
                  <c:v>38435</c:v>
                </c:pt>
                <c:pt idx="1910">
                  <c:v>38436</c:v>
                </c:pt>
                <c:pt idx="1911">
                  <c:v>38437</c:v>
                </c:pt>
                <c:pt idx="1912">
                  <c:v>38438</c:v>
                </c:pt>
                <c:pt idx="1913">
                  <c:v>38439</c:v>
                </c:pt>
                <c:pt idx="1914">
                  <c:v>38440</c:v>
                </c:pt>
                <c:pt idx="1915">
                  <c:v>38441</c:v>
                </c:pt>
                <c:pt idx="1916">
                  <c:v>38442</c:v>
                </c:pt>
                <c:pt idx="1917">
                  <c:v>38443</c:v>
                </c:pt>
                <c:pt idx="1918">
                  <c:v>38444</c:v>
                </c:pt>
                <c:pt idx="1919">
                  <c:v>38445</c:v>
                </c:pt>
                <c:pt idx="1920">
                  <c:v>38446</c:v>
                </c:pt>
                <c:pt idx="1921">
                  <c:v>38447</c:v>
                </c:pt>
                <c:pt idx="1922">
                  <c:v>38448</c:v>
                </c:pt>
                <c:pt idx="1923">
                  <c:v>38449</c:v>
                </c:pt>
                <c:pt idx="1924">
                  <c:v>38450</c:v>
                </c:pt>
                <c:pt idx="1925">
                  <c:v>38451</c:v>
                </c:pt>
                <c:pt idx="1926">
                  <c:v>38452</c:v>
                </c:pt>
                <c:pt idx="1927">
                  <c:v>38453</c:v>
                </c:pt>
                <c:pt idx="1928">
                  <c:v>38454</c:v>
                </c:pt>
                <c:pt idx="1929">
                  <c:v>38455</c:v>
                </c:pt>
                <c:pt idx="1930">
                  <c:v>38456</c:v>
                </c:pt>
                <c:pt idx="1931">
                  <c:v>38457</c:v>
                </c:pt>
                <c:pt idx="1932">
                  <c:v>38458</c:v>
                </c:pt>
                <c:pt idx="1933">
                  <c:v>38459</c:v>
                </c:pt>
                <c:pt idx="1934">
                  <c:v>38460</c:v>
                </c:pt>
                <c:pt idx="1935">
                  <c:v>38461</c:v>
                </c:pt>
                <c:pt idx="1936">
                  <c:v>38462</c:v>
                </c:pt>
                <c:pt idx="1937">
                  <c:v>38463</c:v>
                </c:pt>
                <c:pt idx="1938">
                  <c:v>38464</c:v>
                </c:pt>
                <c:pt idx="1939">
                  <c:v>38465</c:v>
                </c:pt>
                <c:pt idx="1940">
                  <c:v>38466</c:v>
                </c:pt>
                <c:pt idx="1941">
                  <c:v>38467</c:v>
                </c:pt>
                <c:pt idx="1942">
                  <c:v>38468</c:v>
                </c:pt>
                <c:pt idx="1943">
                  <c:v>38469</c:v>
                </c:pt>
                <c:pt idx="1944">
                  <c:v>38470</c:v>
                </c:pt>
                <c:pt idx="1945">
                  <c:v>38471</c:v>
                </c:pt>
                <c:pt idx="1946">
                  <c:v>38472</c:v>
                </c:pt>
                <c:pt idx="1947">
                  <c:v>38473</c:v>
                </c:pt>
                <c:pt idx="1948">
                  <c:v>38474</c:v>
                </c:pt>
                <c:pt idx="1949">
                  <c:v>38475</c:v>
                </c:pt>
                <c:pt idx="1950">
                  <c:v>38476</c:v>
                </c:pt>
                <c:pt idx="1951">
                  <c:v>38477</c:v>
                </c:pt>
                <c:pt idx="1952">
                  <c:v>38478</c:v>
                </c:pt>
                <c:pt idx="1953">
                  <c:v>38479</c:v>
                </c:pt>
                <c:pt idx="1954">
                  <c:v>38480</c:v>
                </c:pt>
                <c:pt idx="1955">
                  <c:v>38481</c:v>
                </c:pt>
                <c:pt idx="1956">
                  <c:v>38482</c:v>
                </c:pt>
                <c:pt idx="1957">
                  <c:v>38483</c:v>
                </c:pt>
                <c:pt idx="1958">
                  <c:v>38484</c:v>
                </c:pt>
                <c:pt idx="1959">
                  <c:v>38485</c:v>
                </c:pt>
                <c:pt idx="1960">
                  <c:v>38486</c:v>
                </c:pt>
                <c:pt idx="1961">
                  <c:v>38487</c:v>
                </c:pt>
                <c:pt idx="1962">
                  <c:v>38488</c:v>
                </c:pt>
                <c:pt idx="1963">
                  <c:v>38489</c:v>
                </c:pt>
                <c:pt idx="1964">
                  <c:v>38490</c:v>
                </c:pt>
                <c:pt idx="1965">
                  <c:v>38491</c:v>
                </c:pt>
                <c:pt idx="1966">
                  <c:v>38492</c:v>
                </c:pt>
                <c:pt idx="1967">
                  <c:v>38493</c:v>
                </c:pt>
                <c:pt idx="1968">
                  <c:v>38494</c:v>
                </c:pt>
                <c:pt idx="1969">
                  <c:v>38495</c:v>
                </c:pt>
                <c:pt idx="1970">
                  <c:v>38496</c:v>
                </c:pt>
                <c:pt idx="1971">
                  <c:v>38497</c:v>
                </c:pt>
                <c:pt idx="1972">
                  <c:v>38498</c:v>
                </c:pt>
                <c:pt idx="1973">
                  <c:v>38499</c:v>
                </c:pt>
                <c:pt idx="1974">
                  <c:v>38500</c:v>
                </c:pt>
                <c:pt idx="1975">
                  <c:v>38501</c:v>
                </c:pt>
                <c:pt idx="1976">
                  <c:v>38502</c:v>
                </c:pt>
                <c:pt idx="1977">
                  <c:v>38503</c:v>
                </c:pt>
                <c:pt idx="1978">
                  <c:v>38504</c:v>
                </c:pt>
                <c:pt idx="1979">
                  <c:v>38505</c:v>
                </c:pt>
                <c:pt idx="1980">
                  <c:v>38506</c:v>
                </c:pt>
                <c:pt idx="1981">
                  <c:v>38507</c:v>
                </c:pt>
                <c:pt idx="1982">
                  <c:v>38508</c:v>
                </c:pt>
                <c:pt idx="1983">
                  <c:v>38509</c:v>
                </c:pt>
                <c:pt idx="1984">
                  <c:v>38510</c:v>
                </c:pt>
                <c:pt idx="1985">
                  <c:v>38511</c:v>
                </c:pt>
                <c:pt idx="1986">
                  <c:v>38512</c:v>
                </c:pt>
                <c:pt idx="1987">
                  <c:v>38513</c:v>
                </c:pt>
                <c:pt idx="1988">
                  <c:v>38514</c:v>
                </c:pt>
                <c:pt idx="1989">
                  <c:v>38515</c:v>
                </c:pt>
                <c:pt idx="1990">
                  <c:v>38516</c:v>
                </c:pt>
                <c:pt idx="1991">
                  <c:v>38517</c:v>
                </c:pt>
                <c:pt idx="1992">
                  <c:v>38518</c:v>
                </c:pt>
                <c:pt idx="1993">
                  <c:v>38519</c:v>
                </c:pt>
                <c:pt idx="1994">
                  <c:v>38520</c:v>
                </c:pt>
                <c:pt idx="1995">
                  <c:v>38521</c:v>
                </c:pt>
                <c:pt idx="1996">
                  <c:v>38522</c:v>
                </c:pt>
                <c:pt idx="1997">
                  <c:v>38523</c:v>
                </c:pt>
                <c:pt idx="1998">
                  <c:v>38524</c:v>
                </c:pt>
                <c:pt idx="1999">
                  <c:v>38525</c:v>
                </c:pt>
                <c:pt idx="2000">
                  <c:v>38526</c:v>
                </c:pt>
                <c:pt idx="2001">
                  <c:v>38527</c:v>
                </c:pt>
                <c:pt idx="2002">
                  <c:v>38528</c:v>
                </c:pt>
                <c:pt idx="2003">
                  <c:v>38529</c:v>
                </c:pt>
                <c:pt idx="2004">
                  <c:v>38530</c:v>
                </c:pt>
                <c:pt idx="2005">
                  <c:v>38531</c:v>
                </c:pt>
                <c:pt idx="2006">
                  <c:v>38532</c:v>
                </c:pt>
                <c:pt idx="2007">
                  <c:v>38533</c:v>
                </c:pt>
                <c:pt idx="2008">
                  <c:v>38534</c:v>
                </c:pt>
                <c:pt idx="2009">
                  <c:v>38535</c:v>
                </c:pt>
                <c:pt idx="2010">
                  <c:v>38536</c:v>
                </c:pt>
                <c:pt idx="2011">
                  <c:v>38537</c:v>
                </c:pt>
                <c:pt idx="2012">
                  <c:v>38538</c:v>
                </c:pt>
                <c:pt idx="2013">
                  <c:v>38539</c:v>
                </c:pt>
                <c:pt idx="2014">
                  <c:v>38540</c:v>
                </c:pt>
                <c:pt idx="2015">
                  <c:v>38541</c:v>
                </c:pt>
                <c:pt idx="2016">
                  <c:v>38542</c:v>
                </c:pt>
                <c:pt idx="2017">
                  <c:v>38543</c:v>
                </c:pt>
                <c:pt idx="2018">
                  <c:v>38544</c:v>
                </c:pt>
                <c:pt idx="2019">
                  <c:v>38545</c:v>
                </c:pt>
                <c:pt idx="2020">
                  <c:v>38546</c:v>
                </c:pt>
                <c:pt idx="2021">
                  <c:v>38547</c:v>
                </c:pt>
                <c:pt idx="2022">
                  <c:v>38548</c:v>
                </c:pt>
                <c:pt idx="2023">
                  <c:v>38549</c:v>
                </c:pt>
                <c:pt idx="2024">
                  <c:v>38550</c:v>
                </c:pt>
                <c:pt idx="2025">
                  <c:v>38551</c:v>
                </c:pt>
                <c:pt idx="2026">
                  <c:v>38552</c:v>
                </c:pt>
                <c:pt idx="2027">
                  <c:v>38553</c:v>
                </c:pt>
                <c:pt idx="2028">
                  <c:v>38554</c:v>
                </c:pt>
                <c:pt idx="2029">
                  <c:v>38555</c:v>
                </c:pt>
                <c:pt idx="2030">
                  <c:v>38556</c:v>
                </c:pt>
                <c:pt idx="2031">
                  <c:v>38557</c:v>
                </c:pt>
                <c:pt idx="2032">
                  <c:v>38558</c:v>
                </c:pt>
                <c:pt idx="2033">
                  <c:v>38559</c:v>
                </c:pt>
                <c:pt idx="2034">
                  <c:v>38560</c:v>
                </c:pt>
                <c:pt idx="2035">
                  <c:v>38561</c:v>
                </c:pt>
                <c:pt idx="2036">
                  <c:v>38562</c:v>
                </c:pt>
                <c:pt idx="2037">
                  <c:v>38563</c:v>
                </c:pt>
                <c:pt idx="2038">
                  <c:v>38564</c:v>
                </c:pt>
                <c:pt idx="2039">
                  <c:v>38565</c:v>
                </c:pt>
                <c:pt idx="2040">
                  <c:v>38566</c:v>
                </c:pt>
                <c:pt idx="2041">
                  <c:v>38567</c:v>
                </c:pt>
                <c:pt idx="2042">
                  <c:v>38568</c:v>
                </c:pt>
                <c:pt idx="2043">
                  <c:v>38569</c:v>
                </c:pt>
                <c:pt idx="2044">
                  <c:v>38570</c:v>
                </c:pt>
                <c:pt idx="2045">
                  <c:v>38571</c:v>
                </c:pt>
                <c:pt idx="2046">
                  <c:v>38572</c:v>
                </c:pt>
                <c:pt idx="2047">
                  <c:v>38573</c:v>
                </c:pt>
                <c:pt idx="2048">
                  <c:v>38574</c:v>
                </c:pt>
                <c:pt idx="2049">
                  <c:v>38575</c:v>
                </c:pt>
                <c:pt idx="2050">
                  <c:v>38576</c:v>
                </c:pt>
                <c:pt idx="2051">
                  <c:v>38577</c:v>
                </c:pt>
                <c:pt idx="2052">
                  <c:v>38578</c:v>
                </c:pt>
                <c:pt idx="2053">
                  <c:v>38579</c:v>
                </c:pt>
                <c:pt idx="2054">
                  <c:v>38580</c:v>
                </c:pt>
                <c:pt idx="2055">
                  <c:v>38581</c:v>
                </c:pt>
                <c:pt idx="2056">
                  <c:v>38582</c:v>
                </c:pt>
                <c:pt idx="2057">
                  <c:v>38583</c:v>
                </c:pt>
                <c:pt idx="2058">
                  <c:v>38584</c:v>
                </c:pt>
                <c:pt idx="2059">
                  <c:v>38585</c:v>
                </c:pt>
                <c:pt idx="2060">
                  <c:v>38586</c:v>
                </c:pt>
                <c:pt idx="2061">
                  <c:v>38587</c:v>
                </c:pt>
                <c:pt idx="2062">
                  <c:v>38588</c:v>
                </c:pt>
                <c:pt idx="2063">
                  <c:v>38589</c:v>
                </c:pt>
                <c:pt idx="2064">
                  <c:v>38590</c:v>
                </c:pt>
                <c:pt idx="2065">
                  <c:v>38591</c:v>
                </c:pt>
                <c:pt idx="2066">
                  <c:v>38592</c:v>
                </c:pt>
                <c:pt idx="2067">
                  <c:v>38593</c:v>
                </c:pt>
                <c:pt idx="2068">
                  <c:v>38594</c:v>
                </c:pt>
                <c:pt idx="2069">
                  <c:v>38595</c:v>
                </c:pt>
                <c:pt idx="2070">
                  <c:v>38596</c:v>
                </c:pt>
                <c:pt idx="2071">
                  <c:v>38597</c:v>
                </c:pt>
                <c:pt idx="2072">
                  <c:v>38598</c:v>
                </c:pt>
                <c:pt idx="2073">
                  <c:v>38599</c:v>
                </c:pt>
                <c:pt idx="2074">
                  <c:v>38600</c:v>
                </c:pt>
                <c:pt idx="2075">
                  <c:v>38601</c:v>
                </c:pt>
                <c:pt idx="2076">
                  <c:v>38602</c:v>
                </c:pt>
                <c:pt idx="2077">
                  <c:v>38603</c:v>
                </c:pt>
                <c:pt idx="2078">
                  <c:v>38604</c:v>
                </c:pt>
                <c:pt idx="2079">
                  <c:v>38605</c:v>
                </c:pt>
                <c:pt idx="2080">
                  <c:v>38606</c:v>
                </c:pt>
                <c:pt idx="2081">
                  <c:v>38607</c:v>
                </c:pt>
                <c:pt idx="2082">
                  <c:v>38608</c:v>
                </c:pt>
                <c:pt idx="2083">
                  <c:v>38609</c:v>
                </c:pt>
                <c:pt idx="2084">
                  <c:v>38610</c:v>
                </c:pt>
                <c:pt idx="2085">
                  <c:v>38611</c:v>
                </c:pt>
                <c:pt idx="2086">
                  <c:v>38612</c:v>
                </c:pt>
                <c:pt idx="2087">
                  <c:v>38613</c:v>
                </c:pt>
                <c:pt idx="2088">
                  <c:v>38614</c:v>
                </c:pt>
                <c:pt idx="2089">
                  <c:v>38615</c:v>
                </c:pt>
                <c:pt idx="2090">
                  <c:v>38616</c:v>
                </c:pt>
                <c:pt idx="2091">
                  <c:v>38617</c:v>
                </c:pt>
                <c:pt idx="2092">
                  <c:v>38618</c:v>
                </c:pt>
                <c:pt idx="2093">
                  <c:v>38619</c:v>
                </c:pt>
                <c:pt idx="2094">
                  <c:v>38620</c:v>
                </c:pt>
                <c:pt idx="2095">
                  <c:v>38621</c:v>
                </c:pt>
                <c:pt idx="2096">
                  <c:v>38622</c:v>
                </c:pt>
                <c:pt idx="2097">
                  <c:v>38623</c:v>
                </c:pt>
                <c:pt idx="2098">
                  <c:v>38624</c:v>
                </c:pt>
                <c:pt idx="2099">
                  <c:v>38625</c:v>
                </c:pt>
                <c:pt idx="2100">
                  <c:v>38626</c:v>
                </c:pt>
                <c:pt idx="2101">
                  <c:v>38627</c:v>
                </c:pt>
                <c:pt idx="2102">
                  <c:v>38628</c:v>
                </c:pt>
                <c:pt idx="2103">
                  <c:v>38629</c:v>
                </c:pt>
                <c:pt idx="2104">
                  <c:v>38630</c:v>
                </c:pt>
                <c:pt idx="2105">
                  <c:v>38631</c:v>
                </c:pt>
                <c:pt idx="2106">
                  <c:v>38632</c:v>
                </c:pt>
                <c:pt idx="2107">
                  <c:v>38633</c:v>
                </c:pt>
                <c:pt idx="2108">
                  <c:v>38634</c:v>
                </c:pt>
                <c:pt idx="2109">
                  <c:v>38635</c:v>
                </c:pt>
                <c:pt idx="2110">
                  <c:v>38636</c:v>
                </c:pt>
                <c:pt idx="2111">
                  <c:v>38637</c:v>
                </c:pt>
                <c:pt idx="2112">
                  <c:v>38638</c:v>
                </c:pt>
                <c:pt idx="2113">
                  <c:v>38639</c:v>
                </c:pt>
                <c:pt idx="2114">
                  <c:v>38640</c:v>
                </c:pt>
                <c:pt idx="2115">
                  <c:v>38641</c:v>
                </c:pt>
                <c:pt idx="2116">
                  <c:v>38642</c:v>
                </c:pt>
                <c:pt idx="2117">
                  <c:v>38643</c:v>
                </c:pt>
                <c:pt idx="2118">
                  <c:v>38644</c:v>
                </c:pt>
                <c:pt idx="2119">
                  <c:v>38645</c:v>
                </c:pt>
                <c:pt idx="2120">
                  <c:v>38646</c:v>
                </c:pt>
                <c:pt idx="2121">
                  <c:v>38647</c:v>
                </c:pt>
                <c:pt idx="2122">
                  <c:v>38648</c:v>
                </c:pt>
                <c:pt idx="2123">
                  <c:v>38649</c:v>
                </c:pt>
                <c:pt idx="2124">
                  <c:v>38650</c:v>
                </c:pt>
                <c:pt idx="2125">
                  <c:v>38651</c:v>
                </c:pt>
                <c:pt idx="2126">
                  <c:v>38652</c:v>
                </c:pt>
                <c:pt idx="2127">
                  <c:v>38653</c:v>
                </c:pt>
                <c:pt idx="2128">
                  <c:v>38654</c:v>
                </c:pt>
                <c:pt idx="2129">
                  <c:v>38655</c:v>
                </c:pt>
                <c:pt idx="2130">
                  <c:v>38656</c:v>
                </c:pt>
                <c:pt idx="2131">
                  <c:v>38657</c:v>
                </c:pt>
                <c:pt idx="2132">
                  <c:v>38658</c:v>
                </c:pt>
                <c:pt idx="2133">
                  <c:v>38659</c:v>
                </c:pt>
                <c:pt idx="2134">
                  <c:v>38660</c:v>
                </c:pt>
                <c:pt idx="2135">
                  <c:v>38661</c:v>
                </c:pt>
                <c:pt idx="2136">
                  <c:v>38662</c:v>
                </c:pt>
                <c:pt idx="2137">
                  <c:v>38663</c:v>
                </c:pt>
                <c:pt idx="2138">
                  <c:v>38664</c:v>
                </c:pt>
                <c:pt idx="2139">
                  <c:v>38665</c:v>
                </c:pt>
                <c:pt idx="2140">
                  <c:v>38666</c:v>
                </c:pt>
                <c:pt idx="2141">
                  <c:v>38667</c:v>
                </c:pt>
                <c:pt idx="2142">
                  <c:v>38668</c:v>
                </c:pt>
                <c:pt idx="2143">
                  <c:v>38669</c:v>
                </c:pt>
                <c:pt idx="2144">
                  <c:v>38670</c:v>
                </c:pt>
                <c:pt idx="2145">
                  <c:v>38671</c:v>
                </c:pt>
                <c:pt idx="2146">
                  <c:v>38672</c:v>
                </c:pt>
                <c:pt idx="2147">
                  <c:v>38673</c:v>
                </c:pt>
                <c:pt idx="2148">
                  <c:v>38674</c:v>
                </c:pt>
                <c:pt idx="2149">
                  <c:v>38675</c:v>
                </c:pt>
                <c:pt idx="2150">
                  <c:v>38676</c:v>
                </c:pt>
                <c:pt idx="2151">
                  <c:v>38677</c:v>
                </c:pt>
                <c:pt idx="2152">
                  <c:v>38678</c:v>
                </c:pt>
                <c:pt idx="2153">
                  <c:v>38679</c:v>
                </c:pt>
                <c:pt idx="2154">
                  <c:v>38680</c:v>
                </c:pt>
                <c:pt idx="2155">
                  <c:v>38681</c:v>
                </c:pt>
                <c:pt idx="2156">
                  <c:v>38682</c:v>
                </c:pt>
                <c:pt idx="2157">
                  <c:v>38683</c:v>
                </c:pt>
                <c:pt idx="2158">
                  <c:v>38684</c:v>
                </c:pt>
                <c:pt idx="2159">
                  <c:v>38685</c:v>
                </c:pt>
                <c:pt idx="2160">
                  <c:v>38686</c:v>
                </c:pt>
                <c:pt idx="2161">
                  <c:v>38687</c:v>
                </c:pt>
                <c:pt idx="2162">
                  <c:v>38688</c:v>
                </c:pt>
                <c:pt idx="2163">
                  <c:v>38689</c:v>
                </c:pt>
                <c:pt idx="2164">
                  <c:v>38690</c:v>
                </c:pt>
                <c:pt idx="2165">
                  <c:v>38691</c:v>
                </c:pt>
                <c:pt idx="2166">
                  <c:v>38692</c:v>
                </c:pt>
                <c:pt idx="2167">
                  <c:v>38693</c:v>
                </c:pt>
                <c:pt idx="2168">
                  <c:v>38694</c:v>
                </c:pt>
                <c:pt idx="2169">
                  <c:v>38695</c:v>
                </c:pt>
                <c:pt idx="2170">
                  <c:v>38696</c:v>
                </c:pt>
                <c:pt idx="2171">
                  <c:v>38697</c:v>
                </c:pt>
                <c:pt idx="2172">
                  <c:v>38698</c:v>
                </c:pt>
                <c:pt idx="2173">
                  <c:v>38699</c:v>
                </c:pt>
                <c:pt idx="2174">
                  <c:v>38700</c:v>
                </c:pt>
                <c:pt idx="2175">
                  <c:v>38701</c:v>
                </c:pt>
                <c:pt idx="2176">
                  <c:v>38702</c:v>
                </c:pt>
                <c:pt idx="2177">
                  <c:v>38703</c:v>
                </c:pt>
                <c:pt idx="2178">
                  <c:v>38704</c:v>
                </c:pt>
                <c:pt idx="2179">
                  <c:v>38705</c:v>
                </c:pt>
                <c:pt idx="2180">
                  <c:v>38706</c:v>
                </c:pt>
                <c:pt idx="2181">
                  <c:v>38707</c:v>
                </c:pt>
                <c:pt idx="2182">
                  <c:v>38708</c:v>
                </c:pt>
                <c:pt idx="2183">
                  <c:v>38709</c:v>
                </c:pt>
                <c:pt idx="2184">
                  <c:v>38710</c:v>
                </c:pt>
                <c:pt idx="2185">
                  <c:v>38711</c:v>
                </c:pt>
                <c:pt idx="2186">
                  <c:v>38712</c:v>
                </c:pt>
                <c:pt idx="2187">
                  <c:v>38713</c:v>
                </c:pt>
                <c:pt idx="2188">
                  <c:v>38714</c:v>
                </c:pt>
                <c:pt idx="2189">
                  <c:v>38715</c:v>
                </c:pt>
                <c:pt idx="2190">
                  <c:v>38716</c:v>
                </c:pt>
                <c:pt idx="2191">
                  <c:v>38717</c:v>
                </c:pt>
                <c:pt idx="2192">
                  <c:v>38718</c:v>
                </c:pt>
                <c:pt idx="2193">
                  <c:v>38719</c:v>
                </c:pt>
                <c:pt idx="2194">
                  <c:v>38720</c:v>
                </c:pt>
                <c:pt idx="2195">
                  <c:v>38721</c:v>
                </c:pt>
                <c:pt idx="2196">
                  <c:v>38722</c:v>
                </c:pt>
                <c:pt idx="2197">
                  <c:v>38723</c:v>
                </c:pt>
                <c:pt idx="2198">
                  <c:v>38724</c:v>
                </c:pt>
                <c:pt idx="2199">
                  <c:v>38725</c:v>
                </c:pt>
                <c:pt idx="2200">
                  <c:v>38726</c:v>
                </c:pt>
                <c:pt idx="2201">
                  <c:v>38727</c:v>
                </c:pt>
                <c:pt idx="2202">
                  <c:v>38728</c:v>
                </c:pt>
                <c:pt idx="2203">
                  <c:v>38729</c:v>
                </c:pt>
                <c:pt idx="2204">
                  <c:v>38730</c:v>
                </c:pt>
                <c:pt idx="2205">
                  <c:v>38731</c:v>
                </c:pt>
                <c:pt idx="2206">
                  <c:v>38732</c:v>
                </c:pt>
                <c:pt idx="2207">
                  <c:v>38733</c:v>
                </c:pt>
                <c:pt idx="2208">
                  <c:v>38734</c:v>
                </c:pt>
                <c:pt idx="2209">
                  <c:v>38735</c:v>
                </c:pt>
                <c:pt idx="2210">
                  <c:v>38736</c:v>
                </c:pt>
                <c:pt idx="2211">
                  <c:v>38737</c:v>
                </c:pt>
                <c:pt idx="2212">
                  <c:v>38738</c:v>
                </c:pt>
                <c:pt idx="2213">
                  <c:v>38739</c:v>
                </c:pt>
                <c:pt idx="2214">
                  <c:v>38740</c:v>
                </c:pt>
                <c:pt idx="2215">
                  <c:v>38741</c:v>
                </c:pt>
                <c:pt idx="2216">
                  <c:v>38742</c:v>
                </c:pt>
                <c:pt idx="2217">
                  <c:v>38743</c:v>
                </c:pt>
                <c:pt idx="2218">
                  <c:v>38744</c:v>
                </c:pt>
                <c:pt idx="2219">
                  <c:v>38745</c:v>
                </c:pt>
                <c:pt idx="2220">
                  <c:v>38746</c:v>
                </c:pt>
                <c:pt idx="2221">
                  <c:v>38747</c:v>
                </c:pt>
                <c:pt idx="2222">
                  <c:v>38748</c:v>
                </c:pt>
                <c:pt idx="2223">
                  <c:v>38749</c:v>
                </c:pt>
                <c:pt idx="2224">
                  <c:v>38750</c:v>
                </c:pt>
                <c:pt idx="2225">
                  <c:v>38751</c:v>
                </c:pt>
                <c:pt idx="2226">
                  <c:v>38752</c:v>
                </c:pt>
                <c:pt idx="2227">
                  <c:v>38753</c:v>
                </c:pt>
                <c:pt idx="2228">
                  <c:v>38754</c:v>
                </c:pt>
                <c:pt idx="2229">
                  <c:v>38755</c:v>
                </c:pt>
                <c:pt idx="2230">
                  <c:v>38756</c:v>
                </c:pt>
                <c:pt idx="2231">
                  <c:v>38757</c:v>
                </c:pt>
                <c:pt idx="2232">
                  <c:v>38758</c:v>
                </c:pt>
                <c:pt idx="2233">
                  <c:v>38759</c:v>
                </c:pt>
                <c:pt idx="2234">
                  <c:v>38760</c:v>
                </c:pt>
                <c:pt idx="2235">
                  <c:v>38761</c:v>
                </c:pt>
                <c:pt idx="2236">
                  <c:v>38762</c:v>
                </c:pt>
                <c:pt idx="2237">
                  <c:v>38763</c:v>
                </c:pt>
                <c:pt idx="2238">
                  <c:v>38764</c:v>
                </c:pt>
                <c:pt idx="2239">
                  <c:v>38765</c:v>
                </c:pt>
                <c:pt idx="2240">
                  <c:v>38766</c:v>
                </c:pt>
                <c:pt idx="2241">
                  <c:v>38767</c:v>
                </c:pt>
                <c:pt idx="2242">
                  <c:v>38768</c:v>
                </c:pt>
                <c:pt idx="2243">
                  <c:v>38769</c:v>
                </c:pt>
                <c:pt idx="2244">
                  <c:v>38770</c:v>
                </c:pt>
                <c:pt idx="2245">
                  <c:v>38771</c:v>
                </c:pt>
                <c:pt idx="2246">
                  <c:v>38772</c:v>
                </c:pt>
                <c:pt idx="2247">
                  <c:v>38773</c:v>
                </c:pt>
                <c:pt idx="2248">
                  <c:v>38774</c:v>
                </c:pt>
                <c:pt idx="2249">
                  <c:v>38775</c:v>
                </c:pt>
                <c:pt idx="2250">
                  <c:v>38776</c:v>
                </c:pt>
                <c:pt idx="2251">
                  <c:v>38777</c:v>
                </c:pt>
                <c:pt idx="2252">
                  <c:v>38778</c:v>
                </c:pt>
                <c:pt idx="2253">
                  <c:v>38779</c:v>
                </c:pt>
                <c:pt idx="2254">
                  <c:v>38780</c:v>
                </c:pt>
                <c:pt idx="2255">
                  <c:v>38781</c:v>
                </c:pt>
                <c:pt idx="2256">
                  <c:v>38782</c:v>
                </c:pt>
                <c:pt idx="2257">
                  <c:v>38783</c:v>
                </c:pt>
                <c:pt idx="2258">
                  <c:v>38784</c:v>
                </c:pt>
                <c:pt idx="2259">
                  <c:v>38785</c:v>
                </c:pt>
                <c:pt idx="2260">
                  <c:v>38786</c:v>
                </c:pt>
                <c:pt idx="2261">
                  <c:v>38787</c:v>
                </c:pt>
                <c:pt idx="2262">
                  <c:v>38788</c:v>
                </c:pt>
                <c:pt idx="2263">
                  <c:v>38789</c:v>
                </c:pt>
                <c:pt idx="2264">
                  <c:v>38790</c:v>
                </c:pt>
                <c:pt idx="2265">
                  <c:v>38791</c:v>
                </c:pt>
                <c:pt idx="2266">
                  <c:v>38792</c:v>
                </c:pt>
                <c:pt idx="2267">
                  <c:v>38793</c:v>
                </c:pt>
                <c:pt idx="2268">
                  <c:v>38794</c:v>
                </c:pt>
                <c:pt idx="2269">
                  <c:v>38795</c:v>
                </c:pt>
                <c:pt idx="2270">
                  <c:v>38796</c:v>
                </c:pt>
                <c:pt idx="2271">
                  <c:v>38797</c:v>
                </c:pt>
                <c:pt idx="2272">
                  <c:v>38798</c:v>
                </c:pt>
                <c:pt idx="2273">
                  <c:v>38799</c:v>
                </c:pt>
                <c:pt idx="2274">
                  <c:v>38800</c:v>
                </c:pt>
                <c:pt idx="2275">
                  <c:v>38801</c:v>
                </c:pt>
                <c:pt idx="2276">
                  <c:v>38802</c:v>
                </c:pt>
                <c:pt idx="2277">
                  <c:v>38803</c:v>
                </c:pt>
                <c:pt idx="2278">
                  <c:v>38804</c:v>
                </c:pt>
                <c:pt idx="2279">
                  <c:v>38805</c:v>
                </c:pt>
                <c:pt idx="2280">
                  <c:v>38806</c:v>
                </c:pt>
                <c:pt idx="2281">
                  <c:v>38807</c:v>
                </c:pt>
                <c:pt idx="2282">
                  <c:v>38808</c:v>
                </c:pt>
                <c:pt idx="2283">
                  <c:v>38809</c:v>
                </c:pt>
                <c:pt idx="2284">
                  <c:v>38810</c:v>
                </c:pt>
                <c:pt idx="2285">
                  <c:v>38811</c:v>
                </c:pt>
                <c:pt idx="2286">
                  <c:v>38812</c:v>
                </c:pt>
                <c:pt idx="2287">
                  <c:v>38813</c:v>
                </c:pt>
                <c:pt idx="2288">
                  <c:v>38814</c:v>
                </c:pt>
                <c:pt idx="2289">
                  <c:v>38815</c:v>
                </c:pt>
                <c:pt idx="2290">
                  <c:v>38816</c:v>
                </c:pt>
                <c:pt idx="2291">
                  <c:v>38817</c:v>
                </c:pt>
                <c:pt idx="2292">
                  <c:v>38818</c:v>
                </c:pt>
                <c:pt idx="2293">
                  <c:v>38819</c:v>
                </c:pt>
                <c:pt idx="2294">
                  <c:v>38820</c:v>
                </c:pt>
                <c:pt idx="2295">
                  <c:v>38821</c:v>
                </c:pt>
                <c:pt idx="2296">
                  <c:v>38822</c:v>
                </c:pt>
                <c:pt idx="2297">
                  <c:v>38823</c:v>
                </c:pt>
                <c:pt idx="2298">
                  <c:v>38824</c:v>
                </c:pt>
                <c:pt idx="2299">
                  <c:v>38825</c:v>
                </c:pt>
                <c:pt idx="2300">
                  <c:v>38826</c:v>
                </c:pt>
                <c:pt idx="2301">
                  <c:v>38827</c:v>
                </c:pt>
                <c:pt idx="2302">
                  <c:v>38828</c:v>
                </c:pt>
                <c:pt idx="2303">
                  <c:v>38829</c:v>
                </c:pt>
                <c:pt idx="2304">
                  <c:v>38830</c:v>
                </c:pt>
                <c:pt idx="2305">
                  <c:v>38831</c:v>
                </c:pt>
                <c:pt idx="2306">
                  <c:v>38832</c:v>
                </c:pt>
                <c:pt idx="2307">
                  <c:v>38833</c:v>
                </c:pt>
                <c:pt idx="2308">
                  <c:v>38834</c:v>
                </c:pt>
                <c:pt idx="2309">
                  <c:v>38835</c:v>
                </c:pt>
                <c:pt idx="2310">
                  <c:v>38836</c:v>
                </c:pt>
                <c:pt idx="2311">
                  <c:v>38837</c:v>
                </c:pt>
                <c:pt idx="2312">
                  <c:v>38838</c:v>
                </c:pt>
                <c:pt idx="2313">
                  <c:v>38839</c:v>
                </c:pt>
                <c:pt idx="2314">
                  <c:v>38840</c:v>
                </c:pt>
                <c:pt idx="2315">
                  <c:v>38841</c:v>
                </c:pt>
                <c:pt idx="2316">
                  <c:v>38842</c:v>
                </c:pt>
                <c:pt idx="2317">
                  <c:v>38843</c:v>
                </c:pt>
                <c:pt idx="2318">
                  <c:v>38844</c:v>
                </c:pt>
                <c:pt idx="2319">
                  <c:v>38845</c:v>
                </c:pt>
                <c:pt idx="2320">
                  <c:v>38846</c:v>
                </c:pt>
                <c:pt idx="2321">
                  <c:v>38847</c:v>
                </c:pt>
                <c:pt idx="2322">
                  <c:v>38848</c:v>
                </c:pt>
                <c:pt idx="2323">
                  <c:v>38849</c:v>
                </c:pt>
                <c:pt idx="2324">
                  <c:v>38850</c:v>
                </c:pt>
                <c:pt idx="2325">
                  <c:v>38851</c:v>
                </c:pt>
                <c:pt idx="2326">
                  <c:v>38852</c:v>
                </c:pt>
                <c:pt idx="2327">
                  <c:v>38853</c:v>
                </c:pt>
                <c:pt idx="2328">
                  <c:v>38854</c:v>
                </c:pt>
                <c:pt idx="2329">
                  <c:v>38855</c:v>
                </c:pt>
                <c:pt idx="2330">
                  <c:v>38856</c:v>
                </c:pt>
                <c:pt idx="2331">
                  <c:v>38857</c:v>
                </c:pt>
                <c:pt idx="2332">
                  <c:v>38858</c:v>
                </c:pt>
                <c:pt idx="2333">
                  <c:v>38859</c:v>
                </c:pt>
                <c:pt idx="2334">
                  <c:v>38860</c:v>
                </c:pt>
                <c:pt idx="2335">
                  <c:v>38861</c:v>
                </c:pt>
                <c:pt idx="2336">
                  <c:v>38862</c:v>
                </c:pt>
                <c:pt idx="2337">
                  <c:v>38863</c:v>
                </c:pt>
                <c:pt idx="2338">
                  <c:v>38864</c:v>
                </c:pt>
                <c:pt idx="2339">
                  <c:v>38865</c:v>
                </c:pt>
                <c:pt idx="2340">
                  <c:v>38866</c:v>
                </c:pt>
                <c:pt idx="2341">
                  <c:v>38867</c:v>
                </c:pt>
                <c:pt idx="2342">
                  <c:v>38868</c:v>
                </c:pt>
                <c:pt idx="2343">
                  <c:v>38869</c:v>
                </c:pt>
                <c:pt idx="2344">
                  <c:v>38870</c:v>
                </c:pt>
                <c:pt idx="2345">
                  <c:v>38871</c:v>
                </c:pt>
                <c:pt idx="2346">
                  <c:v>38872</c:v>
                </c:pt>
                <c:pt idx="2347">
                  <c:v>38873</c:v>
                </c:pt>
                <c:pt idx="2348">
                  <c:v>38874</c:v>
                </c:pt>
                <c:pt idx="2349">
                  <c:v>38875</c:v>
                </c:pt>
                <c:pt idx="2350">
                  <c:v>38876</c:v>
                </c:pt>
                <c:pt idx="2351">
                  <c:v>38877</c:v>
                </c:pt>
                <c:pt idx="2352">
                  <c:v>38878</c:v>
                </c:pt>
                <c:pt idx="2353">
                  <c:v>38879</c:v>
                </c:pt>
                <c:pt idx="2354">
                  <c:v>38880</c:v>
                </c:pt>
                <c:pt idx="2355">
                  <c:v>38881</c:v>
                </c:pt>
                <c:pt idx="2356">
                  <c:v>38882</c:v>
                </c:pt>
                <c:pt idx="2357">
                  <c:v>38883</c:v>
                </c:pt>
                <c:pt idx="2358">
                  <c:v>38884</c:v>
                </c:pt>
                <c:pt idx="2359">
                  <c:v>38885</c:v>
                </c:pt>
                <c:pt idx="2360">
                  <c:v>38886</c:v>
                </c:pt>
                <c:pt idx="2361">
                  <c:v>38887</c:v>
                </c:pt>
                <c:pt idx="2362">
                  <c:v>38888</c:v>
                </c:pt>
                <c:pt idx="2363">
                  <c:v>38889</c:v>
                </c:pt>
                <c:pt idx="2364">
                  <c:v>38890</c:v>
                </c:pt>
                <c:pt idx="2365">
                  <c:v>38891</c:v>
                </c:pt>
                <c:pt idx="2366">
                  <c:v>38892</c:v>
                </c:pt>
                <c:pt idx="2367">
                  <c:v>38893</c:v>
                </c:pt>
                <c:pt idx="2368">
                  <c:v>38894</c:v>
                </c:pt>
                <c:pt idx="2369">
                  <c:v>38895</c:v>
                </c:pt>
                <c:pt idx="2370">
                  <c:v>38896</c:v>
                </c:pt>
                <c:pt idx="2371">
                  <c:v>38897</c:v>
                </c:pt>
                <c:pt idx="2372">
                  <c:v>38898</c:v>
                </c:pt>
                <c:pt idx="2373">
                  <c:v>38899</c:v>
                </c:pt>
                <c:pt idx="2374">
                  <c:v>38900</c:v>
                </c:pt>
                <c:pt idx="2375">
                  <c:v>38901</c:v>
                </c:pt>
                <c:pt idx="2376">
                  <c:v>38902</c:v>
                </c:pt>
                <c:pt idx="2377">
                  <c:v>38903</c:v>
                </c:pt>
                <c:pt idx="2378">
                  <c:v>38904</c:v>
                </c:pt>
                <c:pt idx="2379">
                  <c:v>38905</c:v>
                </c:pt>
                <c:pt idx="2380">
                  <c:v>38906</c:v>
                </c:pt>
                <c:pt idx="2381">
                  <c:v>38907</c:v>
                </c:pt>
                <c:pt idx="2382">
                  <c:v>38908</c:v>
                </c:pt>
                <c:pt idx="2383">
                  <c:v>38909</c:v>
                </c:pt>
                <c:pt idx="2384">
                  <c:v>38910</c:v>
                </c:pt>
                <c:pt idx="2385">
                  <c:v>38911</c:v>
                </c:pt>
                <c:pt idx="2386">
                  <c:v>38912</c:v>
                </c:pt>
                <c:pt idx="2387">
                  <c:v>38913</c:v>
                </c:pt>
                <c:pt idx="2388">
                  <c:v>38914</c:v>
                </c:pt>
                <c:pt idx="2389">
                  <c:v>38915</c:v>
                </c:pt>
                <c:pt idx="2390">
                  <c:v>38916</c:v>
                </c:pt>
                <c:pt idx="2391">
                  <c:v>38917</c:v>
                </c:pt>
                <c:pt idx="2392">
                  <c:v>38918</c:v>
                </c:pt>
                <c:pt idx="2393">
                  <c:v>38919</c:v>
                </c:pt>
                <c:pt idx="2394">
                  <c:v>38920</c:v>
                </c:pt>
                <c:pt idx="2395">
                  <c:v>38921</c:v>
                </c:pt>
                <c:pt idx="2396">
                  <c:v>38922</c:v>
                </c:pt>
                <c:pt idx="2397">
                  <c:v>38923</c:v>
                </c:pt>
                <c:pt idx="2398">
                  <c:v>38924</c:v>
                </c:pt>
                <c:pt idx="2399">
                  <c:v>38925</c:v>
                </c:pt>
                <c:pt idx="2400">
                  <c:v>38926</c:v>
                </c:pt>
                <c:pt idx="2401">
                  <c:v>38927</c:v>
                </c:pt>
                <c:pt idx="2402">
                  <c:v>38928</c:v>
                </c:pt>
                <c:pt idx="2403">
                  <c:v>38929</c:v>
                </c:pt>
                <c:pt idx="2404">
                  <c:v>38930</c:v>
                </c:pt>
                <c:pt idx="2405">
                  <c:v>38931</c:v>
                </c:pt>
                <c:pt idx="2406">
                  <c:v>38932</c:v>
                </c:pt>
                <c:pt idx="2407">
                  <c:v>38933</c:v>
                </c:pt>
                <c:pt idx="2408">
                  <c:v>38934</c:v>
                </c:pt>
                <c:pt idx="2409">
                  <c:v>38935</c:v>
                </c:pt>
                <c:pt idx="2410">
                  <c:v>38936</c:v>
                </c:pt>
                <c:pt idx="2411">
                  <c:v>38937</c:v>
                </c:pt>
                <c:pt idx="2412">
                  <c:v>38938</c:v>
                </c:pt>
                <c:pt idx="2413">
                  <c:v>38939</c:v>
                </c:pt>
                <c:pt idx="2414">
                  <c:v>38940</c:v>
                </c:pt>
                <c:pt idx="2415">
                  <c:v>38941</c:v>
                </c:pt>
                <c:pt idx="2416">
                  <c:v>38942</c:v>
                </c:pt>
                <c:pt idx="2417">
                  <c:v>38943</c:v>
                </c:pt>
                <c:pt idx="2418">
                  <c:v>38944</c:v>
                </c:pt>
                <c:pt idx="2419">
                  <c:v>38945</c:v>
                </c:pt>
                <c:pt idx="2420">
                  <c:v>38946</c:v>
                </c:pt>
                <c:pt idx="2421">
                  <c:v>38947</c:v>
                </c:pt>
                <c:pt idx="2422">
                  <c:v>38948</c:v>
                </c:pt>
                <c:pt idx="2423">
                  <c:v>38949</c:v>
                </c:pt>
                <c:pt idx="2424">
                  <c:v>38950</c:v>
                </c:pt>
                <c:pt idx="2425">
                  <c:v>38951</c:v>
                </c:pt>
                <c:pt idx="2426">
                  <c:v>38952</c:v>
                </c:pt>
                <c:pt idx="2427">
                  <c:v>38953</c:v>
                </c:pt>
                <c:pt idx="2428">
                  <c:v>38954</c:v>
                </c:pt>
                <c:pt idx="2429">
                  <c:v>38955</c:v>
                </c:pt>
                <c:pt idx="2430">
                  <c:v>38956</c:v>
                </c:pt>
                <c:pt idx="2431">
                  <c:v>38957</c:v>
                </c:pt>
                <c:pt idx="2432">
                  <c:v>38958</c:v>
                </c:pt>
                <c:pt idx="2433">
                  <c:v>38959</c:v>
                </c:pt>
                <c:pt idx="2434">
                  <c:v>38960</c:v>
                </c:pt>
                <c:pt idx="2435">
                  <c:v>38961</c:v>
                </c:pt>
                <c:pt idx="2436">
                  <c:v>38962</c:v>
                </c:pt>
                <c:pt idx="2437">
                  <c:v>38963</c:v>
                </c:pt>
                <c:pt idx="2438">
                  <c:v>38964</c:v>
                </c:pt>
                <c:pt idx="2439">
                  <c:v>38965</c:v>
                </c:pt>
                <c:pt idx="2440">
                  <c:v>38966</c:v>
                </c:pt>
                <c:pt idx="2441">
                  <c:v>38967</c:v>
                </c:pt>
                <c:pt idx="2442">
                  <c:v>38968</c:v>
                </c:pt>
                <c:pt idx="2443">
                  <c:v>38969</c:v>
                </c:pt>
                <c:pt idx="2444">
                  <c:v>38970</c:v>
                </c:pt>
                <c:pt idx="2445">
                  <c:v>38971</c:v>
                </c:pt>
                <c:pt idx="2446">
                  <c:v>38972</c:v>
                </c:pt>
                <c:pt idx="2447">
                  <c:v>38973</c:v>
                </c:pt>
                <c:pt idx="2448">
                  <c:v>38974</c:v>
                </c:pt>
                <c:pt idx="2449">
                  <c:v>38975</c:v>
                </c:pt>
                <c:pt idx="2450">
                  <c:v>38976</c:v>
                </c:pt>
                <c:pt idx="2451">
                  <c:v>38977</c:v>
                </c:pt>
                <c:pt idx="2452">
                  <c:v>38978</c:v>
                </c:pt>
                <c:pt idx="2453">
                  <c:v>38979</c:v>
                </c:pt>
                <c:pt idx="2454">
                  <c:v>38980</c:v>
                </c:pt>
                <c:pt idx="2455">
                  <c:v>38981</c:v>
                </c:pt>
                <c:pt idx="2456">
                  <c:v>38982</c:v>
                </c:pt>
                <c:pt idx="2457">
                  <c:v>38983</c:v>
                </c:pt>
                <c:pt idx="2458">
                  <c:v>38984</c:v>
                </c:pt>
                <c:pt idx="2459">
                  <c:v>38985</c:v>
                </c:pt>
                <c:pt idx="2460">
                  <c:v>38986</c:v>
                </c:pt>
                <c:pt idx="2461">
                  <c:v>38987</c:v>
                </c:pt>
                <c:pt idx="2462">
                  <c:v>38988</c:v>
                </c:pt>
                <c:pt idx="2463">
                  <c:v>38989</c:v>
                </c:pt>
                <c:pt idx="2464">
                  <c:v>38990</c:v>
                </c:pt>
                <c:pt idx="2465">
                  <c:v>38991</c:v>
                </c:pt>
                <c:pt idx="2466">
                  <c:v>38992</c:v>
                </c:pt>
                <c:pt idx="2467">
                  <c:v>38993</c:v>
                </c:pt>
                <c:pt idx="2468">
                  <c:v>38994</c:v>
                </c:pt>
                <c:pt idx="2469">
                  <c:v>38995</c:v>
                </c:pt>
                <c:pt idx="2470">
                  <c:v>38996</c:v>
                </c:pt>
                <c:pt idx="2471">
                  <c:v>38997</c:v>
                </c:pt>
                <c:pt idx="2472">
                  <c:v>38998</c:v>
                </c:pt>
                <c:pt idx="2473">
                  <c:v>38999</c:v>
                </c:pt>
                <c:pt idx="2474">
                  <c:v>39000</c:v>
                </c:pt>
                <c:pt idx="2475">
                  <c:v>39001</c:v>
                </c:pt>
                <c:pt idx="2476">
                  <c:v>39002</c:v>
                </c:pt>
                <c:pt idx="2477">
                  <c:v>39003</c:v>
                </c:pt>
                <c:pt idx="2478">
                  <c:v>39004</c:v>
                </c:pt>
                <c:pt idx="2479">
                  <c:v>39005</c:v>
                </c:pt>
                <c:pt idx="2480">
                  <c:v>39006</c:v>
                </c:pt>
                <c:pt idx="2481">
                  <c:v>39007</c:v>
                </c:pt>
                <c:pt idx="2482">
                  <c:v>39008</c:v>
                </c:pt>
                <c:pt idx="2483">
                  <c:v>39009</c:v>
                </c:pt>
                <c:pt idx="2484">
                  <c:v>39010</c:v>
                </c:pt>
                <c:pt idx="2485">
                  <c:v>39011</c:v>
                </c:pt>
                <c:pt idx="2486">
                  <c:v>39012</c:v>
                </c:pt>
                <c:pt idx="2487">
                  <c:v>39013</c:v>
                </c:pt>
                <c:pt idx="2488">
                  <c:v>39014</c:v>
                </c:pt>
                <c:pt idx="2489">
                  <c:v>39015</c:v>
                </c:pt>
                <c:pt idx="2490">
                  <c:v>39016</c:v>
                </c:pt>
                <c:pt idx="2491">
                  <c:v>39017</c:v>
                </c:pt>
                <c:pt idx="2492">
                  <c:v>39018</c:v>
                </c:pt>
                <c:pt idx="2493">
                  <c:v>39019</c:v>
                </c:pt>
                <c:pt idx="2494">
                  <c:v>39020</c:v>
                </c:pt>
                <c:pt idx="2495">
                  <c:v>39021</c:v>
                </c:pt>
                <c:pt idx="2496">
                  <c:v>39022</c:v>
                </c:pt>
                <c:pt idx="2497">
                  <c:v>39023</c:v>
                </c:pt>
                <c:pt idx="2498">
                  <c:v>39024</c:v>
                </c:pt>
                <c:pt idx="2499">
                  <c:v>39025</c:v>
                </c:pt>
                <c:pt idx="2500">
                  <c:v>39026</c:v>
                </c:pt>
                <c:pt idx="2501">
                  <c:v>39027</c:v>
                </c:pt>
                <c:pt idx="2502">
                  <c:v>39028</c:v>
                </c:pt>
                <c:pt idx="2503">
                  <c:v>39029</c:v>
                </c:pt>
                <c:pt idx="2504">
                  <c:v>39030</c:v>
                </c:pt>
                <c:pt idx="2505">
                  <c:v>39031</c:v>
                </c:pt>
                <c:pt idx="2506">
                  <c:v>39032</c:v>
                </c:pt>
                <c:pt idx="2507">
                  <c:v>39033</c:v>
                </c:pt>
                <c:pt idx="2508">
                  <c:v>39034</c:v>
                </c:pt>
                <c:pt idx="2509">
                  <c:v>39035</c:v>
                </c:pt>
                <c:pt idx="2510">
                  <c:v>39036</c:v>
                </c:pt>
                <c:pt idx="2511">
                  <c:v>39037</c:v>
                </c:pt>
                <c:pt idx="2512">
                  <c:v>39038</c:v>
                </c:pt>
                <c:pt idx="2513">
                  <c:v>39039</c:v>
                </c:pt>
                <c:pt idx="2514">
                  <c:v>39040</c:v>
                </c:pt>
                <c:pt idx="2515">
                  <c:v>39041</c:v>
                </c:pt>
                <c:pt idx="2516">
                  <c:v>39042</c:v>
                </c:pt>
                <c:pt idx="2517">
                  <c:v>39043</c:v>
                </c:pt>
                <c:pt idx="2518">
                  <c:v>39044</c:v>
                </c:pt>
                <c:pt idx="2519">
                  <c:v>39045</c:v>
                </c:pt>
                <c:pt idx="2520">
                  <c:v>39046</c:v>
                </c:pt>
                <c:pt idx="2521">
                  <c:v>39047</c:v>
                </c:pt>
                <c:pt idx="2522">
                  <c:v>39048</c:v>
                </c:pt>
                <c:pt idx="2523">
                  <c:v>39049</c:v>
                </c:pt>
                <c:pt idx="2524">
                  <c:v>39050</c:v>
                </c:pt>
                <c:pt idx="2525">
                  <c:v>39051</c:v>
                </c:pt>
                <c:pt idx="2526">
                  <c:v>39052</c:v>
                </c:pt>
                <c:pt idx="2527">
                  <c:v>39053</c:v>
                </c:pt>
                <c:pt idx="2528">
                  <c:v>39054</c:v>
                </c:pt>
                <c:pt idx="2529">
                  <c:v>39055</c:v>
                </c:pt>
                <c:pt idx="2530">
                  <c:v>39056</c:v>
                </c:pt>
                <c:pt idx="2531">
                  <c:v>39057</c:v>
                </c:pt>
                <c:pt idx="2532">
                  <c:v>39058</c:v>
                </c:pt>
                <c:pt idx="2533">
                  <c:v>39059</c:v>
                </c:pt>
                <c:pt idx="2534">
                  <c:v>39060</c:v>
                </c:pt>
                <c:pt idx="2535">
                  <c:v>39061</c:v>
                </c:pt>
                <c:pt idx="2536">
                  <c:v>39062</c:v>
                </c:pt>
                <c:pt idx="2537">
                  <c:v>39063</c:v>
                </c:pt>
                <c:pt idx="2538">
                  <c:v>39064</c:v>
                </c:pt>
                <c:pt idx="2539">
                  <c:v>39065</c:v>
                </c:pt>
                <c:pt idx="2540">
                  <c:v>39066</c:v>
                </c:pt>
                <c:pt idx="2541">
                  <c:v>39067</c:v>
                </c:pt>
                <c:pt idx="2542">
                  <c:v>39068</c:v>
                </c:pt>
                <c:pt idx="2543">
                  <c:v>39069</c:v>
                </c:pt>
                <c:pt idx="2544">
                  <c:v>39070</c:v>
                </c:pt>
                <c:pt idx="2545">
                  <c:v>39071</c:v>
                </c:pt>
                <c:pt idx="2546">
                  <c:v>39072</c:v>
                </c:pt>
                <c:pt idx="2547">
                  <c:v>39073</c:v>
                </c:pt>
                <c:pt idx="2548">
                  <c:v>39074</c:v>
                </c:pt>
                <c:pt idx="2549">
                  <c:v>39075</c:v>
                </c:pt>
                <c:pt idx="2550">
                  <c:v>39076</c:v>
                </c:pt>
                <c:pt idx="2551">
                  <c:v>39077</c:v>
                </c:pt>
                <c:pt idx="2552">
                  <c:v>39078</c:v>
                </c:pt>
                <c:pt idx="2553">
                  <c:v>39079</c:v>
                </c:pt>
                <c:pt idx="2554">
                  <c:v>39080</c:v>
                </c:pt>
                <c:pt idx="2555">
                  <c:v>39081</c:v>
                </c:pt>
                <c:pt idx="2556">
                  <c:v>39082</c:v>
                </c:pt>
                <c:pt idx="2557">
                  <c:v>39083</c:v>
                </c:pt>
                <c:pt idx="2558">
                  <c:v>39084</c:v>
                </c:pt>
                <c:pt idx="2559">
                  <c:v>39085</c:v>
                </c:pt>
                <c:pt idx="2560">
                  <c:v>39086</c:v>
                </c:pt>
                <c:pt idx="2561">
                  <c:v>39087</c:v>
                </c:pt>
                <c:pt idx="2562">
                  <c:v>39088</c:v>
                </c:pt>
                <c:pt idx="2563">
                  <c:v>39089</c:v>
                </c:pt>
                <c:pt idx="2564">
                  <c:v>39090</c:v>
                </c:pt>
                <c:pt idx="2565">
                  <c:v>39091</c:v>
                </c:pt>
                <c:pt idx="2566">
                  <c:v>39092</c:v>
                </c:pt>
                <c:pt idx="2567">
                  <c:v>39093</c:v>
                </c:pt>
                <c:pt idx="2568">
                  <c:v>39094</c:v>
                </c:pt>
                <c:pt idx="2569">
                  <c:v>39095</c:v>
                </c:pt>
                <c:pt idx="2570">
                  <c:v>39096</c:v>
                </c:pt>
                <c:pt idx="2571">
                  <c:v>39097</c:v>
                </c:pt>
                <c:pt idx="2572">
                  <c:v>39098</c:v>
                </c:pt>
                <c:pt idx="2573">
                  <c:v>39099</c:v>
                </c:pt>
                <c:pt idx="2574">
                  <c:v>39100</c:v>
                </c:pt>
                <c:pt idx="2575">
                  <c:v>39101</c:v>
                </c:pt>
                <c:pt idx="2576">
                  <c:v>39102</c:v>
                </c:pt>
                <c:pt idx="2577">
                  <c:v>39103</c:v>
                </c:pt>
                <c:pt idx="2578">
                  <c:v>39104</c:v>
                </c:pt>
                <c:pt idx="2579">
                  <c:v>39105</c:v>
                </c:pt>
                <c:pt idx="2580">
                  <c:v>39106</c:v>
                </c:pt>
                <c:pt idx="2581">
                  <c:v>39107</c:v>
                </c:pt>
                <c:pt idx="2582">
                  <c:v>39108</c:v>
                </c:pt>
                <c:pt idx="2583">
                  <c:v>39109</c:v>
                </c:pt>
                <c:pt idx="2584">
                  <c:v>39110</c:v>
                </c:pt>
                <c:pt idx="2585">
                  <c:v>39111</c:v>
                </c:pt>
                <c:pt idx="2586">
                  <c:v>39112</c:v>
                </c:pt>
                <c:pt idx="2587">
                  <c:v>39113</c:v>
                </c:pt>
                <c:pt idx="2588">
                  <c:v>39114</c:v>
                </c:pt>
                <c:pt idx="2589">
                  <c:v>39115</c:v>
                </c:pt>
                <c:pt idx="2590">
                  <c:v>39116</c:v>
                </c:pt>
                <c:pt idx="2591">
                  <c:v>39117</c:v>
                </c:pt>
                <c:pt idx="2592">
                  <c:v>39118</c:v>
                </c:pt>
                <c:pt idx="2593">
                  <c:v>39119</c:v>
                </c:pt>
                <c:pt idx="2594">
                  <c:v>39120</c:v>
                </c:pt>
                <c:pt idx="2595">
                  <c:v>39121</c:v>
                </c:pt>
                <c:pt idx="2596">
                  <c:v>39122</c:v>
                </c:pt>
                <c:pt idx="2597">
                  <c:v>39123</c:v>
                </c:pt>
                <c:pt idx="2598">
                  <c:v>39124</c:v>
                </c:pt>
                <c:pt idx="2599">
                  <c:v>39125</c:v>
                </c:pt>
                <c:pt idx="2600">
                  <c:v>39126</c:v>
                </c:pt>
                <c:pt idx="2601">
                  <c:v>39127</c:v>
                </c:pt>
                <c:pt idx="2602">
                  <c:v>39128</c:v>
                </c:pt>
                <c:pt idx="2603">
                  <c:v>39129</c:v>
                </c:pt>
                <c:pt idx="2604">
                  <c:v>39130</c:v>
                </c:pt>
                <c:pt idx="2605">
                  <c:v>39131</c:v>
                </c:pt>
                <c:pt idx="2606">
                  <c:v>39132</c:v>
                </c:pt>
                <c:pt idx="2607">
                  <c:v>39133</c:v>
                </c:pt>
                <c:pt idx="2608">
                  <c:v>39134</c:v>
                </c:pt>
                <c:pt idx="2609">
                  <c:v>39135</c:v>
                </c:pt>
                <c:pt idx="2610">
                  <c:v>39136</c:v>
                </c:pt>
                <c:pt idx="2611">
                  <c:v>39137</c:v>
                </c:pt>
                <c:pt idx="2612">
                  <c:v>39138</c:v>
                </c:pt>
                <c:pt idx="2613">
                  <c:v>39139</c:v>
                </c:pt>
                <c:pt idx="2614">
                  <c:v>39140</c:v>
                </c:pt>
                <c:pt idx="2615">
                  <c:v>39141</c:v>
                </c:pt>
                <c:pt idx="2616">
                  <c:v>39142</c:v>
                </c:pt>
                <c:pt idx="2617">
                  <c:v>39143</c:v>
                </c:pt>
                <c:pt idx="2618">
                  <c:v>39144</c:v>
                </c:pt>
                <c:pt idx="2619">
                  <c:v>39145</c:v>
                </c:pt>
                <c:pt idx="2620">
                  <c:v>39146</c:v>
                </c:pt>
                <c:pt idx="2621">
                  <c:v>39147</c:v>
                </c:pt>
                <c:pt idx="2622">
                  <c:v>39148</c:v>
                </c:pt>
                <c:pt idx="2623">
                  <c:v>39149</c:v>
                </c:pt>
                <c:pt idx="2624">
                  <c:v>39150</c:v>
                </c:pt>
                <c:pt idx="2625">
                  <c:v>39151</c:v>
                </c:pt>
                <c:pt idx="2626">
                  <c:v>39152</c:v>
                </c:pt>
                <c:pt idx="2627">
                  <c:v>39153</c:v>
                </c:pt>
                <c:pt idx="2628">
                  <c:v>39154</c:v>
                </c:pt>
                <c:pt idx="2629">
                  <c:v>39155</c:v>
                </c:pt>
                <c:pt idx="2630">
                  <c:v>39156</c:v>
                </c:pt>
                <c:pt idx="2631">
                  <c:v>39157</c:v>
                </c:pt>
                <c:pt idx="2632">
                  <c:v>39158</c:v>
                </c:pt>
                <c:pt idx="2633">
                  <c:v>39159</c:v>
                </c:pt>
                <c:pt idx="2634">
                  <c:v>39160</c:v>
                </c:pt>
                <c:pt idx="2635">
                  <c:v>39161</c:v>
                </c:pt>
                <c:pt idx="2636">
                  <c:v>39162</c:v>
                </c:pt>
                <c:pt idx="2637">
                  <c:v>39163</c:v>
                </c:pt>
                <c:pt idx="2638">
                  <c:v>39164</c:v>
                </c:pt>
                <c:pt idx="2639">
                  <c:v>39165</c:v>
                </c:pt>
                <c:pt idx="2640">
                  <c:v>39166</c:v>
                </c:pt>
                <c:pt idx="2641">
                  <c:v>39167</c:v>
                </c:pt>
                <c:pt idx="2642">
                  <c:v>39168</c:v>
                </c:pt>
                <c:pt idx="2643">
                  <c:v>39169</c:v>
                </c:pt>
                <c:pt idx="2644">
                  <c:v>39170</c:v>
                </c:pt>
                <c:pt idx="2645">
                  <c:v>39171</c:v>
                </c:pt>
                <c:pt idx="2646">
                  <c:v>39172</c:v>
                </c:pt>
                <c:pt idx="2647">
                  <c:v>39173</c:v>
                </c:pt>
                <c:pt idx="2648">
                  <c:v>39174</c:v>
                </c:pt>
                <c:pt idx="2649">
                  <c:v>39175</c:v>
                </c:pt>
                <c:pt idx="2650">
                  <c:v>39176</c:v>
                </c:pt>
                <c:pt idx="2651">
                  <c:v>39177</c:v>
                </c:pt>
                <c:pt idx="2652">
                  <c:v>39178</c:v>
                </c:pt>
                <c:pt idx="2653">
                  <c:v>39179</c:v>
                </c:pt>
                <c:pt idx="2654">
                  <c:v>39180</c:v>
                </c:pt>
                <c:pt idx="2655">
                  <c:v>39181</c:v>
                </c:pt>
                <c:pt idx="2656">
                  <c:v>39182</c:v>
                </c:pt>
                <c:pt idx="2657">
                  <c:v>39183</c:v>
                </c:pt>
                <c:pt idx="2658">
                  <c:v>39184</c:v>
                </c:pt>
                <c:pt idx="2659">
                  <c:v>39185</c:v>
                </c:pt>
                <c:pt idx="2660">
                  <c:v>39186</c:v>
                </c:pt>
                <c:pt idx="2661">
                  <c:v>39187</c:v>
                </c:pt>
                <c:pt idx="2662">
                  <c:v>39188</c:v>
                </c:pt>
                <c:pt idx="2663">
                  <c:v>39189</c:v>
                </c:pt>
                <c:pt idx="2664">
                  <c:v>39190</c:v>
                </c:pt>
                <c:pt idx="2665">
                  <c:v>39191</c:v>
                </c:pt>
                <c:pt idx="2666">
                  <c:v>39192</c:v>
                </c:pt>
                <c:pt idx="2667">
                  <c:v>39193</c:v>
                </c:pt>
                <c:pt idx="2668">
                  <c:v>39194</c:v>
                </c:pt>
                <c:pt idx="2669">
                  <c:v>39195</c:v>
                </c:pt>
                <c:pt idx="2670">
                  <c:v>39196</c:v>
                </c:pt>
                <c:pt idx="2671">
                  <c:v>39197</c:v>
                </c:pt>
                <c:pt idx="2672">
                  <c:v>39198</c:v>
                </c:pt>
                <c:pt idx="2673">
                  <c:v>39199</c:v>
                </c:pt>
                <c:pt idx="2674">
                  <c:v>39200</c:v>
                </c:pt>
                <c:pt idx="2675">
                  <c:v>39201</c:v>
                </c:pt>
                <c:pt idx="2676">
                  <c:v>39202</c:v>
                </c:pt>
                <c:pt idx="2677">
                  <c:v>39203</c:v>
                </c:pt>
                <c:pt idx="2678">
                  <c:v>39204</c:v>
                </c:pt>
                <c:pt idx="2679">
                  <c:v>39205</c:v>
                </c:pt>
                <c:pt idx="2680">
                  <c:v>39206</c:v>
                </c:pt>
                <c:pt idx="2681">
                  <c:v>39207</c:v>
                </c:pt>
                <c:pt idx="2682">
                  <c:v>39208</c:v>
                </c:pt>
                <c:pt idx="2683">
                  <c:v>39209</c:v>
                </c:pt>
                <c:pt idx="2684">
                  <c:v>39210</c:v>
                </c:pt>
                <c:pt idx="2685">
                  <c:v>39211</c:v>
                </c:pt>
                <c:pt idx="2686">
                  <c:v>39212</c:v>
                </c:pt>
                <c:pt idx="2687">
                  <c:v>39213</c:v>
                </c:pt>
                <c:pt idx="2688">
                  <c:v>39214</c:v>
                </c:pt>
                <c:pt idx="2689">
                  <c:v>39215</c:v>
                </c:pt>
                <c:pt idx="2690">
                  <c:v>39216</c:v>
                </c:pt>
                <c:pt idx="2691">
                  <c:v>39217</c:v>
                </c:pt>
                <c:pt idx="2692">
                  <c:v>39218</c:v>
                </c:pt>
                <c:pt idx="2693">
                  <c:v>39219</c:v>
                </c:pt>
                <c:pt idx="2694">
                  <c:v>39220</c:v>
                </c:pt>
                <c:pt idx="2695">
                  <c:v>39221</c:v>
                </c:pt>
                <c:pt idx="2696">
                  <c:v>39222</c:v>
                </c:pt>
                <c:pt idx="2697">
                  <c:v>39223</c:v>
                </c:pt>
                <c:pt idx="2698">
                  <c:v>39224</c:v>
                </c:pt>
                <c:pt idx="2699">
                  <c:v>39225</c:v>
                </c:pt>
                <c:pt idx="2700">
                  <c:v>39226</c:v>
                </c:pt>
                <c:pt idx="2701">
                  <c:v>39227</c:v>
                </c:pt>
                <c:pt idx="2702">
                  <c:v>39228</c:v>
                </c:pt>
                <c:pt idx="2703">
                  <c:v>39229</c:v>
                </c:pt>
                <c:pt idx="2704">
                  <c:v>39230</c:v>
                </c:pt>
                <c:pt idx="2705">
                  <c:v>39231</c:v>
                </c:pt>
                <c:pt idx="2706">
                  <c:v>39232</c:v>
                </c:pt>
                <c:pt idx="2707">
                  <c:v>39233</c:v>
                </c:pt>
                <c:pt idx="2708">
                  <c:v>39234</c:v>
                </c:pt>
                <c:pt idx="2709">
                  <c:v>39235</c:v>
                </c:pt>
                <c:pt idx="2710">
                  <c:v>39236</c:v>
                </c:pt>
                <c:pt idx="2711">
                  <c:v>39237</c:v>
                </c:pt>
                <c:pt idx="2712">
                  <c:v>39238</c:v>
                </c:pt>
                <c:pt idx="2713">
                  <c:v>39239</c:v>
                </c:pt>
                <c:pt idx="2714">
                  <c:v>39240</c:v>
                </c:pt>
                <c:pt idx="2715">
                  <c:v>39241</c:v>
                </c:pt>
                <c:pt idx="2716">
                  <c:v>39242</c:v>
                </c:pt>
                <c:pt idx="2717">
                  <c:v>39243</c:v>
                </c:pt>
                <c:pt idx="2718">
                  <c:v>39244</c:v>
                </c:pt>
                <c:pt idx="2719">
                  <c:v>39245</c:v>
                </c:pt>
                <c:pt idx="2720">
                  <c:v>39246</c:v>
                </c:pt>
                <c:pt idx="2721">
                  <c:v>39247</c:v>
                </c:pt>
                <c:pt idx="2722">
                  <c:v>39248</c:v>
                </c:pt>
                <c:pt idx="2723">
                  <c:v>39249</c:v>
                </c:pt>
                <c:pt idx="2724">
                  <c:v>39250</c:v>
                </c:pt>
                <c:pt idx="2725">
                  <c:v>39251</c:v>
                </c:pt>
                <c:pt idx="2726">
                  <c:v>39252</c:v>
                </c:pt>
                <c:pt idx="2727">
                  <c:v>39253</c:v>
                </c:pt>
                <c:pt idx="2728">
                  <c:v>39254</c:v>
                </c:pt>
                <c:pt idx="2729">
                  <c:v>39255</c:v>
                </c:pt>
                <c:pt idx="2730">
                  <c:v>39256</c:v>
                </c:pt>
                <c:pt idx="2731">
                  <c:v>39257</c:v>
                </c:pt>
                <c:pt idx="2732">
                  <c:v>39258</c:v>
                </c:pt>
                <c:pt idx="2733">
                  <c:v>39259</c:v>
                </c:pt>
                <c:pt idx="2734">
                  <c:v>39260</c:v>
                </c:pt>
                <c:pt idx="2735">
                  <c:v>39261</c:v>
                </c:pt>
                <c:pt idx="2736">
                  <c:v>39262</c:v>
                </c:pt>
                <c:pt idx="2737">
                  <c:v>39263</c:v>
                </c:pt>
                <c:pt idx="2738">
                  <c:v>39264</c:v>
                </c:pt>
                <c:pt idx="2739">
                  <c:v>39265</c:v>
                </c:pt>
                <c:pt idx="2740">
                  <c:v>39266</c:v>
                </c:pt>
                <c:pt idx="2741">
                  <c:v>39267</c:v>
                </c:pt>
                <c:pt idx="2742">
                  <c:v>39268</c:v>
                </c:pt>
                <c:pt idx="2743">
                  <c:v>39269</c:v>
                </c:pt>
                <c:pt idx="2744">
                  <c:v>39270</c:v>
                </c:pt>
                <c:pt idx="2745">
                  <c:v>39271</c:v>
                </c:pt>
                <c:pt idx="2746">
                  <c:v>39272</c:v>
                </c:pt>
                <c:pt idx="2747">
                  <c:v>39273</c:v>
                </c:pt>
                <c:pt idx="2748">
                  <c:v>39274</c:v>
                </c:pt>
                <c:pt idx="2749">
                  <c:v>39275</c:v>
                </c:pt>
                <c:pt idx="2750">
                  <c:v>39276</c:v>
                </c:pt>
                <c:pt idx="2751">
                  <c:v>39277</c:v>
                </c:pt>
                <c:pt idx="2752">
                  <c:v>39278</c:v>
                </c:pt>
                <c:pt idx="2753">
                  <c:v>39279</c:v>
                </c:pt>
                <c:pt idx="2754">
                  <c:v>39280</c:v>
                </c:pt>
                <c:pt idx="2755">
                  <c:v>39281</c:v>
                </c:pt>
                <c:pt idx="2756">
                  <c:v>39282</c:v>
                </c:pt>
                <c:pt idx="2757">
                  <c:v>39283</c:v>
                </c:pt>
                <c:pt idx="2758">
                  <c:v>39284</c:v>
                </c:pt>
                <c:pt idx="2759">
                  <c:v>39285</c:v>
                </c:pt>
                <c:pt idx="2760">
                  <c:v>39286</c:v>
                </c:pt>
                <c:pt idx="2761">
                  <c:v>39287</c:v>
                </c:pt>
                <c:pt idx="2762">
                  <c:v>39288</c:v>
                </c:pt>
                <c:pt idx="2763">
                  <c:v>39289</c:v>
                </c:pt>
                <c:pt idx="2764">
                  <c:v>39290</c:v>
                </c:pt>
                <c:pt idx="2765">
                  <c:v>39291</c:v>
                </c:pt>
                <c:pt idx="2766">
                  <c:v>39292</c:v>
                </c:pt>
                <c:pt idx="2767">
                  <c:v>39293</c:v>
                </c:pt>
                <c:pt idx="2768">
                  <c:v>39294</c:v>
                </c:pt>
                <c:pt idx="2769">
                  <c:v>39295</c:v>
                </c:pt>
                <c:pt idx="2770">
                  <c:v>39296</c:v>
                </c:pt>
                <c:pt idx="2771">
                  <c:v>39297</c:v>
                </c:pt>
                <c:pt idx="2772">
                  <c:v>39298</c:v>
                </c:pt>
                <c:pt idx="2773">
                  <c:v>39299</c:v>
                </c:pt>
                <c:pt idx="2774">
                  <c:v>39300</c:v>
                </c:pt>
                <c:pt idx="2775">
                  <c:v>39301</c:v>
                </c:pt>
                <c:pt idx="2776">
                  <c:v>39302</c:v>
                </c:pt>
                <c:pt idx="2777">
                  <c:v>39303</c:v>
                </c:pt>
                <c:pt idx="2778">
                  <c:v>39304</c:v>
                </c:pt>
                <c:pt idx="2779">
                  <c:v>39305</c:v>
                </c:pt>
                <c:pt idx="2780">
                  <c:v>39306</c:v>
                </c:pt>
                <c:pt idx="2781">
                  <c:v>39307</c:v>
                </c:pt>
                <c:pt idx="2782">
                  <c:v>39308</c:v>
                </c:pt>
                <c:pt idx="2783">
                  <c:v>39309</c:v>
                </c:pt>
                <c:pt idx="2784">
                  <c:v>39310</c:v>
                </c:pt>
                <c:pt idx="2785">
                  <c:v>39311</c:v>
                </c:pt>
                <c:pt idx="2786">
                  <c:v>39312</c:v>
                </c:pt>
                <c:pt idx="2787">
                  <c:v>39313</c:v>
                </c:pt>
                <c:pt idx="2788">
                  <c:v>39314</c:v>
                </c:pt>
                <c:pt idx="2789">
                  <c:v>39315</c:v>
                </c:pt>
                <c:pt idx="2790">
                  <c:v>39316</c:v>
                </c:pt>
                <c:pt idx="2791">
                  <c:v>39317</c:v>
                </c:pt>
                <c:pt idx="2792">
                  <c:v>39318</c:v>
                </c:pt>
                <c:pt idx="2793">
                  <c:v>39319</c:v>
                </c:pt>
                <c:pt idx="2794">
                  <c:v>39320</c:v>
                </c:pt>
                <c:pt idx="2795">
                  <c:v>39321</c:v>
                </c:pt>
                <c:pt idx="2796">
                  <c:v>39322</c:v>
                </c:pt>
                <c:pt idx="2797">
                  <c:v>39323</c:v>
                </c:pt>
                <c:pt idx="2798">
                  <c:v>39324</c:v>
                </c:pt>
                <c:pt idx="2799">
                  <c:v>39325</c:v>
                </c:pt>
                <c:pt idx="2800">
                  <c:v>39326</c:v>
                </c:pt>
                <c:pt idx="2801">
                  <c:v>39327</c:v>
                </c:pt>
                <c:pt idx="2802">
                  <c:v>39328</c:v>
                </c:pt>
                <c:pt idx="2803">
                  <c:v>39329</c:v>
                </c:pt>
                <c:pt idx="2804">
                  <c:v>39330</c:v>
                </c:pt>
                <c:pt idx="2805">
                  <c:v>39331</c:v>
                </c:pt>
                <c:pt idx="2806">
                  <c:v>39332</c:v>
                </c:pt>
                <c:pt idx="2807">
                  <c:v>39333</c:v>
                </c:pt>
                <c:pt idx="2808">
                  <c:v>39334</c:v>
                </c:pt>
                <c:pt idx="2809">
                  <c:v>39335</c:v>
                </c:pt>
                <c:pt idx="2810">
                  <c:v>39336</c:v>
                </c:pt>
                <c:pt idx="2811">
                  <c:v>39337</c:v>
                </c:pt>
                <c:pt idx="2812">
                  <c:v>39338</c:v>
                </c:pt>
                <c:pt idx="2813">
                  <c:v>39339</c:v>
                </c:pt>
                <c:pt idx="2814">
                  <c:v>39340</c:v>
                </c:pt>
                <c:pt idx="2815">
                  <c:v>39341</c:v>
                </c:pt>
                <c:pt idx="2816">
                  <c:v>39342</c:v>
                </c:pt>
                <c:pt idx="2817">
                  <c:v>39343</c:v>
                </c:pt>
                <c:pt idx="2818">
                  <c:v>39344</c:v>
                </c:pt>
                <c:pt idx="2819">
                  <c:v>39345</c:v>
                </c:pt>
                <c:pt idx="2820">
                  <c:v>39346</c:v>
                </c:pt>
                <c:pt idx="2821">
                  <c:v>39347</c:v>
                </c:pt>
                <c:pt idx="2822">
                  <c:v>39348</c:v>
                </c:pt>
                <c:pt idx="2823">
                  <c:v>39349</c:v>
                </c:pt>
                <c:pt idx="2824">
                  <c:v>39350</c:v>
                </c:pt>
                <c:pt idx="2825">
                  <c:v>39351</c:v>
                </c:pt>
                <c:pt idx="2826">
                  <c:v>39352</c:v>
                </c:pt>
                <c:pt idx="2827">
                  <c:v>39353</c:v>
                </c:pt>
                <c:pt idx="2828">
                  <c:v>39354</c:v>
                </c:pt>
                <c:pt idx="2829">
                  <c:v>39355</c:v>
                </c:pt>
                <c:pt idx="2830">
                  <c:v>39356</c:v>
                </c:pt>
                <c:pt idx="2831">
                  <c:v>39357</c:v>
                </c:pt>
                <c:pt idx="2832">
                  <c:v>39358</c:v>
                </c:pt>
                <c:pt idx="2833">
                  <c:v>39359</c:v>
                </c:pt>
                <c:pt idx="2834">
                  <c:v>39360</c:v>
                </c:pt>
                <c:pt idx="2835">
                  <c:v>39361</c:v>
                </c:pt>
                <c:pt idx="2836">
                  <c:v>39362</c:v>
                </c:pt>
                <c:pt idx="2837">
                  <c:v>39363</c:v>
                </c:pt>
                <c:pt idx="2838">
                  <c:v>39364</c:v>
                </c:pt>
                <c:pt idx="2839">
                  <c:v>39365</c:v>
                </c:pt>
                <c:pt idx="2840">
                  <c:v>39366</c:v>
                </c:pt>
                <c:pt idx="2841">
                  <c:v>39367</c:v>
                </c:pt>
                <c:pt idx="2842">
                  <c:v>39368</c:v>
                </c:pt>
                <c:pt idx="2843">
                  <c:v>39369</c:v>
                </c:pt>
                <c:pt idx="2844">
                  <c:v>39370</c:v>
                </c:pt>
                <c:pt idx="2845">
                  <c:v>39371</c:v>
                </c:pt>
                <c:pt idx="2846">
                  <c:v>39372</c:v>
                </c:pt>
                <c:pt idx="2847">
                  <c:v>39373</c:v>
                </c:pt>
                <c:pt idx="2848">
                  <c:v>39374</c:v>
                </c:pt>
                <c:pt idx="2849">
                  <c:v>39375</c:v>
                </c:pt>
                <c:pt idx="2850">
                  <c:v>39376</c:v>
                </c:pt>
                <c:pt idx="2851">
                  <c:v>39377</c:v>
                </c:pt>
                <c:pt idx="2852">
                  <c:v>39378</c:v>
                </c:pt>
                <c:pt idx="2853">
                  <c:v>39379</c:v>
                </c:pt>
                <c:pt idx="2854">
                  <c:v>39380</c:v>
                </c:pt>
                <c:pt idx="2855">
                  <c:v>39381</c:v>
                </c:pt>
                <c:pt idx="2856">
                  <c:v>39382</c:v>
                </c:pt>
                <c:pt idx="2857">
                  <c:v>39383</c:v>
                </c:pt>
                <c:pt idx="2858">
                  <c:v>39384</c:v>
                </c:pt>
                <c:pt idx="2859">
                  <c:v>39385</c:v>
                </c:pt>
                <c:pt idx="2860">
                  <c:v>39386</c:v>
                </c:pt>
                <c:pt idx="2861">
                  <c:v>39387</c:v>
                </c:pt>
                <c:pt idx="2862">
                  <c:v>39388</c:v>
                </c:pt>
                <c:pt idx="2863">
                  <c:v>39389</c:v>
                </c:pt>
                <c:pt idx="2864">
                  <c:v>39390</c:v>
                </c:pt>
                <c:pt idx="2865">
                  <c:v>39391</c:v>
                </c:pt>
                <c:pt idx="2866">
                  <c:v>39392</c:v>
                </c:pt>
                <c:pt idx="2867">
                  <c:v>39393</c:v>
                </c:pt>
                <c:pt idx="2868">
                  <c:v>39394</c:v>
                </c:pt>
                <c:pt idx="2869">
                  <c:v>39395</c:v>
                </c:pt>
                <c:pt idx="2870">
                  <c:v>39396</c:v>
                </c:pt>
                <c:pt idx="2871">
                  <c:v>39397</c:v>
                </c:pt>
                <c:pt idx="2872">
                  <c:v>39398</c:v>
                </c:pt>
                <c:pt idx="2873">
                  <c:v>39399</c:v>
                </c:pt>
                <c:pt idx="2874">
                  <c:v>39400</c:v>
                </c:pt>
                <c:pt idx="2875">
                  <c:v>39401</c:v>
                </c:pt>
                <c:pt idx="2876">
                  <c:v>39402</c:v>
                </c:pt>
                <c:pt idx="2877">
                  <c:v>39403</c:v>
                </c:pt>
                <c:pt idx="2878">
                  <c:v>39404</c:v>
                </c:pt>
                <c:pt idx="2879">
                  <c:v>39405</c:v>
                </c:pt>
                <c:pt idx="2880">
                  <c:v>39406</c:v>
                </c:pt>
                <c:pt idx="2881">
                  <c:v>39407</c:v>
                </c:pt>
                <c:pt idx="2882">
                  <c:v>39408</c:v>
                </c:pt>
                <c:pt idx="2883">
                  <c:v>39409</c:v>
                </c:pt>
                <c:pt idx="2884">
                  <c:v>39410</c:v>
                </c:pt>
                <c:pt idx="2885">
                  <c:v>39411</c:v>
                </c:pt>
                <c:pt idx="2886">
                  <c:v>39412</c:v>
                </c:pt>
                <c:pt idx="2887">
                  <c:v>39413</c:v>
                </c:pt>
                <c:pt idx="2888">
                  <c:v>39414</c:v>
                </c:pt>
                <c:pt idx="2889">
                  <c:v>39415</c:v>
                </c:pt>
                <c:pt idx="2890">
                  <c:v>39416</c:v>
                </c:pt>
                <c:pt idx="2891">
                  <c:v>39417</c:v>
                </c:pt>
                <c:pt idx="2892">
                  <c:v>39418</c:v>
                </c:pt>
                <c:pt idx="2893">
                  <c:v>39419</c:v>
                </c:pt>
                <c:pt idx="2894">
                  <c:v>39420</c:v>
                </c:pt>
                <c:pt idx="2895">
                  <c:v>39421</c:v>
                </c:pt>
                <c:pt idx="2896">
                  <c:v>39422</c:v>
                </c:pt>
                <c:pt idx="2897">
                  <c:v>39423</c:v>
                </c:pt>
                <c:pt idx="2898">
                  <c:v>39424</c:v>
                </c:pt>
                <c:pt idx="2899">
                  <c:v>39425</c:v>
                </c:pt>
                <c:pt idx="2900">
                  <c:v>39426</c:v>
                </c:pt>
                <c:pt idx="2901">
                  <c:v>39427</c:v>
                </c:pt>
                <c:pt idx="2902">
                  <c:v>39428</c:v>
                </c:pt>
                <c:pt idx="2903">
                  <c:v>39429</c:v>
                </c:pt>
                <c:pt idx="2904">
                  <c:v>39430</c:v>
                </c:pt>
                <c:pt idx="2905">
                  <c:v>39431</c:v>
                </c:pt>
                <c:pt idx="2906">
                  <c:v>39432</c:v>
                </c:pt>
                <c:pt idx="2907">
                  <c:v>39433</c:v>
                </c:pt>
                <c:pt idx="2908">
                  <c:v>39434</c:v>
                </c:pt>
                <c:pt idx="2909">
                  <c:v>39435</c:v>
                </c:pt>
                <c:pt idx="2910">
                  <c:v>39436</c:v>
                </c:pt>
                <c:pt idx="2911">
                  <c:v>39437</c:v>
                </c:pt>
                <c:pt idx="2912">
                  <c:v>39438</c:v>
                </c:pt>
                <c:pt idx="2913">
                  <c:v>39439</c:v>
                </c:pt>
                <c:pt idx="2914">
                  <c:v>39440</c:v>
                </c:pt>
                <c:pt idx="2915">
                  <c:v>39441</c:v>
                </c:pt>
                <c:pt idx="2916">
                  <c:v>39442</c:v>
                </c:pt>
                <c:pt idx="2917">
                  <c:v>39443</c:v>
                </c:pt>
                <c:pt idx="2918">
                  <c:v>39444</c:v>
                </c:pt>
                <c:pt idx="2919">
                  <c:v>39445</c:v>
                </c:pt>
                <c:pt idx="2920">
                  <c:v>39446</c:v>
                </c:pt>
                <c:pt idx="2921">
                  <c:v>39447</c:v>
                </c:pt>
                <c:pt idx="2922">
                  <c:v>39448</c:v>
                </c:pt>
                <c:pt idx="2923">
                  <c:v>39449</c:v>
                </c:pt>
                <c:pt idx="2924">
                  <c:v>39450</c:v>
                </c:pt>
                <c:pt idx="2925">
                  <c:v>39451</c:v>
                </c:pt>
                <c:pt idx="2926">
                  <c:v>39452</c:v>
                </c:pt>
                <c:pt idx="2927">
                  <c:v>39453</c:v>
                </c:pt>
                <c:pt idx="2928">
                  <c:v>39454</c:v>
                </c:pt>
                <c:pt idx="2929">
                  <c:v>39455</c:v>
                </c:pt>
                <c:pt idx="2930">
                  <c:v>39456</c:v>
                </c:pt>
                <c:pt idx="2931">
                  <c:v>39457</c:v>
                </c:pt>
                <c:pt idx="2932">
                  <c:v>39458</c:v>
                </c:pt>
                <c:pt idx="2933">
                  <c:v>39459</c:v>
                </c:pt>
                <c:pt idx="2934">
                  <c:v>39460</c:v>
                </c:pt>
                <c:pt idx="2935">
                  <c:v>39461</c:v>
                </c:pt>
                <c:pt idx="2936">
                  <c:v>39462</c:v>
                </c:pt>
                <c:pt idx="2937">
                  <c:v>39463</c:v>
                </c:pt>
                <c:pt idx="2938">
                  <c:v>39464</c:v>
                </c:pt>
                <c:pt idx="2939">
                  <c:v>39465</c:v>
                </c:pt>
                <c:pt idx="2940">
                  <c:v>39466</c:v>
                </c:pt>
                <c:pt idx="2941">
                  <c:v>39467</c:v>
                </c:pt>
                <c:pt idx="2942">
                  <c:v>39468</c:v>
                </c:pt>
                <c:pt idx="2943">
                  <c:v>39469</c:v>
                </c:pt>
                <c:pt idx="2944">
                  <c:v>39470</c:v>
                </c:pt>
                <c:pt idx="2945">
                  <c:v>39471</c:v>
                </c:pt>
                <c:pt idx="2946">
                  <c:v>39472</c:v>
                </c:pt>
                <c:pt idx="2947">
                  <c:v>39473</c:v>
                </c:pt>
                <c:pt idx="2948">
                  <c:v>39474</c:v>
                </c:pt>
                <c:pt idx="2949">
                  <c:v>39475</c:v>
                </c:pt>
                <c:pt idx="2950">
                  <c:v>39476</c:v>
                </c:pt>
                <c:pt idx="2951">
                  <c:v>39477</c:v>
                </c:pt>
                <c:pt idx="2952">
                  <c:v>39478</c:v>
                </c:pt>
                <c:pt idx="2953">
                  <c:v>39479</c:v>
                </c:pt>
                <c:pt idx="2954">
                  <c:v>39480</c:v>
                </c:pt>
                <c:pt idx="2955">
                  <c:v>39481</c:v>
                </c:pt>
                <c:pt idx="2956">
                  <c:v>39482</c:v>
                </c:pt>
                <c:pt idx="2957">
                  <c:v>39483</c:v>
                </c:pt>
                <c:pt idx="2958">
                  <c:v>39484</c:v>
                </c:pt>
                <c:pt idx="2959">
                  <c:v>39485</c:v>
                </c:pt>
                <c:pt idx="2960">
                  <c:v>39486</c:v>
                </c:pt>
                <c:pt idx="2961">
                  <c:v>39487</c:v>
                </c:pt>
                <c:pt idx="2962">
                  <c:v>39488</c:v>
                </c:pt>
                <c:pt idx="2963">
                  <c:v>39489</c:v>
                </c:pt>
                <c:pt idx="2964">
                  <c:v>39490</c:v>
                </c:pt>
                <c:pt idx="2965">
                  <c:v>39491</c:v>
                </c:pt>
                <c:pt idx="2966">
                  <c:v>39492</c:v>
                </c:pt>
                <c:pt idx="2967">
                  <c:v>39493</c:v>
                </c:pt>
                <c:pt idx="2968">
                  <c:v>39494</c:v>
                </c:pt>
                <c:pt idx="2969">
                  <c:v>39495</c:v>
                </c:pt>
                <c:pt idx="2970">
                  <c:v>39496</c:v>
                </c:pt>
                <c:pt idx="2971">
                  <c:v>39497</c:v>
                </c:pt>
                <c:pt idx="2972">
                  <c:v>39498</c:v>
                </c:pt>
                <c:pt idx="2973">
                  <c:v>39499</c:v>
                </c:pt>
                <c:pt idx="2974">
                  <c:v>39500</c:v>
                </c:pt>
                <c:pt idx="2975">
                  <c:v>39501</c:v>
                </c:pt>
                <c:pt idx="2976">
                  <c:v>39502</c:v>
                </c:pt>
                <c:pt idx="2977">
                  <c:v>39503</c:v>
                </c:pt>
                <c:pt idx="2978">
                  <c:v>39504</c:v>
                </c:pt>
                <c:pt idx="2979">
                  <c:v>39505</c:v>
                </c:pt>
                <c:pt idx="2980">
                  <c:v>39506</c:v>
                </c:pt>
                <c:pt idx="2981">
                  <c:v>39507</c:v>
                </c:pt>
                <c:pt idx="2982">
                  <c:v>39508</c:v>
                </c:pt>
                <c:pt idx="2983">
                  <c:v>39509</c:v>
                </c:pt>
                <c:pt idx="2984">
                  <c:v>39510</c:v>
                </c:pt>
                <c:pt idx="2985">
                  <c:v>39511</c:v>
                </c:pt>
                <c:pt idx="2986">
                  <c:v>39512</c:v>
                </c:pt>
                <c:pt idx="2987">
                  <c:v>39513</c:v>
                </c:pt>
                <c:pt idx="2988">
                  <c:v>39514</c:v>
                </c:pt>
                <c:pt idx="2989">
                  <c:v>39515</c:v>
                </c:pt>
                <c:pt idx="2990">
                  <c:v>39516</c:v>
                </c:pt>
                <c:pt idx="2991">
                  <c:v>39517</c:v>
                </c:pt>
                <c:pt idx="2992">
                  <c:v>39518</c:v>
                </c:pt>
                <c:pt idx="2993">
                  <c:v>39519</c:v>
                </c:pt>
                <c:pt idx="2994">
                  <c:v>39520</c:v>
                </c:pt>
                <c:pt idx="2995">
                  <c:v>39521</c:v>
                </c:pt>
                <c:pt idx="2996">
                  <c:v>39522</c:v>
                </c:pt>
                <c:pt idx="2997">
                  <c:v>39523</c:v>
                </c:pt>
                <c:pt idx="2998">
                  <c:v>39524</c:v>
                </c:pt>
                <c:pt idx="2999">
                  <c:v>39525</c:v>
                </c:pt>
                <c:pt idx="3000">
                  <c:v>39526</c:v>
                </c:pt>
                <c:pt idx="3001">
                  <c:v>39527</c:v>
                </c:pt>
                <c:pt idx="3002">
                  <c:v>39528</c:v>
                </c:pt>
                <c:pt idx="3003">
                  <c:v>39529</c:v>
                </c:pt>
                <c:pt idx="3004">
                  <c:v>39530</c:v>
                </c:pt>
                <c:pt idx="3005">
                  <c:v>39531</c:v>
                </c:pt>
                <c:pt idx="3006">
                  <c:v>39532</c:v>
                </c:pt>
                <c:pt idx="3007">
                  <c:v>39533</c:v>
                </c:pt>
                <c:pt idx="3008">
                  <c:v>39534</c:v>
                </c:pt>
                <c:pt idx="3009">
                  <c:v>39535</c:v>
                </c:pt>
                <c:pt idx="3010">
                  <c:v>39536</c:v>
                </c:pt>
                <c:pt idx="3011">
                  <c:v>39537</c:v>
                </c:pt>
                <c:pt idx="3012">
                  <c:v>39538</c:v>
                </c:pt>
                <c:pt idx="3013">
                  <c:v>39539</c:v>
                </c:pt>
                <c:pt idx="3014">
                  <c:v>39540</c:v>
                </c:pt>
                <c:pt idx="3015">
                  <c:v>39541</c:v>
                </c:pt>
                <c:pt idx="3016">
                  <c:v>39542</c:v>
                </c:pt>
                <c:pt idx="3017">
                  <c:v>39543</c:v>
                </c:pt>
                <c:pt idx="3018">
                  <c:v>39544</c:v>
                </c:pt>
                <c:pt idx="3019">
                  <c:v>39545</c:v>
                </c:pt>
                <c:pt idx="3020">
                  <c:v>39546</c:v>
                </c:pt>
                <c:pt idx="3021">
                  <c:v>39547</c:v>
                </c:pt>
                <c:pt idx="3022">
                  <c:v>39548</c:v>
                </c:pt>
                <c:pt idx="3023">
                  <c:v>39549</c:v>
                </c:pt>
                <c:pt idx="3024">
                  <c:v>39550</c:v>
                </c:pt>
                <c:pt idx="3025">
                  <c:v>39551</c:v>
                </c:pt>
                <c:pt idx="3026">
                  <c:v>39552</c:v>
                </c:pt>
                <c:pt idx="3027">
                  <c:v>39553</c:v>
                </c:pt>
                <c:pt idx="3028">
                  <c:v>39554</c:v>
                </c:pt>
                <c:pt idx="3029">
                  <c:v>39555</c:v>
                </c:pt>
                <c:pt idx="3030">
                  <c:v>39556</c:v>
                </c:pt>
                <c:pt idx="3031">
                  <c:v>39557</c:v>
                </c:pt>
                <c:pt idx="3032">
                  <c:v>39558</c:v>
                </c:pt>
                <c:pt idx="3033">
                  <c:v>39559</c:v>
                </c:pt>
                <c:pt idx="3034">
                  <c:v>39560</c:v>
                </c:pt>
                <c:pt idx="3035">
                  <c:v>39561</c:v>
                </c:pt>
                <c:pt idx="3036">
                  <c:v>39562</c:v>
                </c:pt>
                <c:pt idx="3037">
                  <c:v>39563</c:v>
                </c:pt>
                <c:pt idx="3038">
                  <c:v>39564</c:v>
                </c:pt>
                <c:pt idx="3039">
                  <c:v>39565</c:v>
                </c:pt>
                <c:pt idx="3040">
                  <c:v>39566</c:v>
                </c:pt>
                <c:pt idx="3041">
                  <c:v>39567</c:v>
                </c:pt>
                <c:pt idx="3042">
                  <c:v>39568</c:v>
                </c:pt>
                <c:pt idx="3043">
                  <c:v>39569</c:v>
                </c:pt>
                <c:pt idx="3044">
                  <c:v>39570</c:v>
                </c:pt>
                <c:pt idx="3045">
                  <c:v>39571</c:v>
                </c:pt>
                <c:pt idx="3046">
                  <c:v>39572</c:v>
                </c:pt>
                <c:pt idx="3047">
                  <c:v>39573</c:v>
                </c:pt>
                <c:pt idx="3048">
                  <c:v>39574</c:v>
                </c:pt>
                <c:pt idx="3049">
                  <c:v>39575</c:v>
                </c:pt>
                <c:pt idx="3050">
                  <c:v>39576</c:v>
                </c:pt>
                <c:pt idx="3051">
                  <c:v>39577</c:v>
                </c:pt>
                <c:pt idx="3052">
                  <c:v>39578</c:v>
                </c:pt>
                <c:pt idx="3053">
                  <c:v>39579</c:v>
                </c:pt>
                <c:pt idx="3054">
                  <c:v>39580</c:v>
                </c:pt>
                <c:pt idx="3055">
                  <c:v>39581</c:v>
                </c:pt>
                <c:pt idx="3056">
                  <c:v>39582</c:v>
                </c:pt>
                <c:pt idx="3057">
                  <c:v>39583</c:v>
                </c:pt>
                <c:pt idx="3058">
                  <c:v>39584</c:v>
                </c:pt>
                <c:pt idx="3059">
                  <c:v>39585</c:v>
                </c:pt>
                <c:pt idx="3060">
                  <c:v>39586</c:v>
                </c:pt>
                <c:pt idx="3061">
                  <c:v>39587</c:v>
                </c:pt>
                <c:pt idx="3062">
                  <c:v>39588</c:v>
                </c:pt>
                <c:pt idx="3063">
                  <c:v>39589</c:v>
                </c:pt>
                <c:pt idx="3064">
                  <c:v>39590</c:v>
                </c:pt>
                <c:pt idx="3065">
                  <c:v>39591</c:v>
                </c:pt>
                <c:pt idx="3066">
                  <c:v>39592</c:v>
                </c:pt>
                <c:pt idx="3067">
                  <c:v>39593</c:v>
                </c:pt>
                <c:pt idx="3068">
                  <c:v>39594</c:v>
                </c:pt>
                <c:pt idx="3069">
                  <c:v>39595</c:v>
                </c:pt>
                <c:pt idx="3070">
                  <c:v>39596</c:v>
                </c:pt>
                <c:pt idx="3071">
                  <c:v>39597</c:v>
                </c:pt>
                <c:pt idx="3072">
                  <c:v>39598</c:v>
                </c:pt>
                <c:pt idx="3073">
                  <c:v>39599</c:v>
                </c:pt>
                <c:pt idx="3074">
                  <c:v>39600</c:v>
                </c:pt>
                <c:pt idx="3075">
                  <c:v>39601</c:v>
                </c:pt>
                <c:pt idx="3076">
                  <c:v>39602</c:v>
                </c:pt>
                <c:pt idx="3077">
                  <c:v>39603</c:v>
                </c:pt>
                <c:pt idx="3078">
                  <c:v>39604</c:v>
                </c:pt>
                <c:pt idx="3079">
                  <c:v>39605</c:v>
                </c:pt>
                <c:pt idx="3080">
                  <c:v>39606</c:v>
                </c:pt>
                <c:pt idx="3081">
                  <c:v>39607</c:v>
                </c:pt>
                <c:pt idx="3082">
                  <c:v>39608</c:v>
                </c:pt>
                <c:pt idx="3083">
                  <c:v>39609</c:v>
                </c:pt>
                <c:pt idx="3084">
                  <c:v>39610</c:v>
                </c:pt>
                <c:pt idx="3085">
                  <c:v>39611</c:v>
                </c:pt>
                <c:pt idx="3086">
                  <c:v>39612</c:v>
                </c:pt>
                <c:pt idx="3087">
                  <c:v>39613</c:v>
                </c:pt>
                <c:pt idx="3088">
                  <c:v>39614</c:v>
                </c:pt>
                <c:pt idx="3089">
                  <c:v>39615</c:v>
                </c:pt>
                <c:pt idx="3090">
                  <c:v>39616</c:v>
                </c:pt>
                <c:pt idx="3091">
                  <c:v>39617</c:v>
                </c:pt>
                <c:pt idx="3092">
                  <c:v>39618</c:v>
                </c:pt>
                <c:pt idx="3093">
                  <c:v>39619</c:v>
                </c:pt>
                <c:pt idx="3094">
                  <c:v>39620</c:v>
                </c:pt>
                <c:pt idx="3095">
                  <c:v>39621</c:v>
                </c:pt>
                <c:pt idx="3096">
                  <c:v>39622</c:v>
                </c:pt>
                <c:pt idx="3097">
                  <c:v>39623</c:v>
                </c:pt>
                <c:pt idx="3098">
                  <c:v>39624</c:v>
                </c:pt>
                <c:pt idx="3099">
                  <c:v>39625</c:v>
                </c:pt>
                <c:pt idx="3100">
                  <c:v>39626</c:v>
                </c:pt>
                <c:pt idx="3101">
                  <c:v>39627</c:v>
                </c:pt>
                <c:pt idx="3102">
                  <c:v>39628</c:v>
                </c:pt>
                <c:pt idx="3103">
                  <c:v>39629</c:v>
                </c:pt>
                <c:pt idx="3104">
                  <c:v>39630</c:v>
                </c:pt>
                <c:pt idx="3105">
                  <c:v>39631</c:v>
                </c:pt>
                <c:pt idx="3106">
                  <c:v>39632</c:v>
                </c:pt>
                <c:pt idx="3107">
                  <c:v>39633</c:v>
                </c:pt>
                <c:pt idx="3108">
                  <c:v>39634</c:v>
                </c:pt>
                <c:pt idx="3109">
                  <c:v>39635</c:v>
                </c:pt>
                <c:pt idx="3110">
                  <c:v>39636</c:v>
                </c:pt>
                <c:pt idx="3111">
                  <c:v>39637</c:v>
                </c:pt>
                <c:pt idx="3112">
                  <c:v>39638</c:v>
                </c:pt>
                <c:pt idx="3113">
                  <c:v>39639</c:v>
                </c:pt>
                <c:pt idx="3114">
                  <c:v>39640</c:v>
                </c:pt>
                <c:pt idx="3115">
                  <c:v>39641</c:v>
                </c:pt>
                <c:pt idx="3116">
                  <c:v>39642</c:v>
                </c:pt>
                <c:pt idx="3117">
                  <c:v>39643</c:v>
                </c:pt>
                <c:pt idx="3118">
                  <c:v>39644</c:v>
                </c:pt>
                <c:pt idx="3119">
                  <c:v>39645</c:v>
                </c:pt>
                <c:pt idx="3120">
                  <c:v>39646</c:v>
                </c:pt>
                <c:pt idx="3121">
                  <c:v>39647</c:v>
                </c:pt>
                <c:pt idx="3122">
                  <c:v>39648</c:v>
                </c:pt>
                <c:pt idx="3123">
                  <c:v>39649</c:v>
                </c:pt>
                <c:pt idx="3124">
                  <c:v>39650</c:v>
                </c:pt>
                <c:pt idx="3125">
                  <c:v>39651</c:v>
                </c:pt>
                <c:pt idx="3126">
                  <c:v>39652</c:v>
                </c:pt>
                <c:pt idx="3127">
                  <c:v>39653</c:v>
                </c:pt>
                <c:pt idx="3128">
                  <c:v>39654</c:v>
                </c:pt>
                <c:pt idx="3129">
                  <c:v>39655</c:v>
                </c:pt>
                <c:pt idx="3130">
                  <c:v>39656</c:v>
                </c:pt>
                <c:pt idx="3131">
                  <c:v>39657</c:v>
                </c:pt>
                <c:pt idx="3132">
                  <c:v>39658</c:v>
                </c:pt>
                <c:pt idx="3133">
                  <c:v>39659</c:v>
                </c:pt>
                <c:pt idx="3134">
                  <c:v>39660</c:v>
                </c:pt>
                <c:pt idx="3135">
                  <c:v>39661</c:v>
                </c:pt>
                <c:pt idx="3136">
                  <c:v>39662</c:v>
                </c:pt>
                <c:pt idx="3137">
                  <c:v>39663</c:v>
                </c:pt>
                <c:pt idx="3138">
                  <c:v>39664</c:v>
                </c:pt>
                <c:pt idx="3139">
                  <c:v>39665</c:v>
                </c:pt>
                <c:pt idx="3140">
                  <c:v>39666</c:v>
                </c:pt>
                <c:pt idx="3141">
                  <c:v>39667</c:v>
                </c:pt>
                <c:pt idx="3142">
                  <c:v>39668</c:v>
                </c:pt>
                <c:pt idx="3143">
                  <c:v>39669</c:v>
                </c:pt>
                <c:pt idx="3144">
                  <c:v>39670</c:v>
                </c:pt>
                <c:pt idx="3145">
                  <c:v>39671</c:v>
                </c:pt>
                <c:pt idx="3146">
                  <c:v>39672</c:v>
                </c:pt>
                <c:pt idx="3147">
                  <c:v>39673</c:v>
                </c:pt>
                <c:pt idx="3148">
                  <c:v>39674</c:v>
                </c:pt>
                <c:pt idx="3149">
                  <c:v>39675</c:v>
                </c:pt>
                <c:pt idx="3150">
                  <c:v>39676</c:v>
                </c:pt>
                <c:pt idx="3151">
                  <c:v>39677</c:v>
                </c:pt>
                <c:pt idx="3152">
                  <c:v>39678</c:v>
                </c:pt>
                <c:pt idx="3153">
                  <c:v>39679</c:v>
                </c:pt>
                <c:pt idx="3154">
                  <c:v>39680</c:v>
                </c:pt>
                <c:pt idx="3155">
                  <c:v>39681</c:v>
                </c:pt>
                <c:pt idx="3156">
                  <c:v>39682</c:v>
                </c:pt>
                <c:pt idx="3157">
                  <c:v>39683</c:v>
                </c:pt>
                <c:pt idx="3158">
                  <c:v>39684</c:v>
                </c:pt>
                <c:pt idx="3159">
                  <c:v>39685</c:v>
                </c:pt>
                <c:pt idx="3160">
                  <c:v>39686</c:v>
                </c:pt>
                <c:pt idx="3161">
                  <c:v>39687</c:v>
                </c:pt>
                <c:pt idx="3162">
                  <c:v>39688</c:v>
                </c:pt>
                <c:pt idx="3163">
                  <c:v>39689</c:v>
                </c:pt>
                <c:pt idx="3164">
                  <c:v>39690</c:v>
                </c:pt>
                <c:pt idx="3165">
                  <c:v>39691</c:v>
                </c:pt>
                <c:pt idx="3166">
                  <c:v>39692</c:v>
                </c:pt>
                <c:pt idx="3167">
                  <c:v>39693</c:v>
                </c:pt>
                <c:pt idx="3168">
                  <c:v>39694</c:v>
                </c:pt>
                <c:pt idx="3169">
                  <c:v>39695</c:v>
                </c:pt>
                <c:pt idx="3170">
                  <c:v>39696</c:v>
                </c:pt>
                <c:pt idx="3171">
                  <c:v>39697</c:v>
                </c:pt>
                <c:pt idx="3172">
                  <c:v>39698</c:v>
                </c:pt>
                <c:pt idx="3173">
                  <c:v>39699</c:v>
                </c:pt>
                <c:pt idx="3174">
                  <c:v>39700</c:v>
                </c:pt>
                <c:pt idx="3175">
                  <c:v>39701</c:v>
                </c:pt>
                <c:pt idx="3176">
                  <c:v>39702</c:v>
                </c:pt>
                <c:pt idx="3177">
                  <c:v>39703</c:v>
                </c:pt>
                <c:pt idx="3178">
                  <c:v>39704</c:v>
                </c:pt>
                <c:pt idx="3179">
                  <c:v>39705</c:v>
                </c:pt>
                <c:pt idx="3180">
                  <c:v>39706</c:v>
                </c:pt>
                <c:pt idx="3181">
                  <c:v>39707</c:v>
                </c:pt>
                <c:pt idx="3182">
                  <c:v>39708</c:v>
                </c:pt>
                <c:pt idx="3183">
                  <c:v>39709</c:v>
                </c:pt>
                <c:pt idx="3184">
                  <c:v>39710</c:v>
                </c:pt>
                <c:pt idx="3185">
                  <c:v>39711</c:v>
                </c:pt>
                <c:pt idx="3186">
                  <c:v>39712</c:v>
                </c:pt>
                <c:pt idx="3187">
                  <c:v>39713</c:v>
                </c:pt>
                <c:pt idx="3188">
                  <c:v>39714</c:v>
                </c:pt>
                <c:pt idx="3189">
                  <c:v>39715</c:v>
                </c:pt>
                <c:pt idx="3190">
                  <c:v>39716</c:v>
                </c:pt>
                <c:pt idx="3191">
                  <c:v>39717</c:v>
                </c:pt>
                <c:pt idx="3192">
                  <c:v>39718</c:v>
                </c:pt>
                <c:pt idx="3193">
                  <c:v>39719</c:v>
                </c:pt>
                <c:pt idx="3194">
                  <c:v>39720</c:v>
                </c:pt>
                <c:pt idx="3195">
                  <c:v>39721</c:v>
                </c:pt>
                <c:pt idx="3196">
                  <c:v>39722</c:v>
                </c:pt>
                <c:pt idx="3197">
                  <c:v>39723</c:v>
                </c:pt>
                <c:pt idx="3198">
                  <c:v>39724</c:v>
                </c:pt>
                <c:pt idx="3199">
                  <c:v>39725</c:v>
                </c:pt>
                <c:pt idx="3200">
                  <c:v>39726</c:v>
                </c:pt>
                <c:pt idx="3201">
                  <c:v>39727</c:v>
                </c:pt>
                <c:pt idx="3202">
                  <c:v>39728</c:v>
                </c:pt>
                <c:pt idx="3203">
                  <c:v>39729</c:v>
                </c:pt>
                <c:pt idx="3204">
                  <c:v>39730</c:v>
                </c:pt>
                <c:pt idx="3205">
                  <c:v>39731</c:v>
                </c:pt>
                <c:pt idx="3206">
                  <c:v>39732</c:v>
                </c:pt>
                <c:pt idx="3207">
                  <c:v>39733</c:v>
                </c:pt>
                <c:pt idx="3208">
                  <c:v>39734</c:v>
                </c:pt>
                <c:pt idx="3209">
                  <c:v>39735</c:v>
                </c:pt>
                <c:pt idx="3210">
                  <c:v>39736</c:v>
                </c:pt>
                <c:pt idx="3211">
                  <c:v>39737</c:v>
                </c:pt>
                <c:pt idx="3212">
                  <c:v>39738</c:v>
                </c:pt>
                <c:pt idx="3213">
                  <c:v>39739</c:v>
                </c:pt>
                <c:pt idx="3214">
                  <c:v>39740</c:v>
                </c:pt>
                <c:pt idx="3215">
                  <c:v>39741</c:v>
                </c:pt>
                <c:pt idx="3216">
                  <c:v>39742</c:v>
                </c:pt>
                <c:pt idx="3217">
                  <c:v>39743</c:v>
                </c:pt>
                <c:pt idx="3218">
                  <c:v>39744</c:v>
                </c:pt>
                <c:pt idx="3219">
                  <c:v>39745</c:v>
                </c:pt>
                <c:pt idx="3220">
                  <c:v>39746</c:v>
                </c:pt>
                <c:pt idx="3221">
                  <c:v>39747</c:v>
                </c:pt>
                <c:pt idx="3222">
                  <c:v>39748</c:v>
                </c:pt>
                <c:pt idx="3223">
                  <c:v>39749</c:v>
                </c:pt>
                <c:pt idx="3224">
                  <c:v>39750</c:v>
                </c:pt>
                <c:pt idx="3225">
                  <c:v>39751</c:v>
                </c:pt>
                <c:pt idx="3226">
                  <c:v>39752</c:v>
                </c:pt>
                <c:pt idx="3227">
                  <c:v>39753</c:v>
                </c:pt>
                <c:pt idx="3228">
                  <c:v>39754</c:v>
                </c:pt>
                <c:pt idx="3229">
                  <c:v>39755</c:v>
                </c:pt>
                <c:pt idx="3230">
                  <c:v>39756</c:v>
                </c:pt>
                <c:pt idx="3231">
                  <c:v>39757</c:v>
                </c:pt>
                <c:pt idx="3232">
                  <c:v>39758</c:v>
                </c:pt>
                <c:pt idx="3233">
                  <c:v>39759</c:v>
                </c:pt>
                <c:pt idx="3234">
                  <c:v>39760</c:v>
                </c:pt>
                <c:pt idx="3235">
                  <c:v>39761</c:v>
                </c:pt>
                <c:pt idx="3236">
                  <c:v>39762</c:v>
                </c:pt>
                <c:pt idx="3237">
                  <c:v>39763</c:v>
                </c:pt>
                <c:pt idx="3238">
                  <c:v>39764</c:v>
                </c:pt>
                <c:pt idx="3239">
                  <c:v>39765</c:v>
                </c:pt>
                <c:pt idx="3240">
                  <c:v>39766</c:v>
                </c:pt>
                <c:pt idx="3241">
                  <c:v>39767</c:v>
                </c:pt>
                <c:pt idx="3242">
                  <c:v>39768</c:v>
                </c:pt>
                <c:pt idx="3243">
                  <c:v>39769</c:v>
                </c:pt>
                <c:pt idx="3244">
                  <c:v>39770</c:v>
                </c:pt>
                <c:pt idx="3245">
                  <c:v>39771</c:v>
                </c:pt>
                <c:pt idx="3246">
                  <c:v>39772</c:v>
                </c:pt>
                <c:pt idx="3247">
                  <c:v>39773</c:v>
                </c:pt>
                <c:pt idx="3248">
                  <c:v>39774</c:v>
                </c:pt>
                <c:pt idx="3249">
                  <c:v>39775</c:v>
                </c:pt>
                <c:pt idx="3250">
                  <c:v>39776</c:v>
                </c:pt>
                <c:pt idx="3251">
                  <c:v>39777</c:v>
                </c:pt>
                <c:pt idx="3252">
                  <c:v>39778</c:v>
                </c:pt>
                <c:pt idx="3253">
                  <c:v>39779</c:v>
                </c:pt>
                <c:pt idx="3254">
                  <c:v>39780</c:v>
                </c:pt>
                <c:pt idx="3255">
                  <c:v>39781</c:v>
                </c:pt>
                <c:pt idx="3256">
                  <c:v>39782</c:v>
                </c:pt>
                <c:pt idx="3257">
                  <c:v>39783</c:v>
                </c:pt>
                <c:pt idx="3258">
                  <c:v>39784</c:v>
                </c:pt>
                <c:pt idx="3259">
                  <c:v>39785</c:v>
                </c:pt>
                <c:pt idx="3260">
                  <c:v>39786</c:v>
                </c:pt>
                <c:pt idx="3261">
                  <c:v>39787</c:v>
                </c:pt>
                <c:pt idx="3262">
                  <c:v>39788</c:v>
                </c:pt>
                <c:pt idx="3263">
                  <c:v>39789</c:v>
                </c:pt>
                <c:pt idx="3264">
                  <c:v>39790</c:v>
                </c:pt>
                <c:pt idx="3265">
                  <c:v>39791</c:v>
                </c:pt>
                <c:pt idx="3266">
                  <c:v>39792</c:v>
                </c:pt>
                <c:pt idx="3267">
                  <c:v>39793</c:v>
                </c:pt>
                <c:pt idx="3268">
                  <c:v>39794</c:v>
                </c:pt>
                <c:pt idx="3269">
                  <c:v>39795</c:v>
                </c:pt>
                <c:pt idx="3270">
                  <c:v>39796</c:v>
                </c:pt>
                <c:pt idx="3271">
                  <c:v>39797</c:v>
                </c:pt>
                <c:pt idx="3272">
                  <c:v>39798</c:v>
                </c:pt>
                <c:pt idx="3273">
                  <c:v>39799</c:v>
                </c:pt>
                <c:pt idx="3274">
                  <c:v>39800</c:v>
                </c:pt>
                <c:pt idx="3275">
                  <c:v>39801</c:v>
                </c:pt>
                <c:pt idx="3276">
                  <c:v>39802</c:v>
                </c:pt>
                <c:pt idx="3277">
                  <c:v>39803</c:v>
                </c:pt>
                <c:pt idx="3278">
                  <c:v>39804</c:v>
                </c:pt>
                <c:pt idx="3279">
                  <c:v>39805</c:v>
                </c:pt>
                <c:pt idx="3280">
                  <c:v>39806</c:v>
                </c:pt>
                <c:pt idx="3281">
                  <c:v>39807</c:v>
                </c:pt>
                <c:pt idx="3282">
                  <c:v>39808</c:v>
                </c:pt>
                <c:pt idx="3283">
                  <c:v>39809</c:v>
                </c:pt>
                <c:pt idx="3284">
                  <c:v>39810</c:v>
                </c:pt>
                <c:pt idx="3285">
                  <c:v>39811</c:v>
                </c:pt>
                <c:pt idx="3286">
                  <c:v>39812</c:v>
                </c:pt>
                <c:pt idx="3287">
                  <c:v>39813</c:v>
                </c:pt>
                <c:pt idx="3288">
                  <c:v>39814</c:v>
                </c:pt>
                <c:pt idx="3289">
                  <c:v>39815</c:v>
                </c:pt>
                <c:pt idx="3290">
                  <c:v>39816</c:v>
                </c:pt>
                <c:pt idx="3291">
                  <c:v>39817</c:v>
                </c:pt>
                <c:pt idx="3292">
                  <c:v>39818</c:v>
                </c:pt>
                <c:pt idx="3293">
                  <c:v>39819</c:v>
                </c:pt>
                <c:pt idx="3294">
                  <c:v>39820</c:v>
                </c:pt>
                <c:pt idx="3295">
                  <c:v>39821</c:v>
                </c:pt>
                <c:pt idx="3296">
                  <c:v>39822</c:v>
                </c:pt>
                <c:pt idx="3297">
                  <c:v>39823</c:v>
                </c:pt>
                <c:pt idx="3298">
                  <c:v>39824</c:v>
                </c:pt>
                <c:pt idx="3299">
                  <c:v>39825</c:v>
                </c:pt>
                <c:pt idx="3300">
                  <c:v>39826</c:v>
                </c:pt>
                <c:pt idx="3301">
                  <c:v>39827</c:v>
                </c:pt>
                <c:pt idx="3302">
                  <c:v>39828</c:v>
                </c:pt>
                <c:pt idx="3303">
                  <c:v>39829</c:v>
                </c:pt>
                <c:pt idx="3304">
                  <c:v>39830</c:v>
                </c:pt>
                <c:pt idx="3305">
                  <c:v>39831</c:v>
                </c:pt>
                <c:pt idx="3306">
                  <c:v>39832</c:v>
                </c:pt>
                <c:pt idx="3307">
                  <c:v>39833</c:v>
                </c:pt>
                <c:pt idx="3308">
                  <c:v>39834</c:v>
                </c:pt>
                <c:pt idx="3309">
                  <c:v>39835</c:v>
                </c:pt>
                <c:pt idx="3310">
                  <c:v>39836</c:v>
                </c:pt>
                <c:pt idx="3311">
                  <c:v>39837</c:v>
                </c:pt>
                <c:pt idx="3312">
                  <c:v>39838</c:v>
                </c:pt>
                <c:pt idx="3313">
                  <c:v>39839</c:v>
                </c:pt>
                <c:pt idx="3314">
                  <c:v>39840</c:v>
                </c:pt>
                <c:pt idx="3315">
                  <c:v>39841</c:v>
                </c:pt>
                <c:pt idx="3316">
                  <c:v>39842</c:v>
                </c:pt>
                <c:pt idx="3317">
                  <c:v>39843</c:v>
                </c:pt>
                <c:pt idx="3318">
                  <c:v>39844</c:v>
                </c:pt>
                <c:pt idx="3319">
                  <c:v>39845</c:v>
                </c:pt>
                <c:pt idx="3320">
                  <c:v>39846</c:v>
                </c:pt>
                <c:pt idx="3321">
                  <c:v>39847</c:v>
                </c:pt>
                <c:pt idx="3322">
                  <c:v>39848</c:v>
                </c:pt>
                <c:pt idx="3323">
                  <c:v>39849</c:v>
                </c:pt>
                <c:pt idx="3324">
                  <c:v>39850</c:v>
                </c:pt>
                <c:pt idx="3325">
                  <c:v>39851</c:v>
                </c:pt>
                <c:pt idx="3326">
                  <c:v>39852</c:v>
                </c:pt>
                <c:pt idx="3327">
                  <c:v>39853</c:v>
                </c:pt>
                <c:pt idx="3328">
                  <c:v>39854</c:v>
                </c:pt>
                <c:pt idx="3329">
                  <c:v>39855</c:v>
                </c:pt>
                <c:pt idx="3330">
                  <c:v>39856</c:v>
                </c:pt>
                <c:pt idx="3331">
                  <c:v>39857</c:v>
                </c:pt>
                <c:pt idx="3332">
                  <c:v>39858</c:v>
                </c:pt>
                <c:pt idx="3333">
                  <c:v>39859</c:v>
                </c:pt>
                <c:pt idx="3334">
                  <c:v>39860</c:v>
                </c:pt>
                <c:pt idx="3335">
                  <c:v>39861</c:v>
                </c:pt>
                <c:pt idx="3336">
                  <c:v>39862</c:v>
                </c:pt>
                <c:pt idx="3337">
                  <c:v>39863</c:v>
                </c:pt>
                <c:pt idx="3338">
                  <c:v>39864</c:v>
                </c:pt>
                <c:pt idx="3339">
                  <c:v>39865</c:v>
                </c:pt>
                <c:pt idx="3340">
                  <c:v>39866</c:v>
                </c:pt>
                <c:pt idx="3341">
                  <c:v>39867</c:v>
                </c:pt>
                <c:pt idx="3342">
                  <c:v>39868</c:v>
                </c:pt>
                <c:pt idx="3343">
                  <c:v>39869</c:v>
                </c:pt>
                <c:pt idx="3344">
                  <c:v>39870</c:v>
                </c:pt>
                <c:pt idx="3345">
                  <c:v>39871</c:v>
                </c:pt>
                <c:pt idx="3346">
                  <c:v>39872</c:v>
                </c:pt>
                <c:pt idx="3347">
                  <c:v>39873</c:v>
                </c:pt>
                <c:pt idx="3348">
                  <c:v>39874</c:v>
                </c:pt>
                <c:pt idx="3349">
                  <c:v>39875</c:v>
                </c:pt>
                <c:pt idx="3350">
                  <c:v>39876</c:v>
                </c:pt>
                <c:pt idx="3351">
                  <c:v>39877</c:v>
                </c:pt>
                <c:pt idx="3352">
                  <c:v>39878</c:v>
                </c:pt>
                <c:pt idx="3353">
                  <c:v>39879</c:v>
                </c:pt>
                <c:pt idx="3354">
                  <c:v>39880</c:v>
                </c:pt>
                <c:pt idx="3355">
                  <c:v>39881</c:v>
                </c:pt>
                <c:pt idx="3356">
                  <c:v>39882</c:v>
                </c:pt>
                <c:pt idx="3357">
                  <c:v>39883</c:v>
                </c:pt>
                <c:pt idx="3358">
                  <c:v>39884</c:v>
                </c:pt>
                <c:pt idx="3359">
                  <c:v>39885</c:v>
                </c:pt>
                <c:pt idx="3360">
                  <c:v>39886</c:v>
                </c:pt>
                <c:pt idx="3361">
                  <c:v>39887</c:v>
                </c:pt>
                <c:pt idx="3362">
                  <c:v>39888</c:v>
                </c:pt>
                <c:pt idx="3363">
                  <c:v>39889</c:v>
                </c:pt>
                <c:pt idx="3364">
                  <c:v>39890</c:v>
                </c:pt>
                <c:pt idx="3365">
                  <c:v>39891</c:v>
                </c:pt>
                <c:pt idx="3366">
                  <c:v>39892</c:v>
                </c:pt>
                <c:pt idx="3367">
                  <c:v>39893</c:v>
                </c:pt>
                <c:pt idx="3368">
                  <c:v>39894</c:v>
                </c:pt>
                <c:pt idx="3369">
                  <c:v>39895</c:v>
                </c:pt>
                <c:pt idx="3370">
                  <c:v>39896</c:v>
                </c:pt>
                <c:pt idx="3371">
                  <c:v>39897</c:v>
                </c:pt>
                <c:pt idx="3372">
                  <c:v>39898</c:v>
                </c:pt>
                <c:pt idx="3373">
                  <c:v>39899</c:v>
                </c:pt>
                <c:pt idx="3374">
                  <c:v>39900</c:v>
                </c:pt>
                <c:pt idx="3375">
                  <c:v>39901</c:v>
                </c:pt>
                <c:pt idx="3376">
                  <c:v>39902</c:v>
                </c:pt>
                <c:pt idx="3377">
                  <c:v>39903</c:v>
                </c:pt>
                <c:pt idx="3378">
                  <c:v>39904</c:v>
                </c:pt>
                <c:pt idx="3379">
                  <c:v>39905</c:v>
                </c:pt>
                <c:pt idx="3380">
                  <c:v>39906</c:v>
                </c:pt>
                <c:pt idx="3381">
                  <c:v>39907</c:v>
                </c:pt>
                <c:pt idx="3382">
                  <c:v>39908</c:v>
                </c:pt>
                <c:pt idx="3383">
                  <c:v>39909</c:v>
                </c:pt>
                <c:pt idx="3384">
                  <c:v>39910</c:v>
                </c:pt>
                <c:pt idx="3385">
                  <c:v>39911</c:v>
                </c:pt>
                <c:pt idx="3386">
                  <c:v>39912</c:v>
                </c:pt>
                <c:pt idx="3387">
                  <c:v>39913</c:v>
                </c:pt>
                <c:pt idx="3388">
                  <c:v>39914</c:v>
                </c:pt>
                <c:pt idx="3389">
                  <c:v>39915</c:v>
                </c:pt>
                <c:pt idx="3390">
                  <c:v>39916</c:v>
                </c:pt>
                <c:pt idx="3391">
                  <c:v>39917</c:v>
                </c:pt>
                <c:pt idx="3392">
                  <c:v>39918</c:v>
                </c:pt>
                <c:pt idx="3393">
                  <c:v>39919</c:v>
                </c:pt>
                <c:pt idx="3394">
                  <c:v>39920</c:v>
                </c:pt>
                <c:pt idx="3395">
                  <c:v>39921</c:v>
                </c:pt>
                <c:pt idx="3396">
                  <c:v>39922</c:v>
                </c:pt>
                <c:pt idx="3397">
                  <c:v>39923</c:v>
                </c:pt>
                <c:pt idx="3398">
                  <c:v>39924</c:v>
                </c:pt>
                <c:pt idx="3399">
                  <c:v>39925</c:v>
                </c:pt>
                <c:pt idx="3400">
                  <c:v>39926</c:v>
                </c:pt>
                <c:pt idx="3401">
                  <c:v>39927</c:v>
                </c:pt>
                <c:pt idx="3402">
                  <c:v>39928</c:v>
                </c:pt>
                <c:pt idx="3403">
                  <c:v>39929</c:v>
                </c:pt>
                <c:pt idx="3404">
                  <c:v>39930</c:v>
                </c:pt>
                <c:pt idx="3405">
                  <c:v>39931</c:v>
                </c:pt>
                <c:pt idx="3406">
                  <c:v>39932</c:v>
                </c:pt>
                <c:pt idx="3407">
                  <c:v>39933</c:v>
                </c:pt>
                <c:pt idx="3408">
                  <c:v>39934</c:v>
                </c:pt>
                <c:pt idx="3409">
                  <c:v>39935</c:v>
                </c:pt>
                <c:pt idx="3410">
                  <c:v>39936</c:v>
                </c:pt>
                <c:pt idx="3411">
                  <c:v>39937</c:v>
                </c:pt>
                <c:pt idx="3412">
                  <c:v>39938</c:v>
                </c:pt>
                <c:pt idx="3413">
                  <c:v>39939</c:v>
                </c:pt>
                <c:pt idx="3414">
                  <c:v>39940</c:v>
                </c:pt>
                <c:pt idx="3415">
                  <c:v>39941</c:v>
                </c:pt>
                <c:pt idx="3416">
                  <c:v>39942</c:v>
                </c:pt>
                <c:pt idx="3417">
                  <c:v>39943</c:v>
                </c:pt>
                <c:pt idx="3418">
                  <c:v>39944</c:v>
                </c:pt>
                <c:pt idx="3419">
                  <c:v>39945</c:v>
                </c:pt>
                <c:pt idx="3420">
                  <c:v>39946</c:v>
                </c:pt>
                <c:pt idx="3421">
                  <c:v>39947</c:v>
                </c:pt>
                <c:pt idx="3422">
                  <c:v>39948</c:v>
                </c:pt>
                <c:pt idx="3423">
                  <c:v>39949</c:v>
                </c:pt>
                <c:pt idx="3424">
                  <c:v>39950</c:v>
                </c:pt>
                <c:pt idx="3425">
                  <c:v>39951</c:v>
                </c:pt>
                <c:pt idx="3426">
                  <c:v>39952</c:v>
                </c:pt>
                <c:pt idx="3427">
                  <c:v>39953</c:v>
                </c:pt>
                <c:pt idx="3428">
                  <c:v>39954</c:v>
                </c:pt>
                <c:pt idx="3429">
                  <c:v>39955</c:v>
                </c:pt>
                <c:pt idx="3430">
                  <c:v>39956</c:v>
                </c:pt>
                <c:pt idx="3431">
                  <c:v>39957</c:v>
                </c:pt>
                <c:pt idx="3432">
                  <c:v>39958</c:v>
                </c:pt>
                <c:pt idx="3433">
                  <c:v>39959</c:v>
                </c:pt>
                <c:pt idx="3434">
                  <c:v>39960</c:v>
                </c:pt>
                <c:pt idx="3435">
                  <c:v>39961</c:v>
                </c:pt>
                <c:pt idx="3436">
                  <c:v>39962</c:v>
                </c:pt>
                <c:pt idx="3437">
                  <c:v>39963</c:v>
                </c:pt>
                <c:pt idx="3438">
                  <c:v>39964</c:v>
                </c:pt>
                <c:pt idx="3439">
                  <c:v>39965</c:v>
                </c:pt>
                <c:pt idx="3440">
                  <c:v>39966</c:v>
                </c:pt>
                <c:pt idx="3441">
                  <c:v>39967</c:v>
                </c:pt>
                <c:pt idx="3442">
                  <c:v>39968</c:v>
                </c:pt>
                <c:pt idx="3443">
                  <c:v>39969</c:v>
                </c:pt>
                <c:pt idx="3444">
                  <c:v>39970</c:v>
                </c:pt>
                <c:pt idx="3445">
                  <c:v>39971</c:v>
                </c:pt>
                <c:pt idx="3446">
                  <c:v>39972</c:v>
                </c:pt>
                <c:pt idx="3447">
                  <c:v>39973</c:v>
                </c:pt>
                <c:pt idx="3448">
                  <c:v>39974</c:v>
                </c:pt>
                <c:pt idx="3449">
                  <c:v>39975</c:v>
                </c:pt>
                <c:pt idx="3450">
                  <c:v>39976</c:v>
                </c:pt>
                <c:pt idx="3451">
                  <c:v>39977</c:v>
                </c:pt>
                <c:pt idx="3452">
                  <c:v>39978</c:v>
                </c:pt>
                <c:pt idx="3453">
                  <c:v>39979</c:v>
                </c:pt>
                <c:pt idx="3454">
                  <c:v>39980</c:v>
                </c:pt>
                <c:pt idx="3455">
                  <c:v>39981</c:v>
                </c:pt>
                <c:pt idx="3456">
                  <c:v>39982</c:v>
                </c:pt>
                <c:pt idx="3457">
                  <c:v>39983</c:v>
                </c:pt>
                <c:pt idx="3458">
                  <c:v>39984</c:v>
                </c:pt>
                <c:pt idx="3459">
                  <c:v>39985</c:v>
                </c:pt>
                <c:pt idx="3460">
                  <c:v>39986</c:v>
                </c:pt>
                <c:pt idx="3461">
                  <c:v>39987</c:v>
                </c:pt>
                <c:pt idx="3462">
                  <c:v>39988</c:v>
                </c:pt>
                <c:pt idx="3463">
                  <c:v>39989</c:v>
                </c:pt>
                <c:pt idx="3464">
                  <c:v>39990</c:v>
                </c:pt>
                <c:pt idx="3465">
                  <c:v>39991</c:v>
                </c:pt>
                <c:pt idx="3466">
                  <c:v>39992</c:v>
                </c:pt>
                <c:pt idx="3467">
                  <c:v>39993</c:v>
                </c:pt>
                <c:pt idx="3468">
                  <c:v>39994</c:v>
                </c:pt>
                <c:pt idx="3469">
                  <c:v>39995</c:v>
                </c:pt>
                <c:pt idx="3470">
                  <c:v>39996</c:v>
                </c:pt>
                <c:pt idx="3471">
                  <c:v>39997</c:v>
                </c:pt>
                <c:pt idx="3472">
                  <c:v>39998</c:v>
                </c:pt>
                <c:pt idx="3473">
                  <c:v>39999</c:v>
                </c:pt>
                <c:pt idx="3474">
                  <c:v>40000</c:v>
                </c:pt>
                <c:pt idx="3475">
                  <c:v>40001</c:v>
                </c:pt>
                <c:pt idx="3476">
                  <c:v>40002</c:v>
                </c:pt>
                <c:pt idx="3477">
                  <c:v>40003</c:v>
                </c:pt>
                <c:pt idx="3478">
                  <c:v>40004</c:v>
                </c:pt>
                <c:pt idx="3479">
                  <c:v>40005</c:v>
                </c:pt>
                <c:pt idx="3480">
                  <c:v>40006</c:v>
                </c:pt>
                <c:pt idx="3481">
                  <c:v>40007</c:v>
                </c:pt>
                <c:pt idx="3482">
                  <c:v>40008</c:v>
                </c:pt>
                <c:pt idx="3483">
                  <c:v>40009</c:v>
                </c:pt>
                <c:pt idx="3484">
                  <c:v>40010</c:v>
                </c:pt>
                <c:pt idx="3485">
                  <c:v>40011</c:v>
                </c:pt>
                <c:pt idx="3486">
                  <c:v>40012</c:v>
                </c:pt>
                <c:pt idx="3487">
                  <c:v>40013</c:v>
                </c:pt>
                <c:pt idx="3488">
                  <c:v>40014</c:v>
                </c:pt>
                <c:pt idx="3489">
                  <c:v>40015</c:v>
                </c:pt>
                <c:pt idx="3490">
                  <c:v>40016</c:v>
                </c:pt>
                <c:pt idx="3491">
                  <c:v>40017</c:v>
                </c:pt>
                <c:pt idx="3492">
                  <c:v>40018</c:v>
                </c:pt>
                <c:pt idx="3493">
                  <c:v>40019</c:v>
                </c:pt>
                <c:pt idx="3494">
                  <c:v>40020</c:v>
                </c:pt>
                <c:pt idx="3495">
                  <c:v>40021</c:v>
                </c:pt>
                <c:pt idx="3496">
                  <c:v>40022</c:v>
                </c:pt>
                <c:pt idx="3497">
                  <c:v>40023</c:v>
                </c:pt>
                <c:pt idx="3498">
                  <c:v>40024</c:v>
                </c:pt>
                <c:pt idx="3499">
                  <c:v>40025</c:v>
                </c:pt>
                <c:pt idx="3500">
                  <c:v>40026</c:v>
                </c:pt>
                <c:pt idx="3501">
                  <c:v>40027</c:v>
                </c:pt>
                <c:pt idx="3502">
                  <c:v>40028</c:v>
                </c:pt>
                <c:pt idx="3503">
                  <c:v>40029</c:v>
                </c:pt>
                <c:pt idx="3504">
                  <c:v>40030</c:v>
                </c:pt>
                <c:pt idx="3505">
                  <c:v>40031</c:v>
                </c:pt>
                <c:pt idx="3506">
                  <c:v>40032</c:v>
                </c:pt>
                <c:pt idx="3507">
                  <c:v>40033</c:v>
                </c:pt>
                <c:pt idx="3508">
                  <c:v>40034</c:v>
                </c:pt>
                <c:pt idx="3509">
                  <c:v>40035</c:v>
                </c:pt>
                <c:pt idx="3510">
                  <c:v>40036</c:v>
                </c:pt>
                <c:pt idx="3511">
                  <c:v>40037</c:v>
                </c:pt>
                <c:pt idx="3512">
                  <c:v>40038</c:v>
                </c:pt>
                <c:pt idx="3513">
                  <c:v>40039</c:v>
                </c:pt>
                <c:pt idx="3514">
                  <c:v>40040</c:v>
                </c:pt>
                <c:pt idx="3515">
                  <c:v>40041</c:v>
                </c:pt>
                <c:pt idx="3516">
                  <c:v>40042</c:v>
                </c:pt>
                <c:pt idx="3517">
                  <c:v>40043</c:v>
                </c:pt>
                <c:pt idx="3518">
                  <c:v>40044</c:v>
                </c:pt>
                <c:pt idx="3519">
                  <c:v>40045</c:v>
                </c:pt>
                <c:pt idx="3520">
                  <c:v>40046</c:v>
                </c:pt>
                <c:pt idx="3521">
                  <c:v>40047</c:v>
                </c:pt>
                <c:pt idx="3522">
                  <c:v>40048</c:v>
                </c:pt>
                <c:pt idx="3523">
                  <c:v>40049</c:v>
                </c:pt>
                <c:pt idx="3524">
                  <c:v>40050</c:v>
                </c:pt>
                <c:pt idx="3525">
                  <c:v>40051</c:v>
                </c:pt>
                <c:pt idx="3526">
                  <c:v>40052</c:v>
                </c:pt>
                <c:pt idx="3527">
                  <c:v>40053</c:v>
                </c:pt>
                <c:pt idx="3528">
                  <c:v>40054</c:v>
                </c:pt>
                <c:pt idx="3529">
                  <c:v>40055</c:v>
                </c:pt>
                <c:pt idx="3530">
                  <c:v>40056</c:v>
                </c:pt>
                <c:pt idx="3531">
                  <c:v>40057</c:v>
                </c:pt>
                <c:pt idx="3532">
                  <c:v>40058</c:v>
                </c:pt>
                <c:pt idx="3533">
                  <c:v>40059</c:v>
                </c:pt>
                <c:pt idx="3534">
                  <c:v>40060</c:v>
                </c:pt>
                <c:pt idx="3535">
                  <c:v>40061</c:v>
                </c:pt>
                <c:pt idx="3536">
                  <c:v>40062</c:v>
                </c:pt>
                <c:pt idx="3537">
                  <c:v>40063</c:v>
                </c:pt>
                <c:pt idx="3538">
                  <c:v>40064</c:v>
                </c:pt>
                <c:pt idx="3539">
                  <c:v>40065</c:v>
                </c:pt>
                <c:pt idx="3540">
                  <c:v>40066</c:v>
                </c:pt>
                <c:pt idx="3541">
                  <c:v>40067</c:v>
                </c:pt>
                <c:pt idx="3542">
                  <c:v>40068</c:v>
                </c:pt>
                <c:pt idx="3543">
                  <c:v>40069</c:v>
                </c:pt>
                <c:pt idx="3544">
                  <c:v>40070</c:v>
                </c:pt>
                <c:pt idx="3545">
                  <c:v>40071</c:v>
                </c:pt>
                <c:pt idx="3546">
                  <c:v>40072</c:v>
                </c:pt>
                <c:pt idx="3547">
                  <c:v>40073</c:v>
                </c:pt>
                <c:pt idx="3548">
                  <c:v>40074</c:v>
                </c:pt>
                <c:pt idx="3549">
                  <c:v>40075</c:v>
                </c:pt>
                <c:pt idx="3550">
                  <c:v>40076</c:v>
                </c:pt>
                <c:pt idx="3551">
                  <c:v>40077</c:v>
                </c:pt>
                <c:pt idx="3552">
                  <c:v>40078</c:v>
                </c:pt>
                <c:pt idx="3553">
                  <c:v>40079</c:v>
                </c:pt>
                <c:pt idx="3554">
                  <c:v>40080</c:v>
                </c:pt>
                <c:pt idx="3555">
                  <c:v>40081</c:v>
                </c:pt>
                <c:pt idx="3556">
                  <c:v>40082</c:v>
                </c:pt>
                <c:pt idx="3557">
                  <c:v>40083</c:v>
                </c:pt>
                <c:pt idx="3558">
                  <c:v>40084</c:v>
                </c:pt>
                <c:pt idx="3559">
                  <c:v>40085</c:v>
                </c:pt>
                <c:pt idx="3560">
                  <c:v>40086</c:v>
                </c:pt>
                <c:pt idx="3561">
                  <c:v>40087</c:v>
                </c:pt>
                <c:pt idx="3562">
                  <c:v>40088</c:v>
                </c:pt>
                <c:pt idx="3563">
                  <c:v>40089</c:v>
                </c:pt>
                <c:pt idx="3564">
                  <c:v>40090</c:v>
                </c:pt>
                <c:pt idx="3565">
                  <c:v>40091</c:v>
                </c:pt>
                <c:pt idx="3566">
                  <c:v>40092</c:v>
                </c:pt>
                <c:pt idx="3567">
                  <c:v>40093</c:v>
                </c:pt>
                <c:pt idx="3568">
                  <c:v>40094</c:v>
                </c:pt>
                <c:pt idx="3569">
                  <c:v>40095</c:v>
                </c:pt>
                <c:pt idx="3570">
                  <c:v>40096</c:v>
                </c:pt>
                <c:pt idx="3571">
                  <c:v>40097</c:v>
                </c:pt>
                <c:pt idx="3572">
                  <c:v>40098</c:v>
                </c:pt>
                <c:pt idx="3573">
                  <c:v>40099</c:v>
                </c:pt>
                <c:pt idx="3574">
                  <c:v>40100</c:v>
                </c:pt>
                <c:pt idx="3575">
                  <c:v>40101</c:v>
                </c:pt>
                <c:pt idx="3576">
                  <c:v>40102</c:v>
                </c:pt>
                <c:pt idx="3577">
                  <c:v>40103</c:v>
                </c:pt>
                <c:pt idx="3578">
                  <c:v>40104</c:v>
                </c:pt>
                <c:pt idx="3579">
                  <c:v>40105</c:v>
                </c:pt>
                <c:pt idx="3580">
                  <c:v>40106</c:v>
                </c:pt>
                <c:pt idx="3581">
                  <c:v>40107</c:v>
                </c:pt>
                <c:pt idx="3582">
                  <c:v>40108</c:v>
                </c:pt>
                <c:pt idx="3583">
                  <c:v>40109</c:v>
                </c:pt>
                <c:pt idx="3584">
                  <c:v>40110</c:v>
                </c:pt>
                <c:pt idx="3585">
                  <c:v>40111</c:v>
                </c:pt>
                <c:pt idx="3586">
                  <c:v>40112</c:v>
                </c:pt>
                <c:pt idx="3587">
                  <c:v>40113</c:v>
                </c:pt>
                <c:pt idx="3588">
                  <c:v>40114</c:v>
                </c:pt>
                <c:pt idx="3589">
                  <c:v>40115</c:v>
                </c:pt>
                <c:pt idx="3590">
                  <c:v>40116</c:v>
                </c:pt>
                <c:pt idx="3591">
                  <c:v>40117</c:v>
                </c:pt>
                <c:pt idx="3592">
                  <c:v>40118</c:v>
                </c:pt>
                <c:pt idx="3593">
                  <c:v>40119</c:v>
                </c:pt>
                <c:pt idx="3594">
                  <c:v>40120</c:v>
                </c:pt>
                <c:pt idx="3595">
                  <c:v>40121</c:v>
                </c:pt>
                <c:pt idx="3596">
                  <c:v>40122</c:v>
                </c:pt>
                <c:pt idx="3597">
                  <c:v>40123</c:v>
                </c:pt>
                <c:pt idx="3598">
                  <c:v>40124</c:v>
                </c:pt>
                <c:pt idx="3599">
                  <c:v>40125</c:v>
                </c:pt>
                <c:pt idx="3600">
                  <c:v>40126</c:v>
                </c:pt>
                <c:pt idx="3601">
                  <c:v>40127</c:v>
                </c:pt>
                <c:pt idx="3602">
                  <c:v>40128</c:v>
                </c:pt>
                <c:pt idx="3603">
                  <c:v>40129</c:v>
                </c:pt>
                <c:pt idx="3604">
                  <c:v>40130</c:v>
                </c:pt>
                <c:pt idx="3605">
                  <c:v>40131</c:v>
                </c:pt>
                <c:pt idx="3606">
                  <c:v>40132</c:v>
                </c:pt>
                <c:pt idx="3607">
                  <c:v>40133</c:v>
                </c:pt>
                <c:pt idx="3608">
                  <c:v>40134</c:v>
                </c:pt>
                <c:pt idx="3609">
                  <c:v>40135</c:v>
                </c:pt>
                <c:pt idx="3610">
                  <c:v>40136</c:v>
                </c:pt>
                <c:pt idx="3611">
                  <c:v>40137</c:v>
                </c:pt>
                <c:pt idx="3612">
                  <c:v>40138</c:v>
                </c:pt>
                <c:pt idx="3613">
                  <c:v>40139</c:v>
                </c:pt>
                <c:pt idx="3614">
                  <c:v>40140</c:v>
                </c:pt>
                <c:pt idx="3615">
                  <c:v>40141</c:v>
                </c:pt>
                <c:pt idx="3616">
                  <c:v>40142</c:v>
                </c:pt>
                <c:pt idx="3617">
                  <c:v>40143</c:v>
                </c:pt>
                <c:pt idx="3618">
                  <c:v>40144</c:v>
                </c:pt>
                <c:pt idx="3619">
                  <c:v>40145</c:v>
                </c:pt>
                <c:pt idx="3620">
                  <c:v>40146</c:v>
                </c:pt>
                <c:pt idx="3621">
                  <c:v>40147</c:v>
                </c:pt>
                <c:pt idx="3622">
                  <c:v>40148</c:v>
                </c:pt>
                <c:pt idx="3623">
                  <c:v>40149</c:v>
                </c:pt>
                <c:pt idx="3624">
                  <c:v>40150</c:v>
                </c:pt>
                <c:pt idx="3625">
                  <c:v>40151</c:v>
                </c:pt>
                <c:pt idx="3626">
                  <c:v>40152</c:v>
                </c:pt>
                <c:pt idx="3627">
                  <c:v>40153</c:v>
                </c:pt>
                <c:pt idx="3628">
                  <c:v>40154</c:v>
                </c:pt>
                <c:pt idx="3629">
                  <c:v>40155</c:v>
                </c:pt>
                <c:pt idx="3630">
                  <c:v>40156</c:v>
                </c:pt>
                <c:pt idx="3631">
                  <c:v>40157</c:v>
                </c:pt>
                <c:pt idx="3632">
                  <c:v>40158</c:v>
                </c:pt>
                <c:pt idx="3633">
                  <c:v>40159</c:v>
                </c:pt>
                <c:pt idx="3634">
                  <c:v>40160</c:v>
                </c:pt>
                <c:pt idx="3635">
                  <c:v>40161</c:v>
                </c:pt>
                <c:pt idx="3636">
                  <c:v>40162</c:v>
                </c:pt>
                <c:pt idx="3637">
                  <c:v>40163</c:v>
                </c:pt>
                <c:pt idx="3638">
                  <c:v>40164</c:v>
                </c:pt>
                <c:pt idx="3639">
                  <c:v>40165</c:v>
                </c:pt>
                <c:pt idx="3640">
                  <c:v>40166</c:v>
                </c:pt>
                <c:pt idx="3641">
                  <c:v>40167</c:v>
                </c:pt>
                <c:pt idx="3642">
                  <c:v>40168</c:v>
                </c:pt>
                <c:pt idx="3643">
                  <c:v>40169</c:v>
                </c:pt>
                <c:pt idx="3644">
                  <c:v>40170</c:v>
                </c:pt>
                <c:pt idx="3645">
                  <c:v>40171</c:v>
                </c:pt>
                <c:pt idx="3646">
                  <c:v>40172</c:v>
                </c:pt>
                <c:pt idx="3647">
                  <c:v>40173</c:v>
                </c:pt>
                <c:pt idx="3648">
                  <c:v>40174</c:v>
                </c:pt>
                <c:pt idx="3649">
                  <c:v>40175</c:v>
                </c:pt>
                <c:pt idx="3650">
                  <c:v>40176</c:v>
                </c:pt>
                <c:pt idx="3651">
                  <c:v>40177</c:v>
                </c:pt>
                <c:pt idx="3652">
                  <c:v>40178</c:v>
                </c:pt>
                <c:pt idx="3653">
                  <c:v>40179</c:v>
                </c:pt>
                <c:pt idx="3654">
                  <c:v>40180</c:v>
                </c:pt>
                <c:pt idx="3655">
                  <c:v>40181</c:v>
                </c:pt>
                <c:pt idx="3656">
                  <c:v>40182</c:v>
                </c:pt>
                <c:pt idx="3657">
                  <c:v>40183</c:v>
                </c:pt>
                <c:pt idx="3658">
                  <c:v>40184</c:v>
                </c:pt>
                <c:pt idx="3659">
                  <c:v>40185</c:v>
                </c:pt>
                <c:pt idx="3660">
                  <c:v>40186</c:v>
                </c:pt>
                <c:pt idx="3661">
                  <c:v>40187</c:v>
                </c:pt>
                <c:pt idx="3662">
                  <c:v>40188</c:v>
                </c:pt>
                <c:pt idx="3663">
                  <c:v>40189</c:v>
                </c:pt>
                <c:pt idx="3664">
                  <c:v>40190</c:v>
                </c:pt>
                <c:pt idx="3665">
                  <c:v>40191</c:v>
                </c:pt>
                <c:pt idx="3666">
                  <c:v>40192</c:v>
                </c:pt>
                <c:pt idx="3667">
                  <c:v>40193</c:v>
                </c:pt>
                <c:pt idx="3668">
                  <c:v>40194</c:v>
                </c:pt>
                <c:pt idx="3669">
                  <c:v>40195</c:v>
                </c:pt>
                <c:pt idx="3670">
                  <c:v>40196</c:v>
                </c:pt>
                <c:pt idx="3671">
                  <c:v>40197</c:v>
                </c:pt>
                <c:pt idx="3672">
                  <c:v>40198</c:v>
                </c:pt>
                <c:pt idx="3673">
                  <c:v>40199</c:v>
                </c:pt>
                <c:pt idx="3674">
                  <c:v>40200</c:v>
                </c:pt>
                <c:pt idx="3675">
                  <c:v>40201</c:v>
                </c:pt>
                <c:pt idx="3676">
                  <c:v>40202</c:v>
                </c:pt>
                <c:pt idx="3677">
                  <c:v>40203</c:v>
                </c:pt>
                <c:pt idx="3678">
                  <c:v>40204</c:v>
                </c:pt>
                <c:pt idx="3679">
                  <c:v>40205</c:v>
                </c:pt>
                <c:pt idx="3680">
                  <c:v>40206</c:v>
                </c:pt>
                <c:pt idx="3681">
                  <c:v>40207</c:v>
                </c:pt>
                <c:pt idx="3682">
                  <c:v>40208</c:v>
                </c:pt>
                <c:pt idx="3683">
                  <c:v>40209</c:v>
                </c:pt>
                <c:pt idx="3684">
                  <c:v>40210</c:v>
                </c:pt>
                <c:pt idx="3685">
                  <c:v>40211</c:v>
                </c:pt>
                <c:pt idx="3686">
                  <c:v>40212</c:v>
                </c:pt>
                <c:pt idx="3687">
                  <c:v>40213</c:v>
                </c:pt>
                <c:pt idx="3688">
                  <c:v>40214</c:v>
                </c:pt>
                <c:pt idx="3689">
                  <c:v>40215</c:v>
                </c:pt>
                <c:pt idx="3690">
                  <c:v>40216</c:v>
                </c:pt>
                <c:pt idx="3691">
                  <c:v>40217</c:v>
                </c:pt>
                <c:pt idx="3692">
                  <c:v>40218</c:v>
                </c:pt>
                <c:pt idx="3693">
                  <c:v>40219</c:v>
                </c:pt>
                <c:pt idx="3694">
                  <c:v>40220</c:v>
                </c:pt>
                <c:pt idx="3695">
                  <c:v>40221</c:v>
                </c:pt>
                <c:pt idx="3696">
                  <c:v>40222</c:v>
                </c:pt>
                <c:pt idx="3697">
                  <c:v>40223</c:v>
                </c:pt>
                <c:pt idx="3698">
                  <c:v>40224</c:v>
                </c:pt>
                <c:pt idx="3699">
                  <c:v>40225</c:v>
                </c:pt>
                <c:pt idx="3700">
                  <c:v>40226</c:v>
                </c:pt>
                <c:pt idx="3701">
                  <c:v>40227</c:v>
                </c:pt>
                <c:pt idx="3702">
                  <c:v>40228</c:v>
                </c:pt>
                <c:pt idx="3703">
                  <c:v>40229</c:v>
                </c:pt>
                <c:pt idx="3704">
                  <c:v>40230</c:v>
                </c:pt>
                <c:pt idx="3705">
                  <c:v>40231</c:v>
                </c:pt>
                <c:pt idx="3706">
                  <c:v>40232</c:v>
                </c:pt>
                <c:pt idx="3707">
                  <c:v>40233</c:v>
                </c:pt>
                <c:pt idx="3708">
                  <c:v>40234</c:v>
                </c:pt>
                <c:pt idx="3709">
                  <c:v>40235</c:v>
                </c:pt>
                <c:pt idx="3710">
                  <c:v>40236</c:v>
                </c:pt>
                <c:pt idx="3711">
                  <c:v>40237</c:v>
                </c:pt>
                <c:pt idx="3712">
                  <c:v>40238</c:v>
                </c:pt>
                <c:pt idx="3713">
                  <c:v>40239</c:v>
                </c:pt>
                <c:pt idx="3714">
                  <c:v>40240</c:v>
                </c:pt>
                <c:pt idx="3715">
                  <c:v>40241</c:v>
                </c:pt>
                <c:pt idx="3716">
                  <c:v>40242</c:v>
                </c:pt>
                <c:pt idx="3717">
                  <c:v>40243</c:v>
                </c:pt>
                <c:pt idx="3718">
                  <c:v>40244</c:v>
                </c:pt>
                <c:pt idx="3719">
                  <c:v>40245</c:v>
                </c:pt>
                <c:pt idx="3720">
                  <c:v>40246</c:v>
                </c:pt>
                <c:pt idx="3721">
                  <c:v>40247</c:v>
                </c:pt>
                <c:pt idx="3722">
                  <c:v>40248</c:v>
                </c:pt>
                <c:pt idx="3723">
                  <c:v>40249</c:v>
                </c:pt>
                <c:pt idx="3724">
                  <c:v>40250</c:v>
                </c:pt>
                <c:pt idx="3725">
                  <c:v>40251</c:v>
                </c:pt>
                <c:pt idx="3726">
                  <c:v>40252</c:v>
                </c:pt>
                <c:pt idx="3727">
                  <c:v>40253</c:v>
                </c:pt>
                <c:pt idx="3728">
                  <c:v>40254</c:v>
                </c:pt>
                <c:pt idx="3729">
                  <c:v>40255</c:v>
                </c:pt>
                <c:pt idx="3730">
                  <c:v>40256</c:v>
                </c:pt>
                <c:pt idx="3731">
                  <c:v>40257</c:v>
                </c:pt>
                <c:pt idx="3732">
                  <c:v>40258</c:v>
                </c:pt>
                <c:pt idx="3733">
                  <c:v>40259</c:v>
                </c:pt>
                <c:pt idx="3734">
                  <c:v>40260</c:v>
                </c:pt>
                <c:pt idx="3735">
                  <c:v>40261</c:v>
                </c:pt>
                <c:pt idx="3736">
                  <c:v>40262</c:v>
                </c:pt>
                <c:pt idx="3737">
                  <c:v>40263</c:v>
                </c:pt>
                <c:pt idx="3738">
                  <c:v>40264</c:v>
                </c:pt>
                <c:pt idx="3739">
                  <c:v>40265</c:v>
                </c:pt>
                <c:pt idx="3740">
                  <c:v>40266</c:v>
                </c:pt>
                <c:pt idx="3741">
                  <c:v>40267</c:v>
                </c:pt>
                <c:pt idx="3742">
                  <c:v>40268</c:v>
                </c:pt>
                <c:pt idx="3743">
                  <c:v>40269</c:v>
                </c:pt>
                <c:pt idx="3744">
                  <c:v>40270</c:v>
                </c:pt>
                <c:pt idx="3745">
                  <c:v>40271</c:v>
                </c:pt>
                <c:pt idx="3746">
                  <c:v>40272</c:v>
                </c:pt>
                <c:pt idx="3747">
                  <c:v>40273</c:v>
                </c:pt>
                <c:pt idx="3748">
                  <c:v>40274</c:v>
                </c:pt>
                <c:pt idx="3749">
                  <c:v>40275</c:v>
                </c:pt>
                <c:pt idx="3750">
                  <c:v>40276</c:v>
                </c:pt>
                <c:pt idx="3751">
                  <c:v>40277</c:v>
                </c:pt>
                <c:pt idx="3752">
                  <c:v>40278</c:v>
                </c:pt>
                <c:pt idx="3753">
                  <c:v>40279</c:v>
                </c:pt>
                <c:pt idx="3754">
                  <c:v>40280</c:v>
                </c:pt>
                <c:pt idx="3755">
                  <c:v>40281</c:v>
                </c:pt>
                <c:pt idx="3756">
                  <c:v>40282</c:v>
                </c:pt>
                <c:pt idx="3757">
                  <c:v>40283</c:v>
                </c:pt>
                <c:pt idx="3758">
                  <c:v>40284</c:v>
                </c:pt>
                <c:pt idx="3759">
                  <c:v>40285</c:v>
                </c:pt>
                <c:pt idx="3760">
                  <c:v>40286</c:v>
                </c:pt>
                <c:pt idx="3761">
                  <c:v>40287</c:v>
                </c:pt>
                <c:pt idx="3762">
                  <c:v>40288</c:v>
                </c:pt>
                <c:pt idx="3763">
                  <c:v>40289</c:v>
                </c:pt>
                <c:pt idx="3764">
                  <c:v>40290</c:v>
                </c:pt>
                <c:pt idx="3765">
                  <c:v>40291</c:v>
                </c:pt>
                <c:pt idx="3766">
                  <c:v>40292</c:v>
                </c:pt>
                <c:pt idx="3767">
                  <c:v>40293</c:v>
                </c:pt>
                <c:pt idx="3768">
                  <c:v>40294</c:v>
                </c:pt>
                <c:pt idx="3769">
                  <c:v>40295</c:v>
                </c:pt>
                <c:pt idx="3770">
                  <c:v>40296</c:v>
                </c:pt>
                <c:pt idx="3771">
                  <c:v>40297</c:v>
                </c:pt>
                <c:pt idx="3772">
                  <c:v>40298</c:v>
                </c:pt>
                <c:pt idx="3773">
                  <c:v>40299</c:v>
                </c:pt>
                <c:pt idx="3774">
                  <c:v>40300</c:v>
                </c:pt>
                <c:pt idx="3775">
                  <c:v>40301</c:v>
                </c:pt>
                <c:pt idx="3776">
                  <c:v>40302</c:v>
                </c:pt>
                <c:pt idx="3777">
                  <c:v>40303</c:v>
                </c:pt>
                <c:pt idx="3778">
                  <c:v>40304</c:v>
                </c:pt>
                <c:pt idx="3779">
                  <c:v>40305</c:v>
                </c:pt>
                <c:pt idx="3780">
                  <c:v>40306</c:v>
                </c:pt>
                <c:pt idx="3781">
                  <c:v>40307</c:v>
                </c:pt>
                <c:pt idx="3782">
                  <c:v>40308</c:v>
                </c:pt>
                <c:pt idx="3783">
                  <c:v>40309</c:v>
                </c:pt>
                <c:pt idx="3784">
                  <c:v>40310</c:v>
                </c:pt>
                <c:pt idx="3785">
                  <c:v>40311</c:v>
                </c:pt>
                <c:pt idx="3786">
                  <c:v>40312</c:v>
                </c:pt>
                <c:pt idx="3787">
                  <c:v>40313</c:v>
                </c:pt>
                <c:pt idx="3788">
                  <c:v>40314</c:v>
                </c:pt>
                <c:pt idx="3789">
                  <c:v>40315</c:v>
                </c:pt>
                <c:pt idx="3790">
                  <c:v>40316</c:v>
                </c:pt>
                <c:pt idx="3791">
                  <c:v>40317</c:v>
                </c:pt>
                <c:pt idx="3792">
                  <c:v>40318</c:v>
                </c:pt>
                <c:pt idx="3793">
                  <c:v>40319</c:v>
                </c:pt>
                <c:pt idx="3794">
                  <c:v>40320</c:v>
                </c:pt>
                <c:pt idx="3795">
                  <c:v>40321</c:v>
                </c:pt>
                <c:pt idx="3796">
                  <c:v>40322</c:v>
                </c:pt>
                <c:pt idx="3797">
                  <c:v>40323</c:v>
                </c:pt>
                <c:pt idx="3798">
                  <c:v>40324</c:v>
                </c:pt>
                <c:pt idx="3799">
                  <c:v>40325</c:v>
                </c:pt>
                <c:pt idx="3800">
                  <c:v>40326</c:v>
                </c:pt>
                <c:pt idx="3801">
                  <c:v>40327</c:v>
                </c:pt>
                <c:pt idx="3802">
                  <c:v>40328</c:v>
                </c:pt>
                <c:pt idx="3803">
                  <c:v>40329</c:v>
                </c:pt>
                <c:pt idx="3804">
                  <c:v>40330</c:v>
                </c:pt>
                <c:pt idx="3805">
                  <c:v>40331</c:v>
                </c:pt>
                <c:pt idx="3806">
                  <c:v>40332</c:v>
                </c:pt>
                <c:pt idx="3807">
                  <c:v>40333</c:v>
                </c:pt>
                <c:pt idx="3808">
                  <c:v>40334</c:v>
                </c:pt>
                <c:pt idx="3809">
                  <c:v>40335</c:v>
                </c:pt>
                <c:pt idx="3810">
                  <c:v>40336</c:v>
                </c:pt>
                <c:pt idx="3811">
                  <c:v>40337</c:v>
                </c:pt>
                <c:pt idx="3812">
                  <c:v>40338</c:v>
                </c:pt>
                <c:pt idx="3813">
                  <c:v>40339</c:v>
                </c:pt>
                <c:pt idx="3814">
                  <c:v>40340</c:v>
                </c:pt>
                <c:pt idx="3815">
                  <c:v>40341</c:v>
                </c:pt>
                <c:pt idx="3816">
                  <c:v>40342</c:v>
                </c:pt>
                <c:pt idx="3817">
                  <c:v>40343</c:v>
                </c:pt>
                <c:pt idx="3818">
                  <c:v>40344</c:v>
                </c:pt>
                <c:pt idx="3819">
                  <c:v>40345</c:v>
                </c:pt>
                <c:pt idx="3820">
                  <c:v>40346</c:v>
                </c:pt>
                <c:pt idx="3821">
                  <c:v>40347</c:v>
                </c:pt>
                <c:pt idx="3822">
                  <c:v>40348</c:v>
                </c:pt>
                <c:pt idx="3823">
                  <c:v>40349</c:v>
                </c:pt>
                <c:pt idx="3824">
                  <c:v>40350</c:v>
                </c:pt>
                <c:pt idx="3825">
                  <c:v>40351</c:v>
                </c:pt>
                <c:pt idx="3826">
                  <c:v>40352</c:v>
                </c:pt>
                <c:pt idx="3827">
                  <c:v>40353</c:v>
                </c:pt>
                <c:pt idx="3828">
                  <c:v>40354</c:v>
                </c:pt>
                <c:pt idx="3829">
                  <c:v>40355</c:v>
                </c:pt>
                <c:pt idx="3830">
                  <c:v>40356</c:v>
                </c:pt>
                <c:pt idx="3831">
                  <c:v>40357</c:v>
                </c:pt>
                <c:pt idx="3832">
                  <c:v>40358</c:v>
                </c:pt>
                <c:pt idx="3833">
                  <c:v>40359</c:v>
                </c:pt>
                <c:pt idx="3834">
                  <c:v>40360</c:v>
                </c:pt>
                <c:pt idx="3835">
                  <c:v>40361</c:v>
                </c:pt>
                <c:pt idx="3836">
                  <c:v>40362</c:v>
                </c:pt>
                <c:pt idx="3837">
                  <c:v>40363</c:v>
                </c:pt>
                <c:pt idx="3838">
                  <c:v>40364</c:v>
                </c:pt>
                <c:pt idx="3839">
                  <c:v>40365</c:v>
                </c:pt>
                <c:pt idx="3840">
                  <c:v>40366</c:v>
                </c:pt>
                <c:pt idx="3841">
                  <c:v>40367</c:v>
                </c:pt>
                <c:pt idx="3842">
                  <c:v>40368</c:v>
                </c:pt>
                <c:pt idx="3843">
                  <c:v>40369</c:v>
                </c:pt>
                <c:pt idx="3844">
                  <c:v>40370</c:v>
                </c:pt>
                <c:pt idx="3845">
                  <c:v>40371</c:v>
                </c:pt>
                <c:pt idx="3846">
                  <c:v>40372</c:v>
                </c:pt>
                <c:pt idx="3847">
                  <c:v>40373</c:v>
                </c:pt>
                <c:pt idx="3848">
                  <c:v>40374</c:v>
                </c:pt>
                <c:pt idx="3849">
                  <c:v>40375</c:v>
                </c:pt>
                <c:pt idx="3850">
                  <c:v>40376</c:v>
                </c:pt>
                <c:pt idx="3851">
                  <c:v>40377</c:v>
                </c:pt>
                <c:pt idx="3852">
                  <c:v>40378</c:v>
                </c:pt>
                <c:pt idx="3853">
                  <c:v>40379</c:v>
                </c:pt>
                <c:pt idx="3854">
                  <c:v>40380</c:v>
                </c:pt>
                <c:pt idx="3855">
                  <c:v>40381</c:v>
                </c:pt>
                <c:pt idx="3856">
                  <c:v>40382</c:v>
                </c:pt>
                <c:pt idx="3857">
                  <c:v>40383</c:v>
                </c:pt>
                <c:pt idx="3858">
                  <c:v>40384</c:v>
                </c:pt>
                <c:pt idx="3859">
                  <c:v>40385</c:v>
                </c:pt>
                <c:pt idx="3860">
                  <c:v>40386</c:v>
                </c:pt>
                <c:pt idx="3861">
                  <c:v>40387</c:v>
                </c:pt>
                <c:pt idx="3862">
                  <c:v>40388</c:v>
                </c:pt>
                <c:pt idx="3863">
                  <c:v>40389</c:v>
                </c:pt>
                <c:pt idx="3864">
                  <c:v>40390</c:v>
                </c:pt>
                <c:pt idx="3865">
                  <c:v>40391</c:v>
                </c:pt>
                <c:pt idx="3866">
                  <c:v>40392</c:v>
                </c:pt>
                <c:pt idx="3867">
                  <c:v>40393</c:v>
                </c:pt>
                <c:pt idx="3868">
                  <c:v>40394</c:v>
                </c:pt>
                <c:pt idx="3869">
                  <c:v>40395</c:v>
                </c:pt>
                <c:pt idx="3870">
                  <c:v>40396</c:v>
                </c:pt>
                <c:pt idx="3871">
                  <c:v>40397</c:v>
                </c:pt>
                <c:pt idx="3872">
                  <c:v>40398</c:v>
                </c:pt>
                <c:pt idx="3873">
                  <c:v>40399</c:v>
                </c:pt>
                <c:pt idx="3874">
                  <c:v>40400</c:v>
                </c:pt>
                <c:pt idx="3875">
                  <c:v>40401</c:v>
                </c:pt>
                <c:pt idx="3876">
                  <c:v>40402</c:v>
                </c:pt>
                <c:pt idx="3877">
                  <c:v>40403</c:v>
                </c:pt>
                <c:pt idx="3878">
                  <c:v>40404</c:v>
                </c:pt>
                <c:pt idx="3879">
                  <c:v>40405</c:v>
                </c:pt>
                <c:pt idx="3880">
                  <c:v>40406</c:v>
                </c:pt>
                <c:pt idx="3881">
                  <c:v>40407</c:v>
                </c:pt>
                <c:pt idx="3882">
                  <c:v>40408</c:v>
                </c:pt>
                <c:pt idx="3883">
                  <c:v>40409</c:v>
                </c:pt>
                <c:pt idx="3884">
                  <c:v>40410</c:v>
                </c:pt>
                <c:pt idx="3885">
                  <c:v>40411</c:v>
                </c:pt>
                <c:pt idx="3886">
                  <c:v>40412</c:v>
                </c:pt>
                <c:pt idx="3887">
                  <c:v>40413</c:v>
                </c:pt>
                <c:pt idx="3888">
                  <c:v>40414</c:v>
                </c:pt>
                <c:pt idx="3889">
                  <c:v>40415</c:v>
                </c:pt>
                <c:pt idx="3890">
                  <c:v>40416</c:v>
                </c:pt>
                <c:pt idx="3891">
                  <c:v>40417</c:v>
                </c:pt>
                <c:pt idx="3892">
                  <c:v>40418</c:v>
                </c:pt>
                <c:pt idx="3893">
                  <c:v>40419</c:v>
                </c:pt>
                <c:pt idx="3894">
                  <c:v>40420</c:v>
                </c:pt>
                <c:pt idx="3895">
                  <c:v>40421</c:v>
                </c:pt>
                <c:pt idx="3896">
                  <c:v>40422</c:v>
                </c:pt>
                <c:pt idx="3897">
                  <c:v>40423</c:v>
                </c:pt>
                <c:pt idx="3898">
                  <c:v>40424</c:v>
                </c:pt>
                <c:pt idx="3899">
                  <c:v>40425</c:v>
                </c:pt>
                <c:pt idx="3900">
                  <c:v>40426</c:v>
                </c:pt>
                <c:pt idx="3901">
                  <c:v>40427</c:v>
                </c:pt>
                <c:pt idx="3902">
                  <c:v>40428</c:v>
                </c:pt>
                <c:pt idx="3903">
                  <c:v>40429</c:v>
                </c:pt>
                <c:pt idx="3904">
                  <c:v>40430</c:v>
                </c:pt>
                <c:pt idx="3905">
                  <c:v>40431</c:v>
                </c:pt>
                <c:pt idx="3906">
                  <c:v>40432</c:v>
                </c:pt>
                <c:pt idx="3907">
                  <c:v>40433</c:v>
                </c:pt>
                <c:pt idx="3908">
                  <c:v>40434</c:v>
                </c:pt>
                <c:pt idx="3909">
                  <c:v>40435</c:v>
                </c:pt>
                <c:pt idx="3910">
                  <c:v>40436</c:v>
                </c:pt>
                <c:pt idx="3911">
                  <c:v>40437</c:v>
                </c:pt>
                <c:pt idx="3912">
                  <c:v>40438</c:v>
                </c:pt>
                <c:pt idx="3913">
                  <c:v>40439</c:v>
                </c:pt>
                <c:pt idx="3914">
                  <c:v>40440</c:v>
                </c:pt>
                <c:pt idx="3915">
                  <c:v>40441</c:v>
                </c:pt>
                <c:pt idx="3916">
                  <c:v>40442</c:v>
                </c:pt>
                <c:pt idx="3917">
                  <c:v>40443</c:v>
                </c:pt>
                <c:pt idx="3918">
                  <c:v>40444</c:v>
                </c:pt>
                <c:pt idx="3919">
                  <c:v>40445</c:v>
                </c:pt>
                <c:pt idx="3920">
                  <c:v>40446</c:v>
                </c:pt>
                <c:pt idx="3921">
                  <c:v>40447</c:v>
                </c:pt>
                <c:pt idx="3922">
                  <c:v>40448</c:v>
                </c:pt>
                <c:pt idx="3923">
                  <c:v>40449</c:v>
                </c:pt>
                <c:pt idx="3924">
                  <c:v>40450</c:v>
                </c:pt>
                <c:pt idx="3925">
                  <c:v>40451</c:v>
                </c:pt>
                <c:pt idx="3926">
                  <c:v>40452</c:v>
                </c:pt>
                <c:pt idx="3927">
                  <c:v>40453</c:v>
                </c:pt>
                <c:pt idx="3928">
                  <c:v>40454</c:v>
                </c:pt>
                <c:pt idx="3929">
                  <c:v>40455</c:v>
                </c:pt>
                <c:pt idx="3930">
                  <c:v>40456</c:v>
                </c:pt>
                <c:pt idx="3931">
                  <c:v>40457</c:v>
                </c:pt>
                <c:pt idx="3932">
                  <c:v>40458</c:v>
                </c:pt>
                <c:pt idx="3933">
                  <c:v>40459</c:v>
                </c:pt>
                <c:pt idx="3934">
                  <c:v>40460</c:v>
                </c:pt>
                <c:pt idx="3935">
                  <c:v>40461</c:v>
                </c:pt>
                <c:pt idx="3936">
                  <c:v>40462</c:v>
                </c:pt>
                <c:pt idx="3937">
                  <c:v>40463</c:v>
                </c:pt>
                <c:pt idx="3938">
                  <c:v>40464</c:v>
                </c:pt>
                <c:pt idx="3939">
                  <c:v>40465</c:v>
                </c:pt>
                <c:pt idx="3940">
                  <c:v>40466</c:v>
                </c:pt>
                <c:pt idx="3941">
                  <c:v>40467</c:v>
                </c:pt>
                <c:pt idx="3942">
                  <c:v>40468</c:v>
                </c:pt>
                <c:pt idx="3943">
                  <c:v>40469</c:v>
                </c:pt>
                <c:pt idx="3944">
                  <c:v>40470</c:v>
                </c:pt>
                <c:pt idx="3945">
                  <c:v>40471</c:v>
                </c:pt>
                <c:pt idx="3946">
                  <c:v>40472</c:v>
                </c:pt>
                <c:pt idx="3947">
                  <c:v>40473</c:v>
                </c:pt>
                <c:pt idx="3948">
                  <c:v>40474</c:v>
                </c:pt>
                <c:pt idx="3949">
                  <c:v>40475</c:v>
                </c:pt>
                <c:pt idx="3950">
                  <c:v>40476</c:v>
                </c:pt>
                <c:pt idx="3951">
                  <c:v>40477</c:v>
                </c:pt>
                <c:pt idx="3952">
                  <c:v>40478</c:v>
                </c:pt>
                <c:pt idx="3953">
                  <c:v>40479</c:v>
                </c:pt>
                <c:pt idx="3954">
                  <c:v>40480</c:v>
                </c:pt>
                <c:pt idx="3955">
                  <c:v>40481</c:v>
                </c:pt>
                <c:pt idx="3956">
                  <c:v>40482</c:v>
                </c:pt>
                <c:pt idx="3957">
                  <c:v>40483</c:v>
                </c:pt>
                <c:pt idx="3958">
                  <c:v>40484</c:v>
                </c:pt>
                <c:pt idx="3959">
                  <c:v>40485</c:v>
                </c:pt>
                <c:pt idx="3960">
                  <c:v>40486</c:v>
                </c:pt>
                <c:pt idx="3961">
                  <c:v>40487</c:v>
                </c:pt>
                <c:pt idx="3962">
                  <c:v>40488</c:v>
                </c:pt>
                <c:pt idx="3963">
                  <c:v>40489</c:v>
                </c:pt>
                <c:pt idx="3964">
                  <c:v>40490</c:v>
                </c:pt>
                <c:pt idx="3965">
                  <c:v>40491</c:v>
                </c:pt>
                <c:pt idx="3966">
                  <c:v>40492</c:v>
                </c:pt>
                <c:pt idx="3967">
                  <c:v>40493</c:v>
                </c:pt>
                <c:pt idx="3968">
                  <c:v>40494</c:v>
                </c:pt>
                <c:pt idx="3969">
                  <c:v>40495</c:v>
                </c:pt>
                <c:pt idx="3970">
                  <c:v>40496</c:v>
                </c:pt>
                <c:pt idx="3971">
                  <c:v>40497</c:v>
                </c:pt>
                <c:pt idx="3972">
                  <c:v>40498</c:v>
                </c:pt>
                <c:pt idx="3973">
                  <c:v>40499</c:v>
                </c:pt>
                <c:pt idx="3974">
                  <c:v>40500</c:v>
                </c:pt>
                <c:pt idx="3975">
                  <c:v>40501</c:v>
                </c:pt>
                <c:pt idx="3976">
                  <c:v>40502</c:v>
                </c:pt>
                <c:pt idx="3977">
                  <c:v>40503</c:v>
                </c:pt>
                <c:pt idx="3978">
                  <c:v>40504</c:v>
                </c:pt>
                <c:pt idx="3979">
                  <c:v>40505</c:v>
                </c:pt>
                <c:pt idx="3980">
                  <c:v>40506</c:v>
                </c:pt>
                <c:pt idx="3981">
                  <c:v>40507</c:v>
                </c:pt>
                <c:pt idx="3982">
                  <c:v>40508</c:v>
                </c:pt>
                <c:pt idx="3983">
                  <c:v>40509</c:v>
                </c:pt>
                <c:pt idx="3984">
                  <c:v>40510</c:v>
                </c:pt>
                <c:pt idx="3985">
                  <c:v>40511</c:v>
                </c:pt>
                <c:pt idx="3986">
                  <c:v>40512</c:v>
                </c:pt>
                <c:pt idx="3987">
                  <c:v>40513</c:v>
                </c:pt>
                <c:pt idx="3988">
                  <c:v>40514</c:v>
                </c:pt>
                <c:pt idx="3989">
                  <c:v>40515</c:v>
                </c:pt>
                <c:pt idx="3990">
                  <c:v>40516</c:v>
                </c:pt>
                <c:pt idx="3991">
                  <c:v>40517</c:v>
                </c:pt>
                <c:pt idx="3992">
                  <c:v>40518</c:v>
                </c:pt>
                <c:pt idx="3993">
                  <c:v>40519</c:v>
                </c:pt>
                <c:pt idx="3994">
                  <c:v>40520</c:v>
                </c:pt>
                <c:pt idx="3995">
                  <c:v>40521</c:v>
                </c:pt>
                <c:pt idx="3996">
                  <c:v>40522</c:v>
                </c:pt>
                <c:pt idx="3997">
                  <c:v>40523</c:v>
                </c:pt>
                <c:pt idx="3998">
                  <c:v>40524</c:v>
                </c:pt>
                <c:pt idx="3999">
                  <c:v>40525</c:v>
                </c:pt>
                <c:pt idx="4000">
                  <c:v>40526</c:v>
                </c:pt>
                <c:pt idx="4001">
                  <c:v>40527</c:v>
                </c:pt>
                <c:pt idx="4002">
                  <c:v>40528</c:v>
                </c:pt>
                <c:pt idx="4003">
                  <c:v>40529</c:v>
                </c:pt>
                <c:pt idx="4004">
                  <c:v>40530</c:v>
                </c:pt>
                <c:pt idx="4005">
                  <c:v>40531</c:v>
                </c:pt>
                <c:pt idx="4006">
                  <c:v>40532</c:v>
                </c:pt>
                <c:pt idx="4007">
                  <c:v>40533</c:v>
                </c:pt>
                <c:pt idx="4008">
                  <c:v>40534</c:v>
                </c:pt>
                <c:pt idx="4009">
                  <c:v>40535</c:v>
                </c:pt>
                <c:pt idx="4010">
                  <c:v>40536</c:v>
                </c:pt>
                <c:pt idx="4011">
                  <c:v>40537</c:v>
                </c:pt>
                <c:pt idx="4012">
                  <c:v>40538</c:v>
                </c:pt>
                <c:pt idx="4013">
                  <c:v>40539</c:v>
                </c:pt>
                <c:pt idx="4014">
                  <c:v>40540</c:v>
                </c:pt>
                <c:pt idx="4015">
                  <c:v>40541</c:v>
                </c:pt>
                <c:pt idx="4016">
                  <c:v>40542</c:v>
                </c:pt>
                <c:pt idx="4017">
                  <c:v>40543</c:v>
                </c:pt>
                <c:pt idx="4018">
                  <c:v>40544</c:v>
                </c:pt>
                <c:pt idx="4019">
                  <c:v>40545</c:v>
                </c:pt>
                <c:pt idx="4020">
                  <c:v>40546</c:v>
                </c:pt>
                <c:pt idx="4021">
                  <c:v>40547</c:v>
                </c:pt>
                <c:pt idx="4022">
                  <c:v>40548</c:v>
                </c:pt>
                <c:pt idx="4023">
                  <c:v>40549</c:v>
                </c:pt>
                <c:pt idx="4024">
                  <c:v>40550</c:v>
                </c:pt>
                <c:pt idx="4025">
                  <c:v>40551</c:v>
                </c:pt>
                <c:pt idx="4026">
                  <c:v>40552</c:v>
                </c:pt>
                <c:pt idx="4027">
                  <c:v>40553</c:v>
                </c:pt>
                <c:pt idx="4028">
                  <c:v>40554</c:v>
                </c:pt>
                <c:pt idx="4029">
                  <c:v>40555</c:v>
                </c:pt>
                <c:pt idx="4030">
                  <c:v>40556</c:v>
                </c:pt>
                <c:pt idx="4031">
                  <c:v>40557</c:v>
                </c:pt>
                <c:pt idx="4032">
                  <c:v>40558</c:v>
                </c:pt>
                <c:pt idx="4033">
                  <c:v>40559</c:v>
                </c:pt>
                <c:pt idx="4034">
                  <c:v>40560</c:v>
                </c:pt>
                <c:pt idx="4035">
                  <c:v>40561</c:v>
                </c:pt>
                <c:pt idx="4036">
                  <c:v>40562</c:v>
                </c:pt>
                <c:pt idx="4037">
                  <c:v>40563</c:v>
                </c:pt>
                <c:pt idx="4038">
                  <c:v>40564</c:v>
                </c:pt>
                <c:pt idx="4039">
                  <c:v>40565</c:v>
                </c:pt>
                <c:pt idx="4040">
                  <c:v>40566</c:v>
                </c:pt>
                <c:pt idx="4041">
                  <c:v>40567</c:v>
                </c:pt>
                <c:pt idx="4042">
                  <c:v>40568</c:v>
                </c:pt>
                <c:pt idx="4043">
                  <c:v>40569</c:v>
                </c:pt>
                <c:pt idx="4044">
                  <c:v>40570</c:v>
                </c:pt>
                <c:pt idx="4045">
                  <c:v>40571</c:v>
                </c:pt>
                <c:pt idx="4046">
                  <c:v>40572</c:v>
                </c:pt>
                <c:pt idx="4047">
                  <c:v>40573</c:v>
                </c:pt>
                <c:pt idx="4048">
                  <c:v>40574</c:v>
                </c:pt>
                <c:pt idx="4049">
                  <c:v>40575</c:v>
                </c:pt>
                <c:pt idx="4050">
                  <c:v>40576</c:v>
                </c:pt>
                <c:pt idx="4051">
                  <c:v>40577</c:v>
                </c:pt>
                <c:pt idx="4052">
                  <c:v>40578</c:v>
                </c:pt>
                <c:pt idx="4053">
                  <c:v>40579</c:v>
                </c:pt>
                <c:pt idx="4054">
                  <c:v>40580</c:v>
                </c:pt>
                <c:pt idx="4055">
                  <c:v>40581</c:v>
                </c:pt>
                <c:pt idx="4056">
                  <c:v>40582</c:v>
                </c:pt>
                <c:pt idx="4057">
                  <c:v>40583</c:v>
                </c:pt>
                <c:pt idx="4058">
                  <c:v>40584</c:v>
                </c:pt>
                <c:pt idx="4059">
                  <c:v>40585</c:v>
                </c:pt>
                <c:pt idx="4060">
                  <c:v>40586</c:v>
                </c:pt>
                <c:pt idx="4061">
                  <c:v>40587</c:v>
                </c:pt>
                <c:pt idx="4062">
                  <c:v>40588</c:v>
                </c:pt>
                <c:pt idx="4063">
                  <c:v>40589</c:v>
                </c:pt>
                <c:pt idx="4064">
                  <c:v>40590</c:v>
                </c:pt>
                <c:pt idx="4065">
                  <c:v>40591</c:v>
                </c:pt>
                <c:pt idx="4066">
                  <c:v>40592</c:v>
                </c:pt>
                <c:pt idx="4067">
                  <c:v>40593</c:v>
                </c:pt>
                <c:pt idx="4068">
                  <c:v>40594</c:v>
                </c:pt>
                <c:pt idx="4069">
                  <c:v>40595</c:v>
                </c:pt>
                <c:pt idx="4070">
                  <c:v>40596</c:v>
                </c:pt>
                <c:pt idx="4071">
                  <c:v>40597</c:v>
                </c:pt>
                <c:pt idx="4072">
                  <c:v>40598</c:v>
                </c:pt>
                <c:pt idx="4073">
                  <c:v>40599</c:v>
                </c:pt>
                <c:pt idx="4074">
                  <c:v>40600</c:v>
                </c:pt>
                <c:pt idx="4075">
                  <c:v>40601</c:v>
                </c:pt>
                <c:pt idx="4076">
                  <c:v>40602</c:v>
                </c:pt>
                <c:pt idx="4077">
                  <c:v>40603</c:v>
                </c:pt>
                <c:pt idx="4078">
                  <c:v>40604</c:v>
                </c:pt>
                <c:pt idx="4079">
                  <c:v>40605</c:v>
                </c:pt>
                <c:pt idx="4080">
                  <c:v>40606</c:v>
                </c:pt>
                <c:pt idx="4081">
                  <c:v>40607</c:v>
                </c:pt>
                <c:pt idx="4082">
                  <c:v>40608</c:v>
                </c:pt>
                <c:pt idx="4083">
                  <c:v>40609</c:v>
                </c:pt>
                <c:pt idx="4084">
                  <c:v>40610</c:v>
                </c:pt>
                <c:pt idx="4085">
                  <c:v>40611</c:v>
                </c:pt>
                <c:pt idx="4086">
                  <c:v>40612</c:v>
                </c:pt>
                <c:pt idx="4087">
                  <c:v>40613</c:v>
                </c:pt>
                <c:pt idx="4088">
                  <c:v>40614</c:v>
                </c:pt>
                <c:pt idx="4089">
                  <c:v>40615</c:v>
                </c:pt>
                <c:pt idx="4090">
                  <c:v>40616</c:v>
                </c:pt>
                <c:pt idx="4091">
                  <c:v>40617</c:v>
                </c:pt>
                <c:pt idx="4092">
                  <c:v>40618</c:v>
                </c:pt>
                <c:pt idx="4093">
                  <c:v>40619</c:v>
                </c:pt>
                <c:pt idx="4094">
                  <c:v>40620</c:v>
                </c:pt>
                <c:pt idx="4095">
                  <c:v>40621</c:v>
                </c:pt>
                <c:pt idx="4096">
                  <c:v>40622</c:v>
                </c:pt>
                <c:pt idx="4097">
                  <c:v>40623</c:v>
                </c:pt>
                <c:pt idx="4098">
                  <c:v>40624</c:v>
                </c:pt>
                <c:pt idx="4099">
                  <c:v>40625</c:v>
                </c:pt>
                <c:pt idx="4100">
                  <c:v>40626</c:v>
                </c:pt>
                <c:pt idx="4101">
                  <c:v>40627</c:v>
                </c:pt>
                <c:pt idx="4102">
                  <c:v>40628</c:v>
                </c:pt>
                <c:pt idx="4103">
                  <c:v>40629</c:v>
                </c:pt>
                <c:pt idx="4104">
                  <c:v>40630</c:v>
                </c:pt>
                <c:pt idx="4105">
                  <c:v>40631</c:v>
                </c:pt>
                <c:pt idx="4106">
                  <c:v>40632</c:v>
                </c:pt>
                <c:pt idx="4107">
                  <c:v>40633</c:v>
                </c:pt>
                <c:pt idx="4108">
                  <c:v>40634</c:v>
                </c:pt>
                <c:pt idx="4109">
                  <c:v>40635</c:v>
                </c:pt>
                <c:pt idx="4110">
                  <c:v>40636</c:v>
                </c:pt>
                <c:pt idx="4111">
                  <c:v>40637</c:v>
                </c:pt>
                <c:pt idx="4112">
                  <c:v>40638</c:v>
                </c:pt>
                <c:pt idx="4113">
                  <c:v>40639</c:v>
                </c:pt>
                <c:pt idx="4114">
                  <c:v>40640</c:v>
                </c:pt>
                <c:pt idx="4115">
                  <c:v>40641</c:v>
                </c:pt>
                <c:pt idx="4116">
                  <c:v>40642</c:v>
                </c:pt>
                <c:pt idx="4117">
                  <c:v>40643</c:v>
                </c:pt>
                <c:pt idx="4118">
                  <c:v>40644</c:v>
                </c:pt>
                <c:pt idx="4119">
                  <c:v>40645</c:v>
                </c:pt>
                <c:pt idx="4120">
                  <c:v>40646</c:v>
                </c:pt>
                <c:pt idx="4121">
                  <c:v>40647</c:v>
                </c:pt>
                <c:pt idx="4122">
                  <c:v>40648</c:v>
                </c:pt>
                <c:pt idx="4123">
                  <c:v>40649</c:v>
                </c:pt>
                <c:pt idx="4124">
                  <c:v>40650</c:v>
                </c:pt>
                <c:pt idx="4125">
                  <c:v>40651</c:v>
                </c:pt>
                <c:pt idx="4126">
                  <c:v>40652</c:v>
                </c:pt>
                <c:pt idx="4127">
                  <c:v>40653</c:v>
                </c:pt>
                <c:pt idx="4128">
                  <c:v>40654</c:v>
                </c:pt>
                <c:pt idx="4129">
                  <c:v>40655</c:v>
                </c:pt>
                <c:pt idx="4130">
                  <c:v>40656</c:v>
                </c:pt>
                <c:pt idx="4131">
                  <c:v>40657</c:v>
                </c:pt>
                <c:pt idx="4132">
                  <c:v>40658</c:v>
                </c:pt>
                <c:pt idx="4133">
                  <c:v>40659</c:v>
                </c:pt>
                <c:pt idx="4134">
                  <c:v>40660</c:v>
                </c:pt>
                <c:pt idx="4135">
                  <c:v>40661</c:v>
                </c:pt>
                <c:pt idx="4136">
                  <c:v>40662</c:v>
                </c:pt>
                <c:pt idx="4137">
                  <c:v>40663</c:v>
                </c:pt>
                <c:pt idx="4138">
                  <c:v>40664</c:v>
                </c:pt>
                <c:pt idx="4139">
                  <c:v>40665</c:v>
                </c:pt>
                <c:pt idx="4140">
                  <c:v>40666</c:v>
                </c:pt>
                <c:pt idx="4141">
                  <c:v>40667</c:v>
                </c:pt>
                <c:pt idx="4142">
                  <c:v>40668</c:v>
                </c:pt>
                <c:pt idx="4143">
                  <c:v>40669</c:v>
                </c:pt>
                <c:pt idx="4144">
                  <c:v>40670</c:v>
                </c:pt>
                <c:pt idx="4145">
                  <c:v>40671</c:v>
                </c:pt>
                <c:pt idx="4146">
                  <c:v>40672</c:v>
                </c:pt>
                <c:pt idx="4147">
                  <c:v>40673</c:v>
                </c:pt>
                <c:pt idx="4148">
                  <c:v>40674</c:v>
                </c:pt>
                <c:pt idx="4149">
                  <c:v>40675</c:v>
                </c:pt>
                <c:pt idx="4150">
                  <c:v>40676</c:v>
                </c:pt>
                <c:pt idx="4151">
                  <c:v>40677</c:v>
                </c:pt>
                <c:pt idx="4152">
                  <c:v>40678</c:v>
                </c:pt>
                <c:pt idx="4153">
                  <c:v>40679</c:v>
                </c:pt>
                <c:pt idx="4154">
                  <c:v>40680</c:v>
                </c:pt>
                <c:pt idx="4155">
                  <c:v>40681</c:v>
                </c:pt>
                <c:pt idx="4156">
                  <c:v>40682</c:v>
                </c:pt>
                <c:pt idx="4157">
                  <c:v>40683</c:v>
                </c:pt>
                <c:pt idx="4158">
                  <c:v>40684</c:v>
                </c:pt>
                <c:pt idx="4159">
                  <c:v>40685</c:v>
                </c:pt>
                <c:pt idx="4160">
                  <c:v>40686</c:v>
                </c:pt>
                <c:pt idx="4161">
                  <c:v>40687</c:v>
                </c:pt>
                <c:pt idx="4162">
                  <c:v>40688</c:v>
                </c:pt>
                <c:pt idx="4163">
                  <c:v>40689</c:v>
                </c:pt>
                <c:pt idx="4164">
                  <c:v>40690</c:v>
                </c:pt>
                <c:pt idx="4165">
                  <c:v>40691</c:v>
                </c:pt>
                <c:pt idx="4166">
                  <c:v>40692</c:v>
                </c:pt>
                <c:pt idx="4167">
                  <c:v>40693</c:v>
                </c:pt>
                <c:pt idx="4168">
                  <c:v>40694</c:v>
                </c:pt>
                <c:pt idx="4169">
                  <c:v>40695</c:v>
                </c:pt>
                <c:pt idx="4170">
                  <c:v>40696</c:v>
                </c:pt>
                <c:pt idx="4171">
                  <c:v>40697</c:v>
                </c:pt>
                <c:pt idx="4172">
                  <c:v>40698</c:v>
                </c:pt>
                <c:pt idx="4173">
                  <c:v>40699</c:v>
                </c:pt>
                <c:pt idx="4174">
                  <c:v>40700</c:v>
                </c:pt>
                <c:pt idx="4175">
                  <c:v>40701</c:v>
                </c:pt>
                <c:pt idx="4176">
                  <c:v>40702</c:v>
                </c:pt>
                <c:pt idx="4177">
                  <c:v>40703</c:v>
                </c:pt>
                <c:pt idx="4178">
                  <c:v>40704</c:v>
                </c:pt>
                <c:pt idx="4179">
                  <c:v>40705</c:v>
                </c:pt>
                <c:pt idx="4180">
                  <c:v>40706</c:v>
                </c:pt>
                <c:pt idx="4181">
                  <c:v>40707</c:v>
                </c:pt>
                <c:pt idx="4182">
                  <c:v>40708</c:v>
                </c:pt>
                <c:pt idx="4183">
                  <c:v>40709</c:v>
                </c:pt>
                <c:pt idx="4184">
                  <c:v>40710</c:v>
                </c:pt>
                <c:pt idx="4185">
                  <c:v>40711</c:v>
                </c:pt>
                <c:pt idx="4186">
                  <c:v>40712</c:v>
                </c:pt>
                <c:pt idx="4187">
                  <c:v>40713</c:v>
                </c:pt>
                <c:pt idx="4188">
                  <c:v>40714</c:v>
                </c:pt>
                <c:pt idx="4189">
                  <c:v>40715</c:v>
                </c:pt>
                <c:pt idx="4190">
                  <c:v>40716</c:v>
                </c:pt>
                <c:pt idx="4191">
                  <c:v>40717</c:v>
                </c:pt>
                <c:pt idx="4192">
                  <c:v>40718</c:v>
                </c:pt>
                <c:pt idx="4193">
                  <c:v>40719</c:v>
                </c:pt>
                <c:pt idx="4194">
                  <c:v>40720</c:v>
                </c:pt>
                <c:pt idx="4195">
                  <c:v>40721</c:v>
                </c:pt>
                <c:pt idx="4196">
                  <c:v>40722</c:v>
                </c:pt>
                <c:pt idx="4197">
                  <c:v>40723</c:v>
                </c:pt>
                <c:pt idx="4198">
                  <c:v>40724</c:v>
                </c:pt>
                <c:pt idx="4199">
                  <c:v>40725</c:v>
                </c:pt>
                <c:pt idx="4200">
                  <c:v>40726</c:v>
                </c:pt>
                <c:pt idx="4201">
                  <c:v>40727</c:v>
                </c:pt>
                <c:pt idx="4202">
                  <c:v>40728</c:v>
                </c:pt>
                <c:pt idx="4203">
                  <c:v>40729</c:v>
                </c:pt>
                <c:pt idx="4204">
                  <c:v>40730</c:v>
                </c:pt>
                <c:pt idx="4205">
                  <c:v>40731</c:v>
                </c:pt>
                <c:pt idx="4206">
                  <c:v>40732</c:v>
                </c:pt>
                <c:pt idx="4207">
                  <c:v>40733</c:v>
                </c:pt>
                <c:pt idx="4208">
                  <c:v>40734</c:v>
                </c:pt>
                <c:pt idx="4209">
                  <c:v>40735</c:v>
                </c:pt>
                <c:pt idx="4210">
                  <c:v>40736</c:v>
                </c:pt>
                <c:pt idx="4211">
                  <c:v>40737</c:v>
                </c:pt>
                <c:pt idx="4212">
                  <c:v>40738</c:v>
                </c:pt>
                <c:pt idx="4213">
                  <c:v>40739</c:v>
                </c:pt>
                <c:pt idx="4214">
                  <c:v>40740</c:v>
                </c:pt>
                <c:pt idx="4215">
                  <c:v>40741</c:v>
                </c:pt>
                <c:pt idx="4216">
                  <c:v>40742</c:v>
                </c:pt>
                <c:pt idx="4217">
                  <c:v>40743</c:v>
                </c:pt>
                <c:pt idx="4218">
                  <c:v>40744</c:v>
                </c:pt>
                <c:pt idx="4219">
                  <c:v>40745</c:v>
                </c:pt>
                <c:pt idx="4220">
                  <c:v>40746</c:v>
                </c:pt>
                <c:pt idx="4221">
                  <c:v>40747</c:v>
                </c:pt>
                <c:pt idx="4222">
                  <c:v>40748</c:v>
                </c:pt>
                <c:pt idx="4223">
                  <c:v>40749</c:v>
                </c:pt>
                <c:pt idx="4224">
                  <c:v>40750</c:v>
                </c:pt>
                <c:pt idx="4225">
                  <c:v>40751</c:v>
                </c:pt>
                <c:pt idx="4226">
                  <c:v>40752</c:v>
                </c:pt>
                <c:pt idx="4227">
                  <c:v>40753</c:v>
                </c:pt>
                <c:pt idx="4228">
                  <c:v>40754</c:v>
                </c:pt>
                <c:pt idx="4229">
                  <c:v>40755</c:v>
                </c:pt>
                <c:pt idx="4230">
                  <c:v>40756</c:v>
                </c:pt>
                <c:pt idx="4231">
                  <c:v>40757</c:v>
                </c:pt>
                <c:pt idx="4232">
                  <c:v>40758</c:v>
                </c:pt>
                <c:pt idx="4233">
                  <c:v>40759</c:v>
                </c:pt>
                <c:pt idx="4234">
                  <c:v>40760</c:v>
                </c:pt>
                <c:pt idx="4235">
                  <c:v>40761</c:v>
                </c:pt>
                <c:pt idx="4236">
                  <c:v>40762</c:v>
                </c:pt>
                <c:pt idx="4237">
                  <c:v>40763</c:v>
                </c:pt>
                <c:pt idx="4238">
                  <c:v>40764</c:v>
                </c:pt>
                <c:pt idx="4239">
                  <c:v>40765</c:v>
                </c:pt>
                <c:pt idx="4240">
                  <c:v>40766</c:v>
                </c:pt>
                <c:pt idx="4241">
                  <c:v>40767</c:v>
                </c:pt>
                <c:pt idx="4242">
                  <c:v>40768</c:v>
                </c:pt>
                <c:pt idx="4243">
                  <c:v>40769</c:v>
                </c:pt>
                <c:pt idx="4244">
                  <c:v>40770</c:v>
                </c:pt>
                <c:pt idx="4245">
                  <c:v>40771</c:v>
                </c:pt>
                <c:pt idx="4246">
                  <c:v>40772</c:v>
                </c:pt>
                <c:pt idx="4247">
                  <c:v>40773</c:v>
                </c:pt>
                <c:pt idx="4248">
                  <c:v>40774</c:v>
                </c:pt>
                <c:pt idx="4249">
                  <c:v>40775</c:v>
                </c:pt>
                <c:pt idx="4250">
                  <c:v>40776</c:v>
                </c:pt>
                <c:pt idx="4251">
                  <c:v>40777</c:v>
                </c:pt>
                <c:pt idx="4252">
                  <c:v>40778</c:v>
                </c:pt>
                <c:pt idx="4253">
                  <c:v>40779</c:v>
                </c:pt>
                <c:pt idx="4254">
                  <c:v>40780</c:v>
                </c:pt>
                <c:pt idx="4255">
                  <c:v>40781</c:v>
                </c:pt>
                <c:pt idx="4256">
                  <c:v>40782</c:v>
                </c:pt>
                <c:pt idx="4257">
                  <c:v>40783</c:v>
                </c:pt>
                <c:pt idx="4258">
                  <c:v>40784</c:v>
                </c:pt>
                <c:pt idx="4259">
                  <c:v>40785</c:v>
                </c:pt>
                <c:pt idx="4260">
                  <c:v>40786</c:v>
                </c:pt>
                <c:pt idx="4261">
                  <c:v>40787</c:v>
                </c:pt>
                <c:pt idx="4262">
                  <c:v>40788</c:v>
                </c:pt>
                <c:pt idx="4263">
                  <c:v>40789</c:v>
                </c:pt>
                <c:pt idx="4264">
                  <c:v>40790</c:v>
                </c:pt>
                <c:pt idx="4265">
                  <c:v>40791</c:v>
                </c:pt>
                <c:pt idx="4266">
                  <c:v>40792</c:v>
                </c:pt>
                <c:pt idx="4267">
                  <c:v>40793</c:v>
                </c:pt>
                <c:pt idx="4268">
                  <c:v>40794</c:v>
                </c:pt>
                <c:pt idx="4269">
                  <c:v>40795</c:v>
                </c:pt>
                <c:pt idx="4270">
                  <c:v>40796</c:v>
                </c:pt>
                <c:pt idx="4271">
                  <c:v>40797</c:v>
                </c:pt>
                <c:pt idx="4272">
                  <c:v>40798</c:v>
                </c:pt>
                <c:pt idx="4273">
                  <c:v>40799</c:v>
                </c:pt>
                <c:pt idx="4274">
                  <c:v>40800</c:v>
                </c:pt>
                <c:pt idx="4275">
                  <c:v>40801</c:v>
                </c:pt>
                <c:pt idx="4276">
                  <c:v>40802</c:v>
                </c:pt>
                <c:pt idx="4277">
                  <c:v>40803</c:v>
                </c:pt>
                <c:pt idx="4278">
                  <c:v>40804</c:v>
                </c:pt>
                <c:pt idx="4279">
                  <c:v>40805</c:v>
                </c:pt>
                <c:pt idx="4280">
                  <c:v>40806</c:v>
                </c:pt>
                <c:pt idx="4281">
                  <c:v>40807</c:v>
                </c:pt>
                <c:pt idx="4282">
                  <c:v>40808</c:v>
                </c:pt>
                <c:pt idx="4283">
                  <c:v>40809</c:v>
                </c:pt>
                <c:pt idx="4284">
                  <c:v>40810</c:v>
                </c:pt>
                <c:pt idx="4285">
                  <c:v>40811</c:v>
                </c:pt>
                <c:pt idx="4286">
                  <c:v>40812</c:v>
                </c:pt>
                <c:pt idx="4287">
                  <c:v>40813</c:v>
                </c:pt>
                <c:pt idx="4288">
                  <c:v>40814</c:v>
                </c:pt>
                <c:pt idx="4289">
                  <c:v>40815</c:v>
                </c:pt>
                <c:pt idx="4290">
                  <c:v>40816</c:v>
                </c:pt>
                <c:pt idx="4291">
                  <c:v>40817</c:v>
                </c:pt>
                <c:pt idx="4292">
                  <c:v>40818</c:v>
                </c:pt>
                <c:pt idx="4293">
                  <c:v>40819</c:v>
                </c:pt>
                <c:pt idx="4294">
                  <c:v>40820</c:v>
                </c:pt>
                <c:pt idx="4295">
                  <c:v>40821</c:v>
                </c:pt>
                <c:pt idx="4296">
                  <c:v>40822</c:v>
                </c:pt>
                <c:pt idx="4297">
                  <c:v>40823</c:v>
                </c:pt>
                <c:pt idx="4298">
                  <c:v>40824</c:v>
                </c:pt>
                <c:pt idx="4299">
                  <c:v>40825</c:v>
                </c:pt>
                <c:pt idx="4300">
                  <c:v>40826</c:v>
                </c:pt>
                <c:pt idx="4301">
                  <c:v>40827</c:v>
                </c:pt>
                <c:pt idx="4302">
                  <c:v>40828</c:v>
                </c:pt>
                <c:pt idx="4303">
                  <c:v>40829</c:v>
                </c:pt>
                <c:pt idx="4304">
                  <c:v>40830</c:v>
                </c:pt>
                <c:pt idx="4305">
                  <c:v>40831</c:v>
                </c:pt>
                <c:pt idx="4306">
                  <c:v>40832</c:v>
                </c:pt>
                <c:pt idx="4307">
                  <c:v>40833</c:v>
                </c:pt>
                <c:pt idx="4308">
                  <c:v>40834</c:v>
                </c:pt>
                <c:pt idx="4309">
                  <c:v>40835</c:v>
                </c:pt>
                <c:pt idx="4310">
                  <c:v>40836</c:v>
                </c:pt>
                <c:pt idx="4311">
                  <c:v>40837</c:v>
                </c:pt>
                <c:pt idx="4312">
                  <c:v>40838</c:v>
                </c:pt>
                <c:pt idx="4313">
                  <c:v>40839</c:v>
                </c:pt>
                <c:pt idx="4314">
                  <c:v>40840</c:v>
                </c:pt>
                <c:pt idx="4315">
                  <c:v>40841</c:v>
                </c:pt>
                <c:pt idx="4316">
                  <c:v>40842</c:v>
                </c:pt>
                <c:pt idx="4317">
                  <c:v>40843</c:v>
                </c:pt>
                <c:pt idx="4318">
                  <c:v>40844</c:v>
                </c:pt>
                <c:pt idx="4319">
                  <c:v>40845</c:v>
                </c:pt>
                <c:pt idx="4320">
                  <c:v>40846</c:v>
                </c:pt>
                <c:pt idx="4321">
                  <c:v>40847</c:v>
                </c:pt>
                <c:pt idx="4322">
                  <c:v>40848</c:v>
                </c:pt>
                <c:pt idx="4323">
                  <c:v>40849</c:v>
                </c:pt>
                <c:pt idx="4324">
                  <c:v>40850</c:v>
                </c:pt>
                <c:pt idx="4325">
                  <c:v>40851</c:v>
                </c:pt>
                <c:pt idx="4326">
                  <c:v>40852</c:v>
                </c:pt>
                <c:pt idx="4327">
                  <c:v>40853</c:v>
                </c:pt>
                <c:pt idx="4328">
                  <c:v>40854</c:v>
                </c:pt>
                <c:pt idx="4329">
                  <c:v>40855</c:v>
                </c:pt>
                <c:pt idx="4330">
                  <c:v>40856</c:v>
                </c:pt>
                <c:pt idx="4331">
                  <c:v>40857</c:v>
                </c:pt>
                <c:pt idx="4332">
                  <c:v>40858</c:v>
                </c:pt>
                <c:pt idx="4333">
                  <c:v>40859</c:v>
                </c:pt>
                <c:pt idx="4334">
                  <c:v>40860</c:v>
                </c:pt>
                <c:pt idx="4335">
                  <c:v>40861</c:v>
                </c:pt>
                <c:pt idx="4336">
                  <c:v>40862</c:v>
                </c:pt>
                <c:pt idx="4337">
                  <c:v>40863</c:v>
                </c:pt>
                <c:pt idx="4338">
                  <c:v>40864</c:v>
                </c:pt>
                <c:pt idx="4339">
                  <c:v>40865</c:v>
                </c:pt>
                <c:pt idx="4340">
                  <c:v>40866</c:v>
                </c:pt>
                <c:pt idx="4341">
                  <c:v>40867</c:v>
                </c:pt>
                <c:pt idx="4342">
                  <c:v>40868</c:v>
                </c:pt>
                <c:pt idx="4343">
                  <c:v>40869</c:v>
                </c:pt>
                <c:pt idx="4344">
                  <c:v>40870</c:v>
                </c:pt>
                <c:pt idx="4345">
                  <c:v>40871</c:v>
                </c:pt>
                <c:pt idx="4346">
                  <c:v>40872</c:v>
                </c:pt>
                <c:pt idx="4347">
                  <c:v>40873</c:v>
                </c:pt>
                <c:pt idx="4348">
                  <c:v>40874</c:v>
                </c:pt>
                <c:pt idx="4349">
                  <c:v>40875</c:v>
                </c:pt>
                <c:pt idx="4350">
                  <c:v>40876</c:v>
                </c:pt>
                <c:pt idx="4351">
                  <c:v>40877</c:v>
                </c:pt>
                <c:pt idx="4352">
                  <c:v>40878</c:v>
                </c:pt>
                <c:pt idx="4353">
                  <c:v>40879</c:v>
                </c:pt>
                <c:pt idx="4354">
                  <c:v>40880</c:v>
                </c:pt>
                <c:pt idx="4355">
                  <c:v>40881</c:v>
                </c:pt>
                <c:pt idx="4356">
                  <c:v>40882</c:v>
                </c:pt>
                <c:pt idx="4357">
                  <c:v>40883</c:v>
                </c:pt>
                <c:pt idx="4358">
                  <c:v>40884</c:v>
                </c:pt>
                <c:pt idx="4359">
                  <c:v>40885</c:v>
                </c:pt>
                <c:pt idx="4360">
                  <c:v>40886</c:v>
                </c:pt>
                <c:pt idx="4361">
                  <c:v>40887</c:v>
                </c:pt>
                <c:pt idx="4362">
                  <c:v>40888</c:v>
                </c:pt>
                <c:pt idx="4363">
                  <c:v>40889</c:v>
                </c:pt>
                <c:pt idx="4364">
                  <c:v>40890</c:v>
                </c:pt>
                <c:pt idx="4365">
                  <c:v>40891</c:v>
                </c:pt>
                <c:pt idx="4366">
                  <c:v>40892</c:v>
                </c:pt>
                <c:pt idx="4367">
                  <c:v>40893</c:v>
                </c:pt>
                <c:pt idx="4368">
                  <c:v>40894</c:v>
                </c:pt>
                <c:pt idx="4369">
                  <c:v>40895</c:v>
                </c:pt>
                <c:pt idx="4370">
                  <c:v>40896</c:v>
                </c:pt>
                <c:pt idx="4371">
                  <c:v>40897</c:v>
                </c:pt>
                <c:pt idx="4372">
                  <c:v>40898</c:v>
                </c:pt>
                <c:pt idx="4373">
                  <c:v>40899</c:v>
                </c:pt>
                <c:pt idx="4374">
                  <c:v>40900</c:v>
                </c:pt>
                <c:pt idx="4375">
                  <c:v>40901</c:v>
                </c:pt>
                <c:pt idx="4376">
                  <c:v>40902</c:v>
                </c:pt>
                <c:pt idx="4377">
                  <c:v>40903</c:v>
                </c:pt>
                <c:pt idx="4378">
                  <c:v>40904</c:v>
                </c:pt>
                <c:pt idx="4379">
                  <c:v>40905</c:v>
                </c:pt>
                <c:pt idx="4380">
                  <c:v>40906</c:v>
                </c:pt>
                <c:pt idx="4381">
                  <c:v>40907</c:v>
                </c:pt>
                <c:pt idx="4382">
                  <c:v>40908</c:v>
                </c:pt>
                <c:pt idx="4383">
                  <c:v>40909</c:v>
                </c:pt>
                <c:pt idx="4384">
                  <c:v>40910</c:v>
                </c:pt>
                <c:pt idx="4385">
                  <c:v>40911</c:v>
                </c:pt>
                <c:pt idx="4386">
                  <c:v>40912</c:v>
                </c:pt>
                <c:pt idx="4387">
                  <c:v>40913</c:v>
                </c:pt>
                <c:pt idx="4388">
                  <c:v>40914</c:v>
                </c:pt>
                <c:pt idx="4389">
                  <c:v>40915</c:v>
                </c:pt>
                <c:pt idx="4390">
                  <c:v>40916</c:v>
                </c:pt>
                <c:pt idx="4391">
                  <c:v>40917</c:v>
                </c:pt>
                <c:pt idx="4392">
                  <c:v>40918</c:v>
                </c:pt>
                <c:pt idx="4393">
                  <c:v>40919</c:v>
                </c:pt>
                <c:pt idx="4394">
                  <c:v>40920</c:v>
                </c:pt>
                <c:pt idx="4395">
                  <c:v>40921</c:v>
                </c:pt>
                <c:pt idx="4396">
                  <c:v>40922</c:v>
                </c:pt>
                <c:pt idx="4397">
                  <c:v>40923</c:v>
                </c:pt>
                <c:pt idx="4398">
                  <c:v>40924</c:v>
                </c:pt>
                <c:pt idx="4399">
                  <c:v>40925</c:v>
                </c:pt>
                <c:pt idx="4400">
                  <c:v>40926</c:v>
                </c:pt>
                <c:pt idx="4401">
                  <c:v>40927</c:v>
                </c:pt>
                <c:pt idx="4402">
                  <c:v>40928</c:v>
                </c:pt>
                <c:pt idx="4403">
                  <c:v>40929</c:v>
                </c:pt>
                <c:pt idx="4404">
                  <c:v>40930</c:v>
                </c:pt>
                <c:pt idx="4405">
                  <c:v>40931</c:v>
                </c:pt>
                <c:pt idx="4406">
                  <c:v>40932</c:v>
                </c:pt>
                <c:pt idx="4407">
                  <c:v>40933</c:v>
                </c:pt>
                <c:pt idx="4408">
                  <c:v>40934</c:v>
                </c:pt>
                <c:pt idx="4409">
                  <c:v>40935</c:v>
                </c:pt>
                <c:pt idx="4410">
                  <c:v>40936</c:v>
                </c:pt>
                <c:pt idx="4411">
                  <c:v>40937</c:v>
                </c:pt>
                <c:pt idx="4412">
                  <c:v>40938</c:v>
                </c:pt>
                <c:pt idx="4413">
                  <c:v>40939</c:v>
                </c:pt>
                <c:pt idx="4414">
                  <c:v>40940</c:v>
                </c:pt>
                <c:pt idx="4415">
                  <c:v>40941</c:v>
                </c:pt>
                <c:pt idx="4416">
                  <c:v>40942</c:v>
                </c:pt>
                <c:pt idx="4417">
                  <c:v>40943</c:v>
                </c:pt>
                <c:pt idx="4418">
                  <c:v>40944</c:v>
                </c:pt>
                <c:pt idx="4419">
                  <c:v>40945</c:v>
                </c:pt>
                <c:pt idx="4420">
                  <c:v>40946</c:v>
                </c:pt>
                <c:pt idx="4421">
                  <c:v>40947</c:v>
                </c:pt>
                <c:pt idx="4422">
                  <c:v>40948</c:v>
                </c:pt>
                <c:pt idx="4423">
                  <c:v>40949</c:v>
                </c:pt>
                <c:pt idx="4424">
                  <c:v>40950</c:v>
                </c:pt>
                <c:pt idx="4425">
                  <c:v>40951</c:v>
                </c:pt>
                <c:pt idx="4426">
                  <c:v>40952</c:v>
                </c:pt>
                <c:pt idx="4427">
                  <c:v>40953</c:v>
                </c:pt>
                <c:pt idx="4428">
                  <c:v>40954</c:v>
                </c:pt>
                <c:pt idx="4429">
                  <c:v>40955</c:v>
                </c:pt>
                <c:pt idx="4430">
                  <c:v>40956</c:v>
                </c:pt>
                <c:pt idx="4431">
                  <c:v>40957</c:v>
                </c:pt>
                <c:pt idx="4432">
                  <c:v>40958</c:v>
                </c:pt>
                <c:pt idx="4433">
                  <c:v>40959</c:v>
                </c:pt>
                <c:pt idx="4434">
                  <c:v>40960</c:v>
                </c:pt>
                <c:pt idx="4435">
                  <c:v>40961</c:v>
                </c:pt>
                <c:pt idx="4436">
                  <c:v>40962</c:v>
                </c:pt>
                <c:pt idx="4437">
                  <c:v>40963</c:v>
                </c:pt>
                <c:pt idx="4438">
                  <c:v>40964</c:v>
                </c:pt>
                <c:pt idx="4439">
                  <c:v>40965</c:v>
                </c:pt>
                <c:pt idx="4440">
                  <c:v>40966</c:v>
                </c:pt>
                <c:pt idx="4441">
                  <c:v>40967</c:v>
                </c:pt>
                <c:pt idx="4442">
                  <c:v>40968</c:v>
                </c:pt>
                <c:pt idx="4443">
                  <c:v>40969</c:v>
                </c:pt>
                <c:pt idx="4444">
                  <c:v>40970</c:v>
                </c:pt>
                <c:pt idx="4445">
                  <c:v>40971</c:v>
                </c:pt>
                <c:pt idx="4446">
                  <c:v>40972</c:v>
                </c:pt>
                <c:pt idx="4447">
                  <c:v>40973</c:v>
                </c:pt>
                <c:pt idx="4448">
                  <c:v>40974</c:v>
                </c:pt>
                <c:pt idx="4449">
                  <c:v>40975</c:v>
                </c:pt>
                <c:pt idx="4450">
                  <c:v>40976</c:v>
                </c:pt>
                <c:pt idx="4451">
                  <c:v>40977</c:v>
                </c:pt>
                <c:pt idx="4452">
                  <c:v>40978</c:v>
                </c:pt>
                <c:pt idx="4453">
                  <c:v>40979</c:v>
                </c:pt>
                <c:pt idx="4454">
                  <c:v>40980</c:v>
                </c:pt>
                <c:pt idx="4455">
                  <c:v>40981</c:v>
                </c:pt>
                <c:pt idx="4456">
                  <c:v>40982</c:v>
                </c:pt>
                <c:pt idx="4457">
                  <c:v>40983</c:v>
                </c:pt>
                <c:pt idx="4458">
                  <c:v>40984</c:v>
                </c:pt>
                <c:pt idx="4459">
                  <c:v>40985</c:v>
                </c:pt>
                <c:pt idx="4460">
                  <c:v>40986</c:v>
                </c:pt>
                <c:pt idx="4461">
                  <c:v>40987</c:v>
                </c:pt>
                <c:pt idx="4462">
                  <c:v>40988</c:v>
                </c:pt>
                <c:pt idx="4463">
                  <c:v>40989</c:v>
                </c:pt>
                <c:pt idx="4464">
                  <c:v>40990</c:v>
                </c:pt>
                <c:pt idx="4465">
                  <c:v>40991</c:v>
                </c:pt>
                <c:pt idx="4466">
                  <c:v>40992</c:v>
                </c:pt>
                <c:pt idx="4467">
                  <c:v>40993</c:v>
                </c:pt>
                <c:pt idx="4468">
                  <c:v>40994</c:v>
                </c:pt>
                <c:pt idx="4469">
                  <c:v>40995</c:v>
                </c:pt>
                <c:pt idx="4470">
                  <c:v>40996</c:v>
                </c:pt>
                <c:pt idx="4471">
                  <c:v>40997</c:v>
                </c:pt>
                <c:pt idx="4472">
                  <c:v>40998</c:v>
                </c:pt>
                <c:pt idx="4473">
                  <c:v>40999</c:v>
                </c:pt>
                <c:pt idx="4474">
                  <c:v>41000</c:v>
                </c:pt>
                <c:pt idx="4475">
                  <c:v>41001</c:v>
                </c:pt>
                <c:pt idx="4476">
                  <c:v>41002</c:v>
                </c:pt>
                <c:pt idx="4477">
                  <c:v>41003</c:v>
                </c:pt>
                <c:pt idx="4478">
                  <c:v>41004</c:v>
                </c:pt>
                <c:pt idx="4479">
                  <c:v>41005</c:v>
                </c:pt>
                <c:pt idx="4480">
                  <c:v>41006</c:v>
                </c:pt>
                <c:pt idx="4481">
                  <c:v>41007</c:v>
                </c:pt>
                <c:pt idx="4482">
                  <c:v>41008</c:v>
                </c:pt>
                <c:pt idx="4483">
                  <c:v>41009</c:v>
                </c:pt>
                <c:pt idx="4484">
                  <c:v>41010</c:v>
                </c:pt>
                <c:pt idx="4485">
                  <c:v>41011</c:v>
                </c:pt>
                <c:pt idx="4486">
                  <c:v>41012</c:v>
                </c:pt>
                <c:pt idx="4487">
                  <c:v>41013</c:v>
                </c:pt>
                <c:pt idx="4488">
                  <c:v>41014</c:v>
                </c:pt>
                <c:pt idx="4489">
                  <c:v>41015</c:v>
                </c:pt>
                <c:pt idx="4490">
                  <c:v>41016</c:v>
                </c:pt>
                <c:pt idx="4491">
                  <c:v>41017</c:v>
                </c:pt>
                <c:pt idx="4492">
                  <c:v>41018</c:v>
                </c:pt>
                <c:pt idx="4493">
                  <c:v>41019</c:v>
                </c:pt>
                <c:pt idx="4494">
                  <c:v>41020</c:v>
                </c:pt>
                <c:pt idx="4495">
                  <c:v>41021</c:v>
                </c:pt>
                <c:pt idx="4496">
                  <c:v>41022</c:v>
                </c:pt>
                <c:pt idx="4497">
                  <c:v>41023</c:v>
                </c:pt>
                <c:pt idx="4498">
                  <c:v>41024</c:v>
                </c:pt>
                <c:pt idx="4499">
                  <c:v>41025</c:v>
                </c:pt>
                <c:pt idx="4500">
                  <c:v>41026</c:v>
                </c:pt>
                <c:pt idx="4501">
                  <c:v>41027</c:v>
                </c:pt>
                <c:pt idx="4502">
                  <c:v>41028</c:v>
                </c:pt>
                <c:pt idx="4503">
                  <c:v>41029</c:v>
                </c:pt>
                <c:pt idx="4504">
                  <c:v>41030</c:v>
                </c:pt>
                <c:pt idx="4505">
                  <c:v>41031</c:v>
                </c:pt>
                <c:pt idx="4506">
                  <c:v>41032</c:v>
                </c:pt>
                <c:pt idx="4507">
                  <c:v>41033</c:v>
                </c:pt>
                <c:pt idx="4508">
                  <c:v>41034</c:v>
                </c:pt>
                <c:pt idx="4509">
                  <c:v>41035</c:v>
                </c:pt>
                <c:pt idx="4510">
                  <c:v>41036</c:v>
                </c:pt>
                <c:pt idx="4511">
                  <c:v>41037</c:v>
                </c:pt>
                <c:pt idx="4512">
                  <c:v>41038</c:v>
                </c:pt>
                <c:pt idx="4513">
                  <c:v>41039</c:v>
                </c:pt>
                <c:pt idx="4514">
                  <c:v>41040</c:v>
                </c:pt>
                <c:pt idx="4515">
                  <c:v>41041</c:v>
                </c:pt>
                <c:pt idx="4516">
                  <c:v>41042</c:v>
                </c:pt>
                <c:pt idx="4517">
                  <c:v>41043</c:v>
                </c:pt>
                <c:pt idx="4518">
                  <c:v>41044</c:v>
                </c:pt>
                <c:pt idx="4519">
                  <c:v>41045</c:v>
                </c:pt>
                <c:pt idx="4520">
                  <c:v>41046</c:v>
                </c:pt>
                <c:pt idx="4521">
                  <c:v>41047</c:v>
                </c:pt>
                <c:pt idx="4522">
                  <c:v>41048</c:v>
                </c:pt>
                <c:pt idx="4523">
                  <c:v>41049</c:v>
                </c:pt>
                <c:pt idx="4524">
                  <c:v>41050</c:v>
                </c:pt>
                <c:pt idx="4525">
                  <c:v>41051</c:v>
                </c:pt>
                <c:pt idx="4526">
                  <c:v>41052</c:v>
                </c:pt>
                <c:pt idx="4527">
                  <c:v>41053</c:v>
                </c:pt>
                <c:pt idx="4528">
                  <c:v>41054</c:v>
                </c:pt>
                <c:pt idx="4529">
                  <c:v>41055</c:v>
                </c:pt>
                <c:pt idx="4530">
                  <c:v>41056</c:v>
                </c:pt>
                <c:pt idx="4531">
                  <c:v>41057</c:v>
                </c:pt>
                <c:pt idx="4532">
                  <c:v>41058</c:v>
                </c:pt>
                <c:pt idx="4533">
                  <c:v>41059</c:v>
                </c:pt>
                <c:pt idx="4534">
                  <c:v>41060</c:v>
                </c:pt>
                <c:pt idx="4535">
                  <c:v>41061</c:v>
                </c:pt>
                <c:pt idx="4536">
                  <c:v>41062</c:v>
                </c:pt>
                <c:pt idx="4537">
                  <c:v>41063</c:v>
                </c:pt>
                <c:pt idx="4538">
                  <c:v>41064</c:v>
                </c:pt>
                <c:pt idx="4539">
                  <c:v>41065</c:v>
                </c:pt>
                <c:pt idx="4540">
                  <c:v>41066</c:v>
                </c:pt>
                <c:pt idx="4541">
                  <c:v>41067</c:v>
                </c:pt>
                <c:pt idx="4542">
                  <c:v>41068</c:v>
                </c:pt>
                <c:pt idx="4543">
                  <c:v>41069</c:v>
                </c:pt>
                <c:pt idx="4544">
                  <c:v>41070</c:v>
                </c:pt>
                <c:pt idx="4545">
                  <c:v>41071</c:v>
                </c:pt>
                <c:pt idx="4546">
                  <c:v>41072</c:v>
                </c:pt>
                <c:pt idx="4547">
                  <c:v>41073</c:v>
                </c:pt>
                <c:pt idx="4548">
                  <c:v>41074</c:v>
                </c:pt>
                <c:pt idx="4549">
                  <c:v>41075</c:v>
                </c:pt>
                <c:pt idx="4550">
                  <c:v>41076</c:v>
                </c:pt>
                <c:pt idx="4551">
                  <c:v>41077</c:v>
                </c:pt>
                <c:pt idx="4552">
                  <c:v>41078</c:v>
                </c:pt>
                <c:pt idx="4553">
                  <c:v>41079</c:v>
                </c:pt>
                <c:pt idx="4554">
                  <c:v>41080</c:v>
                </c:pt>
                <c:pt idx="4555">
                  <c:v>41081</c:v>
                </c:pt>
                <c:pt idx="4556">
                  <c:v>41082</c:v>
                </c:pt>
                <c:pt idx="4557">
                  <c:v>41083</c:v>
                </c:pt>
                <c:pt idx="4558">
                  <c:v>41084</c:v>
                </c:pt>
                <c:pt idx="4559">
                  <c:v>41085</c:v>
                </c:pt>
                <c:pt idx="4560">
                  <c:v>41086</c:v>
                </c:pt>
                <c:pt idx="4561">
                  <c:v>41087</c:v>
                </c:pt>
                <c:pt idx="4562">
                  <c:v>41088</c:v>
                </c:pt>
                <c:pt idx="4563">
                  <c:v>41089</c:v>
                </c:pt>
                <c:pt idx="4564">
                  <c:v>41090</c:v>
                </c:pt>
                <c:pt idx="4565">
                  <c:v>41091</c:v>
                </c:pt>
                <c:pt idx="4566">
                  <c:v>41092</c:v>
                </c:pt>
                <c:pt idx="4567">
                  <c:v>41093</c:v>
                </c:pt>
                <c:pt idx="4568">
                  <c:v>41094</c:v>
                </c:pt>
                <c:pt idx="4569">
                  <c:v>41095</c:v>
                </c:pt>
                <c:pt idx="4570">
                  <c:v>41096</c:v>
                </c:pt>
                <c:pt idx="4571">
                  <c:v>41097</c:v>
                </c:pt>
                <c:pt idx="4572">
                  <c:v>41098</c:v>
                </c:pt>
                <c:pt idx="4573">
                  <c:v>41099</c:v>
                </c:pt>
                <c:pt idx="4574">
                  <c:v>41100</c:v>
                </c:pt>
                <c:pt idx="4575">
                  <c:v>41101</c:v>
                </c:pt>
                <c:pt idx="4576">
                  <c:v>41102</c:v>
                </c:pt>
                <c:pt idx="4577">
                  <c:v>41103</c:v>
                </c:pt>
                <c:pt idx="4578">
                  <c:v>41104</c:v>
                </c:pt>
                <c:pt idx="4579">
                  <c:v>41105</c:v>
                </c:pt>
                <c:pt idx="4580">
                  <c:v>41106</c:v>
                </c:pt>
                <c:pt idx="4581">
                  <c:v>41107</c:v>
                </c:pt>
                <c:pt idx="4582">
                  <c:v>41108</c:v>
                </c:pt>
                <c:pt idx="4583">
                  <c:v>41109</c:v>
                </c:pt>
                <c:pt idx="4584">
                  <c:v>41110</c:v>
                </c:pt>
                <c:pt idx="4585">
                  <c:v>41111</c:v>
                </c:pt>
                <c:pt idx="4586">
                  <c:v>41112</c:v>
                </c:pt>
                <c:pt idx="4587">
                  <c:v>41113</c:v>
                </c:pt>
                <c:pt idx="4588">
                  <c:v>41114</c:v>
                </c:pt>
                <c:pt idx="4589">
                  <c:v>41115</c:v>
                </c:pt>
                <c:pt idx="4590">
                  <c:v>41116</c:v>
                </c:pt>
                <c:pt idx="4591">
                  <c:v>41117</c:v>
                </c:pt>
                <c:pt idx="4592">
                  <c:v>41118</c:v>
                </c:pt>
                <c:pt idx="4593">
                  <c:v>41119</c:v>
                </c:pt>
                <c:pt idx="4594">
                  <c:v>41120</c:v>
                </c:pt>
                <c:pt idx="4595">
                  <c:v>41121</c:v>
                </c:pt>
                <c:pt idx="4596">
                  <c:v>41122</c:v>
                </c:pt>
                <c:pt idx="4597">
                  <c:v>41123</c:v>
                </c:pt>
                <c:pt idx="4598">
                  <c:v>41124</c:v>
                </c:pt>
                <c:pt idx="4599">
                  <c:v>41125</c:v>
                </c:pt>
                <c:pt idx="4600">
                  <c:v>41126</c:v>
                </c:pt>
                <c:pt idx="4601">
                  <c:v>41127</c:v>
                </c:pt>
                <c:pt idx="4602">
                  <c:v>41128</c:v>
                </c:pt>
                <c:pt idx="4603">
                  <c:v>41129</c:v>
                </c:pt>
                <c:pt idx="4604">
                  <c:v>41130</c:v>
                </c:pt>
                <c:pt idx="4605">
                  <c:v>41131</c:v>
                </c:pt>
                <c:pt idx="4606">
                  <c:v>41132</c:v>
                </c:pt>
                <c:pt idx="4607">
                  <c:v>41133</c:v>
                </c:pt>
                <c:pt idx="4608">
                  <c:v>41134</c:v>
                </c:pt>
                <c:pt idx="4609">
                  <c:v>41135</c:v>
                </c:pt>
                <c:pt idx="4610">
                  <c:v>41136</c:v>
                </c:pt>
                <c:pt idx="4611">
                  <c:v>41137</c:v>
                </c:pt>
                <c:pt idx="4612">
                  <c:v>41138</c:v>
                </c:pt>
                <c:pt idx="4613">
                  <c:v>41139</c:v>
                </c:pt>
                <c:pt idx="4614">
                  <c:v>41140</c:v>
                </c:pt>
                <c:pt idx="4615">
                  <c:v>41141</c:v>
                </c:pt>
                <c:pt idx="4616">
                  <c:v>41142</c:v>
                </c:pt>
                <c:pt idx="4617">
                  <c:v>41143</c:v>
                </c:pt>
                <c:pt idx="4618">
                  <c:v>41144</c:v>
                </c:pt>
                <c:pt idx="4619">
                  <c:v>41145</c:v>
                </c:pt>
                <c:pt idx="4620">
                  <c:v>41146</c:v>
                </c:pt>
                <c:pt idx="4621">
                  <c:v>41147</c:v>
                </c:pt>
                <c:pt idx="4622">
                  <c:v>41148</c:v>
                </c:pt>
                <c:pt idx="4623">
                  <c:v>41149</c:v>
                </c:pt>
                <c:pt idx="4624">
                  <c:v>41150</c:v>
                </c:pt>
                <c:pt idx="4625">
                  <c:v>41151</c:v>
                </c:pt>
                <c:pt idx="4626">
                  <c:v>41152</c:v>
                </c:pt>
                <c:pt idx="4627">
                  <c:v>41153</c:v>
                </c:pt>
                <c:pt idx="4628">
                  <c:v>41154</c:v>
                </c:pt>
                <c:pt idx="4629">
                  <c:v>41155</c:v>
                </c:pt>
                <c:pt idx="4630">
                  <c:v>41156</c:v>
                </c:pt>
                <c:pt idx="4631">
                  <c:v>41157</c:v>
                </c:pt>
                <c:pt idx="4632">
                  <c:v>41158</c:v>
                </c:pt>
                <c:pt idx="4633">
                  <c:v>41159</c:v>
                </c:pt>
                <c:pt idx="4634">
                  <c:v>41160</c:v>
                </c:pt>
                <c:pt idx="4635">
                  <c:v>41161</c:v>
                </c:pt>
                <c:pt idx="4636">
                  <c:v>41162</c:v>
                </c:pt>
                <c:pt idx="4637">
                  <c:v>41163</c:v>
                </c:pt>
                <c:pt idx="4638">
                  <c:v>41164</c:v>
                </c:pt>
                <c:pt idx="4639">
                  <c:v>41165</c:v>
                </c:pt>
                <c:pt idx="4640">
                  <c:v>41166</c:v>
                </c:pt>
                <c:pt idx="4641">
                  <c:v>41167</c:v>
                </c:pt>
                <c:pt idx="4642">
                  <c:v>41168</c:v>
                </c:pt>
                <c:pt idx="4643">
                  <c:v>41169</c:v>
                </c:pt>
                <c:pt idx="4644">
                  <c:v>41170</c:v>
                </c:pt>
                <c:pt idx="4645">
                  <c:v>41171</c:v>
                </c:pt>
                <c:pt idx="4646">
                  <c:v>41172</c:v>
                </c:pt>
                <c:pt idx="4647">
                  <c:v>41173</c:v>
                </c:pt>
                <c:pt idx="4648">
                  <c:v>41174</c:v>
                </c:pt>
                <c:pt idx="4649">
                  <c:v>41175</c:v>
                </c:pt>
                <c:pt idx="4650">
                  <c:v>41176</c:v>
                </c:pt>
                <c:pt idx="4651">
                  <c:v>41177</c:v>
                </c:pt>
                <c:pt idx="4652">
                  <c:v>41178</c:v>
                </c:pt>
                <c:pt idx="4653">
                  <c:v>41179</c:v>
                </c:pt>
                <c:pt idx="4654">
                  <c:v>41180</c:v>
                </c:pt>
                <c:pt idx="4655">
                  <c:v>41181</c:v>
                </c:pt>
                <c:pt idx="4656">
                  <c:v>41182</c:v>
                </c:pt>
                <c:pt idx="4657">
                  <c:v>41183</c:v>
                </c:pt>
                <c:pt idx="4658">
                  <c:v>41184</c:v>
                </c:pt>
                <c:pt idx="4659">
                  <c:v>41185</c:v>
                </c:pt>
                <c:pt idx="4660">
                  <c:v>41186</c:v>
                </c:pt>
                <c:pt idx="4661">
                  <c:v>41187</c:v>
                </c:pt>
                <c:pt idx="4662">
                  <c:v>41188</c:v>
                </c:pt>
                <c:pt idx="4663">
                  <c:v>41189</c:v>
                </c:pt>
                <c:pt idx="4664">
                  <c:v>41190</c:v>
                </c:pt>
                <c:pt idx="4665">
                  <c:v>41191</c:v>
                </c:pt>
                <c:pt idx="4666">
                  <c:v>41192</c:v>
                </c:pt>
                <c:pt idx="4667">
                  <c:v>41193</c:v>
                </c:pt>
                <c:pt idx="4668">
                  <c:v>41194</c:v>
                </c:pt>
                <c:pt idx="4669">
                  <c:v>41195</c:v>
                </c:pt>
                <c:pt idx="4670">
                  <c:v>41196</c:v>
                </c:pt>
                <c:pt idx="4671">
                  <c:v>41197</c:v>
                </c:pt>
                <c:pt idx="4672">
                  <c:v>41198</c:v>
                </c:pt>
                <c:pt idx="4673">
                  <c:v>41199</c:v>
                </c:pt>
                <c:pt idx="4674">
                  <c:v>41200</c:v>
                </c:pt>
                <c:pt idx="4675">
                  <c:v>41201</c:v>
                </c:pt>
                <c:pt idx="4676">
                  <c:v>41202</c:v>
                </c:pt>
                <c:pt idx="4677">
                  <c:v>41203</c:v>
                </c:pt>
                <c:pt idx="4678">
                  <c:v>41204</c:v>
                </c:pt>
                <c:pt idx="4679">
                  <c:v>41205</c:v>
                </c:pt>
                <c:pt idx="4680">
                  <c:v>41206</c:v>
                </c:pt>
                <c:pt idx="4681">
                  <c:v>41207</c:v>
                </c:pt>
                <c:pt idx="4682">
                  <c:v>41208</c:v>
                </c:pt>
                <c:pt idx="4683">
                  <c:v>41209</c:v>
                </c:pt>
                <c:pt idx="4684">
                  <c:v>41210</c:v>
                </c:pt>
                <c:pt idx="4685">
                  <c:v>41211</c:v>
                </c:pt>
                <c:pt idx="4686">
                  <c:v>41212</c:v>
                </c:pt>
                <c:pt idx="4687">
                  <c:v>41213</c:v>
                </c:pt>
                <c:pt idx="4688">
                  <c:v>41214</c:v>
                </c:pt>
                <c:pt idx="4689">
                  <c:v>41215</c:v>
                </c:pt>
                <c:pt idx="4690">
                  <c:v>41216</c:v>
                </c:pt>
                <c:pt idx="4691">
                  <c:v>41217</c:v>
                </c:pt>
                <c:pt idx="4692">
                  <c:v>41218</c:v>
                </c:pt>
                <c:pt idx="4693">
                  <c:v>41219</c:v>
                </c:pt>
                <c:pt idx="4694">
                  <c:v>41220</c:v>
                </c:pt>
                <c:pt idx="4695">
                  <c:v>41221</c:v>
                </c:pt>
                <c:pt idx="4696">
                  <c:v>41222</c:v>
                </c:pt>
                <c:pt idx="4697">
                  <c:v>41223</c:v>
                </c:pt>
                <c:pt idx="4698">
                  <c:v>41224</c:v>
                </c:pt>
                <c:pt idx="4699">
                  <c:v>41225</c:v>
                </c:pt>
                <c:pt idx="4700">
                  <c:v>41226</c:v>
                </c:pt>
                <c:pt idx="4701">
                  <c:v>41227</c:v>
                </c:pt>
                <c:pt idx="4702">
                  <c:v>41228</c:v>
                </c:pt>
                <c:pt idx="4703">
                  <c:v>41229</c:v>
                </c:pt>
                <c:pt idx="4704">
                  <c:v>41230</c:v>
                </c:pt>
                <c:pt idx="4705">
                  <c:v>41231</c:v>
                </c:pt>
                <c:pt idx="4706">
                  <c:v>41232</c:v>
                </c:pt>
                <c:pt idx="4707">
                  <c:v>41233</c:v>
                </c:pt>
                <c:pt idx="4708">
                  <c:v>41234</c:v>
                </c:pt>
                <c:pt idx="4709">
                  <c:v>41235</c:v>
                </c:pt>
                <c:pt idx="4710">
                  <c:v>41236</c:v>
                </c:pt>
                <c:pt idx="4711">
                  <c:v>41237</c:v>
                </c:pt>
                <c:pt idx="4712">
                  <c:v>41238</c:v>
                </c:pt>
                <c:pt idx="4713">
                  <c:v>41239</c:v>
                </c:pt>
                <c:pt idx="4714">
                  <c:v>41240</c:v>
                </c:pt>
                <c:pt idx="4715">
                  <c:v>41241</c:v>
                </c:pt>
                <c:pt idx="4716">
                  <c:v>41242</c:v>
                </c:pt>
                <c:pt idx="4717">
                  <c:v>41243</c:v>
                </c:pt>
                <c:pt idx="4718">
                  <c:v>41244</c:v>
                </c:pt>
                <c:pt idx="4719">
                  <c:v>41245</c:v>
                </c:pt>
                <c:pt idx="4720">
                  <c:v>41246</c:v>
                </c:pt>
                <c:pt idx="4721">
                  <c:v>41247</c:v>
                </c:pt>
                <c:pt idx="4722">
                  <c:v>41248</c:v>
                </c:pt>
                <c:pt idx="4723">
                  <c:v>41249</c:v>
                </c:pt>
                <c:pt idx="4724">
                  <c:v>41250</c:v>
                </c:pt>
                <c:pt idx="4725">
                  <c:v>41251</c:v>
                </c:pt>
                <c:pt idx="4726">
                  <c:v>41252</c:v>
                </c:pt>
                <c:pt idx="4727">
                  <c:v>41253</c:v>
                </c:pt>
                <c:pt idx="4728">
                  <c:v>41254</c:v>
                </c:pt>
                <c:pt idx="4729">
                  <c:v>41255</c:v>
                </c:pt>
                <c:pt idx="4730">
                  <c:v>41256</c:v>
                </c:pt>
                <c:pt idx="4731">
                  <c:v>41257</c:v>
                </c:pt>
                <c:pt idx="4732">
                  <c:v>41258</c:v>
                </c:pt>
                <c:pt idx="4733">
                  <c:v>41259</c:v>
                </c:pt>
                <c:pt idx="4734">
                  <c:v>41260</c:v>
                </c:pt>
                <c:pt idx="4735">
                  <c:v>41261</c:v>
                </c:pt>
                <c:pt idx="4736">
                  <c:v>41262</c:v>
                </c:pt>
                <c:pt idx="4737">
                  <c:v>41263</c:v>
                </c:pt>
                <c:pt idx="4738">
                  <c:v>41264</c:v>
                </c:pt>
                <c:pt idx="4739">
                  <c:v>41265</c:v>
                </c:pt>
                <c:pt idx="4740">
                  <c:v>41266</c:v>
                </c:pt>
                <c:pt idx="4741">
                  <c:v>41267</c:v>
                </c:pt>
                <c:pt idx="4742">
                  <c:v>41268</c:v>
                </c:pt>
                <c:pt idx="4743">
                  <c:v>41269</c:v>
                </c:pt>
                <c:pt idx="4744">
                  <c:v>41270</c:v>
                </c:pt>
                <c:pt idx="4745">
                  <c:v>41271</c:v>
                </c:pt>
                <c:pt idx="4746">
                  <c:v>41272</c:v>
                </c:pt>
                <c:pt idx="4747">
                  <c:v>41273</c:v>
                </c:pt>
                <c:pt idx="4748">
                  <c:v>41274</c:v>
                </c:pt>
                <c:pt idx="4749">
                  <c:v>41275</c:v>
                </c:pt>
                <c:pt idx="4750">
                  <c:v>41276</c:v>
                </c:pt>
                <c:pt idx="4751">
                  <c:v>41277</c:v>
                </c:pt>
                <c:pt idx="4752">
                  <c:v>41278</c:v>
                </c:pt>
                <c:pt idx="4753">
                  <c:v>41279</c:v>
                </c:pt>
                <c:pt idx="4754">
                  <c:v>41280</c:v>
                </c:pt>
                <c:pt idx="4755">
                  <c:v>41281</c:v>
                </c:pt>
                <c:pt idx="4756">
                  <c:v>41282</c:v>
                </c:pt>
                <c:pt idx="4757">
                  <c:v>41283</c:v>
                </c:pt>
                <c:pt idx="4758">
                  <c:v>41284</c:v>
                </c:pt>
                <c:pt idx="4759">
                  <c:v>41285</c:v>
                </c:pt>
                <c:pt idx="4760">
                  <c:v>41286</c:v>
                </c:pt>
                <c:pt idx="4761">
                  <c:v>41287</c:v>
                </c:pt>
                <c:pt idx="4762">
                  <c:v>41288</c:v>
                </c:pt>
                <c:pt idx="4763">
                  <c:v>41289</c:v>
                </c:pt>
                <c:pt idx="4764">
                  <c:v>41290</c:v>
                </c:pt>
                <c:pt idx="4765">
                  <c:v>41291</c:v>
                </c:pt>
                <c:pt idx="4766">
                  <c:v>41292</c:v>
                </c:pt>
                <c:pt idx="4767">
                  <c:v>41293</c:v>
                </c:pt>
                <c:pt idx="4768">
                  <c:v>41294</c:v>
                </c:pt>
                <c:pt idx="4769">
                  <c:v>41295</c:v>
                </c:pt>
                <c:pt idx="4770">
                  <c:v>41296</c:v>
                </c:pt>
                <c:pt idx="4771">
                  <c:v>41297</c:v>
                </c:pt>
                <c:pt idx="4772">
                  <c:v>41298</c:v>
                </c:pt>
                <c:pt idx="4773">
                  <c:v>41299</c:v>
                </c:pt>
                <c:pt idx="4774">
                  <c:v>41300</c:v>
                </c:pt>
                <c:pt idx="4775">
                  <c:v>41301</c:v>
                </c:pt>
                <c:pt idx="4776">
                  <c:v>41302</c:v>
                </c:pt>
                <c:pt idx="4777">
                  <c:v>41303</c:v>
                </c:pt>
                <c:pt idx="4778">
                  <c:v>41304</c:v>
                </c:pt>
                <c:pt idx="4779">
                  <c:v>41305</c:v>
                </c:pt>
                <c:pt idx="4780">
                  <c:v>41306</c:v>
                </c:pt>
                <c:pt idx="4781">
                  <c:v>41307</c:v>
                </c:pt>
                <c:pt idx="4782">
                  <c:v>41308</c:v>
                </c:pt>
                <c:pt idx="4783">
                  <c:v>41309</c:v>
                </c:pt>
                <c:pt idx="4784">
                  <c:v>41310</c:v>
                </c:pt>
                <c:pt idx="4785">
                  <c:v>41311</c:v>
                </c:pt>
                <c:pt idx="4786">
                  <c:v>41312</c:v>
                </c:pt>
                <c:pt idx="4787">
                  <c:v>41313</c:v>
                </c:pt>
                <c:pt idx="4788">
                  <c:v>41314</c:v>
                </c:pt>
                <c:pt idx="4789">
                  <c:v>41315</c:v>
                </c:pt>
                <c:pt idx="4790">
                  <c:v>41316</c:v>
                </c:pt>
                <c:pt idx="4791">
                  <c:v>41317</c:v>
                </c:pt>
                <c:pt idx="4792">
                  <c:v>41318</c:v>
                </c:pt>
                <c:pt idx="4793">
                  <c:v>41319</c:v>
                </c:pt>
                <c:pt idx="4794">
                  <c:v>41320</c:v>
                </c:pt>
                <c:pt idx="4795">
                  <c:v>41321</c:v>
                </c:pt>
                <c:pt idx="4796">
                  <c:v>41322</c:v>
                </c:pt>
                <c:pt idx="4797">
                  <c:v>41323</c:v>
                </c:pt>
                <c:pt idx="4798">
                  <c:v>41324</c:v>
                </c:pt>
                <c:pt idx="4799">
                  <c:v>41325</c:v>
                </c:pt>
                <c:pt idx="4800">
                  <c:v>41326</c:v>
                </c:pt>
                <c:pt idx="4801">
                  <c:v>41327</c:v>
                </c:pt>
                <c:pt idx="4802">
                  <c:v>41328</c:v>
                </c:pt>
                <c:pt idx="4803">
                  <c:v>41329</c:v>
                </c:pt>
                <c:pt idx="4804">
                  <c:v>41330</c:v>
                </c:pt>
                <c:pt idx="4805">
                  <c:v>41331</c:v>
                </c:pt>
                <c:pt idx="4806">
                  <c:v>41332</c:v>
                </c:pt>
                <c:pt idx="4807">
                  <c:v>41333</c:v>
                </c:pt>
                <c:pt idx="4808">
                  <c:v>41334</c:v>
                </c:pt>
                <c:pt idx="4809">
                  <c:v>41335</c:v>
                </c:pt>
                <c:pt idx="4810">
                  <c:v>41336</c:v>
                </c:pt>
                <c:pt idx="4811">
                  <c:v>41337</c:v>
                </c:pt>
                <c:pt idx="4812">
                  <c:v>41338</c:v>
                </c:pt>
                <c:pt idx="4813">
                  <c:v>41339</c:v>
                </c:pt>
                <c:pt idx="4814">
                  <c:v>41340</c:v>
                </c:pt>
                <c:pt idx="4815">
                  <c:v>41341</c:v>
                </c:pt>
                <c:pt idx="4816">
                  <c:v>41342</c:v>
                </c:pt>
                <c:pt idx="4817">
                  <c:v>41343</c:v>
                </c:pt>
                <c:pt idx="4818">
                  <c:v>41344</c:v>
                </c:pt>
                <c:pt idx="4819">
                  <c:v>41345</c:v>
                </c:pt>
                <c:pt idx="4820">
                  <c:v>41346</c:v>
                </c:pt>
                <c:pt idx="4821">
                  <c:v>41347</c:v>
                </c:pt>
                <c:pt idx="4822">
                  <c:v>41348</c:v>
                </c:pt>
                <c:pt idx="4823">
                  <c:v>41349</c:v>
                </c:pt>
                <c:pt idx="4824">
                  <c:v>41350</c:v>
                </c:pt>
                <c:pt idx="4825">
                  <c:v>41351</c:v>
                </c:pt>
                <c:pt idx="4826">
                  <c:v>41352</c:v>
                </c:pt>
                <c:pt idx="4827">
                  <c:v>41353</c:v>
                </c:pt>
                <c:pt idx="4828">
                  <c:v>41354</c:v>
                </c:pt>
                <c:pt idx="4829">
                  <c:v>41355</c:v>
                </c:pt>
                <c:pt idx="4830">
                  <c:v>41356</c:v>
                </c:pt>
                <c:pt idx="4831">
                  <c:v>41357</c:v>
                </c:pt>
                <c:pt idx="4832">
                  <c:v>41358</c:v>
                </c:pt>
                <c:pt idx="4833">
                  <c:v>41359</c:v>
                </c:pt>
                <c:pt idx="4834">
                  <c:v>41360</c:v>
                </c:pt>
                <c:pt idx="4835">
                  <c:v>41361</c:v>
                </c:pt>
                <c:pt idx="4836">
                  <c:v>41362</c:v>
                </c:pt>
                <c:pt idx="4837">
                  <c:v>41363</c:v>
                </c:pt>
                <c:pt idx="4838">
                  <c:v>41364</c:v>
                </c:pt>
                <c:pt idx="4839">
                  <c:v>41365</c:v>
                </c:pt>
                <c:pt idx="4840">
                  <c:v>41366</c:v>
                </c:pt>
                <c:pt idx="4841">
                  <c:v>41367</c:v>
                </c:pt>
                <c:pt idx="4842">
                  <c:v>41368</c:v>
                </c:pt>
                <c:pt idx="4843">
                  <c:v>41369</c:v>
                </c:pt>
                <c:pt idx="4844">
                  <c:v>41370</c:v>
                </c:pt>
                <c:pt idx="4845">
                  <c:v>41371</c:v>
                </c:pt>
                <c:pt idx="4846">
                  <c:v>41372</c:v>
                </c:pt>
                <c:pt idx="4847">
                  <c:v>41373</c:v>
                </c:pt>
                <c:pt idx="4848">
                  <c:v>41374</c:v>
                </c:pt>
                <c:pt idx="4849">
                  <c:v>41375</c:v>
                </c:pt>
                <c:pt idx="4850">
                  <c:v>41376</c:v>
                </c:pt>
                <c:pt idx="4851">
                  <c:v>41377</c:v>
                </c:pt>
                <c:pt idx="4852">
                  <c:v>41378</c:v>
                </c:pt>
                <c:pt idx="4853">
                  <c:v>41379</c:v>
                </c:pt>
                <c:pt idx="4854">
                  <c:v>41380</c:v>
                </c:pt>
                <c:pt idx="4855">
                  <c:v>41381</c:v>
                </c:pt>
                <c:pt idx="4856">
                  <c:v>41382</c:v>
                </c:pt>
                <c:pt idx="4857">
                  <c:v>41383</c:v>
                </c:pt>
                <c:pt idx="4858">
                  <c:v>41384</c:v>
                </c:pt>
                <c:pt idx="4859">
                  <c:v>41385</c:v>
                </c:pt>
                <c:pt idx="4860">
                  <c:v>41386</c:v>
                </c:pt>
                <c:pt idx="4861">
                  <c:v>41387</c:v>
                </c:pt>
                <c:pt idx="4862">
                  <c:v>41388</c:v>
                </c:pt>
                <c:pt idx="4863">
                  <c:v>41389</c:v>
                </c:pt>
                <c:pt idx="4864">
                  <c:v>41390</c:v>
                </c:pt>
                <c:pt idx="4865">
                  <c:v>41391</c:v>
                </c:pt>
                <c:pt idx="4866">
                  <c:v>41392</c:v>
                </c:pt>
                <c:pt idx="4867">
                  <c:v>41393</c:v>
                </c:pt>
                <c:pt idx="4868">
                  <c:v>41394</c:v>
                </c:pt>
                <c:pt idx="4869">
                  <c:v>41395</c:v>
                </c:pt>
                <c:pt idx="4870">
                  <c:v>41396</c:v>
                </c:pt>
                <c:pt idx="4871">
                  <c:v>41397</c:v>
                </c:pt>
                <c:pt idx="4872">
                  <c:v>41398</c:v>
                </c:pt>
                <c:pt idx="4873">
                  <c:v>41399</c:v>
                </c:pt>
                <c:pt idx="4874">
                  <c:v>41400</c:v>
                </c:pt>
                <c:pt idx="4875">
                  <c:v>41401</c:v>
                </c:pt>
                <c:pt idx="4876">
                  <c:v>41402</c:v>
                </c:pt>
                <c:pt idx="4877">
                  <c:v>41403</c:v>
                </c:pt>
                <c:pt idx="4878">
                  <c:v>41404</c:v>
                </c:pt>
                <c:pt idx="4879">
                  <c:v>41405</c:v>
                </c:pt>
                <c:pt idx="4880">
                  <c:v>41406</c:v>
                </c:pt>
                <c:pt idx="4881">
                  <c:v>41407</c:v>
                </c:pt>
                <c:pt idx="4882">
                  <c:v>41408</c:v>
                </c:pt>
                <c:pt idx="4883">
                  <c:v>41409</c:v>
                </c:pt>
                <c:pt idx="4884">
                  <c:v>41410</c:v>
                </c:pt>
                <c:pt idx="4885">
                  <c:v>41411</c:v>
                </c:pt>
                <c:pt idx="4886">
                  <c:v>41412</c:v>
                </c:pt>
                <c:pt idx="4887">
                  <c:v>41413</c:v>
                </c:pt>
                <c:pt idx="4888">
                  <c:v>41414</c:v>
                </c:pt>
                <c:pt idx="4889">
                  <c:v>41415</c:v>
                </c:pt>
                <c:pt idx="4890">
                  <c:v>41416</c:v>
                </c:pt>
                <c:pt idx="4891">
                  <c:v>41417</c:v>
                </c:pt>
                <c:pt idx="4892">
                  <c:v>41418</c:v>
                </c:pt>
                <c:pt idx="4893">
                  <c:v>41419</c:v>
                </c:pt>
                <c:pt idx="4894">
                  <c:v>41420</c:v>
                </c:pt>
                <c:pt idx="4895">
                  <c:v>41421</c:v>
                </c:pt>
                <c:pt idx="4896">
                  <c:v>41422</c:v>
                </c:pt>
                <c:pt idx="4897">
                  <c:v>41423</c:v>
                </c:pt>
                <c:pt idx="4898">
                  <c:v>41424</c:v>
                </c:pt>
                <c:pt idx="4899">
                  <c:v>41425</c:v>
                </c:pt>
                <c:pt idx="4900">
                  <c:v>41426</c:v>
                </c:pt>
                <c:pt idx="4901">
                  <c:v>41427</c:v>
                </c:pt>
                <c:pt idx="4902">
                  <c:v>41428</c:v>
                </c:pt>
                <c:pt idx="4903">
                  <c:v>41429</c:v>
                </c:pt>
                <c:pt idx="4904">
                  <c:v>41430</c:v>
                </c:pt>
                <c:pt idx="4905">
                  <c:v>41431</c:v>
                </c:pt>
                <c:pt idx="4906">
                  <c:v>41432</c:v>
                </c:pt>
                <c:pt idx="4907">
                  <c:v>41433</c:v>
                </c:pt>
                <c:pt idx="4908">
                  <c:v>41434</c:v>
                </c:pt>
                <c:pt idx="4909">
                  <c:v>41435</c:v>
                </c:pt>
                <c:pt idx="4910">
                  <c:v>41436</c:v>
                </c:pt>
                <c:pt idx="4911">
                  <c:v>41437</c:v>
                </c:pt>
                <c:pt idx="4912">
                  <c:v>41438</c:v>
                </c:pt>
                <c:pt idx="4913">
                  <c:v>41439</c:v>
                </c:pt>
                <c:pt idx="4914">
                  <c:v>41440</c:v>
                </c:pt>
                <c:pt idx="4915">
                  <c:v>41441</c:v>
                </c:pt>
                <c:pt idx="4916">
                  <c:v>41442</c:v>
                </c:pt>
                <c:pt idx="4917">
                  <c:v>41443</c:v>
                </c:pt>
                <c:pt idx="4918">
                  <c:v>41444</c:v>
                </c:pt>
                <c:pt idx="4919">
                  <c:v>41445</c:v>
                </c:pt>
                <c:pt idx="4920">
                  <c:v>41446</c:v>
                </c:pt>
                <c:pt idx="4921">
                  <c:v>41447</c:v>
                </c:pt>
                <c:pt idx="4922">
                  <c:v>41448</c:v>
                </c:pt>
                <c:pt idx="4923">
                  <c:v>41449</c:v>
                </c:pt>
                <c:pt idx="4924">
                  <c:v>41450</c:v>
                </c:pt>
                <c:pt idx="4925">
                  <c:v>41451</c:v>
                </c:pt>
                <c:pt idx="4926">
                  <c:v>41452</c:v>
                </c:pt>
                <c:pt idx="4927">
                  <c:v>41453</c:v>
                </c:pt>
                <c:pt idx="4928">
                  <c:v>41454</c:v>
                </c:pt>
                <c:pt idx="4929">
                  <c:v>41455</c:v>
                </c:pt>
                <c:pt idx="4930">
                  <c:v>41456</c:v>
                </c:pt>
                <c:pt idx="4931">
                  <c:v>41457</c:v>
                </c:pt>
                <c:pt idx="4932">
                  <c:v>41458</c:v>
                </c:pt>
                <c:pt idx="4933">
                  <c:v>41459</c:v>
                </c:pt>
                <c:pt idx="4934">
                  <c:v>41460</c:v>
                </c:pt>
                <c:pt idx="4935">
                  <c:v>41461</c:v>
                </c:pt>
                <c:pt idx="4936">
                  <c:v>41462</c:v>
                </c:pt>
                <c:pt idx="4937">
                  <c:v>41463</c:v>
                </c:pt>
                <c:pt idx="4938">
                  <c:v>41464</c:v>
                </c:pt>
                <c:pt idx="4939">
                  <c:v>41465</c:v>
                </c:pt>
                <c:pt idx="4940">
                  <c:v>41466</c:v>
                </c:pt>
                <c:pt idx="4941">
                  <c:v>41467</c:v>
                </c:pt>
                <c:pt idx="4942">
                  <c:v>41468</c:v>
                </c:pt>
                <c:pt idx="4943">
                  <c:v>41469</c:v>
                </c:pt>
                <c:pt idx="4944">
                  <c:v>41470</c:v>
                </c:pt>
                <c:pt idx="4945">
                  <c:v>41471</c:v>
                </c:pt>
                <c:pt idx="4946">
                  <c:v>41472</c:v>
                </c:pt>
                <c:pt idx="4947">
                  <c:v>41473</c:v>
                </c:pt>
                <c:pt idx="4948">
                  <c:v>41474</c:v>
                </c:pt>
                <c:pt idx="4949">
                  <c:v>41475</c:v>
                </c:pt>
                <c:pt idx="4950">
                  <c:v>41476</c:v>
                </c:pt>
                <c:pt idx="4951">
                  <c:v>41477</c:v>
                </c:pt>
                <c:pt idx="4952">
                  <c:v>41478</c:v>
                </c:pt>
                <c:pt idx="4953">
                  <c:v>41479</c:v>
                </c:pt>
                <c:pt idx="4954">
                  <c:v>41480</c:v>
                </c:pt>
                <c:pt idx="4955">
                  <c:v>41481</c:v>
                </c:pt>
                <c:pt idx="4956">
                  <c:v>41482</c:v>
                </c:pt>
                <c:pt idx="4957">
                  <c:v>41483</c:v>
                </c:pt>
                <c:pt idx="4958">
                  <c:v>41484</c:v>
                </c:pt>
                <c:pt idx="4959">
                  <c:v>41485</c:v>
                </c:pt>
                <c:pt idx="4960">
                  <c:v>41486</c:v>
                </c:pt>
                <c:pt idx="4961">
                  <c:v>41487</c:v>
                </c:pt>
                <c:pt idx="4962">
                  <c:v>41488</c:v>
                </c:pt>
                <c:pt idx="4963">
                  <c:v>41489</c:v>
                </c:pt>
                <c:pt idx="4964">
                  <c:v>41490</c:v>
                </c:pt>
                <c:pt idx="4965">
                  <c:v>41491</c:v>
                </c:pt>
                <c:pt idx="4966">
                  <c:v>41492</c:v>
                </c:pt>
                <c:pt idx="4967">
                  <c:v>41493</c:v>
                </c:pt>
                <c:pt idx="4968">
                  <c:v>41494</c:v>
                </c:pt>
                <c:pt idx="4969">
                  <c:v>41495</c:v>
                </c:pt>
                <c:pt idx="4970">
                  <c:v>41496</c:v>
                </c:pt>
                <c:pt idx="4971">
                  <c:v>41497</c:v>
                </c:pt>
                <c:pt idx="4972">
                  <c:v>41498</c:v>
                </c:pt>
                <c:pt idx="4973">
                  <c:v>41499</c:v>
                </c:pt>
                <c:pt idx="4974">
                  <c:v>41500</c:v>
                </c:pt>
                <c:pt idx="4975">
                  <c:v>41501</c:v>
                </c:pt>
                <c:pt idx="4976">
                  <c:v>41502</c:v>
                </c:pt>
                <c:pt idx="4977">
                  <c:v>41503</c:v>
                </c:pt>
                <c:pt idx="4978">
                  <c:v>41504</c:v>
                </c:pt>
                <c:pt idx="4979">
                  <c:v>41505</c:v>
                </c:pt>
                <c:pt idx="4980">
                  <c:v>41506</c:v>
                </c:pt>
                <c:pt idx="4981">
                  <c:v>41507</c:v>
                </c:pt>
                <c:pt idx="4982">
                  <c:v>41508</c:v>
                </c:pt>
                <c:pt idx="4983">
                  <c:v>41509</c:v>
                </c:pt>
                <c:pt idx="4984">
                  <c:v>41510</c:v>
                </c:pt>
                <c:pt idx="4985">
                  <c:v>41511</c:v>
                </c:pt>
                <c:pt idx="4986">
                  <c:v>41512</c:v>
                </c:pt>
                <c:pt idx="4987">
                  <c:v>41513</c:v>
                </c:pt>
                <c:pt idx="4988">
                  <c:v>41514</c:v>
                </c:pt>
                <c:pt idx="4989">
                  <c:v>41515</c:v>
                </c:pt>
                <c:pt idx="4990">
                  <c:v>41516</c:v>
                </c:pt>
                <c:pt idx="4991">
                  <c:v>41517</c:v>
                </c:pt>
                <c:pt idx="4992">
                  <c:v>41518</c:v>
                </c:pt>
                <c:pt idx="4993">
                  <c:v>41519</c:v>
                </c:pt>
                <c:pt idx="4994">
                  <c:v>41520</c:v>
                </c:pt>
                <c:pt idx="4995">
                  <c:v>41521</c:v>
                </c:pt>
                <c:pt idx="4996">
                  <c:v>41522</c:v>
                </c:pt>
                <c:pt idx="4997">
                  <c:v>41523</c:v>
                </c:pt>
                <c:pt idx="4998">
                  <c:v>41524</c:v>
                </c:pt>
                <c:pt idx="4999">
                  <c:v>41525</c:v>
                </c:pt>
                <c:pt idx="5000">
                  <c:v>41526</c:v>
                </c:pt>
                <c:pt idx="5001">
                  <c:v>41527</c:v>
                </c:pt>
                <c:pt idx="5002">
                  <c:v>41528</c:v>
                </c:pt>
                <c:pt idx="5003">
                  <c:v>41529</c:v>
                </c:pt>
                <c:pt idx="5004">
                  <c:v>41530</c:v>
                </c:pt>
                <c:pt idx="5005">
                  <c:v>41531</c:v>
                </c:pt>
                <c:pt idx="5006">
                  <c:v>41532</c:v>
                </c:pt>
                <c:pt idx="5007">
                  <c:v>41533</c:v>
                </c:pt>
                <c:pt idx="5008">
                  <c:v>41534</c:v>
                </c:pt>
                <c:pt idx="5009">
                  <c:v>41535</c:v>
                </c:pt>
                <c:pt idx="5010">
                  <c:v>41536</c:v>
                </c:pt>
                <c:pt idx="5011">
                  <c:v>41537</c:v>
                </c:pt>
                <c:pt idx="5012">
                  <c:v>41538</c:v>
                </c:pt>
                <c:pt idx="5013">
                  <c:v>41539</c:v>
                </c:pt>
                <c:pt idx="5014">
                  <c:v>41540</c:v>
                </c:pt>
                <c:pt idx="5015">
                  <c:v>41541</c:v>
                </c:pt>
                <c:pt idx="5016">
                  <c:v>41542</c:v>
                </c:pt>
                <c:pt idx="5017">
                  <c:v>41543</c:v>
                </c:pt>
                <c:pt idx="5018">
                  <c:v>41544</c:v>
                </c:pt>
                <c:pt idx="5019">
                  <c:v>41545</c:v>
                </c:pt>
                <c:pt idx="5020">
                  <c:v>41546</c:v>
                </c:pt>
                <c:pt idx="5021">
                  <c:v>41547</c:v>
                </c:pt>
                <c:pt idx="5022">
                  <c:v>41548</c:v>
                </c:pt>
                <c:pt idx="5023">
                  <c:v>41549</c:v>
                </c:pt>
                <c:pt idx="5024">
                  <c:v>41550</c:v>
                </c:pt>
                <c:pt idx="5025">
                  <c:v>41551</c:v>
                </c:pt>
                <c:pt idx="5026">
                  <c:v>41552</c:v>
                </c:pt>
                <c:pt idx="5027">
                  <c:v>41553</c:v>
                </c:pt>
                <c:pt idx="5028">
                  <c:v>41554</c:v>
                </c:pt>
                <c:pt idx="5029">
                  <c:v>41555</c:v>
                </c:pt>
                <c:pt idx="5030">
                  <c:v>41556</c:v>
                </c:pt>
                <c:pt idx="5031">
                  <c:v>41557</c:v>
                </c:pt>
                <c:pt idx="5032">
                  <c:v>41558</c:v>
                </c:pt>
                <c:pt idx="5033">
                  <c:v>41559</c:v>
                </c:pt>
                <c:pt idx="5034">
                  <c:v>41560</c:v>
                </c:pt>
                <c:pt idx="5035">
                  <c:v>41561</c:v>
                </c:pt>
                <c:pt idx="5036">
                  <c:v>41562</c:v>
                </c:pt>
                <c:pt idx="5037">
                  <c:v>41563</c:v>
                </c:pt>
                <c:pt idx="5038">
                  <c:v>41564</c:v>
                </c:pt>
                <c:pt idx="5039">
                  <c:v>41565</c:v>
                </c:pt>
                <c:pt idx="5040">
                  <c:v>41566</c:v>
                </c:pt>
                <c:pt idx="5041">
                  <c:v>41567</c:v>
                </c:pt>
                <c:pt idx="5042">
                  <c:v>41568</c:v>
                </c:pt>
                <c:pt idx="5043">
                  <c:v>41569</c:v>
                </c:pt>
                <c:pt idx="5044">
                  <c:v>41570</c:v>
                </c:pt>
                <c:pt idx="5045">
                  <c:v>41571</c:v>
                </c:pt>
                <c:pt idx="5046">
                  <c:v>41572</c:v>
                </c:pt>
                <c:pt idx="5047">
                  <c:v>41573</c:v>
                </c:pt>
                <c:pt idx="5048">
                  <c:v>41574</c:v>
                </c:pt>
                <c:pt idx="5049">
                  <c:v>41575</c:v>
                </c:pt>
                <c:pt idx="5050">
                  <c:v>41576</c:v>
                </c:pt>
                <c:pt idx="5051">
                  <c:v>41577</c:v>
                </c:pt>
                <c:pt idx="5052">
                  <c:v>41578</c:v>
                </c:pt>
                <c:pt idx="5053">
                  <c:v>41579</c:v>
                </c:pt>
                <c:pt idx="5054">
                  <c:v>41580</c:v>
                </c:pt>
                <c:pt idx="5055">
                  <c:v>41581</c:v>
                </c:pt>
                <c:pt idx="5056">
                  <c:v>41582</c:v>
                </c:pt>
                <c:pt idx="5057">
                  <c:v>41583</c:v>
                </c:pt>
                <c:pt idx="5058">
                  <c:v>41584</c:v>
                </c:pt>
                <c:pt idx="5059">
                  <c:v>41585</c:v>
                </c:pt>
                <c:pt idx="5060">
                  <c:v>41586</c:v>
                </c:pt>
                <c:pt idx="5061">
                  <c:v>41587</c:v>
                </c:pt>
                <c:pt idx="5062">
                  <c:v>41588</c:v>
                </c:pt>
                <c:pt idx="5063">
                  <c:v>41589</c:v>
                </c:pt>
                <c:pt idx="5064">
                  <c:v>41590</c:v>
                </c:pt>
                <c:pt idx="5065">
                  <c:v>41591</c:v>
                </c:pt>
                <c:pt idx="5066">
                  <c:v>41592</c:v>
                </c:pt>
                <c:pt idx="5067">
                  <c:v>41593</c:v>
                </c:pt>
                <c:pt idx="5068">
                  <c:v>41594</c:v>
                </c:pt>
                <c:pt idx="5069">
                  <c:v>41595</c:v>
                </c:pt>
                <c:pt idx="5070">
                  <c:v>41596</c:v>
                </c:pt>
                <c:pt idx="5071">
                  <c:v>41597</c:v>
                </c:pt>
                <c:pt idx="5072">
                  <c:v>41598</c:v>
                </c:pt>
                <c:pt idx="5073">
                  <c:v>41599</c:v>
                </c:pt>
                <c:pt idx="5074">
                  <c:v>41600</c:v>
                </c:pt>
                <c:pt idx="5075">
                  <c:v>41601</c:v>
                </c:pt>
                <c:pt idx="5076">
                  <c:v>41602</c:v>
                </c:pt>
                <c:pt idx="5077">
                  <c:v>41603</c:v>
                </c:pt>
                <c:pt idx="5078">
                  <c:v>41604</c:v>
                </c:pt>
                <c:pt idx="5079">
                  <c:v>41605</c:v>
                </c:pt>
                <c:pt idx="5080">
                  <c:v>41606</c:v>
                </c:pt>
                <c:pt idx="5081">
                  <c:v>41607</c:v>
                </c:pt>
                <c:pt idx="5082">
                  <c:v>41608</c:v>
                </c:pt>
                <c:pt idx="5083">
                  <c:v>41609</c:v>
                </c:pt>
                <c:pt idx="5084">
                  <c:v>41610</c:v>
                </c:pt>
                <c:pt idx="5085">
                  <c:v>41611</c:v>
                </c:pt>
                <c:pt idx="5086">
                  <c:v>41612</c:v>
                </c:pt>
                <c:pt idx="5087">
                  <c:v>41613</c:v>
                </c:pt>
                <c:pt idx="5088">
                  <c:v>41614</c:v>
                </c:pt>
                <c:pt idx="5089">
                  <c:v>41615</c:v>
                </c:pt>
                <c:pt idx="5090">
                  <c:v>41616</c:v>
                </c:pt>
                <c:pt idx="5091">
                  <c:v>41617</c:v>
                </c:pt>
                <c:pt idx="5092">
                  <c:v>41618</c:v>
                </c:pt>
                <c:pt idx="5093">
                  <c:v>41619</c:v>
                </c:pt>
                <c:pt idx="5094">
                  <c:v>41620</c:v>
                </c:pt>
                <c:pt idx="5095">
                  <c:v>41621</c:v>
                </c:pt>
                <c:pt idx="5096">
                  <c:v>41622</c:v>
                </c:pt>
                <c:pt idx="5097">
                  <c:v>41623</c:v>
                </c:pt>
                <c:pt idx="5098">
                  <c:v>41624</c:v>
                </c:pt>
                <c:pt idx="5099">
                  <c:v>41625</c:v>
                </c:pt>
                <c:pt idx="5100">
                  <c:v>41626</c:v>
                </c:pt>
                <c:pt idx="5101">
                  <c:v>41627</c:v>
                </c:pt>
                <c:pt idx="5102">
                  <c:v>41628</c:v>
                </c:pt>
                <c:pt idx="5103">
                  <c:v>41629</c:v>
                </c:pt>
                <c:pt idx="5104">
                  <c:v>41630</c:v>
                </c:pt>
                <c:pt idx="5105">
                  <c:v>41631</c:v>
                </c:pt>
                <c:pt idx="5106">
                  <c:v>41632</c:v>
                </c:pt>
                <c:pt idx="5107">
                  <c:v>41633</c:v>
                </c:pt>
                <c:pt idx="5108">
                  <c:v>41634</c:v>
                </c:pt>
                <c:pt idx="5109">
                  <c:v>41635</c:v>
                </c:pt>
                <c:pt idx="5110">
                  <c:v>41636</c:v>
                </c:pt>
                <c:pt idx="5111">
                  <c:v>41637</c:v>
                </c:pt>
                <c:pt idx="5112">
                  <c:v>41638</c:v>
                </c:pt>
                <c:pt idx="5113">
                  <c:v>41639</c:v>
                </c:pt>
                <c:pt idx="5114">
                  <c:v>41640</c:v>
                </c:pt>
                <c:pt idx="5115">
                  <c:v>41641</c:v>
                </c:pt>
                <c:pt idx="5116">
                  <c:v>41642</c:v>
                </c:pt>
                <c:pt idx="5117">
                  <c:v>41643</c:v>
                </c:pt>
                <c:pt idx="5118">
                  <c:v>41644</c:v>
                </c:pt>
                <c:pt idx="5119">
                  <c:v>41645</c:v>
                </c:pt>
                <c:pt idx="5120">
                  <c:v>41646</c:v>
                </c:pt>
                <c:pt idx="5121">
                  <c:v>41647</c:v>
                </c:pt>
                <c:pt idx="5122">
                  <c:v>41648</c:v>
                </c:pt>
                <c:pt idx="5123">
                  <c:v>41649</c:v>
                </c:pt>
                <c:pt idx="5124">
                  <c:v>41650</c:v>
                </c:pt>
                <c:pt idx="5125">
                  <c:v>41651</c:v>
                </c:pt>
                <c:pt idx="5126">
                  <c:v>41652</c:v>
                </c:pt>
                <c:pt idx="5127">
                  <c:v>41653</c:v>
                </c:pt>
                <c:pt idx="5128">
                  <c:v>41654</c:v>
                </c:pt>
                <c:pt idx="5129">
                  <c:v>41655</c:v>
                </c:pt>
                <c:pt idx="5130">
                  <c:v>41656</c:v>
                </c:pt>
                <c:pt idx="5131">
                  <c:v>41657</c:v>
                </c:pt>
                <c:pt idx="5132">
                  <c:v>41658</c:v>
                </c:pt>
                <c:pt idx="5133">
                  <c:v>41659</c:v>
                </c:pt>
                <c:pt idx="5134">
                  <c:v>41660</c:v>
                </c:pt>
                <c:pt idx="5135">
                  <c:v>41661</c:v>
                </c:pt>
                <c:pt idx="5136">
                  <c:v>41662</c:v>
                </c:pt>
                <c:pt idx="5137">
                  <c:v>41663</c:v>
                </c:pt>
                <c:pt idx="5138">
                  <c:v>41664</c:v>
                </c:pt>
                <c:pt idx="5139">
                  <c:v>41665</c:v>
                </c:pt>
                <c:pt idx="5140">
                  <c:v>41666</c:v>
                </c:pt>
                <c:pt idx="5141">
                  <c:v>41667</c:v>
                </c:pt>
                <c:pt idx="5142">
                  <c:v>41668</c:v>
                </c:pt>
                <c:pt idx="5143">
                  <c:v>41669</c:v>
                </c:pt>
                <c:pt idx="5144">
                  <c:v>41670</c:v>
                </c:pt>
                <c:pt idx="5145">
                  <c:v>41671</c:v>
                </c:pt>
                <c:pt idx="5146">
                  <c:v>41672</c:v>
                </c:pt>
                <c:pt idx="5147">
                  <c:v>41673</c:v>
                </c:pt>
                <c:pt idx="5148">
                  <c:v>41674</c:v>
                </c:pt>
                <c:pt idx="5149">
                  <c:v>41675</c:v>
                </c:pt>
                <c:pt idx="5150">
                  <c:v>41676</c:v>
                </c:pt>
                <c:pt idx="5151">
                  <c:v>41677</c:v>
                </c:pt>
                <c:pt idx="5152">
                  <c:v>41678</c:v>
                </c:pt>
                <c:pt idx="5153">
                  <c:v>41679</c:v>
                </c:pt>
                <c:pt idx="5154">
                  <c:v>41680</c:v>
                </c:pt>
                <c:pt idx="5155">
                  <c:v>41681</c:v>
                </c:pt>
                <c:pt idx="5156">
                  <c:v>41682</c:v>
                </c:pt>
                <c:pt idx="5157">
                  <c:v>41683</c:v>
                </c:pt>
                <c:pt idx="5158">
                  <c:v>41684</c:v>
                </c:pt>
                <c:pt idx="5159">
                  <c:v>41685</c:v>
                </c:pt>
                <c:pt idx="5160">
                  <c:v>41686</c:v>
                </c:pt>
                <c:pt idx="5161">
                  <c:v>41687</c:v>
                </c:pt>
                <c:pt idx="5162">
                  <c:v>41688</c:v>
                </c:pt>
                <c:pt idx="5163">
                  <c:v>41689</c:v>
                </c:pt>
                <c:pt idx="5164">
                  <c:v>41690</c:v>
                </c:pt>
                <c:pt idx="5165">
                  <c:v>41691</c:v>
                </c:pt>
                <c:pt idx="5166">
                  <c:v>41692</c:v>
                </c:pt>
                <c:pt idx="5167">
                  <c:v>41693</c:v>
                </c:pt>
                <c:pt idx="5168">
                  <c:v>41694</c:v>
                </c:pt>
                <c:pt idx="5169">
                  <c:v>41695</c:v>
                </c:pt>
                <c:pt idx="5170">
                  <c:v>41696</c:v>
                </c:pt>
                <c:pt idx="5171">
                  <c:v>41697</c:v>
                </c:pt>
                <c:pt idx="5172">
                  <c:v>41698</c:v>
                </c:pt>
                <c:pt idx="5173">
                  <c:v>41699</c:v>
                </c:pt>
                <c:pt idx="5174">
                  <c:v>41700</c:v>
                </c:pt>
                <c:pt idx="5175">
                  <c:v>41701</c:v>
                </c:pt>
                <c:pt idx="5176">
                  <c:v>41702</c:v>
                </c:pt>
                <c:pt idx="5177">
                  <c:v>41703</c:v>
                </c:pt>
                <c:pt idx="5178">
                  <c:v>41704</c:v>
                </c:pt>
                <c:pt idx="5179">
                  <c:v>41705</c:v>
                </c:pt>
                <c:pt idx="5180">
                  <c:v>41706</c:v>
                </c:pt>
                <c:pt idx="5181">
                  <c:v>41707</c:v>
                </c:pt>
                <c:pt idx="5182">
                  <c:v>41708</c:v>
                </c:pt>
                <c:pt idx="5183">
                  <c:v>41709</c:v>
                </c:pt>
                <c:pt idx="5184">
                  <c:v>41710</c:v>
                </c:pt>
                <c:pt idx="5185">
                  <c:v>41711</c:v>
                </c:pt>
                <c:pt idx="5186">
                  <c:v>41712</c:v>
                </c:pt>
                <c:pt idx="5187">
                  <c:v>41713</c:v>
                </c:pt>
                <c:pt idx="5188">
                  <c:v>41714</c:v>
                </c:pt>
                <c:pt idx="5189">
                  <c:v>41715</c:v>
                </c:pt>
                <c:pt idx="5190">
                  <c:v>41716</c:v>
                </c:pt>
                <c:pt idx="5191">
                  <c:v>41717</c:v>
                </c:pt>
                <c:pt idx="5192">
                  <c:v>41718</c:v>
                </c:pt>
                <c:pt idx="5193">
                  <c:v>41719</c:v>
                </c:pt>
                <c:pt idx="5194">
                  <c:v>41720</c:v>
                </c:pt>
                <c:pt idx="5195">
                  <c:v>41721</c:v>
                </c:pt>
                <c:pt idx="5196">
                  <c:v>41722</c:v>
                </c:pt>
                <c:pt idx="5197">
                  <c:v>41723</c:v>
                </c:pt>
                <c:pt idx="5198">
                  <c:v>41724</c:v>
                </c:pt>
                <c:pt idx="5199">
                  <c:v>41725</c:v>
                </c:pt>
                <c:pt idx="5200">
                  <c:v>41726</c:v>
                </c:pt>
                <c:pt idx="5201">
                  <c:v>41727</c:v>
                </c:pt>
                <c:pt idx="5202">
                  <c:v>41728</c:v>
                </c:pt>
                <c:pt idx="5203">
                  <c:v>41729</c:v>
                </c:pt>
                <c:pt idx="5204">
                  <c:v>41730</c:v>
                </c:pt>
                <c:pt idx="5205">
                  <c:v>41731</c:v>
                </c:pt>
                <c:pt idx="5206">
                  <c:v>41732</c:v>
                </c:pt>
                <c:pt idx="5207">
                  <c:v>41733</c:v>
                </c:pt>
                <c:pt idx="5208">
                  <c:v>41734</c:v>
                </c:pt>
                <c:pt idx="5209">
                  <c:v>41735</c:v>
                </c:pt>
                <c:pt idx="5210">
                  <c:v>41736</c:v>
                </c:pt>
                <c:pt idx="5211">
                  <c:v>41737</c:v>
                </c:pt>
                <c:pt idx="5212">
                  <c:v>41738</c:v>
                </c:pt>
                <c:pt idx="5213">
                  <c:v>41739</c:v>
                </c:pt>
                <c:pt idx="5214">
                  <c:v>41740</c:v>
                </c:pt>
                <c:pt idx="5215">
                  <c:v>41741</c:v>
                </c:pt>
                <c:pt idx="5216">
                  <c:v>41742</c:v>
                </c:pt>
                <c:pt idx="5217">
                  <c:v>41743</c:v>
                </c:pt>
                <c:pt idx="5218">
                  <c:v>41744</c:v>
                </c:pt>
                <c:pt idx="5219">
                  <c:v>41745</c:v>
                </c:pt>
                <c:pt idx="5220">
                  <c:v>41746</c:v>
                </c:pt>
                <c:pt idx="5221">
                  <c:v>41747</c:v>
                </c:pt>
                <c:pt idx="5222">
                  <c:v>41748</c:v>
                </c:pt>
                <c:pt idx="5223">
                  <c:v>41749</c:v>
                </c:pt>
                <c:pt idx="5224">
                  <c:v>41750</c:v>
                </c:pt>
                <c:pt idx="5225">
                  <c:v>41751</c:v>
                </c:pt>
                <c:pt idx="5226">
                  <c:v>41752</c:v>
                </c:pt>
                <c:pt idx="5227">
                  <c:v>41753</c:v>
                </c:pt>
                <c:pt idx="5228">
                  <c:v>41754</c:v>
                </c:pt>
                <c:pt idx="5229">
                  <c:v>41755</c:v>
                </c:pt>
                <c:pt idx="5230">
                  <c:v>41756</c:v>
                </c:pt>
                <c:pt idx="5231">
                  <c:v>41757</c:v>
                </c:pt>
                <c:pt idx="5232">
                  <c:v>41758</c:v>
                </c:pt>
                <c:pt idx="5233">
                  <c:v>41759</c:v>
                </c:pt>
                <c:pt idx="5234">
                  <c:v>41760</c:v>
                </c:pt>
                <c:pt idx="5235">
                  <c:v>41761</c:v>
                </c:pt>
                <c:pt idx="5236">
                  <c:v>41762</c:v>
                </c:pt>
                <c:pt idx="5237">
                  <c:v>41763</c:v>
                </c:pt>
                <c:pt idx="5238">
                  <c:v>41764</c:v>
                </c:pt>
                <c:pt idx="5239">
                  <c:v>41765</c:v>
                </c:pt>
                <c:pt idx="5240">
                  <c:v>41766</c:v>
                </c:pt>
                <c:pt idx="5241">
                  <c:v>41767</c:v>
                </c:pt>
                <c:pt idx="5242">
                  <c:v>41768</c:v>
                </c:pt>
                <c:pt idx="5243">
                  <c:v>41769</c:v>
                </c:pt>
                <c:pt idx="5244">
                  <c:v>41770</c:v>
                </c:pt>
                <c:pt idx="5245">
                  <c:v>41771</c:v>
                </c:pt>
                <c:pt idx="5246">
                  <c:v>41772</c:v>
                </c:pt>
                <c:pt idx="5247">
                  <c:v>41773</c:v>
                </c:pt>
                <c:pt idx="5248">
                  <c:v>41774</c:v>
                </c:pt>
                <c:pt idx="5249">
                  <c:v>41775</c:v>
                </c:pt>
                <c:pt idx="5250">
                  <c:v>41776</c:v>
                </c:pt>
                <c:pt idx="5251">
                  <c:v>41777</c:v>
                </c:pt>
                <c:pt idx="5252">
                  <c:v>41778</c:v>
                </c:pt>
                <c:pt idx="5253">
                  <c:v>41779</c:v>
                </c:pt>
                <c:pt idx="5254">
                  <c:v>41780</c:v>
                </c:pt>
                <c:pt idx="5255">
                  <c:v>41781</c:v>
                </c:pt>
                <c:pt idx="5256">
                  <c:v>41782</c:v>
                </c:pt>
                <c:pt idx="5257">
                  <c:v>41783</c:v>
                </c:pt>
                <c:pt idx="5258">
                  <c:v>41784</c:v>
                </c:pt>
                <c:pt idx="5259">
                  <c:v>41785</c:v>
                </c:pt>
                <c:pt idx="5260">
                  <c:v>41786</c:v>
                </c:pt>
                <c:pt idx="5261">
                  <c:v>41787</c:v>
                </c:pt>
                <c:pt idx="5262">
                  <c:v>41788</c:v>
                </c:pt>
                <c:pt idx="5263">
                  <c:v>41789</c:v>
                </c:pt>
                <c:pt idx="5264">
                  <c:v>41790</c:v>
                </c:pt>
                <c:pt idx="5265">
                  <c:v>41791</c:v>
                </c:pt>
                <c:pt idx="5266">
                  <c:v>41792</c:v>
                </c:pt>
                <c:pt idx="5267">
                  <c:v>41793</c:v>
                </c:pt>
                <c:pt idx="5268">
                  <c:v>41794</c:v>
                </c:pt>
                <c:pt idx="5269">
                  <c:v>41795</c:v>
                </c:pt>
                <c:pt idx="5270">
                  <c:v>41796</c:v>
                </c:pt>
                <c:pt idx="5271">
                  <c:v>41797</c:v>
                </c:pt>
                <c:pt idx="5272">
                  <c:v>41798</c:v>
                </c:pt>
                <c:pt idx="5273">
                  <c:v>41799</c:v>
                </c:pt>
                <c:pt idx="5274">
                  <c:v>41800</c:v>
                </c:pt>
                <c:pt idx="5275">
                  <c:v>41801</c:v>
                </c:pt>
                <c:pt idx="5276">
                  <c:v>41802</c:v>
                </c:pt>
                <c:pt idx="5277">
                  <c:v>41803</c:v>
                </c:pt>
                <c:pt idx="5278">
                  <c:v>41804</c:v>
                </c:pt>
                <c:pt idx="5279">
                  <c:v>41805</c:v>
                </c:pt>
                <c:pt idx="5280">
                  <c:v>41806</c:v>
                </c:pt>
                <c:pt idx="5281">
                  <c:v>41807</c:v>
                </c:pt>
                <c:pt idx="5282">
                  <c:v>41808</c:v>
                </c:pt>
                <c:pt idx="5283">
                  <c:v>41809</c:v>
                </c:pt>
                <c:pt idx="5284">
                  <c:v>41810</c:v>
                </c:pt>
                <c:pt idx="5285">
                  <c:v>41811</c:v>
                </c:pt>
                <c:pt idx="5286">
                  <c:v>41812</c:v>
                </c:pt>
                <c:pt idx="5287">
                  <c:v>41813</c:v>
                </c:pt>
                <c:pt idx="5288">
                  <c:v>41814</c:v>
                </c:pt>
                <c:pt idx="5289">
                  <c:v>41815</c:v>
                </c:pt>
                <c:pt idx="5290">
                  <c:v>41816</c:v>
                </c:pt>
                <c:pt idx="5291">
                  <c:v>41817</c:v>
                </c:pt>
                <c:pt idx="5292">
                  <c:v>41818</c:v>
                </c:pt>
                <c:pt idx="5293">
                  <c:v>41819</c:v>
                </c:pt>
                <c:pt idx="5294">
                  <c:v>41820</c:v>
                </c:pt>
                <c:pt idx="5295">
                  <c:v>41821</c:v>
                </c:pt>
                <c:pt idx="5296">
                  <c:v>41822</c:v>
                </c:pt>
                <c:pt idx="5297">
                  <c:v>41823</c:v>
                </c:pt>
                <c:pt idx="5298">
                  <c:v>41824</c:v>
                </c:pt>
                <c:pt idx="5299">
                  <c:v>41825</c:v>
                </c:pt>
                <c:pt idx="5300">
                  <c:v>41826</c:v>
                </c:pt>
                <c:pt idx="5301">
                  <c:v>41827</c:v>
                </c:pt>
                <c:pt idx="5302">
                  <c:v>41828</c:v>
                </c:pt>
                <c:pt idx="5303">
                  <c:v>41829</c:v>
                </c:pt>
                <c:pt idx="5304">
                  <c:v>41830</c:v>
                </c:pt>
                <c:pt idx="5305">
                  <c:v>41831</c:v>
                </c:pt>
                <c:pt idx="5306">
                  <c:v>41832</c:v>
                </c:pt>
                <c:pt idx="5307">
                  <c:v>41833</c:v>
                </c:pt>
                <c:pt idx="5308">
                  <c:v>41834</c:v>
                </c:pt>
                <c:pt idx="5309">
                  <c:v>41835</c:v>
                </c:pt>
                <c:pt idx="5310">
                  <c:v>41836</c:v>
                </c:pt>
                <c:pt idx="5311">
                  <c:v>41837</c:v>
                </c:pt>
                <c:pt idx="5312">
                  <c:v>41838</c:v>
                </c:pt>
                <c:pt idx="5313">
                  <c:v>41839</c:v>
                </c:pt>
                <c:pt idx="5314">
                  <c:v>41840</c:v>
                </c:pt>
                <c:pt idx="5315">
                  <c:v>41841</c:v>
                </c:pt>
                <c:pt idx="5316">
                  <c:v>41842</c:v>
                </c:pt>
                <c:pt idx="5317">
                  <c:v>41843</c:v>
                </c:pt>
                <c:pt idx="5318">
                  <c:v>41844</c:v>
                </c:pt>
                <c:pt idx="5319">
                  <c:v>41845</c:v>
                </c:pt>
                <c:pt idx="5320">
                  <c:v>41846</c:v>
                </c:pt>
                <c:pt idx="5321">
                  <c:v>41847</c:v>
                </c:pt>
                <c:pt idx="5322">
                  <c:v>41848</c:v>
                </c:pt>
                <c:pt idx="5323">
                  <c:v>41849</c:v>
                </c:pt>
                <c:pt idx="5324">
                  <c:v>41850</c:v>
                </c:pt>
                <c:pt idx="5325">
                  <c:v>41851</c:v>
                </c:pt>
                <c:pt idx="5326">
                  <c:v>41852</c:v>
                </c:pt>
                <c:pt idx="5327">
                  <c:v>41853</c:v>
                </c:pt>
                <c:pt idx="5328">
                  <c:v>41854</c:v>
                </c:pt>
                <c:pt idx="5329">
                  <c:v>41855</c:v>
                </c:pt>
                <c:pt idx="5330">
                  <c:v>41856</c:v>
                </c:pt>
                <c:pt idx="5331">
                  <c:v>41857</c:v>
                </c:pt>
                <c:pt idx="5332">
                  <c:v>41858</c:v>
                </c:pt>
                <c:pt idx="5333">
                  <c:v>41859</c:v>
                </c:pt>
                <c:pt idx="5334">
                  <c:v>41860</c:v>
                </c:pt>
                <c:pt idx="5335">
                  <c:v>41861</c:v>
                </c:pt>
                <c:pt idx="5336">
                  <c:v>41862</c:v>
                </c:pt>
                <c:pt idx="5337">
                  <c:v>41863</c:v>
                </c:pt>
                <c:pt idx="5338">
                  <c:v>41864</c:v>
                </c:pt>
                <c:pt idx="5339">
                  <c:v>41865</c:v>
                </c:pt>
                <c:pt idx="5340">
                  <c:v>41866</c:v>
                </c:pt>
                <c:pt idx="5341">
                  <c:v>41867</c:v>
                </c:pt>
                <c:pt idx="5342">
                  <c:v>41868</c:v>
                </c:pt>
                <c:pt idx="5343">
                  <c:v>41869</c:v>
                </c:pt>
                <c:pt idx="5344">
                  <c:v>41870</c:v>
                </c:pt>
                <c:pt idx="5345">
                  <c:v>41871</c:v>
                </c:pt>
                <c:pt idx="5346">
                  <c:v>41872</c:v>
                </c:pt>
                <c:pt idx="5347">
                  <c:v>41873</c:v>
                </c:pt>
                <c:pt idx="5348">
                  <c:v>41874</c:v>
                </c:pt>
                <c:pt idx="5349">
                  <c:v>41875</c:v>
                </c:pt>
                <c:pt idx="5350">
                  <c:v>41876</c:v>
                </c:pt>
                <c:pt idx="5351">
                  <c:v>41877</c:v>
                </c:pt>
                <c:pt idx="5352">
                  <c:v>41878</c:v>
                </c:pt>
                <c:pt idx="5353">
                  <c:v>41879</c:v>
                </c:pt>
                <c:pt idx="5354">
                  <c:v>41880</c:v>
                </c:pt>
                <c:pt idx="5355">
                  <c:v>41881</c:v>
                </c:pt>
                <c:pt idx="5356">
                  <c:v>41882</c:v>
                </c:pt>
                <c:pt idx="5357">
                  <c:v>41883</c:v>
                </c:pt>
                <c:pt idx="5358">
                  <c:v>41884</c:v>
                </c:pt>
                <c:pt idx="5359">
                  <c:v>41885</c:v>
                </c:pt>
                <c:pt idx="5360">
                  <c:v>41886</c:v>
                </c:pt>
                <c:pt idx="5361">
                  <c:v>41887</c:v>
                </c:pt>
                <c:pt idx="5362">
                  <c:v>41888</c:v>
                </c:pt>
                <c:pt idx="5363">
                  <c:v>41889</c:v>
                </c:pt>
                <c:pt idx="5364">
                  <c:v>41890</c:v>
                </c:pt>
                <c:pt idx="5365">
                  <c:v>41891</c:v>
                </c:pt>
                <c:pt idx="5366">
                  <c:v>41892</c:v>
                </c:pt>
                <c:pt idx="5367">
                  <c:v>41893</c:v>
                </c:pt>
                <c:pt idx="5368">
                  <c:v>41894</c:v>
                </c:pt>
                <c:pt idx="5369">
                  <c:v>41895</c:v>
                </c:pt>
                <c:pt idx="5370">
                  <c:v>41896</c:v>
                </c:pt>
                <c:pt idx="5371">
                  <c:v>41897</c:v>
                </c:pt>
                <c:pt idx="5372">
                  <c:v>41898</c:v>
                </c:pt>
                <c:pt idx="5373">
                  <c:v>41899</c:v>
                </c:pt>
                <c:pt idx="5374">
                  <c:v>41900</c:v>
                </c:pt>
                <c:pt idx="5375">
                  <c:v>41901</c:v>
                </c:pt>
                <c:pt idx="5376">
                  <c:v>41902</c:v>
                </c:pt>
                <c:pt idx="5377">
                  <c:v>41903</c:v>
                </c:pt>
                <c:pt idx="5378">
                  <c:v>41904</c:v>
                </c:pt>
                <c:pt idx="5379">
                  <c:v>41905</c:v>
                </c:pt>
                <c:pt idx="5380">
                  <c:v>41906</c:v>
                </c:pt>
                <c:pt idx="5381">
                  <c:v>41907</c:v>
                </c:pt>
                <c:pt idx="5382">
                  <c:v>41908</c:v>
                </c:pt>
                <c:pt idx="5383">
                  <c:v>41909</c:v>
                </c:pt>
                <c:pt idx="5384">
                  <c:v>41910</c:v>
                </c:pt>
                <c:pt idx="5385">
                  <c:v>41911</c:v>
                </c:pt>
                <c:pt idx="5386">
                  <c:v>41912</c:v>
                </c:pt>
                <c:pt idx="5387">
                  <c:v>41913</c:v>
                </c:pt>
                <c:pt idx="5388">
                  <c:v>41914</c:v>
                </c:pt>
                <c:pt idx="5389">
                  <c:v>41915</c:v>
                </c:pt>
                <c:pt idx="5390">
                  <c:v>41916</c:v>
                </c:pt>
                <c:pt idx="5391">
                  <c:v>41917</c:v>
                </c:pt>
                <c:pt idx="5392">
                  <c:v>41918</c:v>
                </c:pt>
                <c:pt idx="5393">
                  <c:v>41919</c:v>
                </c:pt>
                <c:pt idx="5394">
                  <c:v>41920</c:v>
                </c:pt>
                <c:pt idx="5395">
                  <c:v>41921</c:v>
                </c:pt>
                <c:pt idx="5396">
                  <c:v>41922</c:v>
                </c:pt>
                <c:pt idx="5397">
                  <c:v>41923</c:v>
                </c:pt>
                <c:pt idx="5398">
                  <c:v>41924</c:v>
                </c:pt>
                <c:pt idx="5399">
                  <c:v>41925</c:v>
                </c:pt>
                <c:pt idx="5400">
                  <c:v>41926</c:v>
                </c:pt>
                <c:pt idx="5401">
                  <c:v>41927</c:v>
                </c:pt>
                <c:pt idx="5402">
                  <c:v>41928</c:v>
                </c:pt>
                <c:pt idx="5403">
                  <c:v>41929</c:v>
                </c:pt>
                <c:pt idx="5404">
                  <c:v>41930</c:v>
                </c:pt>
                <c:pt idx="5405">
                  <c:v>41931</c:v>
                </c:pt>
                <c:pt idx="5406">
                  <c:v>41932</c:v>
                </c:pt>
                <c:pt idx="5407">
                  <c:v>41933</c:v>
                </c:pt>
                <c:pt idx="5408">
                  <c:v>41934</c:v>
                </c:pt>
                <c:pt idx="5409">
                  <c:v>41935</c:v>
                </c:pt>
                <c:pt idx="5410">
                  <c:v>41936</c:v>
                </c:pt>
                <c:pt idx="5411">
                  <c:v>41937</c:v>
                </c:pt>
                <c:pt idx="5412">
                  <c:v>41938</c:v>
                </c:pt>
                <c:pt idx="5413">
                  <c:v>41939</c:v>
                </c:pt>
                <c:pt idx="5414">
                  <c:v>41940</c:v>
                </c:pt>
                <c:pt idx="5415">
                  <c:v>41941</c:v>
                </c:pt>
                <c:pt idx="5416">
                  <c:v>41942</c:v>
                </c:pt>
                <c:pt idx="5417">
                  <c:v>41943</c:v>
                </c:pt>
                <c:pt idx="5418">
                  <c:v>41944</c:v>
                </c:pt>
                <c:pt idx="5419">
                  <c:v>41945</c:v>
                </c:pt>
                <c:pt idx="5420">
                  <c:v>41946</c:v>
                </c:pt>
                <c:pt idx="5421">
                  <c:v>41947</c:v>
                </c:pt>
                <c:pt idx="5422">
                  <c:v>41948</c:v>
                </c:pt>
                <c:pt idx="5423">
                  <c:v>41949</c:v>
                </c:pt>
                <c:pt idx="5424">
                  <c:v>41950</c:v>
                </c:pt>
                <c:pt idx="5425">
                  <c:v>41951</c:v>
                </c:pt>
                <c:pt idx="5426">
                  <c:v>41952</c:v>
                </c:pt>
                <c:pt idx="5427">
                  <c:v>41953</c:v>
                </c:pt>
                <c:pt idx="5428">
                  <c:v>41954</c:v>
                </c:pt>
                <c:pt idx="5429">
                  <c:v>41955</c:v>
                </c:pt>
                <c:pt idx="5430">
                  <c:v>41956</c:v>
                </c:pt>
                <c:pt idx="5431">
                  <c:v>41957</c:v>
                </c:pt>
                <c:pt idx="5432">
                  <c:v>41958</c:v>
                </c:pt>
                <c:pt idx="5433">
                  <c:v>41959</c:v>
                </c:pt>
                <c:pt idx="5434">
                  <c:v>41960</c:v>
                </c:pt>
                <c:pt idx="5435">
                  <c:v>41961</c:v>
                </c:pt>
                <c:pt idx="5436">
                  <c:v>41962</c:v>
                </c:pt>
                <c:pt idx="5437">
                  <c:v>41963</c:v>
                </c:pt>
                <c:pt idx="5438">
                  <c:v>41964</c:v>
                </c:pt>
                <c:pt idx="5439">
                  <c:v>41965</c:v>
                </c:pt>
                <c:pt idx="5440">
                  <c:v>41966</c:v>
                </c:pt>
                <c:pt idx="5441">
                  <c:v>41967</c:v>
                </c:pt>
                <c:pt idx="5442">
                  <c:v>41968</c:v>
                </c:pt>
                <c:pt idx="5443">
                  <c:v>41969</c:v>
                </c:pt>
                <c:pt idx="5444">
                  <c:v>41970</c:v>
                </c:pt>
                <c:pt idx="5445">
                  <c:v>41971</c:v>
                </c:pt>
                <c:pt idx="5446">
                  <c:v>41972</c:v>
                </c:pt>
                <c:pt idx="5447">
                  <c:v>41973</c:v>
                </c:pt>
                <c:pt idx="5448">
                  <c:v>41974</c:v>
                </c:pt>
                <c:pt idx="5449">
                  <c:v>41975</c:v>
                </c:pt>
                <c:pt idx="5450">
                  <c:v>41976</c:v>
                </c:pt>
                <c:pt idx="5451">
                  <c:v>41977</c:v>
                </c:pt>
                <c:pt idx="5452">
                  <c:v>41978</c:v>
                </c:pt>
                <c:pt idx="5453">
                  <c:v>41979</c:v>
                </c:pt>
                <c:pt idx="5454">
                  <c:v>41980</c:v>
                </c:pt>
                <c:pt idx="5455">
                  <c:v>41981</c:v>
                </c:pt>
                <c:pt idx="5456">
                  <c:v>41982</c:v>
                </c:pt>
                <c:pt idx="5457">
                  <c:v>41983</c:v>
                </c:pt>
                <c:pt idx="5458">
                  <c:v>41984</c:v>
                </c:pt>
                <c:pt idx="5459">
                  <c:v>41985</c:v>
                </c:pt>
                <c:pt idx="5460">
                  <c:v>41986</c:v>
                </c:pt>
                <c:pt idx="5461">
                  <c:v>41987</c:v>
                </c:pt>
                <c:pt idx="5462">
                  <c:v>41988</c:v>
                </c:pt>
                <c:pt idx="5463">
                  <c:v>41989</c:v>
                </c:pt>
                <c:pt idx="5464">
                  <c:v>41990</c:v>
                </c:pt>
                <c:pt idx="5465">
                  <c:v>41991</c:v>
                </c:pt>
                <c:pt idx="5466">
                  <c:v>41992</c:v>
                </c:pt>
                <c:pt idx="5467">
                  <c:v>41993</c:v>
                </c:pt>
                <c:pt idx="5468">
                  <c:v>41994</c:v>
                </c:pt>
                <c:pt idx="5469">
                  <c:v>41995</c:v>
                </c:pt>
                <c:pt idx="5470">
                  <c:v>41996</c:v>
                </c:pt>
                <c:pt idx="5471">
                  <c:v>41997</c:v>
                </c:pt>
                <c:pt idx="5472">
                  <c:v>41998</c:v>
                </c:pt>
                <c:pt idx="5473">
                  <c:v>41999</c:v>
                </c:pt>
                <c:pt idx="5474">
                  <c:v>42000</c:v>
                </c:pt>
                <c:pt idx="5475">
                  <c:v>42001</c:v>
                </c:pt>
                <c:pt idx="5476">
                  <c:v>42002</c:v>
                </c:pt>
                <c:pt idx="5477">
                  <c:v>42003</c:v>
                </c:pt>
                <c:pt idx="5478">
                  <c:v>42004</c:v>
                </c:pt>
                <c:pt idx="5479">
                  <c:v>42005</c:v>
                </c:pt>
                <c:pt idx="5480">
                  <c:v>42006</c:v>
                </c:pt>
                <c:pt idx="5481">
                  <c:v>42007</c:v>
                </c:pt>
                <c:pt idx="5482">
                  <c:v>42008</c:v>
                </c:pt>
                <c:pt idx="5483">
                  <c:v>42009</c:v>
                </c:pt>
                <c:pt idx="5484">
                  <c:v>42010</c:v>
                </c:pt>
                <c:pt idx="5485">
                  <c:v>42011</c:v>
                </c:pt>
                <c:pt idx="5486">
                  <c:v>42012</c:v>
                </c:pt>
                <c:pt idx="5487">
                  <c:v>42013</c:v>
                </c:pt>
                <c:pt idx="5488">
                  <c:v>42014</c:v>
                </c:pt>
                <c:pt idx="5489">
                  <c:v>42015</c:v>
                </c:pt>
                <c:pt idx="5490">
                  <c:v>42016</c:v>
                </c:pt>
                <c:pt idx="5491">
                  <c:v>42017</c:v>
                </c:pt>
                <c:pt idx="5492">
                  <c:v>42018</c:v>
                </c:pt>
                <c:pt idx="5493">
                  <c:v>42019</c:v>
                </c:pt>
                <c:pt idx="5494">
                  <c:v>42020</c:v>
                </c:pt>
                <c:pt idx="5495">
                  <c:v>42021</c:v>
                </c:pt>
                <c:pt idx="5496">
                  <c:v>42022</c:v>
                </c:pt>
                <c:pt idx="5497">
                  <c:v>42023</c:v>
                </c:pt>
                <c:pt idx="5498">
                  <c:v>42024</c:v>
                </c:pt>
                <c:pt idx="5499">
                  <c:v>42025</c:v>
                </c:pt>
                <c:pt idx="5500">
                  <c:v>42026</c:v>
                </c:pt>
                <c:pt idx="5501">
                  <c:v>42027</c:v>
                </c:pt>
                <c:pt idx="5502">
                  <c:v>42028</c:v>
                </c:pt>
                <c:pt idx="5503">
                  <c:v>42029</c:v>
                </c:pt>
                <c:pt idx="5504">
                  <c:v>42030</c:v>
                </c:pt>
                <c:pt idx="5505">
                  <c:v>42031</c:v>
                </c:pt>
                <c:pt idx="5506">
                  <c:v>42032</c:v>
                </c:pt>
                <c:pt idx="5507">
                  <c:v>42033</c:v>
                </c:pt>
                <c:pt idx="5508">
                  <c:v>42034</c:v>
                </c:pt>
                <c:pt idx="5509">
                  <c:v>42035</c:v>
                </c:pt>
                <c:pt idx="5510">
                  <c:v>42036</c:v>
                </c:pt>
                <c:pt idx="5511">
                  <c:v>42037</c:v>
                </c:pt>
                <c:pt idx="5512">
                  <c:v>42038</c:v>
                </c:pt>
                <c:pt idx="5513">
                  <c:v>42039</c:v>
                </c:pt>
                <c:pt idx="5514">
                  <c:v>42040</c:v>
                </c:pt>
                <c:pt idx="5515">
                  <c:v>42041</c:v>
                </c:pt>
                <c:pt idx="5516">
                  <c:v>42042</c:v>
                </c:pt>
                <c:pt idx="5517">
                  <c:v>42043</c:v>
                </c:pt>
                <c:pt idx="5518">
                  <c:v>42044</c:v>
                </c:pt>
                <c:pt idx="5519">
                  <c:v>42045</c:v>
                </c:pt>
                <c:pt idx="5520">
                  <c:v>42046</c:v>
                </c:pt>
                <c:pt idx="5521">
                  <c:v>42047</c:v>
                </c:pt>
                <c:pt idx="5522">
                  <c:v>42048</c:v>
                </c:pt>
                <c:pt idx="5523">
                  <c:v>42049</c:v>
                </c:pt>
                <c:pt idx="5524">
                  <c:v>42050</c:v>
                </c:pt>
                <c:pt idx="5525">
                  <c:v>42051</c:v>
                </c:pt>
                <c:pt idx="5526">
                  <c:v>42052</c:v>
                </c:pt>
                <c:pt idx="5527">
                  <c:v>42053</c:v>
                </c:pt>
                <c:pt idx="5528">
                  <c:v>42054</c:v>
                </c:pt>
                <c:pt idx="5529">
                  <c:v>42055</c:v>
                </c:pt>
                <c:pt idx="5530">
                  <c:v>42056</c:v>
                </c:pt>
                <c:pt idx="5531">
                  <c:v>42057</c:v>
                </c:pt>
                <c:pt idx="5532">
                  <c:v>42058</c:v>
                </c:pt>
                <c:pt idx="5533">
                  <c:v>42059</c:v>
                </c:pt>
                <c:pt idx="5534">
                  <c:v>42060</c:v>
                </c:pt>
                <c:pt idx="5535">
                  <c:v>42061</c:v>
                </c:pt>
                <c:pt idx="5536">
                  <c:v>42062</c:v>
                </c:pt>
                <c:pt idx="5537">
                  <c:v>42063</c:v>
                </c:pt>
                <c:pt idx="5538">
                  <c:v>42064</c:v>
                </c:pt>
                <c:pt idx="5539">
                  <c:v>42065</c:v>
                </c:pt>
                <c:pt idx="5540">
                  <c:v>42066</c:v>
                </c:pt>
                <c:pt idx="5541">
                  <c:v>42067</c:v>
                </c:pt>
                <c:pt idx="5542">
                  <c:v>42068</c:v>
                </c:pt>
                <c:pt idx="5543">
                  <c:v>42069</c:v>
                </c:pt>
                <c:pt idx="5544">
                  <c:v>42070</c:v>
                </c:pt>
                <c:pt idx="5545">
                  <c:v>42071</c:v>
                </c:pt>
                <c:pt idx="5546">
                  <c:v>42072</c:v>
                </c:pt>
                <c:pt idx="5547">
                  <c:v>42073</c:v>
                </c:pt>
                <c:pt idx="5548">
                  <c:v>42074</c:v>
                </c:pt>
                <c:pt idx="5549">
                  <c:v>42075</c:v>
                </c:pt>
                <c:pt idx="5550">
                  <c:v>42076</c:v>
                </c:pt>
                <c:pt idx="5551">
                  <c:v>42077</c:v>
                </c:pt>
                <c:pt idx="5552">
                  <c:v>42078</c:v>
                </c:pt>
                <c:pt idx="5553">
                  <c:v>42079</c:v>
                </c:pt>
                <c:pt idx="5554">
                  <c:v>42080</c:v>
                </c:pt>
                <c:pt idx="5555">
                  <c:v>42081</c:v>
                </c:pt>
                <c:pt idx="5556">
                  <c:v>42082</c:v>
                </c:pt>
                <c:pt idx="5557">
                  <c:v>42083</c:v>
                </c:pt>
                <c:pt idx="5558">
                  <c:v>42084</c:v>
                </c:pt>
                <c:pt idx="5559">
                  <c:v>42085</c:v>
                </c:pt>
                <c:pt idx="5560">
                  <c:v>42086</c:v>
                </c:pt>
                <c:pt idx="5561">
                  <c:v>42087</c:v>
                </c:pt>
                <c:pt idx="5562">
                  <c:v>42088</c:v>
                </c:pt>
                <c:pt idx="5563">
                  <c:v>42089</c:v>
                </c:pt>
                <c:pt idx="5564">
                  <c:v>42090</c:v>
                </c:pt>
                <c:pt idx="5565">
                  <c:v>42091</c:v>
                </c:pt>
                <c:pt idx="5566">
                  <c:v>42092</c:v>
                </c:pt>
                <c:pt idx="5567">
                  <c:v>42093</c:v>
                </c:pt>
                <c:pt idx="5568">
                  <c:v>42094</c:v>
                </c:pt>
                <c:pt idx="5569">
                  <c:v>42095</c:v>
                </c:pt>
                <c:pt idx="5570">
                  <c:v>42096</c:v>
                </c:pt>
                <c:pt idx="5571">
                  <c:v>42097</c:v>
                </c:pt>
                <c:pt idx="5572">
                  <c:v>42098</c:v>
                </c:pt>
                <c:pt idx="5573">
                  <c:v>42099</c:v>
                </c:pt>
                <c:pt idx="5574">
                  <c:v>42100</c:v>
                </c:pt>
                <c:pt idx="5575">
                  <c:v>42101</c:v>
                </c:pt>
                <c:pt idx="5576">
                  <c:v>42102</c:v>
                </c:pt>
                <c:pt idx="5577">
                  <c:v>42103</c:v>
                </c:pt>
                <c:pt idx="5578">
                  <c:v>42104</c:v>
                </c:pt>
                <c:pt idx="5579">
                  <c:v>42105</c:v>
                </c:pt>
                <c:pt idx="5580">
                  <c:v>42106</c:v>
                </c:pt>
                <c:pt idx="5581">
                  <c:v>42107</c:v>
                </c:pt>
                <c:pt idx="5582">
                  <c:v>42108</c:v>
                </c:pt>
                <c:pt idx="5583">
                  <c:v>42109</c:v>
                </c:pt>
                <c:pt idx="5584">
                  <c:v>42110</c:v>
                </c:pt>
                <c:pt idx="5585">
                  <c:v>42111</c:v>
                </c:pt>
                <c:pt idx="5586">
                  <c:v>42112</c:v>
                </c:pt>
                <c:pt idx="5587">
                  <c:v>42113</c:v>
                </c:pt>
                <c:pt idx="5588">
                  <c:v>42114</c:v>
                </c:pt>
                <c:pt idx="5589">
                  <c:v>42115</c:v>
                </c:pt>
                <c:pt idx="5590">
                  <c:v>42116</c:v>
                </c:pt>
                <c:pt idx="5591">
                  <c:v>42117</c:v>
                </c:pt>
                <c:pt idx="5592">
                  <c:v>42118</c:v>
                </c:pt>
                <c:pt idx="5593">
                  <c:v>42119</c:v>
                </c:pt>
                <c:pt idx="5594">
                  <c:v>42120</c:v>
                </c:pt>
                <c:pt idx="5595">
                  <c:v>42121</c:v>
                </c:pt>
                <c:pt idx="5596">
                  <c:v>42122</c:v>
                </c:pt>
                <c:pt idx="5597">
                  <c:v>42123</c:v>
                </c:pt>
                <c:pt idx="5598">
                  <c:v>42124</c:v>
                </c:pt>
                <c:pt idx="5599">
                  <c:v>42125</c:v>
                </c:pt>
                <c:pt idx="5600">
                  <c:v>42126</c:v>
                </c:pt>
                <c:pt idx="5601">
                  <c:v>42127</c:v>
                </c:pt>
                <c:pt idx="5602">
                  <c:v>42128</c:v>
                </c:pt>
                <c:pt idx="5603">
                  <c:v>42129</c:v>
                </c:pt>
                <c:pt idx="5604">
                  <c:v>42130</c:v>
                </c:pt>
                <c:pt idx="5605">
                  <c:v>42131</c:v>
                </c:pt>
                <c:pt idx="5606">
                  <c:v>42132</c:v>
                </c:pt>
                <c:pt idx="5607">
                  <c:v>42133</c:v>
                </c:pt>
                <c:pt idx="5608">
                  <c:v>42134</c:v>
                </c:pt>
                <c:pt idx="5609">
                  <c:v>42135</c:v>
                </c:pt>
                <c:pt idx="5610">
                  <c:v>42136</c:v>
                </c:pt>
                <c:pt idx="5611">
                  <c:v>42137</c:v>
                </c:pt>
                <c:pt idx="5612">
                  <c:v>42138</c:v>
                </c:pt>
                <c:pt idx="5613">
                  <c:v>42139</c:v>
                </c:pt>
                <c:pt idx="5614">
                  <c:v>42140</c:v>
                </c:pt>
                <c:pt idx="5615">
                  <c:v>42141</c:v>
                </c:pt>
                <c:pt idx="5616">
                  <c:v>42142</c:v>
                </c:pt>
                <c:pt idx="5617">
                  <c:v>42143</c:v>
                </c:pt>
                <c:pt idx="5618">
                  <c:v>42144</c:v>
                </c:pt>
                <c:pt idx="5619">
                  <c:v>42145</c:v>
                </c:pt>
                <c:pt idx="5620">
                  <c:v>42146</c:v>
                </c:pt>
                <c:pt idx="5621">
                  <c:v>42147</c:v>
                </c:pt>
                <c:pt idx="5622">
                  <c:v>42148</c:v>
                </c:pt>
                <c:pt idx="5623">
                  <c:v>42149</c:v>
                </c:pt>
                <c:pt idx="5624">
                  <c:v>42150</c:v>
                </c:pt>
                <c:pt idx="5625">
                  <c:v>42151</c:v>
                </c:pt>
                <c:pt idx="5626">
                  <c:v>42152</c:v>
                </c:pt>
                <c:pt idx="5627">
                  <c:v>42153</c:v>
                </c:pt>
                <c:pt idx="5628">
                  <c:v>42154</c:v>
                </c:pt>
                <c:pt idx="5629">
                  <c:v>42155</c:v>
                </c:pt>
                <c:pt idx="5630">
                  <c:v>42156</c:v>
                </c:pt>
                <c:pt idx="5631">
                  <c:v>42157</c:v>
                </c:pt>
                <c:pt idx="5632">
                  <c:v>42158</c:v>
                </c:pt>
                <c:pt idx="5633">
                  <c:v>42159</c:v>
                </c:pt>
                <c:pt idx="5634">
                  <c:v>42160</c:v>
                </c:pt>
                <c:pt idx="5635">
                  <c:v>42161</c:v>
                </c:pt>
                <c:pt idx="5636">
                  <c:v>42162</c:v>
                </c:pt>
                <c:pt idx="5637">
                  <c:v>42163</c:v>
                </c:pt>
                <c:pt idx="5638">
                  <c:v>42164</c:v>
                </c:pt>
                <c:pt idx="5639">
                  <c:v>42165</c:v>
                </c:pt>
                <c:pt idx="5640">
                  <c:v>42166</c:v>
                </c:pt>
                <c:pt idx="5641">
                  <c:v>42167</c:v>
                </c:pt>
                <c:pt idx="5642">
                  <c:v>42168</c:v>
                </c:pt>
                <c:pt idx="5643">
                  <c:v>42169</c:v>
                </c:pt>
                <c:pt idx="5644">
                  <c:v>42170</c:v>
                </c:pt>
                <c:pt idx="5645">
                  <c:v>42171</c:v>
                </c:pt>
                <c:pt idx="5646">
                  <c:v>42172</c:v>
                </c:pt>
                <c:pt idx="5647">
                  <c:v>42173</c:v>
                </c:pt>
                <c:pt idx="5648">
                  <c:v>42174</c:v>
                </c:pt>
                <c:pt idx="5649">
                  <c:v>42175</c:v>
                </c:pt>
                <c:pt idx="5650">
                  <c:v>42176</c:v>
                </c:pt>
                <c:pt idx="5651">
                  <c:v>42177</c:v>
                </c:pt>
                <c:pt idx="5652">
                  <c:v>42178</c:v>
                </c:pt>
                <c:pt idx="5653">
                  <c:v>42179</c:v>
                </c:pt>
                <c:pt idx="5654">
                  <c:v>42180</c:v>
                </c:pt>
                <c:pt idx="5655">
                  <c:v>42181</c:v>
                </c:pt>
                <c:pt idx="5656">
                  <c:v>42182</c:v>
                </c:pt>
                <c:pt idx="5657">
                  <c:v>42183</c:v>
                </c:pt>
                <c:pt idx="5658">
                  <c:v>42184</c:v>
                </c:pt>
                <c:pt idx="5659">
                  <c:v>42185</c:v>
                </c:pt>
                <c:pt idx="5660">
                  <c:v>42186</c:v>
                </c:pt>
                <c:pt idx="5661">
                  <c:v>42187</c:v>
                </c:pt>
                <c:pt idx="5662">
                  <c:v>42188</c:v>
                </c:pt>
                <c:pt idx="5663">
                  <c:v>42189</c:v>
                </c:pt>
                <c:pt idx="5664">
                  <c:v>42190</c:v>
                </c:pt>
                <c:pt idx="5665">
                  <c:v>42191</c:v>
                </c:pt>
                <c:pt idx="5666">
                  <c:v>42192</c:v>
                </c:pt>
                <c:pt idx="5667">
                  <c:v>42193</c:v>
                </c:pt>
                <c:pt idx="5668">
                  <c:v>42194</c:v>
                </c:pt>
                <c:pt idx="5669">
                  <c:v>42195</c:v>
                </c:pt>
                <c:pt idx="5670">
                  <c:v>42196</c:v>
                </c:pt>
                <c:pt idx="5671">
                  <c:v>42197</c:v>
                </c:pt>
                <c:pt idx="5672">
                  <c:v>42198</c:v>
                </c:pt>
                <c:pt idx="5673">
                  <c:v>42199</c:v>
                </c:pt>
                <c:pt idx="5674">
                  <c:v>42200</c:v>
                </c:pt>
                <c:pt idx="5675">
                  <c:v>42201</c:v>
                </c:pt>
                <c:pt idx="5676">
                  <c:v>42202</c:v>
                </c:pt>
                <c:pt idx="5677">
                  <c:v>42203</c:v>
                </c:pt>
                <c:pt idx="5678">
                  <c:v>42204</c:v>
                </c:pt>
                <c:pt idx="5679">
                  <c:v>42205</c:v>
                </c:pt>
                <c:pt idx="5680">
                  <c:v>42206</c:v>
                </c:pt>
                <c:pt idx="5681">
                  <c:v>42207</c:v>
                </c:pt>
                <c:pt idx="5682">
                  <c:v>42208</c:v>
                </c:pt>
                <c:pt idx="5683">
                  <c:v>42209</c:v>
                </c:pt>
                <c:pt idx="5684">
                  <c:v>42210</c:v>
                </c:pt>
                <c:pt idx="5685">
                  <c:v>42211</c:v>
                </c:pt>
                <c:pt idx="5686">
                  <c:v>42212</c:v>
                </c:pt>
                <c:pt idx="5687">
                  <c:v>42213</c:v>
                </c:pt>
                <c:pt idx="5688">
                  <c:v>42214</c:v>
                </c:pt>
                <c:pt idx="5689">
                  <c:v>42215</c:v>
                </c:pt>
                <c:pt idx="5690">
                  <c:v>42216</c:v>
                </c:pt>
                <c:pt idx="5691">
                  <c:v>42217</c:v>
                </c:pt>
                <c:pt idx="5692">
                  <c:v>42218</c:v>
                </c:pt>
                <c:pt idx="5693">
                  <c:v>42219</c:v>
                </c:pt>
                <c:pt idx="5694">
                  <c:v>42220</c:v>
                </c:pt>
                <c:pt idx="5695">
                  <c:v>42221</c:v>
                </c:pt>
                <c:pt idx="5696">
                  <c:v>42222</c:v>
                </c:pt>
                <c:pt idx="5697">
                  <c:v>42223</c:v>
                </c:pt>
                <c:pt idx="5698">
                  <c:v>42224</c:v>
                </c:pt>
                <c:pt idx="5699">
                  <c:v>42225</c:v>
                </c:pt>
                <c:pt idx="5700">
                  <c:v>42226</c:v>
                </c:pt>
                <c:pt idx="5701">
                  <c:v>42227</c:v>
                </c:pt>
                <c:pt idx="5702">
                  <c:v>42228</c:v>
                </c:pt>
                <c:pt idx="5703">
                  <c:v>42229</c:v>
                </c:pt>
                <c:pt idx="5704">
                  <c:v>42230</c:v>
                </c:pt>
                <c:pt idx="5705">
                  <c:v>42231</c:v>
                </c:pt>
                <c:pt idx="5706">
                  <c:v>42232</c:v>
                </c:pt>
                <c:pt idx="5707">
                  <c:v>42233</c:v>
                </c:pt>
                <c:pt idx="5708">
                  <c:v>42234</c:v>
                </c:pt>
                <c:pt idx="5709">
                  <c:v>42235</c:v>
                </c:pt>
                <c:pt idx="5710">
                  <c:v>42236</c:v>
                </c:pt>
                <c:pt idx="5711">
                  <c:v>42237</c:v>
                </c:pt>
                <c:pt idx="5712">
                  <c:v>42238</c:v>
                </c:pt>
                <c:pt idx="5713">
                  <c:v>42239</c:v>
                </c:pt>
                <c:pt idx="5714">
                  <c:v>42240</c:v>
                </c:pt>
                <c:pt idx="5715">
                  <c:v>42241</c:v>
                </c:pt>
                <c:pt idx="5716">
                  <c:v>42242</c:v>
                </c:pt>
                <c:pt idx="5717">
                  <c:v>42243</c:v>
                </c:pt>
                <c:pt idx="5718">
                  <c:v>42244</c:v>
                </c:pt>
                <c:pt idx="5719">
                  <c:v>42245</c:v>
                </c:pt>
                <c:pt idx="5720">
                  <c:v>42246</c:v>
                </c:pt>
                <c:pt idx="5721">
                  <c:v>42247</c:v>
                </c:pt>
                <c:pt idx="5722">
                  <c:v>42248</c:v>
                </c:pt>
                <c:pt idx="5723">
                  <c:v>42249</c:v>
                </c:pt>
                <c:pt idx="5724">
                  <c:v>42250</c:v>
                </c:pt>
                <c:pt idx="5725">
                  <c:v>42251</c:v>
                </c:pt>
                <c:pt idx="5726">
                  <c:v>42252</c:v>
                </c:pt>
                <c:pt idx="5727">
                  <c:v>42253</c:v>
                </c:pt>
                <c:pt idx="5728">
                  <c:v>42254</c:v>
                </c:pt>
                <c:pt idx="5729">
                  <c:v>42255</c:v>
                </c:pt>
                <c:pt idx="5730">
                  <c:v>42256</c:v>
                </c:pt>
                <c:pt idx="5731">
                  <c:v>42257</c:v>
                </c:pt>
                <c:pt idx="5732">
                  <c:v>42258</c:v>
                </c:pt>
                <c:pt idx="5733">
                  <c:v>42259</c:v>
                </c:pt>
                <c:pt idx="5734">
                  <c:v>42260</c:v>
                </c:pt>
                <c:pt idx="5735">
                  <c:v>42261</c:v>
                </c:pt>
                <c:pt idx="5736">
                  <c:v>42262</c:v>
                </c:pt>
                <c:pt idx="5737">
                  <c:v>42263</c:v>
                </c:pt>
                <c:pt idx="5738">
                  <c:v>42264</c:v>
                </c:pt>
                <c:pt idx="5739">
                  <c:v>42265</c:v>
                </c:pt>
                <c:pt idx="5740">
                  <c:v>42266</c:v>
                </c:pt>
                <c:pt idx="5741">
                  <c:v>42267</c:v>
                </c:pt>
                <c:pt idx="5742">
                  <c:v>42268</c:v>
                </c:pt>
                <c:pt idx="5743">
                  <c:v>42269</c:v>
                </c:pt>
                <c:pt idx="5744">
                  <c:v>42270</c:v>
                </c:pt>
                <c:pt idx="5745">
                  <c:v>42271</c:v>
                </c:pt>
                <c:pt idx="5746">
                  <c:v>42272</c:v>
                </c:pt>
                <c:pt idx="5747">
                  <c:v>42273</c:v>
                </c:pt>
                <c:pt idx="5748">
                  <c:v>42274</c:v>
                </c:pt>
                <c:pt idx="5749">
                  <c:v>42275</c:v>
                </c:pt>
                <c:pt idx="5750">
                  <c:v>42276</c:v>
                </c:pt>
                <c:pt idx="5751">
                  <c:v>42277</c:v>
                </c:pt>
                <c:pt idx="5752">
                  <c:v>42278</c:v>
                </c:pt>
                <c:pt idx="5753">
                  <c:v>42279</c:v>
                </c:pt>
                <c:pt idx="5754">
                  <c:v>42280</c:v>
                </c:pt>
                <c:pt idx="5755">
                  <c:v>42281</c:v>
                </c:pt>
                <c:pt idx="5756">
                  <c:v>42282</c:v>
                </c:pt>
                <c:pt idx="5757">
                  <c:v>42283</c:v>
                </c:pt>
                <c:pt idx="5758">
                  <c:v>42284</c:v>
                </c:pt>
                <c:pt idx="5759">
                  <c:v>42285</c:v>
                </c:pt>
                <c:pt idx="5760">
                  <c:v>42286</c:v>
                </c:pt>
                <c:pt idx="5761">
                  <c:v>42287</c:v>
                </c:pt>
                <c:pt idx="5762">
                  <c:v>42288</c:v>
                </c:pt>
                <c:pt idx="5763">
                  <c:v>42289</c:v>
                </c:pt>
                <c:pt idx="5764">
                  <c:v>42290</c:v>
                </c:pt>
                <c:pt idx="5765">
                  <c:v>42291</c:v>
                </c:pt>
                <c:pt idx="5766">
                  <c:v>42292</c:v>
                </c:pt>
                <c:pt idx="5767">
                  <c:v>42293</c:v>
                </c:pt>
                <c:pt idx="5768">
                  <c:v>42294</c:v>
                </c:pt>
                <c:pt idx="5769">
                  <c:v>42295</c:v>
                </c:pt>
                <c:pt idx="5770">
                  <c:v>42296</c:v>
                </c:pt>
                <c:pt idx="5771">
                  <c:v>42297</c:v>
                </c:pt>
                <c:pt idx="5772">
                  <c:v>42298</c:v>
                </c:pt>
                <c:pt idx="5773">
                  <c:v>42299</c:v>
                </c:pt>
                <c:pt idx="5774">
                  <c:v>42300</c:v>
                </c:pt>
                <c:pt idx="5775">
                  <c:v>42301</c:v>
                </c:pt>
                <c:pt idx="5776">
                  <c:v>42302</c:v>
                </c:pt>
                <c:pt idx="5777">
                  <c:v>42303</c:v>
                </c:pt>
                <c:pt idx="5778">
                  <c:v>42304</c:v>
                </c:pt>
                <c:pt idx="5779">
                  <c:v>42305</c:v>
                </c:pt>
                <c:pt idx="5780">
                  <c:v>42306</c:v>
                </c:pt>
                <c:pt idx="5781">
                  <c:v>42307</c:v>
                </c:pt>
                <c:pt idx="5782">
                  <c:v>42308</c:v>
                </c:pt>
                <c:pt idx="5783">
                  <c:v>42309</c:v>
                </c:pt>
                <c:pt idx="5784">
                  <c:v>42310</c:v>
                </c:pt>
                <c:pt idx="5785">
                  <c:v>42311</c:v>
                </c:pt>
                <c:pt idx="5786">
                  <c:v>42312</c:v>
                </c:pt>
                <c:pt idx="5787">
                  <c:v>42313</c:v>
                </c:pt>
                <c:pt idx="5788">
                  <c:v>42314</c:v>
                </c:pt>
                <c:pt idx="5789">
                  <c:v>42315</c:v>
                </c:pt>
                <c:pt idx="5790">
                  <c:v>42316</c:v>
                </c:pt>
                <c:pt idx="5791">
                  <c:v>42317</c:v>
                </c:pt>
                <c:pt idx="5792">
                  <c:v>42318</c:v>
                </c:pt>
                <c:pt idx="5793">
                  <c:v>42319</c:v>
                </c:pt>
                <c:pt idx="5794">
                  <c:v>42320</c:v>
                </c:pt>
                <c:pt idx="5795">
                  <c:v>42321</c:v>
                </c:pt>
                <c:pt idx="5796">
                  <c:v>42322</c:v>
                </c:pt>
                <c:pt idx="5797">
                  <c:v>42323</c:v>
                </c:pt>
                <c:pt idx="5798">
                  <c:v>42324</c:v>
                </c:pt>
                <c:pt idx="5799">
                  <c:v>42325</c:v>
                </c:pt>
                <c:pt idx="5800">
                  <c:v>42326</c:v>
                </c:pt>
                <c:pt idx="5801">
                  <c:v>42327</c:v>
                </c:pt>
                <c:pt idx="5802">
                  <c:v>42328</c:v>
                </c:pt>
                <c:pt idx="5803">
                  <c:v>42329</c:v>
                </c:pt>
                <c:pt idx="5804">
                  <c:v>42330</c:v>
                </c:pt>
                <c:pt idx="5805">
                  <c:v>42331</c:v>
                </c:pt>
                <c:pt idx="5806">
                  <c:v>42332</c:v>
                </c:pt>
                <c:pt idx="5807">
                  <c:v>42333</c:v>
                </c:pt>
                <c:pt idx="5808">
                  <c:v>42334</c:v>
                </c:pt>
                <c:pt idx="5809">
                  <c:v>42335</c:v>
                </c:pt>
                <c:pt idx="5810">
                  <c:v>42336</c:v>
                </c:pt>
                <c:pt idx="5811">
                  <c:v>42337</c:v>
                </c:pt>
                <c:pt idx="5812">
                  <c:v>42338</c:v>
                </c:pt>
                <c:pt idx="5813">
                  <c:v>42339</c:v>
                </c:pt>
                <c:pt idx="5814">
                  <c:v>42340</c:v>
                </c:pt>
                <c:pt idx="5815">
                  <c:v>42341</c:v>
                </c:pt>
                <c:pt idx="5816">
                  <c:v>42342</c:v>
                </c:pt>
                <c:pt idx="5817">
                  <c:v>42343</c:v>
                </c:pt>
                <c:pt idx="5818">
                  <c:v>42344</c:v>
                </c:pt>
                <c:pt idx="5819">
                  <c:v>42345</c:v>
                </c:pt>
                <c:pt idx="5820">
                  <c:v>42346</c:v>
                </c:pt>
                <c:pt idx="5821">
                  <c:v>42347</c:v>
                </c:pt>
                <c:pt idx="5822">
                  <c:v>42348</c:v>
                </c:pt>
                <c:pt idx="5823">
                  <c:v>42349</c:v>
                </c:pt>
                <c:pt idx="5824">
                  <c:v>42350</c:v>
                </c:pt>
                <c:pt idx="5825">
                  <c:v>42351</c:v>
                </c:pt>
                <c:pt idx="5826">
                  <c:v>42352</c:v>
                </c:pt>
                <c:pt idx="5827">
                  <c:v>42353</c:v>
                </c:pt>
                <c:pt idx="5828">
                  <c:v>42354</c:v>
                </c:pt>
                <c:pt idx="5829">
                  <c:v>42355</c:v>
                </c:pt>
                <c:pt idx="5830">
                  <c:v>42356</c:v>
                </c:pt>
                <c:pt idx="5831">
                  <c:v>42357</c:v>
                </c:pt>
                <c:pt idx="5832">
                  <c:v>42358</c:v>
                </c:pt>
                <c:pt idx="5833">
                  <c:v>42359</c:v>
                </c:pt>
                <c:pt idx="5834">
                  <c:v>42360</c:v>
                </c:pt>
                <c:pt idx="5835">
                  <c:v>42361</c:v>
                </c:pt>
                <c:pt idx="5836">
                  <c:v>42362</c:v>
                </c:pt>
                <c:pt idx="5837">
                  <c:v>42363</c:v>
                </c:pt>
                <c:pt idx="5838">
                  <c:v>42364</c:v>
                </c:pt>
                <c:pt idx="5839">
                  <c:v>42365</c:v>
                </c:pt>
                <c:pt idx="5840">
                  <c:v>42366</c:v>
                </c:pt>
                <c:pt idx="5841">
                  <c:v>42367</c:v>
                </c:pt>
                <c:pt idx="5842">
                  <c:v>42368</c:v>
                </c:pt>
                <c:pt idx="5843">
                  <c:v>42369</c:v>
                </c:pt>
                <c:pt idx="5844">
                  <c:v>42370</c:v>
                </c:pt>
                <c:pt idx="5845">
                  <c:v>42371</c:v>
                </c:pt>
                <c:pt idx="5846">
                  <c:v>42372</c:v>
                </c:pt>
                <c:pt idx="5847">
                  <c:v>42373</c:v>
                </c:pt>
                <c:pt idx="5848">
                  <c:v>42374</c:v>
                </c:pt>
                <c:pt idx="5849">
                  <c:v>42375</c:v>
                </c:pt>
                <c:pt idx="5850">
                  <c:v>42376</c:v>
                </c:pt>
                <c:pt idx="5851">
                  <c:v>42377</c:v>
                </c:pt>
                <c:pt idx="5852">
                  <c:v>42378</c:v>
                </c:pt>
                <c:pt idx="5853">
                  <c:v>42379</c:v>
                </c:pt>
                <c:pt idx="5854">
                  <c:v>42380</c:v>
                </c:pt>
                <c:pt idx="5855">
                  <c:v>42381</c:v>
                </c:pt>
                <c:pt idx="5856">
                  <c:v>42382</c:v>
                </c:pt>
                <c:pt idx="5857">
                  <c:v>42383</c:v>
                </c:pt>
                <c:pt idx="5858">
                  <c:v>42384</c:v>
                </c:pt>
                <c:pt idx="5859">
                  <c:v>42385</c:v>
                </c:pt>
                <c:pt idx="5860">
                  <c:v>42386</c:v>
                </c:pt>
                <c:pt idx="5861">
                  <c:v>42387</c:v>
                </c:pt>
                <c:pt idx="5862">
                  <c:v>42388</c:v>
                </c:pt>
                <c:pt idx="5863">
                  <c:v>42389</c:v>
                </c:pt>
                <c:pt idx="5864">
                  <c:v>42390</c:v>
                </c:pt>
                <c:pt idx="5865">
                  <c:v>42391</c:v>
                </c:pt>
                <c:pt idx="5866">
                  <c:v>42392</c:v>
                </c:pt>
                <c:pt idx="5867">
                  <c:v>42393</c:v>
                </c:pt>
                <c:pt idx="5868">
                  <c:v>42394</c:v>
                </c:pt>
                <c:pt idx="5869">
                  <c:v>42395</c:v>
                </c:pt>
                <c:pt idx="5870">
                  <c:v>42396</c:v>
                </c:pt>
                <c:pt idx="5871">
                  <c:v>42397</c:v>
                </c:pt>
                <c:pt idx="5872">
                  <c:v>42398</c:v>
                </c:pt>
                <c:pt idx="5873">
                  <c:v>42399</c:v>
                </c:pt>
                <c:pt idx="5874">
                  <c:v>42400</c:v>
                </c:pt>
                <c:pt idx="5875">
                  <c:v>42401</c:v>
                </c:pt>
                <c:pt idx="5876">
                  <c:v>42402</c:v>
                </c:pt>
                <c:pt idx="5877">
                  <c:v>42403</c:v>
                </c:pt>
                <c:pt idx="5878">
                  <c:v>42404</c:v>
                </c:pt>
                <c:pt idx="5879">
                  <c:v>42405</c:v>
                </c:pt>
                <c:pt idx="5880">
                  <c:v>42406</c:v>
                </c:pt>
                <c:pt idx="5881">
                  <c:v>42407</c:v>
                </c:pt>
                <c:pt idx="5882">
                  <c:v>42408</c:v>
                </c:pt>
                <c:pt idx="5883">
                  <c:v>42409</c:v>
                </c:pt>
                <c:pt idx="5884">
                  <c:v>42410</c:v>
                </c:pt>
                <c:pt idx="5885">
                  <c:v>42411</c:v>
                </c:pt>
                <c:pt idx="5886">
                  <c:v>42412</c:v>
                </c:pt>
                <c:pt idx="5887">
                  <c:v>42413</c:v>
                </c:pt>
                <c:pt idx="5888">
                  <c:v>42414</c:v>
                </c:pt>
                <c:pt idx="5889">
                  <c:v>42415</c:v>
                </c:pt>
                <c:pt idx="5890">
                  <c:v>42416</c:v>
                </c:pt>
                <c:pt idx="5891">
                  <c:v>42417</c:v>
                </c:pt>
                <c:pt idx="5892">
                  <c:v>42418</c:v>
                </c:pt>
                <c:pt idx="5893">
                  <c:v>42419</c:v>
                </c:pt>
                <c:pt idx="5894">
                  <c:v>42420</c:v>
                </c:pt>
                <c:pt idx="5895">
                  <c:v>42421</c:v>
                </c:pt>
                <c:pt idx="5896">
                  <c:v>42422</c:v>
                </c:pt>
                <c:pt idx="5897">
                  <c:v>42423</c:v>
                </c:pt>
                <c:pt idx="5898">
                  <c:v>42424</c:v>
                </c:pt>
                <c:pt idx="5899">
                  <c:v>42425</c:v>
                </c:pt>
                <c:pt idx="5900">
                  <c:v>42426</c:v>
                </c:pt>
                <c:pt idx="5901">
                  <c:v>42427</c:v>
                </c:pt>
                <c:pt idx="5902">
                  <c:v>42428</c:v>
                </c:pt>
                <c:pt idx="5903">
                  <c:v>42429</c:v>
                </c:pt>
                <c:pt idx="5904">
                  <c:v>42430</c:v>
                </c:pt>
                <c:pt idx="5905">
                  <c:v>42431</c:v>
                </c:pt>
                <c:pt idx="5906">
                  <c:v>42432</c:v>
                </c:pt>
                <c:pt idx="5907">
                  <c:v>42433</c:v>
                </c:pt>
                <c:pt idx="5908">
                  <c:v>42434</c:v>
                </c:pt>
                <c:pt idx="5909">
                  <c:v>42435</c:v>
                </c:pt>
                <c:pt idx="5910">
                  <c:v>42436</c:v>
                </c:pt>
                <c:pt idx="5911">
                  <c:v>42437</c:v>
                </c:pt>
                <c:pt idx="5912">
                  <c:v>42438</c:v>
                </c:pt>
                <c:pt idx="5913">
                  <c:v>42439</c:v>
                </c:pt>
                <c:pt idx="5914">
                  <c:v>42440</c:v>
                </c:pt>
                <c:pt idx="5915">
                  <c:v>42441</c:v>
                </c:pt>
                <c:pt idx="5916">
                  <c:v>42442</c:v>
                </c:pt>
                <c:pt idx="5917">
                  <c:v>42443</c:v>
                </c:pt>
                <c:pt idx="5918">
                  <c:v>42444</c:v>
                </c:pt>
                <c:pt idx="5919">
                  <c:v>42445</c:v>
                </c:pt>
                <c:pt idx="5920">
                  <c:v>42446</c:v>
                </c:pt>
                <c:pt idx="5921">
                  <c:v>42447</c:v>
                </c:pt>
                <c:pt idx="5922">
                  <c:v>42448</c:v>
                </c:pt>
                <c:pt idx="5923">
                  <c:v>42449</c:v>
                </c:pt>
                <c:pt idx="5924">
                  <c:v>42450</c:v>
                </c:pt>
                <c:pt idx="5925">
                  <c:v>42451</c:v>
                </c:pt>
                <c:pt idx="5926">
                  <c:v>42452</c:v>
                </c:pt>
                <c:pt idx="5927">
                  <c:v>42453</c:v>
                </c:pt>
                <c:pt idx="5928">
                  <c:v>42454</c:v>
                </c:pt>
                <c:pt idx="5929">
                  <c:v>42455</c:v>
                </c:pt>
                <c:pt idx="5930">
                  <c:v>42456</c:v>
                </c:pt>
                <c:pt idx="5931">
                  <c:v>42457</c:v>
                </c:pt>
                <c:pt idx="5932">
                  <c:v>42458</c:v>
                </c:pt>
                <c:pt idx="5933">
                  <c:v>42459</c:v>
                </c:pt>
                <c:pt idx="5934">
                  <c:v>42460</c:v>
                </c:pt>
                <c:pt idx="5935">
                  <c:v>42461</c:v>
                </c:pt>
                <c:pt idx="5936">
                  <c:v>42462</c:v>
                </c:pt>
                <c:pt idx="5937">
                  <c:v>42463</c:v>
                </c:pt>
                <c:pt idx="5938">
                  <c:v>42464</c:v>
                </c:pt>
                <c:pt idx="5939">
                  <c:v>42465</c:v>
                </c:pt>
                <c:pt idx="5940">
                  <c:v>42466</c:v>
                </c:pt>
                <c:pt idx="5941">
                  <c:v>42467</c:v>
                </c:pt>
                <c:pt idx="5942">
                  <c:v>42468</c:v>
                </c:pt>
                <c:pt idx="5943">
                  <c:v>42469</c:v>
                </c:pt>
                <c:pt idx="5944">
                  <c:v>42470</c:v>
                </c:pt>
                <c:pt idx="5945">
                  <c:v>42471</c:v>
                </c:pt>
                <c:pt idx="5946">
                  <c:v>42472</c:v>
                </c:pt>
                <c:pt idx="5947">
                  <c:v>42473</c:v>
                </c:pt>
                <c:pt idx="5948">
                  <c:v>42474</c:v>
                </c:pt>
                <c:pt idx="5949">
                  <c:v>42475</c:v>
                </c:pt>
                <c:pt idx="5950">
                  <c:v>42476</c:v>
                </c:pt>
                <c:pt idx="5951">
                  <c:v>42477</c:v>
                </c:pt>
                <c:pt idx="5952">
                  <c:v>42478</c:v>
                </c:pt>
                <c:pt idx="5953">
                  <c:v>42479</c:v>
                </c:pt>
                <c:pt idx="5954">
                  <c:v>42480</c:v>
                </c:pt>
                <c:pt idx="5955">
                  <c:v>42481</c:v>
                </c:pt>
                <c:pt idx="5956">
                  <c:v>42482</c:v>
                </c:pt>
                <c:pt idx="5957">
                  <c:v>42483</c:v>
                </c:pt>
                <c:pt idx="5958">
                  <c:v>42484</c:v>
                </c:pt>
                <c:pt idx="5959">
                  <c:v>42485</c:v>
                </c:pt>
                <c:pt idx="5960">
                  <c:v>42486</c:v>
                </c:pt>
                <c:pt idx="5961">
                  <c:v>42487</c:v>
                </c:pt>
                <c:pt idx="5962">
                  <c:v>42488</c:v>
                </c:pt>
                <c:pt idx="5963">
                  <c:v>42489</c:v>
                </c:pt>
                <c:pt idx="5964">
                  <c:v>42490</c:v>
                </c:pt>
                <c:pt idx="5965">
                  <c:v>42491</c:v>
                </c:pt>
                <c:pt idx="5966">
                  <c:v>42492</c:v>
                </c:pt>
                <c:pt idx="5967">
                  <c:v>42493</c:v>
                </c:pt>
                <c:pt idx="5968">
                  <c:v>42494</c:v>
                </c:pt>
                <c:pt idx="5969">
                  <c:v>42495</c:v>
                </c:pt>
                <c:pt idx="5970">
                  <c:v>42496</c:v>
                </c:pt>
                <c:pt idx="5971">
                  <c:v>42497</c:v>
                </c:pt>
                <c:pt idx="5972">
                  <c:v>42498</c:v>
                </c:pt>
                <c:pt idx="5973">
                  <c:v>42499</c:v>
                </c:pt>
                <c:pt idx="5974">
                  <c:v>42500</c:v>
                </c:pt>
                <c:pt idx="5975">
                  <c:v>42501</c:v>
                </c:pt>
                <c:pt idx="5976">
                  <c:v>42502</c:v>
                </c:pt>
                <c:pt idx="5977">
                  <c:v>42503</c:v>
                </c:pt>
                <c:pt idx="5978">
                  <c:v>42504</c:v>
                </c:pt>
                <c:pt idx="5979">
                  <c:v>42505</c:v>
                </c:pt>
                <c:pt idx="5980">
                  <c:v>42506</c:v>
                </c:pt>
                <c:pt idx="5981">
                  <c:v>42507</c:v>
                </c:pt>
                <c:pt idx="5982">
                  <c:v>42508</c:v>
                </c:pt>
                <c:pt idx="5983">
                  <c:v>42509</c:v>
                </c:pt>
                <c:pt idx="5984">
                  <c:v>42510</c:v>
                </c:pt>
                <c:pt idx="5985">
                  <c:v>42511</c:v>
                </c:pt>
                <c:pt idx="5986">
                  <c:v>42512</c:v>
                </c:pt>
                <c:pt idx="5987">
                  <c:v>42513</c:v>
                </c:pt>
                <c:pt idx="5988">
                  <c:v>42514</c:v>
                </c:pt>
                <c:pt idx="5989">
                  <c:v>42515</c:v>
                </c:pt>
                <c:pt idx="5990">
                  <c:v>42516</c:v>
                </c:pt>
                <c:pt idx="5991">
                  <c:v>42517</c:v>
                </c:pt>
                <c:pt idx="5992">
                  <c:v>42518</c:v>
                </c:pt>
                <c:pt idx="5993">
                  <c:v>42519</c:v>
                </c:pt>
                <c:pt idx="5994">
                  <c:v>42520</c:v>
                </c:pt>
                <c:pt idx="5995">
                  <c:v>42521</c:v>
                </c:pt>
                <c:pt idx="5996">
                  <c:v>42522</c:v>
                </c:pt>
                <c:pt idx="5997">
                  <c:v>42523</c:v>
                </c:pt>
                <c:pt idx="5998">
                  <c:v>42524</c:v>
                </c:pt>
                <c:pt idx="5999">
                  <c:v>42525</c:v>
                </c:pt>
                <c:pt idx="6000">
                  <c:v>42526</c:v>
                </c:pt>
                <c:pt idx="6001">
                  <c:v>42527</c:v>
                </c:pt>
                <c:pt idx="6002">
                  <c:v>42528</c:v>
                </c:pt>
                <c:pt idx="6003">
                  <c:v>42529</c:v>
                </c:pt>
                <c:pt idx="6004">
                  <c:v>42530</c:v>
                </c:pt>
                <c:pt idx="6005">
                  <c:v>42531</c:v>
                </c:pt>
                <c:pt idx="6006">
                  <c:v>42532</c:v>
                </c:pt>
                <c:pt idx="6007">
                  <c:v>42533</c:v>
                </c:pt>
                <c:pt idx="6008">
                  <c:v>42534</c:v>
                </c:pt>
                <c:pt idx="6009">
                  <c:v>42535</c:v>
                </c:pt>
                <c:pt idx="6010">
                  <c:v>42536</c:v>
                </c:pt>
                <c:pt idx="6011">
                  <c:v>42537</c:v>
                </c:pt>
                <c:pt idx="6012">
                  <c:v>42538</c:v>
                </c:pt>
                <c:pt idx="6013">
                  <c:v>42539</c:v>
                </c:pt>
                <c:pt idx="6014">
                  <c:v>42540</c:v>
                </c:pt>
                <c:pt idx="6015">
                  <c:v>42541</c:v>
                </c:pt>
                <c:pt idx="6016">
                  <c:v>42542</c:v>
                </c:pt>
                <c:pt idx="6017">
                  <c:v>42543</c:v>
                </c:pt>
                <c:pt idx="6018">
                  <c:v>42544</c:v>
                </c:pt>
                <c:pt idx="6019">
                  <c:v>42545</c:v>
                </c:pt>
                <c:pt idx="6020">
                  <c:v>42546</c:v>
                </c:pt>
                <c:pt idx="6021">
                  <c:v>42547</c:v>
                </c:pt>
                <c:pt idx="6022">
                  <c:v>42548</c:v>
                </c:pt>
                <c:pt idx="6023">
                  <c:v>42549</c:v>
                </c:pt>
                <c:pt idx="6024">
                  <c:v>42550</c:v>
                </c:pt>
                <c:pt idx="6025">
                  <c:v>42551</c:v>
                </c:pt>
                <c:pt idx="6026">
                  <c:v>42552</c:v>
                </c:pt>
                <c:pt idx="6027">
                  <c:v>42553</c:v>
                </c:pt>
                <c:pt idx="6028">
                  <c:v>42554</c:v>
                </c:pt>
                <c:pt idx="6029">
                  <c:v>42555</c:v>
                </c:pt>
                <c:pt idx="6030">
                  <c:v>42556</c:v>
                </c:pt>
                <c:pt idx="6031">
                  <c:v>42557</c:v>
                </c:pt>
                <c:pt idx="6032">
                  <c:v>42558</c:v>
                </c:pt>
                <c:pt idx="6033">
                  <c:v>42559</c:v>
                </c:pt>
                <c:pt idx="6034">
                  <c:v>42560</c:v>
                </c:pt>
                <c:pt idx="6035">
                  <c:v>42561</c:v>
                </c:pt>
                <c:pt idx="6036">
                  <c:v>42562</c:v>
                </c:pt>
                <c:pt idx="6037">
                  <c:v>42563</c:v>
                </c:pt>
                <c:pt idx="6038">
                  <c:v>42564</c:v>
                </c:pt>
                <c:pt idx="6039">
                  <c:v>42565</c:v>
                </c:pt>
                <c:pt idx="6040">
                  <c:v>42566</c:v>
                </c:pt>
                <c:pt idx="6041">
                  <c:v>42567</c:v>
                </c:pt>
                <c:pt idx="6042">
                  <c:v>42568</c:v>
                </c:pt>
                <c:pt idx="6043">
                  <c:v>42569</c:v>
                </c:pt>
                <c:pt idx="6044">
                  <c:v>42570</c:v>
                </c:pt>
                <c:pt idx="6045">
                  <c:v>42571</c:v>
                </c:pt>
                <c:pt idx="6046">
                  <c:v>42572</c:v>
                </c:pt>
                <c:pt idx="6047">
                  <c:v>42573</c:v>
                </c:pt>
                <c:pt idx="6048">
                  <c:v>42574</c:v>
                </c:pt>
                <c:pt idx="6049">
                  <c:v>42575</c:v>
                </c:pt>
                <c:pt idx="6050">
                  <c:v>42576</c:v>
                </c:pt>
                <c:pt idx="6051">
                  <c:v>42577</c:v>
                </c:pt>
                <c:pt idx="6052">
                  <c:v>42578</c:v>
                </c:pt>
                <c:pt idx="6053">
                  <c:v>42579</c:v>
                </c:pt>
                <c:pt idx="6054">
                  <c:v>42580</c:v>
                </c:pt>
                <c:pt idx="6055">
                  <c:v>42581</c:v>
                </c:pt>
                <c:pt idx="6056">
                  <c:v>42582</c:v>
                </c:pt>
                <c:pt idx="6057">
                  <c:v>42583</c:v>
                </c:pt>
                <c:pt idx="6058">
                  <c:v>42584</c:v>
                </c:pt>
                <c:pt idx="6059">
                  <c:v>42585</c:v>
                </c:pt>
                <c:pt idx="6060">
                  <c:v>42586</c:v>
                </c:pt>
                <c:pt idx="6061">
                  <c:v>42587</c:v>
                </c:pt>
                <c:pt idx="6062">
                  <c:v>42588</c:v>
                </c:pt>
                <c:pt idx="6063">
                  <c:v>42589</c:v>
                </c:pt>
                <c:pt idx="6064">
                  <c:v>42590</c:v>
                </c:pt>
                <c:pt idx="6065">
                  <c:v>42591</c:v>
                </c:pt>
                <c:pt idx="6066">
                  <c:v>42592</c:v>
                </c:pt>
                <c:pt idx="6067">
                  <c:v>42593</c:v>
                </c:pt>
                <c:pt idx="6068">
                  <c:v>42594</c:v>
                </c:pt>
                <c:pt idx="6069">
                  <c:v>42595</c:v>
                </c:pt>
                <c:pt idx="6070">
                  <c:v>42596</c:v>
                </c:pt>
                <c:pt idx="6071">
                  <c:v>42597</c:v>
                </c:pt>
                <c:pt idx="6072">
                  <c:v>42598</c:v>
                </c:pt>
                <c:pt idx="6073">
                  <c:v>42599</c:v>
                </c:pt>
                <c:pt idx="6074">
                  <c:v>42600</c:v>
                </c:pt>
                <c:pt idx="6075">
                  <c:v>42601</c:v>
                </c:pt>
                <c:pt idx="6076">
                  <c:v>42602</c:v>
                </c:pt>
                <c:pt idx="6077">
                  <c:v>42603</c:v>
                </c:pt>
                <c:pt idx="6078">
                  <c:v>42604</c:v>
                </c:pt>
                <c:pt idx="6079">
                  <c:v>42605</c:v>
                </c:pt>
                <c:pt idx="6080">
                  <c:v>42606</c:v>
                </c:pt>
                <c:pt idx="6081">
                  <c:v>42607</c:v>
                </c:pt>
                <c:pt idx="6082">
                  <c:v>42608</c:v>
                </c:pt>
                <c:pt idx="6083">
                  <c:v>42609</c:v>
                </c:pt>
                <c:pt idx="6084">
                  <c:v>42610</c:v>
                </c:pt>
                <c:pt idx="6085">
                  <c:v>42611</c:v>
                </c:pt>
                <c:pt idx="6086">
                  <c:v>42612</c:v>
                </c:pt>
                <c:pt idx="6087">
                  <c:v>42613</c:v>
                </c:pt>
                <c:pt idx="6088">
                  <c:v>42614</c:v>
                </c:pt>
                <c:pt idx="6089">
                  <c:v>42615</c:v>
                </c:pt>
                <c:pt idx="6090">
                  <c:v>42616</c:v>
                </c:pt>
                <c:pt idx="6091">
                  <c:v>42617</c:v>
                </c:pt>
                <c:pt idx="6092">
                  <c:v>42618</c:v>
                </c:pt>
                <c:pt idx="6093">
                  <c:v>42619</c:v>
                </c:pt>
                <c:pt idx="6094">
                  <c:v>42620</c:v>
                </c:pt>
                <c:pt idx="6095">
                  <c:v>42621</c:v>
                </c:pt>
                <c:pt idx="6096">
                  <c:v>42622</c:v>
                </c:pt>
                <c:pt idx="6097">
                  <c:v>42623</c:v>
                </c:pt>
                <c:pt idx="6098">
                  <c:v>42624</c:v>
                </c:pt>
                <c:pt idx="6099">
                  <c:v>42625</c:v>
                </c:pt>
                <c:pt idx="6100">
                  <c:v>42626</c:v>
                </c:pt>
                <c:pt idx="6101">
                  <c:v>42627</c:v>
                </c:pt>
                <c:pt idx="6102">
                  <c:v>42628</c:v>
                </c:pt>
                <c:pt idx="6103">
                  <c:v>42629</c:v>
                </c:pt>
                <c:pt idx="6104">
                  <c:v>42630</c:v>
                </c:pt>
                <c:pt idx="6105">
                  <c:v>42631</c:v>
                </c:pt>
                <c:pt idx="6106">
                  <c:v>42632</c:v>
                </c:pt>
                <c:pt idx="6107">
                  <c:v>42633</c:v>
                </c:pt>
                <c:pt idx="6108">
                  <c:v>42634</c:v>
                </c:pt>
                <c:pt idx="6109">
                  <c:v>42635</c:v>
                </c:pt>
                <c:pt idx="6110">
                  <c:v>42636</c:v>
                </c:pt>
                <c:pt idx="6111">
                  <c:v>42637</c:v>
                </c:pt>
                <c:pt idx="6112">
                  <c:v>42638</c:v>
                </c:pt>
                <c:pt idx="6113">
                  <c:v>42639</c:v>
                </c:pt>
                <c:pt idx="6114">
                  <c:v>42640</c:v>
                </c:pt>
                <c:pt idx="6115">
                  <c:v>42641</c:v>
                </c:pt>
                <c:pt idx="6116">
                  <c:v>42642</c:v>
                </c:pt>
                <c:pt idx="6117">
                  <c:v>42643</c:v>
                </c:pt>
                <c:pt idx="6118">
                  <c:v>42644</c:v>
                </c:pt>
                <c:pt idx="6119">
                  <c:v>42645</c:v>
                </c:pt>
                <c:pt idx="6120">
                  <c:v>42646</c:v>
                </c:pt>
                <c:pt idx="6121">
                  <c:v>42647</c:v>
                </c:pt>
                <c:pt idx="6122">
                  <c:v>42648</c:v>
                </c:pt>
                <c:pt idx="6123">
                  <c:v>42649</c:v>
                </c:pt>
                <c:pt idx="6124">
                  <c:v>42650</c:v>
                </c:pt>
                <c:pt idx="6125">
                  <c:v>42651</c:v>
                </c:pt>
                <c:pt idx="6126">
                  <c:v>42652</c:v>
                </c:pt>
                <c:pt idx="6127">
                  <c:v>42653</c:v>
                </c:pt>
                <c:pt idx="6128">
                  <c:v>42654</c:v>
                </c:pt>
                <c:pt idx="6129">
                  <c:v>42655</c:v>
                </c:pt>
                <c:pt idx="6130">
                  <c:v>42656</c:v>
                </c:pt>
                <c:pt idx="6131">
                  <c:v>42657</c:v>
                </c:pt>
                <c:pt idx="6132">
                  <c:v>42658</c:v>
                </c:pt>
                <c:pt idx="6133">
                  <c:v>42659</c:v>
                </c:pt>
                <c:pt idx="6134">
                  <c:v>42660</c:v>
                </c:pt>
                <c:pt idx="6135">
                  <c:v>42661</c:v>
                </c:pt>
                <c:pt idx="6136">
                  <c:v>42662</c:v>
                </c:pt>
                <c:pt idx="6137">
                  <c:v>42663</c:v>
                </c:pt>
                <c:pt idx="6138">
                  <c:v>42664</c:v>
                </c:pt>
                <c:pt idx="6139">
                  <c:v>42665</c:v>
                </c:pt>
                <c:pt idx="6140">
                  <c:v>42666</c:v>
                </c:pt>
                <c:pt idx="6141">
                  <c:v>42667</c:v>
                </c:pt>
                <c:pt idx="6142">
                  <c:v>42668</c:v>
                </c:pt>
                <c:pt idx="6143">
                  <c:v>42669</c:v>
                </c:pt>
                <c:pt idx="6144">
                  <c:v>42670</c:v>
                </c:pt>
                <c:pt idx="6145">
                  <c:v>42671</c:v>
                </c:pt>
                <c:pt idx="6146">
                  <c:v>42672</c:v>
                </c:pt>
                <c:pt idx="6147">
                  <c:v>42673</c:v>
                </c:pt>
                <c:pt idx="6148">
                  <c:v>42674</c:v>
                </c:pt>
                <c:pt idx="6149">
                  <c:v>42675</c:v>
                </c:pt>
                <c:pt idx="6150">
                  <c:v>42676</c:v>
                </c:pt>
                <c:pt idx="6151">
                  <c:v>42677</c:v>
                </c:pt>
                <c:pt idx="6152">
                  <c:v>42678</c:v>
                </c:pt>
                <c:pt idx="6153">
                  <c:v>42679</c:v>
                </c:pt>
                <c:pt idx="6154">
                  <c:v>42680</c:v>
                </c:pt>
                <c:pt idx="6155">
                  <c:v>42681</c:v>
                </c:pt>
                <c:pt idx="6156">
                  <c:v>42682</c:v>
                </c:pt>
                <c:pt idx="6157">
                  <c:v>42683</c:v>
                </c:pt>
                <c:pt idx="6158">
                  <c:v>42684</c:v>
                </c:pt>
                <c:pt idx="6159">
                  <c:v>42685</c:v>
                </c:pt>
                <c:pt idx="6160">
                  <c:v>42686</c:v>
                </c:pt>
                <c:pt idx="6161">
                  <c:v>42687</c:v>
                </c:pt>
                <c:pt idx="6162">
                  <c:v>42688</c:v>
                </c:pt>
                <c:pt idx="6163">
                  <c:v>42689</c:v>
                </c:pt>
                <c:pt idx="6164">
                  <c:v>42690</c:v>
                </c:pt>
                <c:pt idx="6165">
                  <c:v>42691</c:v>
                </c:pt>
                <c:pt idx="6166">
                  <c:v>42692</c:v>
                </c:pt>
                <c:pt idx="6167">
                  <c:v>42693</c:v>
                </c:pt>
                <c:pt idx="6168">
                  <c:v>42694</c:v>
                </c:pt>
                <c:pt idx="6169">
                  <c:v>42695</c:v>
                </c:pt>
                <c:pt idx="6170">
                  <c:v>42696</c:v>
                </c:pt>
                <c:pt idx="6171">
                  <c:v>42697</c:v>
                </c:pt>
                <c:pt idx="6172">
                  <c:v>42698</c:v>
                </c:pt>
                <c:pt idx="6173">
                  <c:v>42699</c:v>
                </c:pt>
                <c:pt idx="6174">
                  <c:v>42700</c:v>
                </c:pt>
                <c:pt idx="6175">
                  <c:v>42701</c:v>
                </c:pt>
                <c:pt idx="6176">
                  <c:v>42702</c:v>
                </c:pt>
                <c:pt idx="6177">
                  <c:v>42703</c:v>
                </c:pt>
                <c:pt idx="6178">
                  <c:v>42704</c:v>
                </c:pt>
                <c:pt idx="6179">
                  <c:v>42705</c:v>
                </c:pt>
                <c:pt idx="6180">
                  <c:v>42706</c:v>
                </c:pt>
                <c:pt idx="6181">
                  <c:v>42707</c:v>
                </c:pt>
                <c:pt idx="6182">
                  <c:v>42708</c:v>
                </c:pt>
                <c:pt idx="6183">
                  <c:v>42709</c:v>
                </c:pt>
                <c:pt idx="6184">
                  <c:v>42710</c:v>
                </c:pt>
                <c:pt idx="6185">
                  <c:v>42711</c:v>
                </c:pt>
                <c:pt idx="6186">
                  <c:v>42712</c:v>
                </c:pt>
                <c:pt idx="6187">
                  <c:v>42713</c:v>
                </c:pt>
                <c:pt idx="6188">
                  <c:v>42714</c:v>
                </c:pt>
                <c:pt idx="6189">
                  <c:v>42715</c:v>
                </c:pt>
                <c:pt idx="6190">
                  <c:v>42716</c:v>
                </c:pt>
                <c:pt idx="6191">
                  <c:v>42717</c:v>
                </c:pt>
                <c:pt idx="6192">
                  <c:v>42718</c:v>
                </c:pt>
                <c:pt idx="6193">
                  <c:v>42719</c:v>
                </c:pt>
                <c:pt idx="6194">
                  <c:v>42720</c:v>
                </c:pt>
                <c:pt idx="6195">
                  <c:v>42721</c:v>
                </c:pt>
                <c:pt idx="6196">
                  <c:v>42722</c:v>
                </c:pt>
                <c:pt idx="6197">
                  <c:v>42723</c:v>
                </c:pt>
                <c:pt idx="6198">
                  <c:v>42724</c:v>
                </c:pt>
                <c:pt idx="6199">
                  <c:v>42725</c:v>
                </c:pt>
                <c:pt idx="6200">
                  <c:v>42726</c:v>
                </c:pt>
                <c:pt idx="6201">
                  <c:v>42727</c:v>
                </c:pt>
                <c:pt idx="6202">
                  <c:v>42728</c:v>
                </c:pt>
                <c:pt idx="6203">
                  <c:v>42729</c:v>
                </c:pt>
                <c:pt idx="6204">
                  <c:v>42730</c:v>
                </c:pt>
                <c:pt idx="6205">
                  <c:v>42731</c:v>
                </c:pt>
                <c:pt idx="6206">
                  <c:v>42732</c:v>
                </c:pt>
                <c:pt idx="6207">
                  <c:v>42733</c:v>
                </c:pt>
                <c:pt idx="6208">
                  <c:v>42734</c:v>
                </c:pt>
                <c:pt idx="6209">
                  <c:v>42735</c:v>
                </c:pt>
                <c:pt idx="6210">
                  <c:v>42736</c:v>
                </c:pt>
                <c:pt idx="6211">
                  <c:v>42737</c:v>
                </c:pt>
                <c:pt idx="6212">
                  <c:v>42738</c:v>
                </c:pt>
                <c:pt idx="6213">
                  <c:v>42739</c:v>
                </c:pt>
                <c:pt idx="6214">
                  <c:v>42740</c:v>
                </c:pt>
                <c:pt idx="6215">
                  <c:v>42741</c:v>
                </c:pt>
                <c:pt idx="6216">
                  <c:v>42742</c:v>
                </c:pt>
                <c:pt idx="6217">
                  <c:v>42743</c:v>
                </c:pt>
                <c:pt idx="6218">
                  <c:v>42744</c:v>
                </c:pt>
                <c:pt idx="6219">
                  <c:v>42745</c:v>
                </c:pt>
                <c:pt idx="6220">
                  <c:v>42746</c:v>
                </c:pt>
                <c:pt idx="6221">
                  <c:v>42747</c:v>
                </c:pt>
                <c:pt idx="6222">
                  <c:v>42748</c:v>
                </c:pt>
                <c:pt idx="6223">
                  <c:v>42749</c:v>
                </c:pt>
                <c:pt idx="6224">
                  <c:v>42750</c:v>
                </c:pt>
                <c:pt idx="6225">
                  <c:v>42751</c:v>
                </c:pt>
                <c:pt idx="6226">
                  <c:v>42752</c:v>
                </c:pt>
                <c:pt idx="6227">
                  <c:v>42753</c:v>
                </c:pt>
                <c:pt idx="6228">
                  <c:v>42754</c:v>
                </c:pt>
                <c:pt idx="6229">
                  <c:v>42755</c:v>
                </c:pt>
                <c:pt idx="6230">
                  <c:v>42756</c:v>
                </c:pt>
                <c:pt idx="6231">
                  <c:v>42757</c:v>
                </c:pt>
                <c:pt idx="6232">
                  <c:v>42758</c:v>
                </c:pt>
                <c:pt idx="6233">
                  <c:v>42759</c:v>
                </c:pt>
                <c:pt idx="6234">
                  <c:v>42760</c:v>
                </c:pt>
                <c:pt idx="6235">
                  <c:v>42761</c:v>
                </c:pt>
                <c:pt idx="6236">
                  <c:v>42762</c:v>
                </c:pt>
                <c:pt idx="6237">
                  <c:v>42763</c:v>
                </c:pt>
                <c:pt idx="6238">
                  <c:v>42764</c:v>
                </c:pt>
                <c:pt idx="6239">
                  <c:v>42765</c:v>
                </c:pt>
                <c:pt idx="6240">
                  <c:v>42766</c:v>
                </c:pt>
                <c:pt idx="6241">
                  <c:v>42767</c:v>
                </c:pt>
                <c:pt idx="6242">
                  <c:v>42768</c:v>
                </c:pt>
                <c:pt idx="6243">
                  <c:v>42769</c:v>
                </c:pt>
                <c:pt idx="6244">
                  <c:v>42770</c:v>
                </c:pt>
                <c:pt idx="6245">
                  <c:v>42771</c:v>
                </c:pt>
                <c:pt idx="6246">
                  <c:v>42772</c:v>
                </c:pt>
                <c:pt idx="6247">
                  <c:v>42773</c:v>
                </c:pt>
                <c:pt idx="6248">
                  <c:v>42774</c:v>
                </c:pt>
                <c:pt idx="6249">
                  <c:v>42775</c:v>
                </c:pt>
                <c:pt idx="6250">
                  <c:v>42776</c:v>
                </c:pt>
                <c:pt idx="6251">
                  <c:v>42777</c:v>
                </c:pt>
                <c:pt idx="6252">
                  <c:v>42778</c:v>
                </c:pt>
                <c:pt idx="6253">
                  <c:v>42779</c:v>
                </c:pt>
                <c:pt idx="6254">
                  <c:v>42780</c:v>
                </c:pt>
                <c:pt idx="6255">
                  <c:v>42781</c:v>
                </c:pt>
                <c:pt idx="6256">
                  <c:v>42782</c:v>
                </c:pt>
                <c:pt idx="6257">
                  <c:v>42783</c:v>
                </c:pt>
                <c:pt idx="6258">
                  <c:v>42784</c:v>
                </c:pt>
                <c:pt idx="6259">
                  <c:v>42785</c:v>
                </c:pt>
                <c:pt idx="6260">
                  <c:v>42786</c:v>
                </c:pt>
                <c:pt idx="6261">
                  <c:v>42787</c:v>
                </c:pt>
                <c:pt idx="6262">
                  <c:v>42788</c:v>
                </c:pt>
                <c:pt idx="6263">
                  <c:v>42789</c:v>
                </c:pt>
                <c:pt idx="6264">
                  <c:v>42790</c:v>
                </c:pt>
                <c:pt idx="6265">
                  <c:v>42791</c:v>
                </c:pt>
                <c:pt idx="6266">
                  <c:v>42792</c:v>
                </c:pt>
                <c:pt idx="6267">
                  <c:v>42793</c:v>
                </c:pt>
                <c:pt idx="6268">
                  <c:v>42794</c:v>
                </c:pt>
                <c:pt idx="6269">
                  <c:v>42795</c:v>
                </c:pt>
                <c:pt idx="6270">
                  <c:v>42796</c:v>
                </c:pt>
                <c:pt idx="6271">
                  <c:v>42797</c:v>
                </c:pt>
                <c:pt idx="6272">
                  <c:v>42798</c:v>
                </c:pt>
                <c:pt idx="6273">
                  <c:v>42799</c:v>
                </c:pt>
                <c:pt idx="6274">
                  <c:v>42800</c:v>
                </c:pt>
                <c:pt idx="6275">
                  <c:v>42801</c:v>
                </c:pt>
                <c:pt idx="6276">
                  <c:v>42802</c:v>
                </c:pt>
                <c:pt idx="6277">
                  <c:v>42803</c:v>
                </c:pt>
                <c:pt idx="6278">
                  <c:v>42804</c:v>
                </c:pt>
                <c:pt idx="6279">
                  <c:v>42805</c:v>
                </c:pt>
                <c:pt idx="6280">
                  <c:v>42806</c:v>
                </c:pt>
                <c:pt idx="6281">
                  <c:v>42807</c:v>
                </c:pt>
                <c:pt idx="6282">
                  <c:v>42808</c:v>
                </c:pt>
                <c:pt idx="6283">
                  <c:v>42809</c:v>
                </c:pt>
                <c:pt idx="6284">
                  <c:v>42810</c:v>
                </c:pt>
                <c:pt idx="6285">
                  <c:v>42811</c:v>
                </c:pt>
                <c:pt idx="6286">
                  <c:v>42812</c:v>
                </c:pt>
                <c:pt idx="6287">
                  <c:v>42813</c:v>
                </c:pt>
                <c:pt idx="6288">
                  <c:v>42814</c:v>
                </c:pt>
                <c:pt idx="6289">
                  <c:v>42815</c:v>
                </c:pt>
                <c:pt idx="6290">
                  <c:v>42816</c:v>
                </c:pt>
                <c:pt idx="6291">
                  <c:v>42817</c:v>
                </c:pt>
                <c:pt idx="6292">
                  <c:v>42818</c:v>
                </c:pt>
                <c:pt idx="6293">
                  <c:v>42819</c:v>
                </c:pt>
                <c:pt idx="6294">
                  <c:v>42820</c:v>
                </c:pt>
                <c:pt idx="6295">
                  <c:v>42821</c:v>
                </c:pt>
                <c:pt idx="6296">
                  <c:v>42822</c:v>
                </c:pt>
                <c:pt idx="6297">
                  <c:v>42823</c:v>
                </c:pt>
                <c:pt idx="6298">
                  <c:v>42824</c:v>
                </c:pt>
                <c:pt idx="6299">
                  <c:v>42825</c:v>
                </c:pt>
                <c:pt idx="6300">
                  <c:v>42826</c:v>
                </c:pt>
                <c:pt idx="6301">
                  <c:v>42827</c:v>
                </c:pt>
                <c:pt idx="6302">
                  <c:v>42828</c:v>
                </c:pt>
                <c:pt idx="6303">
                  <c:v>42829</c:v>
                </c:pt>
                <c:pt idx="6304">
                  <c:v>42830</c:v>
                </c:pt>
                <c:pt idx="6305">
                  <c:v>42831</c:v>
                </c:pt>
                <c:pt idx="6306">
                  <c:v>42832</c:v>
                </c:pt>
                <c:pt idx="6307">
                  <c:v>42833</c:v>
                </c:pt>
                <c:pt idx="6308">
                  <c:v>42834</c:v>
                </c:pt>
                <c:pt idx="6309">
                  <c:v>42835</c:v>
                </c:pt>
                <c:pt idx="6310">
                  <c:v>42836</c:v>
                </c:pt>
                <c:pt idx="6311">
                  <c:v>42837</c:v>
                </c:pt>
                <c:pt idx="6312">
                  <c:v>42838</c:v>
                </c:pt>
                <c:pt idx="6313">
                  <c:v>42839</c:v>
                </c:pt>
                <c:pt idx="6314">
                  <c:v>42840</c:v>
                </c:pt>
                <c:pt idx="6315">
                  <c:v>42841</c:v>
                </c:pt>
                <c:pt idx="6316">
                  <c:v>42842</c:v>
                </c:pt>
                <c:pt idx="6317">
                  <c:v>42843</c:v>
                </c:pt>
                <c:pt idx="6318">
                  <c:v>42844</c:v>
                </c:pt>
                <c:pt idx="6319">
                  <c:v>42845</c:v>
                </c:pt>
                <c:pt idx="6320">
                  <c:v>42846</c:v>
                </c:pt>
                <c:pt idx="6321">
                  <c:v>42847</c:v>
                </c:pt>
                <c:pt idx="6322">
                  <c:v>42848</c:v>
                </c:pt>
                <c:pt idx="6323">
                  <c:v>42849</c:v>
                </c:pt>
                <c:pt idx="6324">
                  <c:v>42850</c:v>
                </c:pt>
                <c:pt idx="6325">
                  <c:v>42851</c:v>
                </c:pt>
                <c:pt idx="6326">
                  <c:v>42852</c:v>
                </c:pt>
                <c:pt idx="6327">
                  <c:v>42853</c:v>
                </c:pt>
                <c:pt idx="6328">
                  <c:v>42854</c:v>
                </c:pt>
                <c:pt idx="6329">
                  <c:v>42855</c:v>
                </c:pt>
                <c:pt idx="6330">
                  <c:v>42856</c:v>
                </c:pt>
                <c:pt idx="6331">
                  <c:v>42857</c:v>
                </c:pt>
                <c:pt idx="6332">
                  <c:v>42858</c:v>
                </c:pt>
                <c:pt idx="6333">
                  <c:v>42859</c:v>
                </c:pt>
                <c:pt idx="6334">
                  <c:v>42860</c:v>
                </c:pt>
                <c:pt idx="6335">
                  <c:v>42861</c:v>
                </c:pt>
                <c:pt idx="6336">
                  <c:v>42862</c:v>
                </c:pt>
                <c:pt idx="6337">
                  <c:v>42863</c:v>
                </c:pt>
                <c:pt idx="6338">
                  <c:v>42864</c:v>
                </c:pt>
                <c:pt idx="6339">
                  <c:v>42865</c:v>
                </c:pt>
                <c:pt idx="6340">
                  <c:v>42866</c:v>
                </c:pt>
                <c:pt idx="6341">
                  <c:v>42867</c:v>
                </c:pt>
                <c:pt idx="6342">
                  <c:v>42868</c:v>
                </c:pt>
                <c:pt idx="6343">
                  <c:v>42869</c:v>
                </c:pt>
                <c:pt idx="6344">
                  <c:v>42870</c:v>
                </c:pt>
                <c:pt idx="6345">
                  <c:v>42871</c:v>
                </c:pt>
                <c:pt idx="6346">
                  <c:v>42872</c:v>
                </c:pt>
                <c:pt idx="6347">
                  <c:v>42873</c:v>
                </c:pt>
                <c:pt idx="6348">
                  <c:v>42874</c:v>
                </c:pt>
                <c:pt idx="6349">
                  <c:v>42875</c:v>
                </c:pt>
                <c:pt idx="6350">
                  <c:v>42876</c:v>
                </c:pt>
                <c:pt idx="6351">
                  <c:v>42877</c:v>
                </c:pt>
                <c:pt idx="6352">
                  <c:v>42878</c:v>
                </c:pt>
                <c:pt idx="6353">
                  <c:v>42879</c:v>
                </c:pt>
                <c:pt idx="6354">
                  <c:v>42880</c:v>
                </c:pt>
                <c:pt idx="6355">
                  <c:v>42881</c:v>
                </c:pt>
                <c:pt idx="6356">
                  <c:v>42882</c:v>
                </c:pt>
                <c:pt idx="6357">
                  <c:v>42883</c:v>
                </c:pt>
                <c:pt idx="6358">
                  <c:v>42884</c:v>
                </c:pt>
                <c:pt idx="6359">
                  <c:v>42885</c:v>
                </c:pt>
                <c:pt idx="6360">
                  <c:v>42886</c:v>
                </c:pt>
                <c:pt idx="6361">
                  <c:v>42887</c:v>
                </c:pt>
                <c:pt idx="6362">
                  <c:v>42888</c:v>
                </c:pt>
                <c:pt idx="6363">
                  <c:v>42889</c:v>
                </c:pt>
                <c:pt idx="6364">
                  <c:v>42890</c:v>
                </c:pt>
                <c:pt idx="6365">
                  <c:v>42891</c:v>
                </c:pt>
                <c:pt idx="6366">
                  <c:v>42892</c:v>
                </c:pt>
                <c:pt idx="6367">
                  <c:v>42893</c:v>
                </c:pt>
                <c:pt idx="6368">
                  <c:v>42894</c:v>
                </c:pt>
                <c:pt idx="6369">
                  <c:v>42895</c:v>
                </c:pt>
                <c:pt idx="6370">
                  <c:v>42896</c:v>
                </c:pt>
                <c:pt idx="6371">
                  <c:v>42897</c:v>
                </c:pt>
                <c:pt idx="6372">
                  <c:v>42898</c:v>
                </c:pt>
                <c:pt idx="6373">
                  <c:v>42899</c:v>
                </c:pt>
                <c:pt idx="6374">
                  <c:v>42900</c:v>
                </c:pt>
                <c:pt idx="6375">
                  <c:v>42901</c:v>
                </c:pt>
                <c:pt idx="6376">
                  <c:v>42902</c:v>
                </c:pt>
                <c:pt idx="6377">
                  <c:v>42903</c:v>
                </c:pt>
                <c:pt idx="6378">
                  <c:v>42904</c:v>
                </c:pt>
                <c:pt idx="6379">
                  <c:v>42905</c:v>
                </c:pt>
                <c:pt idx="6380">
                  <c:v>42906</c:v>
                </c:pt>
                <c:pt idx="6381">
                  <c:v>42907</c:v>
                </c:pt>
                <c:pt idx="6382">
                  <c:v>42908</c:v>
                </c:pt>
                <c:pt idx="6383">
                  <c:v>42909</c:v>
                </c:pt>
                <c:pt idx="6384">
                  <c:v>42910</c:v>
                </c:pt>
                <c:pt idx="6385">
                  <c:v>42911</c:v>
                </c:pt>
                <c:pt idx="6386">
                  <c:v>42912</c:v>
                </c:pt>
                <c:pt idx="6387">
                  <c:v>42913</c:v>
                </c:pt>
                <c:pt idx="6388">
                  <c:v>42914</c:v>
                </c:pt>
                <c:pt idx="6389">
                  <c:v>42915</c:v>
                </c:pt>
                <c:pt idx="6390">
                  <c:v>42916</c:v>
                </c:pt>
                <c:pt idx="6391">
                  <c:v>42917</c:v>
                </c:pt>
                <c:pt idx="6392">
                  <c:v>42918</c:v>
                </c:pt>
                <c:pt idx="6393">
                  <c:v>42919</c:v>
                </c:pt>
                <c:pt idx="6394">
                  <c:v>42920</c:v>
                </c:pt>
                <c:pt idx="6395">
                  <c:v>42921</c:v>
                </c:pt>
                <c:pt idx="6396">
                  <c:v>42922</c:v>
                </c:pt>
                <c:pt idx="6397">
                  <c:v>42923</c:v>
                </c:pt>
                <c:pt idx="6398">
                  <c:v>42924</c:v>
                </c:pt>
                <c:pt idx="6399">
                  <c:v>42925</c:v>
                </c:pt>
                <c:pt idx="6400">
                  <c:v>42926</c:v>
                </c:pt>
                <c:pt idx="6401">
                  <c:v>42927</c:v>
                </c:pt>
                <c:pt idx="6402">
                  <c:v>42928</c:v>
                </c:pt>
                <c:pt idx="6403">
                  <c:v>42929</c:v>
                </c:pt>
                <c:pt idx="6404">
                  <c:v>42930</c:v>
                </c:pt>
                <c:pt idx="6405">
                  <c:v>42931</c:v>
                </c:pt>
                <c:pt idx="6406">
                  <c:v>42932</c:v>
                </c:pt>
                <c:pt idx="6407">
                  <c:v>42933</c:v>
                </c:pt>
                <c:pt idx="6408">
                  <c:v>42934</c:v>
                </c:pt>
                <c:pt idx="6409">
                  <c:v>42935</c:v>
                </c:pt>
                <c:pt idx="6410">
                  <c:v>42936</c:v>
                </c:pt>
                <c:pt idx="6411">
                  <c:v>42937</c:v>
                </c:pt>
                <c:pt idx="6412">
                  <c:v>42938</c:v>
                </c:pt>
                <c:pt idx="6413">
                  <c:v>42939</c:v>
                </c:pt>
                <c:pt idx="6414">
                  <c:v>42940</c:v>
                </c:pt>
                <c:pt idx="6415">
                  <c:v>42941</c:v>
                </c:pt>
                <c:pt idx="6416">
                  <c:v>42942</c:v>
                </c:pt>
                <c:pt idx="6417">
                  <c:v>42943</c:v>
                </c:pt>
                <c:pt idx="6418">
                  <c:v>42944</c:v>
                </c:pt>
                <c:pt idx="6419">
                  <c:v>42945</c:v>
                </c:pt>
                <c:pt idx="6420">
                  <c:v>42946</c:v>
                </c:pt>
                <c:pt idx="6421">
                  <c:v>42947</c:v>
                </c:pt>
                <c:pt idx="6422">
                  <c:v>42948</c:v>
                </c:pt>
                <c:pt idx="6423">
                  <c:v>42949</c:v>
                </c:pt>
                <c:pt idx="6424">
                  <c:v>42950</c:v>
                </c:pt>
                <c:pt idx="6425">
                  <c:v>42951</c:v>
                </c:pt>
                <c:pt idx="6426">
                  <c:v>42952</c:v>
                </c:pt>
                <c:pt idx="6427">
                  <c:v>42953</c:v>
                </c:pt>
                <c:pt idx="6428">
                  <c:v>42954</c:v>
                </c:pt>
                <c:pt idx="6429">
                  <c:v>42955</c:v>
                </c:pt>
                <c:pt idx="6430">
                  <c:v>42956</c:v>
                </c:pt>
                <c:pt idx="6431">
                  <c:v>42957</c:v>
                </c:pt>
                <c:pt idx="6432">
                  <c:v>42958</c:v>
                </c:pt>
                <c:pt idx="6433">
                  <c:v>42959</c:v>
                </c:pt>
                <c:pt idx="6434">
                  <c:v>42960</c:v>
                </c:pt>
                <c:pt idx="6435">
                  <c:v>42961</c:v>
                </c:pt>
                <c:pt idx="6436">
                  <c:v>42962</c:v>
                </c:pt>
                <c:pt idx="6437">
                  <c:v>42963</c:v>
                </c:pt>
                <c:pt idx="6438">
                  <c:v>42964</c:v>
                </c:pt>
                <c:pt idx="6439">
                  <c:v>42965</c:v>
                </c:pt>
                <c:pt idx="6440">
                  <c:v>42966</c:v>
                </c:pt>
                <c:pt idx="6441">
                  <c:v>42967</c:v>
                </c:pt>
                <c:pt idx="6442">
                  <c:v>42968</c:v>
                </c:pt>
                <c:pt idx="6443">
                  <c:v>42969</c:v>
                </c:pt>
                <c:pt idx="6444">
                  <c:v>42970</c:v>
                </c:pt>
                <c:pt idx="6445">
                  <c:v>42971</c:v>
                </c:pt>
                <c:pt idx="6446">
                  <c:v>42972</c:v>
                </c:pt>
                <c:pt idx="6447">
                  <c:v>42973</c:v>
                </c:pt>
                <c:pt idx="6448">
                  <c:v>42974</c:v>
                </c:pt>
                <c:pt idx="6449">
                  <c:v>42975</c:v>
                </c:pt>
                <c:pt idx="6450">
                  <c:v>42976</c:v>
                </c:pt>
                <c:pt idx="6451">
                  <c:v>42977</c:v>
                </c:pt>
                <c:pt idx="6452">
                  <c:v>42978</c:v>
                </c:pt>
                <c:pt idx="6453">
                  <c:v>42979</c:v>
                </c:pt>
                <c:pt idx="6454">
                  <c:v>42980</c:v>
                </c:pt>
                <c:pt idx="6455">
                  <c:v>42981</c:v>
                </c:pt>
                <c:pt idx="6456">
                  <c:v>42982</c:v>
                </c:pt>
                <c:pt idx="6457">
                  <c:v>42983</c:v>
                </c:pt>
                <c:pt idx="6458">
                  <c:v>42984</c:v>
                </c:pt>
                <c:pt idx="6459">
                  <c:v>42985</c:v>
                </c:pt>
                <c:pt idx="6460">
                  <c:v>42986</c:v>
                </c:pt>
                <c:pt idx="6461">
                  <c:v>42987</c:v>
                </c:pt>
                <c:pt idx="6462">
                  <c:v>42988</c:v>
                </c:pt>
                <c:pt idx="6463">
                  <c:v>42989</c:v>
                </c:pt>
                <c:pt idx="6464">
                  <c:v>42990</c:v>
                </c:pt>
                <c:pt idx="6465">
                  <c:v>42991</c:v>
                </c:pt>
                <c:pt idx="6466">
                  <c:v>42992</c:v>
                </c:pt>
                <c:pt idx="6467">
                  <c:v>42993</c:v>
                </c:pt>
                <c:pt idx="6468">
                  <c:v>42994</c:v>
                </c:pt>
                <c:pt idx="6469">
                  <c:v>42995</c:v>
                </c:pt>
                <c:pt idx="6470">
                  <c:v>42996</c:v>
                </c:pt>
                <c:pt idx="6471">
                  <c:v>42997</c:v>
                </c:pt>
                <c:pt idx="6472">
                  <c:v>42998</c:v>
                </c:pt>
                <c:pt idx="6473">
                  <c:v>42999</c:v>
                </c:pt>
                <c:pt idx="6474">
                  <c:v>43000</c:v>
                </c:pt>
                <c:pt idx="6475">
                  <c:v>43001</c:v>
                </c:pt>
                <c:pt idx="6476">
                  <c:v>43002</c:v>
                </c:pt>
                <c:pt idx="6477">
                  <c:v>43003</c:v>
                </c:pt>
                <c:pt idx="6478">
                  <c:v>43004</c:v>
                </c:pt>
                <c:pt idx="6479">
                  <c:v>43005</c:v>
                </c:pt>
                <c:pt idx="6480">
                  <c:v>43006</c:v>
                </c:pt>
                <c:pt idx="6481">
                  <c:v>43007</c:v>
                </c:pt>
                <c:pt idx="6482">
                  <c:v>43008</c:v>
                </c:pt>
                <c:pt idx="6483">
                  <c:v>43009</c:v>
                </c:pt>
                <c:pt idx="6484">
                  <c:v>43010</c:v>
                </c:pt>
                <c:pt idx="6485">
                  <c:v>43011</c:v>
                </c:pt>
                <c:pt idx="6486">
                  <c:v>43012</c:v>
                </c:pt>
                <c:pt idx="6487">
                  <c:v>43013</c:v>
                </c:pt>
                <c:pt idx="6488">
                  <c:v>43014</c:v>
                </c:pt>
                <c:pt idx="6489">
                  <c:v>43015</c:v>
                </c:pt>
                <c:pt idx="6490">
                  <c:v>43016</c:v>
                </c:pt>
                <c:pt idx="6491">
                  <c:v>43017</c:v>
                </c:pt>
                <c:pt idx="6492">
                  <c:v>43018</c:v>
                </c:pt>
                <c:pt idx="6493">
                  <c:v>43019</c:v>
                </c:pt>
                <c:pt idx="6494">
                  <c:v>43020</c:v>
                </c:pt>
                <c:pt idx="6495">
                  <c:v>43021</c:v>
                </c:pt>
                <c:pt idx="6496">
                  <c:v>43022</c:v>
                </c:pt>
                <c:pt idx="6497">
                  <c:v>43023</c:v>
                </c:pt>
                <c:pt idx="6498">
                  <c:v>43024</c:v>
                </c:pt>
                <c:pt idx="6499">
                  <c:v>43025</c:v>
                </c:pt>
                <c:pt idx="6500">
                  <c:v>43026</c:v>
                </c:pt>
                <c:pt idx="6501">
                  <c:v>43027</c:v>
                </c:pt>
                <c:pt idx="6502">
                  <c:v>43028</c:v>
                </c:pt>
                <c:pt idx="6503">
                  <c:v>43029</c:v>
                </c:pt>
                <c:pt idx="6504">
                  <c:v>43030</c:v>
                </c:pt>
                <c:pt idx="6505">
                  <c:v>43031</c:v>
                </c:pt>
                <c:pt idx="6506">
                  <c:v>43032</c:v>
                </c:pt>
                <c:pt idx="6507">
                  <c:v>43033</c:v>
                </c:pt>
                <c:pt idx="6508">
                  <c:v>43034</c:v>
                </c:pt>
                <c:pt idx="6509">
                  <c:v>43035</c:v>
                </c:pt>
                <c:pt idx="6510">
                  <c:v>43036</c:v>
                </c:pt>
                <c:pt idx="6511">
                  <c:v>43037</c:v>
                </c:pt>
                <c:pt idx="6512">
                  <c:v>43038</c:v>
                </c:pt>
                <c:pt idx="6513">
                  <c:v>43039</c:v>
                </c:pt>
                <c:pt idx="6514">
                  <c:v>43040</c:v>
                </c:pt>
                <c:pt idx="6515">
                  <c:v>43041</c:v>
                </c:pt>
                <c:pt idx="6516">
                  <c:v>43042</c:v>
                </c:pt>
                <c:pt idx="6517">
                  <c:v>43043</c:v>
                </c:pt>
                <c:pt idx="6518">
                  <c:v>43044</c:v>
                </c:pt>
                <c:pt idx="6519">
                  <c:v>43045</c:v>
                </c:pt>
                <c:pt idx="6520">
                  <c:v>43046</c:v>
                </c:pt>
                <c:pt idx="6521">
                  <c:v>43047</c:v>
                </c:pt>
                <c:pt idx="6522">
                  <c:v>43048</c:v>
                </c:pt>
                <c:pt idx="6523">
                  <c:v>43049</c:v>
                </c:pt>
                <c:pt idx="6524">
                  <c:v>43050</c:v>
                </c:pt>
                <c:pt idx="6525">
                  <c:v>43051</c:v>
                </c:pt>
                <c:pt idx="6526">
                  <c:v>43052</c:v>
                </c:pt>
                <c:pt idx="6527">
                  <c:v>43053</c:v>
                </c:pt>
                <c:pt idx="6528">
                  <c:v>43054</c:v>
                </c:pt>
                <c:pt idx="6529">
                  <c:v>43055</c:v>
                </c:pt>
                <c:pt idx="6530">
                  <c:v>43056</c:v>
                </c:pt>
                <c:pt idx="6531">
                  <c:v>43057</c:v>
                </c:pt>
                <c:pt idx="6532">
                  <c:v>43058</c:v>
                </c:pt>
                <c:pt idx="6533">
                  <c:v>43059</c:v>
                </c:pt>
                <c:pt idx="6534">
                  <c:v>43060</c:v>
                </c:pt>
                <c:pt idx="6535">
                  <c:v>43061</c:v>
                </c:pt>
                <c:pt idx="6536">
                  <c:v>43062</c:v>
                </c:pt>
                <c:pt idx="6537">
                  <c:v>43063</c:v>
                </c:pt>
                <c:pt idx="6538">
                  <c:v>43064</c:v>
                </c:pt>
                <c:pt idx="6539">
                  <c:v>43065</c:v>
                </c:pt>
                <c:pt idx="6540">
                  <c:v>43066</c:v>
                </c:pt>
                <c:pt idx="6541">
                  <c:v>43067</c:v>
                </c:pt>
                <c:pt idx="6542">
                  <c:v>43068</c:v>
                </c:pt>
                <c:pt idx="6543">
                  <c:v>43069</c:v>
                </c:pt>
                <c:pt idx="6544">
                  <c:v>43070</c:v>
                </c:pt>
                <c:pt idx="6545">
                  <c:v>43071</c:v>
                </c:pt>
                <c:pt idx="6546">
                  <c:v>43072</c:v>
                </c:pt>
                <c:pt idx="6547">
                  <c:v>43073</c:v>
                </c:pt>
                <c:pt idx="6548">
                  <c:v>43074</c:v>
                </c:pt>
                <c:pt idx="6549">
                  <c:v>43075</c:v>
                </c:pt>
                <c:pt idx="6550">
                  <c:v>43076</c:v>
                </c:pt>
                <c:pt idx="6551">
                  <c:v>43077</c:v>
                </c:pt>
                <c:pt idx="6552">
                  <c:v>43078</c:v>
                </c:pt>
                <c:pt idx="6553">
                  <c:v>43079</c:v>
                </c:pt>
                <c:pt idx="6554">
                  <c:v>43080</c:v>
                </c:pt>
                <c:pt idx="6555">
                  <c:v>43081</c:v>
                </c:pt>
                <c:pt idx="6556">
                  <c:v>43082</c:v>
                </c:pt>
                <c:pt idx="6557">
                  <c:v>43083</c:v>
                </c:pt>
                <c:pt idx="6558">
                  <c:v>43084</c:v>
                </c:pt>
                <c:pt idx="6559">
                  <c:v>43085</c:v>
                </c:pt>
                <c:pt idx="6560">
                  <c:v>43086</c:v>
                </c:pt>
                <c:pt idx="6561">
                  <c:v>43087</c:v>
                </c:pt>
                <c:pt idx="6562">
                  <c:v>43088</c:v>
                </c:pt>
                <c:pt idx="6563">
                  <c:v>43089</c:v>
                </c:pt>
                <c:pt idx="6564">
                  <c:v>43090</c:v>
                </c:pt>
                <c:pt idx="6565">
                  <c:v>43091</c:v>
                </c:pt>
                <c:pt idx="6566">
                  <c:v>43092</c:v>
                </c:pt>
                <c:pt idx="6567">
                  <c:v>43093</c:v>
                </c:pt>
                <c:pt idx="6568">
                  <c:v>43094</c:v>
                </c:pt>
                <c:pt idx="6569">
                  <c:v>43095</c:v>
                </c:pt>
                <c:pt idx="6570">
                  <c:v>43096</c:v>
                </c:pt>
                <c:pt idx="6571">
                  <c:v>43097</c:v>
                </c:pt>
                <c:pt idx="6572">
                  <c:v>43098</c:v>
                </c:pt>
                <c:pt idx="6573">
                  <c:v>43099</c:v>
                </c:pt>
                <c:pt idx="6574">
                  <c:v>43100</c:v>
                </c:pt>
                <c:pt idx="6575">
                  <c:v>43101</c:v>
                </c:pt>
                <c:pt idx="6576">
                  <c:v>43102</c:v>
                </c:pt>
                <c:pt idx="6577">
                  <c:v>43103</c:v>
                </c:pt>
                <c:pt idx="6578">
                  <c:v>43104</c:v>
                </c:pt>
                <c:pt idx="6579">
                  <c:v>43105</c:v>
                </c:pt>
                <c:pt idx="6580">
                  <c:v>43106</c:v>
                </c:pt>
                <c:pt idx="6581">
                  <c:v>43107</c:v>
                </c:pt>
                <c:pt idx="6582">
                  <c:v>43108</c:v>
                </c:pt>
                <c:pt idx="6583">
                  <c:v>43109</c:v>
                </c:pt>
                <c:pt idx="6584">
                  <c:v>43110</c:v>
                </c:pt>
                <c:pt idx="6585">
                  <c:v>43111</c:v>
                </c:pt>
                <c:pt idx="6586">
                  <c:v>43112</c:v>
                </c:pt>
                <c:pt idx="6587">
                  <c:v>43113</c:v>
                </c:pt>
                <c:pt idx="6588">
                  <c:v>43114</c:v>
                </c:pt>
                <c:pt idx="6589">
                  <c:v>43115</c:v>
                </c:pt>
                <c:pt idx="6590">
                  <c:v>43116</c:v>
                </c:pt>
                <c:pt idx="6591">
                  <c:v>43117</c:v>
                </c:pt>
                <c:pt idx="6592">
                  <c:v>43118</c:v>
                </c:pt>
                <c:pt idx="6593">
                  <c:v>43119</c:v>
                </c:pt>
                <c:pt idx="6594">
                  <c:v>43120</c:v>
                </c:pt>
                <c:pt idx="6595">
                  <c:v>43121</c:v>
                </c:pt>
                <c:pt idx="6596">
                  <c:v>43122</c:v>
                </c:pt>
                <c:pt idx="6597">
                  <c:v>43123</c:v>
                </c:pt>
                <c:pt idx="6598">
                  <c:v>43124</c:v>
                </c:pt>
                <c:pt idx="6599">
                  <c:v>43125</c:v>
                </c:pt>
                <c:pt idx="6600">
                  <c:v>43126</c:v>
                </c:pt>
                <c:pt idx="6601">
                  <c:v>43127</c:v>
                </c:pt>
                <c:pt idx="6602">
                  <c:v>43128</c:v>
                </c:pt>
                <c:pt idx="6603">
                  <c:v>43129</c:v>
                </c:pt>
                <c:pt idx="6604">
                  <c:v>43130</c:v>
                </c:pt>
                <c:pt idx="6605">
                  <c:v>43131</c:v>
                </c:pt>
                <c:pt idx="6606">
                  <c:v>43132</c:v>
                </c:pt>
                <c:pt idx="6607">
                  <c:v>43133</c:v>
                </c:pt>
                <c:pt idx="6608">
                  <c:v>43134</c:v>
                </c:pt>
                <c:pt idx="6609">
                  <c:v>43135</c:v>
                </c:pt>
                <c:pt idx="6610">
                  <c:v>43136</c:v>
                </c:pt>
                <c:pt idx="6611">
                  <c:v>43137</c:v>
                </c:pt>
                <c:pt idx="6612">
                  <c:v>43138</c:v>
                </c:pt>
                <c:pt idx="6613">
                  <c:v>43139</c:v>
                </c:pt>
                <c:pt idx="6614">
                  <c:v>43140</c:v>
                </c:pt>
                <c:pt idx="6615">
                  <c:v>43141</c:v>
                </c:pt>
                <c:pt idx="6616">
                  <c:v>43142</c:v>
                </c:pt>
                <c:pt idx="6617">
                  <c:v>43143</c:v>
                </c:pt>
                <c:pt idx="6618">
                  <c:v>43144</c:v>
                </c:pt>
                <c:pt idx="6619">
                  <c:v>43145</c:v>
                </c:pt>
                <c:pt idx="6620">
                  <c:v>43146</c:v>
                </c:pt>
                <c:pt idx="6621">
                  <c:v>43147</c:v>
                </c:pt>
                <c:pt idx="6622">
                  <c:v>43148</c:v>
                </c:pt>
                <c:pt idx="6623">
                  <c:v>43149</c:v>
                </c:pt>
                <c:pt idx="6624">
                  <c:v>43150</c:v>
                </c:pt>
                <c:pt idx="6625">
                  <c:v>43151</c:v>
                </c:pt>
                <c:pt idx="6626">
                  <c:v>43152</c:v>
                </c:pt>
                <c:pt idx="6627">
                  <c:v>43153</c:v>
                </c:pt>
                <c:pt idx="6628">
                  <c:v>43154</c:v>
                </c:pt>
                <c:pt idx="6629">
                  <c:v>43155</c:v>
                </c:pt>
                <c:pt idx="6630">
                  <c:v>43156</c:v>
                </c:pt>
                <c:pt idx="6631">
                  <c:v>43157</c:v>
                </c:pt>
                <c:pt idx="6632">
                  <c:v>43158</c:v>
                </c:pt>
                <c:pt idx="6633">
                  <c:v>43159</c:v>
                </c:pt>
                <c:pt idx="6634">
                  <c:v>43160</c:v>
                </c:pt>
                <c:pt idx="6635">
                  <c:v>43161</c:v>
                </c:pt>
                <c:pt idx="6636">
                  <c:v>43162</c:v>
                </c:pt>
                <c:pt idx="6637">
                  <c:v>43163</c:v>
                </c:pt>
                <c:pt idx="6638">
                  <c:v>43164</c:v>
                </c:pt>
                <c:pt idx="6639">
                  <c:v>43165</c:v>
                </c:pt>
                <c:pt idx="6640">
                  <c:v>43166</c:v>
                </c:pt>
                <c:pt idx="6641">
                  <c:v>43167</c:v>
                </c:pt>
                <c:pt idx="6642">
                  <c:v>43168</c:v>
                </c:pt>
                <c:pt idx="6643">
                  <c:v>43169</c:v>
                </c:pt>
                <c:pt idx="6644">
                  <c:v>43170</c:v>
                </c:pt>
                <c:pt idx="6645">
                  <c:v>43171</c:v>
                </c:pt>
                <c:pt idx="6646">
                  <c:v>43172</c:v>
                </c:pt>
                <c:pt idx="6647">
                  <c:v>43173</c:v>
                </c:pt>
                <c:pt idx="6648">
                  <c:v>43174</c:v>
                </c:pt>
                <c:pt idx="6649">
                  <c:v>43175</c:v>
                </c:pt>
                <c:pt idx="6650">
                  <c:v>43176</c:v>
                </c:pt>
                <c:pt idx="6651">
                  <c:v>43177</c:v>
                </c:pt>
                <c:pt idx="6652">
                  <c:v>43178</c:v>
                </c:pt>
                <c:pt idx="6653">
                  <c:v>43179</c:v>
                </c:pt>
                <c:pt idx="6654">
                  <c:v>43180</c:v>
                </c:pt>
                <c:pt idx="6655">
                  <c:v>43181</c:v>
                </c:pt>
                <c:pt idx="6656">
                  <c:v>43182</c:v>
                </c:pt>
                <c:pt idx="6657">
                  <c:v>43183</c:v>
                </c:pt>
                <c:pt idx="6658">
                  <c:v>43184</c:v>
                </c:pt>
                <c:pt idx="6659">
                  <c:v>43185</c:v>
                </c:pt>
                <c:pt idx="6660">
                  <c:v>43186</c:v>
                </c:pt>
                <c:pt idx="6661">
                  <c:v>43187</c:v>
                </c:pt>
                <c:pt idx="6662">
                  <c:v>43188</c:v>
                </c:pt>
                <c:pt idx="6663">
                  <c:v>43189</c:v>
                </c:pt>
                <c:pt idx="6664">
                  <c:v>43190</c:v>
                </c:pt>
                <c:pt idx="6665">
                  <c:v>43191</c:v>
                </c:pt>
                <c:pt idx="6666">
                  <c:v>43192</c:v>
                </c:pt>
                <c:pt idx="6667">
                  <c:v>43193</c:v>
                </c:pt>
                <c:pt idx="6668">
                  <c:v>43194</c:v>
                </c:pt>
                <c:pt idx="6669">
                  <c:v>43195</c:v>
                </c:pt>
                <c:pt idx="6670">
                  <c:v>43196</c:v>
                </c:pt>
                <c:pt idx="6671">
                  <c:v>43197</c:v>
                </c:pt>
                <c:pt idx="6672">
                  <c:v>43198</c:v>
                </c:pt>
                <c:pt idx="6673">
                  <c:v>43199</c:v>
                </c:pt>
                <c:pt idx="6674">
                  <c:v>43200</c:v>
                </c:pt>
                <c:pt idx="6675">
                  <c:v>43201</c:v>
                </c:pt>
                <c:pt idx="6676">
                  <c:v>43202</c:v>
                </c:pt>
                <c:pt idx="6677">
                  <c:v>43203</c:v>
                </c:pt>
                <c:pt idx="6678">
                  <c:v>43204</c:v>
                </c:pt>
                <c:pt idx="6679">
                  <c:v>43205</c:v>
                </c:pt>
                <c:pt idx="6680">
                  <c:v>43206</c:v>
                </c:pt>
                <c:pt idx="6681">
                  <c:v>43207</c:v>
                </c:pt>
                <c:pt idx="6682">
                  <c:v>43208</c:v>
                </c:pt>
                <c:pt idx="6683">
                  <c:v>43209</c:v>
                </c:pt>
                <c:pt idx="6684">
                  <c:v>43210</c:v>
                </c:pt>
                <c:pt idx="6685">
                  <c:v>43211</c:v>
                </c:pt>
                <c:pt idx="6686">
                  <c:v>43212</c:v>
                </c:pt>
                <c:pt idx="6687">
                  <c:v>43213</c:v>
                </c:pt>
                <c:pt idx="6688">
                  <c:v>43214</c:v>
                </c:pt>
                <c:pt idx="6689">
                  <c:v>43215</c:v>
                </c:pt>
                <c:pt idx="6690">
                  <c:v>43216</c:v>
                </c:pt>
                <c:pt idx="6691">
                  <c:v>43217</c:v>
                </c:pt>
                <c:pt idx="6692">
                  <c:v>43218</c:v>
                </c:pt>
                <c:pt idx="6693">
                  <c:v>43219</c:v>
                </c:pt>
                <c:pt idx="6694">
                  <c:v>43220</c:v>
                </c:pt>
                <c:pt idx="6695">
                  <c:v>43221</c:v>
                </c:pt>
                <c:pt idx="6696">
                  <c:v>43222</c:v>
                </c:pt>
                <c:pt idx="6697">
                  <c:v>43223</c:v>
                </c:pt>
                <c:pt idx="6698">
                  <c:v>43224</c:v>
                </c:pt>
                <c:pt idx="6699">
                  <c:v>43225</c:v>
                </c:pt>
                <c:pt idx="6700">
                  <c:v>43226</c:v>
                </c:pt>
                <c:pt idx="6701">
                  <c:v>43227</c:v>
                </c:pt>
                <c:pt idx="6702">
                  <c:v>43228</c:v>
                </c:pt>
                <c:pt idx="6703">
                  <c:v>43229</c:v>
                </c:pt>
                <c:pt idx="6704">
                  <c:v>43230</c:v>
                </c:pt>
                <c:pt idx="6705">
                  <c:v>43231</c:v>
                </c:pt>
                <c:pt idx="6706">
                  <c:v>43232</c:v>
                </c:pt>
                <c:pt idx="6707">
                  <c:v>43233</c:v>
                </c:pt>
                <c:pt idx="6708">
                  <c:v>43234</c:v>
                </c:pt>
                <c:pt idx="6709">
                  <c:v>43235</c:v>
                </c:pt>
                <c:pt idx="6710">
                  <c:v>43236</c:v>
                </c:pt>
                <c:pt idx="6711">
                  <c:v>43237</c:v>
                </c:pt>
                <c:pt idx="6712">
                  <c:v>43238</c:v>
                </c:pt>
                <c:pt idx="6713">
                  <c:v>43239</c:v>
                </c:pt>
                <c:pt idx="6714">
                  <c:v>43240</c:v>
                </c:pt>
                <c:pt idx="6715">
                  <c:v>43241</c:v>
                </c:pt>
                <c:pt idx="6716">
                  <c:v>43242</c:v>
                </c:pt>
                <c:pt idx="6717">
                  <c:v>43243</c:v>
                </c:pt>
                <c:pt idx="6718">
                  <c:v>43244</c:v>
                </c:pt>
                <c:pt idx="6719">
                  <c:v>43245</c:v>
                </c:pt>
                <c:pt idx="6720">
                  <c:v>43246</c:v>
                </c:pt>
                <c:pt idx="6721">
                  <c:v>43247</c:v>
                </c:pt>
                <c:pt idx="6722">
                  <c:v>43248</c:v>
                </c:pt>
                <c:pt idx="6723">
                  <c:v>43249</c:v>
                </c:pt>
                <c:pt idx="6724">
                  <c:v>43250</c:v>
                </c:pt>
                <c:pt idx="6725">
                  <c:v>43251</c:v>
                </c:pt>
                <c:pt idx="6726">
                  <c:v>43252</c:v>
                </c:pt>
                <c:pt idx="6727">
                  <c:v>43253</c:v>
                </c:pt>
                <c:pt idx="6728">
                  <c:v>43254</c:v>
                </c:pt>
                <c:pt idx="6729">
                  <c:v>43255</c:v>
                </c:pt>
                <c:pt idx="6730">
                  <c:v>43256</c:v>
                </c:pt>
                <c:pt idx="6731">
                  <c:v>43257</c:v>
                </c:pt>
                <c:pt idx="6732">
                  <c:v>43258</c:v>
                </c:pt>
                <c:pt idx="6733">
                  <c:v>43259</c:v>
                </c:pt>
                <c:pt idx="6734">
                  <c:v>43260</c:v>
                </c:pt>
                <c:pt idx="6735">
                  <c:v>43261</c:v>
                </c:pt>
                <c:pt idx="6736">
                  <c:v>43262</c:v>
                </c:pt>
                <c:pt idx="6737">
                  <c:v>43263</c:v>
                </c:pt>
                <c:pt idx="6738">
                  <c:v>43264</c:v>
                </c:pt>
                <c:pt idx="6739">
                  <c:v>43265</c:v>
                </c:pt>
                <c:pt idx="6740">
                  <c:v>43266</c:v>
                </c:pt>
                <c:pt idx="6741">
                  <c:v>43267</c:v>
                </c:pt>
                <c:pt idx="6742">
                  <c:v>43268</c:v>
                </c:pt>
                <c:pt idx="6743">
                  <c:v>43269</c:v>
                </c:pt>
                <c:pt idx="6744">
                  <c:v>43270</c:v>
                </c:pt>
                <c:pt idx="6745">
                  <c:v>43271</c:v>
                </c:pt>
                <c:pt idx="6746">
                  <c:v>43272</c:v>
                </c:pt>
                <c:pt idx="6747">
                  <c:v>43273</c:v>
                </c:pt>
                <c:pt idx="6748">
                  <c:v>43274</c:v>
                </c:pt>
                <c:pt idx="6749">
                  <c:v>43275</c:v>
                </c:pt>
                <c:pt idx="6750">
                  <c:v>43276</c:v>
                </c:pt>
                <c:pt idx="6751">
                  <c:v>43277</c:v>
                </c:pt>
                <c:pt idx="6752">
                  <c:v>43278</c:v>
                </c:pt>
                <c:pt idx="6753">
                  <c:v>43279</c:v>
                </c:pt>
                <c:pt idx="6754">
                  <c:v>43280</c:v>
                </c:pt>
                <c:pt idx="6755">
                  <c:v>43281</c:v>
                </c:pt>
                <c:pt idx="6756">
                  <c:v>43282</c:v>
                </c:pt>
                <c:pt idx="6757">
                  <c:v>43283</c:v>
                </c:pt>
                <c:pt idx="6758">
                  <c:v>43284</c:v>
                </c:pt>
                <c:pt idx="6759">
                  <c:v>43285</c:v>
                </c:pt>
                <c:pt idx="6760">
                  <c:v>43286</c:v>
                </c:pt>
                <c:pt idx="6761">
                  <c:v>43287</c:v>
                </c:pt>
                <c:pt idx="6762">
                  <c:v>43288</c:v>
                </c:pt>
                <c:pt idx="6763">
                  <c:v>43289</c:v>
                </c:pt>
                <c:pt idx="6764">
                  <c:v>43290</c:v>
                </c:pt>
                <c:pt idx="6765">
                  <c:v>43291</c:v>
                </c:pt>
                <c:pt idx="6766">
                  <c:v>43292</c:v>
                </c:pt>
                <c:pt idx="6767">
                  <c:v>43293</c:v>
                </c:pt>
                <c:pt idx="6768">
                  <c:v>43294</c:v>
                </c:pt>
                <c:pt idx="6769">
                  <c:v>43295</c:v>
                </c:pt>
                <c:pt idx="6770">
                  <c:v>43296</c:v>
                </c:pt>
                <c:pt idx="6771">
                  <c:v>43297</c:v>
                </c:pt>
                <c:pt idx="6772">
                  <c:v>43298</c:v>
                </c:pt>
                <c:pt idx="6773">
                  <c:v>43299</c:v>
                </c:pt>
                <c:pt idx="6774">
                  <c:v>43300</c:v>
                </c:pt>
                <c:pt idx="6775">
                  <c:v>43301</c:v>
                </c:pt>
                <c:pt idx="6776">
                  <c:v>43302</c:v>
                </c:pt>
                <c:pt idx="6777">
                  <c:v>43303</c:v>
                </c:pt>
                <c:pt idx="6778">
                  <c:v>43304</c:v>
                </c:pt>
                <c:pt idx="6779">
                  <c:v>43305</c:v>
                </c:pt>
                <c:pt idx="6780">
                  <c:v>43306</c:v>
                </c:pt>
                <c:pt idx="6781">
                  <c:v>43307</c:v>
                </c:pt>
                <c:pt idx="6782">
                  <c:v>43308</c:v>
                </c:pt>
                <c:pt idx="6783">
                  <c:v>43309</c:v>
                </c:pt>
                <c:pt idx="6784">
                  <c:v>43310</c:v>
                </c:pt>
                <c:pt idx="6785">
                  <c:v>43311</c:v>
                </c:pt>
                <c:pt idx="6786">
                  <c:v>43312</c:v>
                </c:pt>
                <c:pt idx="6787">
                  <c:v>43313</c:v>
                </c:pt>
                <c:pt idx="6788">
                  <c:v>43314</c:v>
                </c:pt>
                <c:pt idx="6789">
                  <c:v>43315</c:v>
                </c:pt>
                <c:pt idx="6790">
                  <c:v>43316</c:v>
                </c:pt>
                <c:pt idx="6791">
                  <c:v>43317</c:v>
                </c:pt>
                <c:pt idx="6792">
                  <c:v>43318</c:v>
                </c:pt>
                <c:pt idx="6793">
                  <c:v>43319</c:v>
                </c:pt>
                <c:pt idx="6794">
                  <c:v>43320</c:v>
                </c:pt>
                <c:pt idx="6795">
                  <c:v>43321</c:v>
                </c:pt>
                <c:pt idx="6796">
                  <c:v>43322</c:v>
                </c:pt>
                <c:pt idx="6797">
                  <c:v>43323</c:v>
                </c:pt>
                <c:pt idx="6798">
                  <c:v>43324</c:v>
                </c:pt>
                <c:pt idx="6799">
                  <c:v>43325</c:v>
                </c:pt>
                <c:pt idx="6800">
                  <c:v>43326</c:v>
                </c:pt>
                <c:pt idx="6801">
                  <c:v>43327</c:v>
                </c:pt>
                <c:pt idx="6802">
                  <c:v>43328</c:v>
                </c:pt>
                <c:pt idx="6803">
                  <c:v>43329</c:v>
                </c:pt>
                <c:pt idx="6804">
                  <c:v>43330</c:v>
                </c:pt>
                <c:pt idx="6805">
                  <c:v>43331</c:v>
                </c:pt>
                <c:pt idx="6806">
                  <c:v>43332</c:v>
                </c:pt>
                <c:pt idx="6807">
                  <c:v>43333</c:v>
                </c:pt>
                <c:pt idx="6808">
                  <c:v>43334</c:v>
                </c:pt>
                <c:pt idx="6809">
                  <c:v>43335</c:v>
                </c:pt>
                <c:pt idx="6810">
                  <c:v>43336</c:v>
                </c:pt>
                <c:pt idx="6811">
                  <c:v>43337</c:v>
                </c:pt>
                <c:pt idx="6812">
                  <c:v>43338</c:v>
                </c:pt>
                <c:pt idx="6813">
                  <c:v>43339</c:v>
                </c:pt>
                <c:pt idx="6814">
                  <c:v>43340</c:v>
                </c:pt>
                <c:pt idx="6815">
                  <c:v>43341</c:v>
                </c:pt>
                <c:pt idx="6816">
                  <c:v>43342</c:v>
                </c:pt>
                <c:pt idx="6817">
                  <c:v>43343</c:v>
                </c:pt>
                <c:pt idx="6818">
                  <c:v>43344</c:v>
                </c:pt>
                <c:pt idx="6819">
                  <c:v>43345</c:v>
                </c:pt>
                <c:pt idx="6820">
                  <c:v>43346</c:v>
                </c:pt>
                <c:pt idx="6821">
                  <c:v>43347</c:v>
                </c:pt>
                <c:pt idx="6822">
                  <c:v>43348</c:v>
                </c:pt>
                <c:pt idx="6823">
                  <c:v>43349</c:v>
                </c:pt>
                <c:pt idx="6824">
                  <c:v>43350</c:v>
                </c:pt>
                <c:pt idx="6825">
                  <c:v>43351</c:v>
                </c:pt>
                <c:pt idx="6826">
                  <c:v>43352</c:v>
                </c:pt>
                <c:pt idx="6827">
                  <c:v>43353</c:v>
                </c:pt>
                <c:pt idx="6828">
                  <c:v>43354</c:v>
                </c:pt>
                <c:pt idx="6829">
                  <c:v>43355</c:v>
                </c:pt>
                <c:pt idx="6830">
                  <c:v>43356</c:v>
                </c:pt>
                <c:pt idx="6831">
                  <c:v>43357</c:v>
                </c:pt>
                <c:pt idx="6832">
                  <c:v>43358</c:v>
                </c:pt>
                <c:pt idx="6833">
                  <c:v>43359</c:v>
                </c:pt>
                <c:pt idx="6834">
                  <c:v>43360</c:v>
                </c:pt>
                <c:pt idx="6835">
                  <c:v>43361</c:v>
                </c:pt>
                <c:pt idx="6836">
                  <c:v>43362</c:v>
                </c:pt>
                <c:pt idx="6837">
                  <c:v>43363</c:v>
                </c:pt>
                <c:pt idx="6838">
                  <c:v>43364</c:v>
                </c:pt>
                <c:pt idx="6839">
                  <c:v>43365</c:v>
                </c:pt>
                <c:pt idx="6840">
                  <c:v>43366</c:v>
                </c:pt>
                <c:pt idx="6841">
                  <c:v>43367</c:v>
                </c:pt>
                <c:pt idx="6842">
                  <c:v>43368</c:v>
                </c:pt>
                <c:pt idx="6843">
                  <c:v>43369</c:v>
                </c:pt>
                <c:pt idx="6844">
                  <c:v>43370</c:v>
                </c:pt>
                <c:pt idx="6845">
                  <c:v>43371</c:v>
                </c:pt>
                <c:pt idx="6846">
                  <c:v>43372</c:v>
                </c:pt>
                <c:pt idx="6847">
                  <c:v>43373</c:v>
                </c:pt>
                <c:pt idx="6848">
                  <c:v>43374</c:v>
                </c:pt>
                <c:pt idx="6849">
                  <c:v>43375</c:v>
                </c:pt>
                <c:pt idx="6850">
                  <c:v>43376</c:v>
                </c:pt>
                <c:pt idx="6851">
                  <c:v>43377</c:v>
                </c:pt>
                <c:pt idx="6852">
                  <c:v>43378</c:v>
                </c:pt>
                <c:pt idx="6853">
                  <c:v>43379</c:v>
                </c:pt>
                <c:pt idx="6854">
                  <c:v>43380</c:v>
                </c:pt>
                <c:pt idx="6855">
                  <c:v>43381</c:v>
                </c:pt>
                <c:pt idx="6856">
                  <c:v>43382</c:v>
                </c:pt>
                <c:pt idx="6857">
                  <c:v>43383</c:v>
                </c:pt>
                <c:pt idx="6858">
                  <c:v>43384</c:v>
                </c:pt>
                <c:pt idx="6859">
                  <c:v>43385</c:v>
                </c:pt>
                <c:pt idx="6860">
                  <c:v>43386</c:v>
                </c:pt>
                <c:pt idx="6861">
                  <c:v>43387</c:v>
                </c:pt>
                <c:pt idx="6862">
                  <c:v>43388</c:v>
                </c:pt>
                <c:pt idx="6863">
                  <c:v>43389</c:v>
                </c:pt>
                <c:pt idx="6864">
                  <c:v>43390</c:v>
                </c:pt>
                <c:pt idx="6865">
                  <c:v>43391</c:v>
                </c:pt>
                <c:pt idx="6866">
                  <c:v>43392</c:v>
                </c:pt>
                <c:pt idx="6867">
                  <c:v>43393</c:v>
                </c:pt>
                <c:pt idx="6868">
                  <c:v>43394</c:v>
                </c:pt>
                <c:pt idx="6869">
                  <c:v>43395</c:v>
                </c:pt>
                <c:pt idx="6870">
                  <c:v>43396</c:v>
                </c:pt>
                <c:pt idx="6871">
                  <c:v>43397</c:v>
                </c:pt>
                <c:pt idx="6872">
                  <c:v>43398</c:v>
                </c:pt>
                <c:pt idx="6873">
                  <c:v>43399</c:v>
                </c:pt>
                <c:pt idx="6874">
                  <c:v>43400</c:v>
                </c:pt>
                <c:pt idx="6875">
                  <c:v>43401</c:v>
                </c:pt>
                <c:pt idx="6876">
                  <c:v>43402</c:v>
                </c:pt>
                <c:pt idx="6877">
                  <c:v>43403</c:v>
                </c:pt>
                <c:pt idx="6878">
                  <c:v>43404</c:v>
                </c:pt>
                <c:pt idx="6879">
                  <c:v>43405</c:v>
                </c:pt>
                <c:pt idx="6880">
                  <c:v>43406</c:v>
                </c:pt>
                <c:pt idx="6881">
                  <c:v>43407</c:v>
                </c:pt>
                <c:pt idx="6882">
                  <c:v>43408</c:v>
                </c:pt>
                <c:pt idx="6883">
                  <c:v>43409</c:v>
                </c:pt>
                <c:pt idx="6884">
                  <c:v>43410</c:v>
                </c:pt>
                <c:pt idx="6885">
                  <c:v>43411</c:v>
                </c:pt>
                <c:pt idx="6886">
                  <c:v>43412</c:v>
                </c:pt>
                <c:pt idx="6887">
                  <c:v>43413</c:v>
                </c:pt>
                <c:pt idx="6888">
                  <c:v>43414</c:v>
                </c:pt>
                <c:pt idx="6889">
                  <c:v>43415</c:v>
                </c:pt>
                <c:pt idx="6890">
                  <c:v>43416</c:v>
                </c:pt>
                <c:pt idx="6891">
                  <c:v>43417</c:v>
                </c:pt>
                <c:pt idx="6892">
                  <c:v>43418</c:v>
                </c:pt>
                <c:pt idx="6893">
                  <c:v>43419</c:v>
                </c:pt>
                <c:pt idx="6894">
                  <c:v>43420</c:v>
                </c:pt>
                <c:pt idx="6895">
                  <c:v>43421</c:v>
                </c:pt>
                <c:pt idx="6896">
                  <c:v>43422</c:v>
                </c:pt>
                <c:pt idx="6897">
                  <c:v>43423</c:v>
                </c:pt>
                <c:pt idx="6898">
                  <c:v>43424</c:v>
                </c:pt>
                <c:pt idx="6899">
                  <c:v>43425</c:v>
                </c:pt>
                <c:pt idx="6900">
                  <c:v>43426</c:v>
                </c:pt>
                <c:pt idx="6901">
                  <c:v>43427</c:v>
                </c:pt>
                <c:pt idx="6902">
                  <c:v>43428</c:v>
                </c:pt>
                <c:pt idx="6903">
                  <c:v>43429</c:v>
                </c:pt>
                <c:pt idx="6904">
                  <c:v>43430</c:v>
                </c:pt>
                <c:pt idx="6905">
                  <c:v>43431</c:v>
                </c:pt>
                <c:pt idx="6906">
                  <c:v>43432</c:v>
                </c:pt>
                <c:pt idx="6907">
                  <c:v>43433</c:v>
                </c:pt>
                <c:pt idx="6908">
                  <c:v>43434</c:v>
                </c:pt>
                <c:pt idx="6909">
                  <c:v>43435</c:v>
                </c:pt>
                <c:pt idx="6910">
                  <c:v>43436</c:v>
                </c:pt>
                <c:pt idx="6911">
                  <c:v>43437</c:v>
                </c:pt>
                <c:pt idx="6912">
                  <c:v>43438</c:v>
                </c:pt>
                <c:pt idx="6913">
                  <c:v>43439</c:v>
                </c:pt>
                <c:pt idx="6914">
                  <c:v>43440</c:v>
                </c:pt>
                <c:pt idx="6915">
                  <c:v>43441</c:v>
                </c:pt>
                <c:pt idx="6916">
                  <c:v>43442</c:v>
                </c:pt>
                <c:pt idx="6917">
                  <c:v>43443</c:v>
                </c:pt>
                <c:pt idx="6918">
                  <c:v>43444</c:v>
                </c:pt>
                <c:pt idx="6919">
                  <c:v>43445</c:v>
                </c:pt>
                <c:pt idx="6920">
                  <c:v>43446</c:v>
                </c:pt>
                <c:pt idx="6921">
                  <c:v>43447</c:v>
                </c:pt>
                <c:pt idx="6922">
                  <c:v>43448</c:v>
                </c:pt>
                <c:pt idx="6923">
                  <c:v>43449</c:v>
                </c:pt>
                <c:pt idx="6924">
                  <c:v>43450</c:v>
                </c:pt>
                <c:pt idx="6925">
                  <c:v>43451</c:v>
                </c:pt>
                <c:pt idx="6926">
                  <c:v>43452</c:v>
                </c:pt>
                <c:pt idx="6927">
                  <c:v>43453</c:v>
                </c:pt>
                <c:pt idx="6928">
                  <c:v>43454</c:v>
                </c:pt>
                <c:pt idx="6929">
                  <c:v>43455</c:v>
                </c:pt>
                <c:pt idx="6930">
                  <c:v>43456</c:v>
                </c:pt>
                <c:pt idx="6931">
                  <c:v>43457</c:v>
                </c:pt>
                <c:pt idx="6932">
                  <c:v>43458</c:v>
                </c:pt>
                <c:pt idx="6933">
                  <c:v>43459</c:v>
                </c:pt>
                <c:pt idx="6934">
                  <c:v>43460</c:v>
                </c:pt>
                <c:pt idx="6935">
                  <c:v>43461</c:v>
                </c:pt>
                <c:pt idx="6936">
                  <c:v>43462</c:v>
                </c:pt>
                <c:pt idx="6937">
                  <c:v>43463</c:v>
                </c:pt>
                <c:pt idx="6938">
                  <c:v>43464</c:v>
                </c:pt>
                <c:pt idx="6939">
                  <c:v>43465</c:v>
                </c:pt>
                <c:pt idx="6940">
                  <c:v>43466</c:v>
                </c:pt>
                <c:pt idx="6941">
                  <c:v>43467</c:v>
                </c:pt>
                <c:pt idx="6942">
                  <c:v>43468</c:v>
                </c:pt>
                <c:pt idx="6943">
                  <c:v>43469</c:v>
                </c:pt>
                <c:pt idx="6944">
                  <c:v>43470</c:v>
                </c:pt>
                <c:pt idx="6945">
                  <c:v>43471</c:v>
                </c:pt>
                <c:pt idx="6946">
                  <c:v>43472</c:v>
                </c:pt>
                <c:pt idx="6947">
                  <c:v>43473</c:v>
                </c:pt>
                <c:pt idx="6948">
                  <c:v>43474</c:v>
                </c:pt>
                <c:pt idx="6949">
                  <c:v>43475</c:v>
                </c:pt>
                <c:pt idx="6950">
                  <c:v>43476</c:v>
                </c:pt>
                <c:pt idx="6951">
                  <c:v>43477</c:v>
                </c:pt>
                <c:pt idx="6952">
                  <c:v>43478</c:v>
                </c:pt>
                <c:pt idx="6953">
                  <c:v>43479</c:v>
                </c:pt>
                <c:pt idx="6954">
                  <c:v>43480</c:v>
                </c:pt>
                <c:pt idx="6955">
                  <c:v>43481</c:v>
                </c:pt>
                <c:pt idx="6956">
                  <c:v>43482</c:v>
                </c:pt>
                <c:pt idx="6957">
                  <c:v>43483</c:v>
                </c:pt>
                <c:pt idx="6958">
                  <c:v>43484</c:v>
                </c:pt>
                <c:pt idx="6959">
                  <c:v>43485</c:v>
                </c:pt>
                <c:pt idx="6960">
                  <c:v>43486</c:v>
                </c:pt>
                <c:pt idx="6961">
                  <c:v>43487</c:v>
                </c:pt>
                <c:pt idx="6962">
                  <c:v>43488</c:v>
                </c:pt>
                <c:pt idx="6963">
                  <c:v>43489</c:v>
                </c:pt>
                <c:pt idx="6964">
                  <c:v>43490</c:v>
                </c:pt>
                <c:pt idx="6965">
                  <c:v>43491</c:v>
                </c:pt>
                <c:pt idx="6966">
                  <c:v>43492</c:v>
                </c:pt>
                <c:pt idx="6967">
                  <c:v>43493</c:v>
                </c:pt>
                <c:pt idx="6968">
                  <c:v>43494</c:v>
                </c:pt>
                <c:pt idx="6969">
                  <c:v>43495</c:v>
                </c:pt>
                <c:pt idx="6970">
                  <c:v>43496</c:v>
                </c:pt>
                <c:pt idx="6971">
                  <c:v>43497</c:v>
                </c:pt>
                <c:pt idx="6972">
                  <c:v>43498</c:v>
                </c:pt>
                <c:pt idx="6973">
                  <c:v>43499</c:v>
                </c:pt>
                <c:pt idx="6974">
                  <c:v>43500</c:v>
                </c:pt>
                <c:pt idx="6975">
                  <c:v>43501</c:v>
                </c:pt>
                <c:pt idx="6976">
                  <c:v>43502</c:v>
                </c:pt>
                <c:pt idx="6977">
                  <c:v>43503</c:v>
                </c:pt>
                <c:pt idx="6978">
                  <c:v>43504</c:v>
                </c:pt>
                <c:pt idx="6979">
                  <c:v>43505</c:v>
                </c:pt>
                <c:pt idx="6980">
                  <c:v>43506</c:v>
                </c:pt>
                <c:pt idx="6981">
                  <c:v>43507</c:v>
                </c:pt>
                <c:pt idx="6982">
                  <c:v>43508</c:v>
                </c:pt>
                <c:pt idx="6983">
                  <c:v>43509</c:v>
                </c:pt>
                <c:pt idx="6984">
                  <c:v>43510</c:v>
                </c:pt>
                <c:pt idx="6985">
                  <c:v>43511</c:v>
                </c:pt>
                <c:pt idx="6986">
                  <c:v>43512</c:v>
                </c:pt>
                <c:pt idx="6987">
                  <c:v>43513</c:v>
                </c:pt>
                <c:pt idx="6988">
                  <c:v>43514</c:v>
                </c:pt>
                <c:pt idx="6989">
                  <c:v>43515</c:v>
                </c:pt>
                <c:pt idx="6990">
                  <c:v>43516</c:v>
                </c:pt>
                <c:pt idx="6991">
                  <c:v>43517</c:v>
                </c:pt>
                <c:pt idx="6992">
                  <c:v>43518</c:v>
                </c:pt>
                <c:pt idx="6993">
                  <c:v>43519</c:v>
                </c:pt>
                <c:pt idx="6994">
                  <c:v>43520</c:v>
                </c:pt>
                <c:pt idx="6995">
                  <c:v>43521</c:v>
                </c:pt>
                <c:pt idx="6996">
                  <c:v>43522</c:v>
                </c:pt>
                <c:pt idx="6997">
                  <c:v>43523</c:v>
                </c:pt>
                <c:pt idx="6998">
                  <c:v>43524</c:v>
                </c:pt>
                <c:pt idx="6999">
                  <c:v>43525</c:v>
                </c:pt>
                <c:pt idx="7000">
                  <c:v>43526</c:v>
                </c:pt>
                <c:pt idx="7001">
                  <c:v>43527</c:v>
                </c:pt>
                <c:pt idx="7002">
                  <c:v>43528</c:v>
                </c:pt>
                <c:pt idx="7003">
                  <c:v>43529</c:v>
                </c:pt>
                <c:pt idx="7004">
                  <c:v>43530</c:v>
                </c:pt>
                <c:pt idx="7005">
                  <c:v>43531</c:v>
                </c:pt>
                <c:pt idx="7006">
                  <c:v>43532</c:v>
                </c:pt>
                <c:pt idx="7007">
                  <c:v>43533</c:v>
                </c:pt>
                <c:pt idx="7008">
                  <c:v>43534</c:v>
                </c:pt>
                <c:pt idx="7009">
                  <c:v>43535</c:v>
                </c:pt>
                <c:pt idx="7010">
                  <c:v>43536</c:v>
                </c:pt>
                <c:pt idx="7011">
                  <c:v>43537</c:v>
                </c:pt>
                <c:pt idx="7012">
                  <c:v>43538</c:v>
                </c:pt>
                <c:pt idx="7013">
                  <c:v>43539</c:v>
                </c:pt>
                <c:pt idx="7014">
                  <c:v>43540</c:v>
                </c:pt>
                <c:pt idx="7015">
                  <c:v>43541</c:v>
                </c:pt>
                <c:pt idx="7016">
                  <c:v>43542</c:v>
                </c:pt>
                <c:pt idx="7017">
                  <c:v>43543</c:v>
                </c:pt>
                <c:pt idx="7018">
                  <c:v>43544</c:v>
                </c:pt>
                <c:pt idx="7019">
                  <c:v>43545</c:v>
                </c:pt>
                <c:pt idx="7020">
                  <c:v>43546</c:v>
                </c:pt>
                <c:pt idx="7021">
                  <c:v>43547</c:v>
                </c:pt>
                <c:pt idx="7022">
                  <c:v>43548</c:v>
                </c:pt>
                <c:pt idx="7023">
                  <c:v>43549</c:v>
                </c:pt>
                <c:pt idx="7024">
                  <c:v>43550</c:v>
                </c:pt>
                <c:pt idx="7025">
                  <c:v>43551</c:v>
                </c:pt>
                <c:pt idx="7026">
                  <c:v>43552</c:v>
                </c:pt>
                <c:pt idx="7027">
                  <c:v>43553</c:v>
                </c:pt>
                <c:pt idx="7028">
                  <c:v>43554</c:v>
                </c:pt>
                <c:pt idx="7029">
                  <c:v>43555</c:v>
                </c:pt>
                <c:pt idx="7030">
                  <c:v>43556</c:v>
                </c:pt>
                <c:pt idx="7031">
                  <c:v>43557</c:v>
                </c:pt>
                <c:pt idx="7032">
                  <c:v>43558</c:v>
                </c:pt>
                <c:pt idx="7033">
                  <c:v>43559</c:v>
                </c:pt>
                <c:pt idx="7034">
                  <c:v>43560</c:v>
                </c:pt>
                <c:pt idx="7035">
                  <c:v>43561</c:v>
                </c:pt>
                <c:pt idx="7036">
                  <c:v>43562</c:v>
                </c:pt>
                <c:pt idx="7037">
                  <c:v>43563</c:v>
                </c:pt>
                <c:pt idx="7038">
                  <c:v>43564</c:v>
                </c:pt>
                <c:pt idx="7039">
                  <c:v>43565</c:v>
                </c:pt>
                <c:pt idx="7040">
                  <c:v>43566</c:v>
                </c:pt>
                <c:pt idx="7041">
                  <c:v>43567</c:v>
                </c:pt>
                <c:pt idx="7042">
                  <c:v>43568</c:v>
                </c:pt>
                <c:pt idx="7043">
                  <c:v>43569</c:v>
                </c:pt>
                <c:pt idx="7044">
                  <c:v>43570</c:v>
                </c:pt>
                <c:pt idx="7045">
                  <c:v>43571</c:v>
                </c:pt>
                <c:pt idx="7046">
                  <c:v>43572</c:v>
                </c:pt>
                <c:pt idx="7047">
                  <c:v>43573</c:v>
                </c:pt>
                <c:pt idx="7048">
                  <c:v>43574</c:v>
                </c:pt>
                <c:pt idx="7049">
                  <c:v>43575</c:v>
                </c:pt>
                <c:pt idx="7050">
                  <c:v>43576</c:v>
                </c:pt>
                <c:pt idx="7051">
                  <c:v>43577</c:v>
                </c:pt>
                <c:pt idx="7052">
                  <c:v>43578</c:v>
                </c:pt>
                <c:pt idx="7053">
                  <c:v>43579</c:v>
                </c:pt>
                <c:pt idx="7054">
                  <c:v>43580</c:v>
                </c:pt>
                <c:pt idx="7055">
                  <c:v>43581</c:v>
                </c:pt>
                <c:pt idx="7056">
                  <c:v>43582</c:v>
                </c:pt>
                <c:pt idx="7057">
                  <c:v>43583</c:v>
                </c:pt>
                <c:pt idx="7058">
                  <c:v>43584</c:v>
                </c:pt>
                <c:pt idx="7059">
                  <c:v>43585</c:v>
                </c:pt>
                <c:pt idx="7060">
                  <c:v>43586</c:v>
                </c:pt>
                <c:pt idx="7061">
                  <c:v>43587</c:v>
                </c:pt>
                <c:pt idx="7062">
                  <c:v>43588</c:v>
                </c:pt>
                <c:pt idx="7063">
                  <c:v>43589</c:v>
                </c:pt>
                <c:pt idx="7064">
                  <c:v>43590</c:v>
                </c:pt>
                <c:pt idx="7065">
                  <c:v>43591</c:v>
                </c:pt>
                <c:pt idx="7066">
                  <c:v>43592</c:v>
                </c:pt>
                <c:pt idx="7067">
                  <c:v>43593</c:v>
                </c:pt>
                <c:pt idx="7068">
                  <c:v>43594</c:v>
                </c:pt>
                <c:pt idx="7069">
                  <c:v>43595</c:v>
                </c:pt>
                <c:pt idx="7070">
                  <c:v>43596</c:v>
                </c:pt>
                <c:pt idx="7071">
                  <c:v>43597</c:v>
                </c:pt>
                <c:pt idx="7072">
                  <c:v>43598</c:v>
                </c:pt>
                <c:pt idx="7073">
                  <c:v>43599</c:v>
                </c:pt>
                <c:pt idx="7074">
                  <c:v>43600</c:v>
                </c:pt>
                <c:pt idx="7075">
                  <c:v>43601</c:v>
                </c:pt>
                <c:pt idx="7076">
                  <c:v>43602</c:v>
                </c:pt>
                <c:pt idx="7077">
                  <c:v>43603</c:v>
                </c:pt>
                <c:pt idx="7078">
                  <c:v>43604</c:v>
                </c:pt>
                <c:pt idx="7079">
                  <c:v>43605</c:v>
                </c:pt>
                <c:pt idx="7080">
                  <c:v>43606</c:v>
                </c:pt>
                <c:pt idx="7081">
                  <c:v>43607</c:v>
                </c:pt>
                <c:pt idx="7082">
                  <c:v>43608</c:v>
                </c:pt>
                <c:pt idx="7083">
                  <c:v>43609</c:v>
                </c:pt>
                <c:pt idx="7084">
                  <c:v>43610</c:v>
                </c:pt>
                <c:pt idx="7085">
                  <c:v>43611</c:v>
                </c:pt>
                <c:pt idx="7086">
                  <c:v>43612</c:v>
                </c:pt>
                <c:pt idx="7087">
                  <c:v>43613</c:v>
                </c:pt>
                <c:pt idx="7088">
                  <c:v>43614</c:v>
                </c:pt>
                <c:pt idx="7089">
                  <c:v>43615</c:v>
                </c:pt>
                <c:pt idx="7090">
                  <c:v>43616</c:v>
                </c:pt>
                <c:pt idx="7091">
                  <c:v>43617</c:v>
                </c:pt>
                <c:pt idx="7092">
                  <c:v>43618</c:v>
                </c:pt>
                <c:pt idx="7093">
                  <c:v>43619</c:v>
                </c:pt>
                <c:pt idx="7094">
                  <c:v>43620</c:v>
                </c:pt>
                <c:pt idx="7095">
                  <c:v>43621</c:v>
                </c:pt>
                <c:pt idx="7096">
                  <c:v>43622</c:v>
                </c:pt>
                <c:pt idx="7097">
                  <c:v>43623</c:v>
                </c:pt>
                <c:pt idx="7098">
                  <c:v>43624</c:v>
                </c:pt>
                <c:pt idx="7099">
                  <c:v>43625</c:v>
                </c:pt>
                <c:pt idx="7100">
                  <c:v>43626</c:v>
                </c:pt>
                <c:pt idx="7101">
                  <c:v>43627</c:v>
                </c:pt>
                <c:pt idx="7102">
                  <c:v>43628</c:v>
                </c:pt>
                <c:pt idx="7103">
                  <c:v>43629</c:v>
                </c:pt>
                <c:pt idx="7104">
                  <c:v>43630</c:v>
                </c:pt>
                <c:pt idx="7105">
                  <c:v>43631</c:v>
                </c:pt>
                <c:pt idx="7106">
                  <c:v>43632</c:v>
                </c:pt>
                <c:pt idx="7107">
                  <c:v>43633</c:v>
                </c:pt>
                <c:pt idx="7108">
                  <c:v>43634</c:v>
                </c:pt>
                <c:pt idx="7109">
                  <c:v>43635</c:v>
                </c:pt>
                <c:pt idx="7110">
                  <c:v>43636</c:v>
                </c:pt>
                <c:pt idx="7111">
                  <c:v>43637</c:v>
                </c:pt>
                <c:pt idx="7112">
                  <c:v>43638</c:v>
                </c:pt>
                <c:pt idx="7113">
                  <c:v>43639</c:v>
                </c:pt>
                <c:pt idx="7114">
                  <c:v>43640</c:v>
                </c:pt>
                <c:pt idx="7115">
                  <c:v>43641</c:v>
                </c:pt>
                <c:pt idx="7116">
                  <c:v>43642</c:v>
                </c:pt>
                <c:pt idx="7117">
                  <c:v>43643</c:v>
                </c:pt>
                <c:pt idx="7118">
                  <c:v>43644</c:v>
                </c:pt>
                <c:pt idx="7119">
                  <c:v>43645</c:v>
                </c:pt>
                <c:pt idx="7120">
                  <c:v>43646</c:v>
                </c:pt>
                <c:pt idx="7121">
                  <c:v>43647</c:v>
                </c:pt>
                <c:pt idx="7122">
                  <c:v>43648</c:v>
                </c:pt>
                <c:pt idx="7123">
                  <c:v>43649</c:v>
                </c:pt>
                <c:pt idx="7124">
                  <c:v>43650</c:v>
                </c:pt>
                <c:pt idx="7125">
                  <c:v>43651</c:v>
                </c:pt>
                <c:pt idx="7126">
                  <c:v>43652</c:v>
                </c:pt>
                <c:pt idx="7127">
                  <c:v>43653</c:v>
                </c:pt>
                <c:pt idx="7128">
                  <c:v>43654</c:v>
                </c:pt>
                <c:pt idx="7129">
                  <c:v>43655</c:v>
                </c:pt>
                <c:pt idx="7130">
                  <c:v>43656</c:v>
                </c:pt>
                <c:pt idx="7131">
                  <c:v>43657</c:v>
                </c:pt>
                <c:pt idx="7132">
                  <c:v>43658</c:v>
                </c:pt>
                <c:pt idx="7133">
                  <c:v>43659</c:v>
                </c:pt>
                <c:pt idx="7134">
                  <c:v>43660</c:v>
                </c:pt>
                <c:pt idx="7135">
                  <c:v>43661</c:v>
                </c:pt>
                <c:pt idx="7136">
                  <c:v>43662</c:v>
                </c:pt>
                <c:pt idx="7137">
                  <c:v>43663</c:v>
                </c:pt>
                <c:pt idx="7138">
                  <c:v>43664</c:v>
                </c:pt>
                <c:pt idx="7139">
                  <c:v>43665</c:v>
                </c:pt>
                <c:pt idx="7140">
                  <c:v>43666</c:v>
                </c:pt>
                <c:pt idx="7141">
                  <c:v>43667</c:v>
                </c:pt>
                <c:pt idx="7142">
                  <c:v>43668</c:v>
                </c:pt>
                <c:pt idx="7143">
                  <c:v>43669</c:v>
                </c:pt>
                <c:pt idx="7144">
                  <c:v>43670</c:v>
                </c:pt>
                <c:pt idx="7145">
                  <c:v>43671</c:v>
                </c:pt>
                <c:pt idx="7146">
                  <c:v>43672</c:v>
                </c:pt>
                <c:pt idx="7147">
                  <c:v>43673</c:v>
                </c:pt>
                <c:pt idx="7148">
                  <c:v>43674</c:v>
                </c:pt>
                <c:pt idx="7149">
                  <c:v>43675</c:v>
                </c:pt>
                <c:pt idx="7150">
                  <c:v>43676</c:v>
                </c:pt>
                <c:pt idx="7151">
                  <c:v>43677</c:v>
                </c:pt>
                <c:pt idx="7152">
                  <c:v>43678</c:v>
                </c:pt>
                <c:pt idx="7153">
                  <c:v>43679</c:v>
                </c:pt>
                <c:pt idx="7154">
                  <c:v>43680</c:v>
                </c:pt>
                <c:pt idx="7155">
                  <c:v>43681</c:v>
                </c:pt>
                <c:pt idx="7156">
                  <c:v>43682</c:v>
                </c:pt>
                <c:pt idx="7157">
                  <c:v>43683</c:v>
                </c:pt>
                <c:pt idx="7158">
                  <c:v>43684</c:v>
                </c:pt>
                <c:pt idx="7159">
                  <c:v>43685</c:v>
                </c:pt>
                <c:pt idx="7160">
                  <c:v>43686</c:v>
                </c:pt>
                <c:pt idx="7161">
                  <c:v>43687</c:v>
                </c:pt>
                <c:pt idx="7162">
                  <c:v>43688</c:v>
                </c:pt>
                <c:pt idx="7163">
                  <c:v>43689</c:v>
                </c:pt>
                <c:pt idx="7164">
                  <c:v>43690</c:v>
                </c:pt>
                <c:pt idx="7165">
                  <c:v>43691</c:v>
                </c:pt>
                <c:pt idx="7166">
                  <c:v>43692</c:v>
                </c:pt>
                <c:pt idx="7167">
                  <c:v>43693</c:v>
                </c:pt>
                <c:pt idx="7168">
                  <c:v>43694</c:v>
                </c:pt>
                <c:pt idx="7169">
                  <c:v>43695</c:v>
                </c:pt>
                <c:pt idx="7170">
                  <c:v>43696</c:v>
                </c:pt>
                <c:pt idx="7171">
                  <c:v>43697</c:v>
                </c:pt>
                <c:pt idx="7172">
                  <c:v>43698</c:v>
                </c:pt>
                <c:pt idx="7173">
                  <c:v>43699</c:v>
                </c:pt>
                <c:pt idx="7174">
                  <c:v>43700</c:v>
                </c:pt>
                <c:pt idx="7175">
                  <c:v>43701</c:v>
                </c:pt>
                <c:pt idx="7176">
                  <c:v>43702</c:v>
                </c:pt>
                <c:pt idx="7177">
                  <c:v>43703</c:v>
                </c:pt>
                <c:pt idx="7178">
                  <c:v>43704</c:v>
                </c:pt>
                <c:pt idx="7179">
                  <c:v>43705</c:v>
                </c:pt>
                <c:pt idx="7180">
                  <c:v>43706</c:v>
                </c:pt>
                <c:pt idx="7181">
                  <c:v>43707</c:v>
                </c:pt>
                <c:pt idx="7182">
                  <c:v>43708</c:v>
                </c:pt>
                <c:pt idx="7183">
                  <c:v>43709</c:v>
                </c:pt>
                <c:pt idx="7184">
                  <c:v>43710</c:v>
                </c:pt>
                <c:pt idx="7185">
                  <c:v>43711</c:v>
                </c:pt>
                <c:pt idx="7186">
                  <c:v>43712</c:v>
                </c:pt>
                <c:pt idx="7187">
                  <c:v>43713</c:v>
                </c:pt>
                <c:pt idx="7188">
                  <c:v>43714</c:v>
                </c:pt>
                <c:pt idx="7189">
                  <c:v>43715</c:v>
                </c:pt>
                <c:pt idx="7190">
                  <c:v>43716</c:v>
                </c:pt>
                <c:pt idx="7191">
                  <c:v>43717</c:v>
                </c:pt>
                <c:pt idx="7192">
                  <c:v>43718</c:v>
                </c:pt>
                <c:pt idx="7193">
                  <c:v>43719</c:v>
                </c:pt>
                <c:pt idx="7194">
                  <c:v>43720</c:v>
                </c:pt>
                <c:pt idx="7195">
                  <c:v>43721</c:v>
                </c:pt>
                <c:pt idx="7196">
                  <c:v>43722</c:v>
                </c:pt>
                <c:pt idx="7197">
                  <c:v>43723</c:v>
                </c:pt>
                <c:pt idx="7198">
                  <c:v>43724</c:v>
                </c:pt>
                <c:pt idx="7199">
                  <c:v>43725</c:v>
                </c:pt>
                <c:pt idx="7200">
                  <c:v>43726</c:v>
                </c:pt>
                <c:pt idx="7201">
                  <c:v>43727</c:v>
                </c:pt>
                <c:pt idx="7202">
                  <c:v>43728</c:v>
                </c:pt>
                <c:pt idx="7203">
                  <c:v>43729</c:v>
                </c:pt>
                <c:pt idx="7204">
                  <c:v>43730</c:v>
                </c:pt>
                <c:pt idx="7205">
                  <c:v>43731</c:v>
                </c:pt>
                <c:pt idx="7206">
                  <c:v>43732</c:v>
                </c:pt>
                <c:pt idx="7207">
                  <c:v>43733</c:v>
                </c:pt>
                <c:pt idx="7208">
                  <c:v>43734</c:v>
                </c:pt>
                <c:pt idx="7209">
                  <c:v>43735</c:v>
                </c:pt>
                <c:pt idx="7210">
                  <c:v>43736</c:v>
                </c:pt>
                <c:pt idx="7211">
                  <c:v>43737</c:v>
                </c:pt>
                <c:pt idx="7212">
                  <c:v>43738</c:v>
                </c:pt>
                <c:pt idx="7213">
                  <c:v>43739</c:v>
                </c:pt>
                <c:pt idx="7214">
                  <c:v>43740</c:v>
                </c:pt>
                <c:pt idx="7215">
                  <c:v>43741</c:v>
                </c:pt>
                <c:pt idx="7216">
                  <c:v>43742</c:v>
                </c:pt>
                <c:pt idx="7217">
                  <c:v>43743</c:v>
                </c:pt>
                <c:pt idx="7218">
                  <c:v>43744</c:v>
                </c:pt>
                <c:pt idx="7219">
                  <c:v>43745</c:v>
                </c:pt>
                <c:pt idx="7220">
                  <c:v>43746</c:v>
                </c:pt>
                <c:pt idx="7221">
                  <c:v>43747</c:v>
                </c:pt>
                <c:pt idx="7222">
                  <c:v>43748</c:v>
                </c:pt>
                <c:pt idx="7223">
                  <c:v>43749</c:v>
                </c:pt>
                <c:pt idx="7224">
                  <c:v>43750</c:v>
                </c:pt>
                <c:pt idx="7225">
                  <c:v>43751</c:v>
                </c:pt>
                <c:pt idx="7226">
                  <c:v>43752</c:v>
                </c:pt>
                <c:pt idx="7227">
                  <c:v>43753</c:v>
                </c:pt>
                <c:pt idx="7228">
                  <c:v>43754</c:v>
                </c:pt>
                <c:pt idx="7229">
                  <c:v>43755</c:v>
                </c:pt>
                <c:pt idx="7230">
                  <c:v>43756</c:v>
                </c:pt>
                <c:pt idx="7231">
                  <c:v>43757</c:v>
                </c:pt>
                <c:pt idx="7232">
                  <c:v>43758</c:v>
                </c:pt>
                <c:pt idx="7233">
                  <c:v>43759</c:v>
                </c:pt>
                <c:pt idx="7234">
                  <c:v>43760</c:v>
                </c:pt>
                <c:pt idx="7235">
                  <c:v>43761</c:v>
                </c:pt>
                <c:pt idx="7236">
                  <c:v>43762</c:v>
                </c:pt>
                <c:pt idx="7237">
                  <c:v>43763</c:v>
                </c:pt>
                <c:pt idx="7238">
                  <c:v>43764</c:v>
                </c:pt>
                <c:pt idx="7239">
                  <c:v>43765</c:v>
                </c:pt>
                <c:pt idx="7240">
                  <c:v>43766</c:v>
                </c:pt>
                <c:pt idx="7241">
                  <c:v>43767</c:v>
                </c:pt>
                <c:pt idx="7242">
                  <c:v>43768</c:v>
                </c:pt>
                <c:pt idx="7243">
                  <c:v>43769</c:v>
                </c:pt>
                <c:pt idx="7244">
                  <c:v>43770</c:v>
                </c:pt>
                <c:pt idx="7245">
                  <c:v>43771</c:v>
                </c:pt>
                <c:pt idx="7246">
                  <c:v>43772</c:v>
                </c:pt>
                <c:pt idx="7247">
                  <c:v>43773</c:v>
                </c:pt>
                <c:pt idx="7248">
                  <c:v>43774</c:v>
                </c:pt>
                <c:pt idx="7249">
                  <c:v>43775</c:v>
                </c:pt>
                <c:pt idx="7250">
                  <c:v>43776</c:v>
                </c:pt>
                <c:pt idx="7251">
                  <c:v>43777</c:v>
                </c:pt>
                <c:pt idx="7252">
                  <c:v>43778</c:v>
                </c:pt>
                <c:pt idx="7253">
                  <c:v>43779</c:v>
                </c:pt>
                <c:pt idx="7254">
                  <c:v>43780</c:v>
                </c:pt>
                <c:pt idx="7255">
                  <c:v>43781</c:v>
                </c:pt>
                <c:pt idx="7256">
                  <c:v>43782</c:v>
                </c:pt>
                <c:pt idx="7257">
                  <c:v>43783</c:v>
                </c:pt>
                <c:pt idx="7258">
                  <c:v>43784</c:v>
                </c:pt>
                <c:pt idx="7259">
                  <c:v>43785</c:v>
                </c:pt>
                <c:pt idx="7260">
                  <c:v>43786</c:v>
                </c:pt>
                <c:pt idx="7261">
                  <c:v>43787</c:v>
                </c:pt>
                <c:pt idx="7262">
                  <c:v>43788</c:v>
                </c:pt>
                <c:pt idx="7263">
                  <c:v>43789</c:v>
                </c:pt>
                <c:pt idx="7264">
                  <c:v>43790</c:v>
                </c:pt>
                <c:pt idx="7265">
                  <c:v>43791</c:v>
                </c:pt>
                <c:pt idx="7266">
                  <c:v>43792</c:v>
                </c:pt>
                <c:pt idx="7267">
                  <c:v>43793</c:v>
                </c:pt>
                <c:pt idx="7268">
                  <c:v>43794</c:v>
                </c:pt>
                <c:pt idx="7269">
                  <c:v>43795</c:v>
                </c:pt>
                <c:pt idx="7270">
                  <c:v>43796</c:v>
                </c:pt>
                <c:pt idx="7271">
                  <c:v>43797</c:v>
                </c:pt>
                <c:pt idx="7272">
                  <c:v>43798</c:v>
                </c:pt>
                <c:pt idx="7273">
                  <c:v>43799</c:v>
                </c:pt>
                <c:pt idx="7274">
                  <c:v>43800</c:v>
                </c:pt>
                <c:pt idx="7275">
                  <c:v>43801</c:v>
                </c:pt>
                <c:pt idx="7276">
                  <c:v>43802</c:v>
                </c:pt>
                <c:pt idx="7277">
                  <c:v>43803</c:v>
                </c:pt>
                <c:pt idx="7278">
                  <c:v>43804</c:v>
                </c:pt>
                <c:pt idx="7279">
                  <c:v>43805</c:v>
                </c:pt>
                <c:pt idx="7280">
                  <c:v>43806</c:v>
                </c:pt>
                <c:pt idx="7281">
                  <c:v>43807</c:v>
                </c:pt>
                <c:pt idx="7282">
                  <c:v>43808</c:v>
                </c:pt>
                <c:pt idx="7283">
                  <c:v>43809</c:v>
                </c:pt>
                <c:pt idx="7284">
                  <c:v>43810</c:v>
                </c:pt>
                <c:pt idx="7285">
                  <c:v>43811</c:v>
                </c:pt>
                <c:pt idx="7286">
                  <c:v>43812</c:v>
                </c:pt>
                <c:pt idx="7287">
                  <c:v>43813</c:v>
                </c:pt>
                <c:pt idx="7288">
                  <c:v>43814</c:v>
                </c:pt>
                <c:pt idx="7289">
                  <c:v>43815</c:v>
                </c:pt>
                <c:pt idx="7290">
                  <c:v>43816</c:v>
                </c:pt>
                <c:pt idx="7291">
                  <c:v>43817</c:v>
                </c:pt>
                <c:pt idx="7292">
                  <c:v>43818</c:v>
                </c:pt>
                <c:pt idx="7293">
                  <c:v>43819</c:v>
                </c:pt>
                <c:pt idx="7294">
                  <c:v>43820</c:v>
                </c:pt>
                <c:pt idx="7295">
                  <c:v>43821</c:v>
                </c:pt>
                <c:pt idx="7296">
                  <c:v>43822</c:v>
                </c:pt>
                <c:pt idx="7297">
                  <c:v>43823</c:v>
                </c:pt>
                <c:pt idx="7298">
                  <c:v>43824</c:v>
                </c:pt>
                <c:pt idx="7299">
                  <c:v>43825</c:v>
                </c:pt>
                <c:pt idx="7300">
                  <c:v>43826</c:v>
                </c:pt>
                <c:pt idx="7301">
                  <c:v>43827</c:v>
                </c:pt>
                <c:pt idx="7302">
                  <c:v>43828</c:v>
                </c:pt>
                <c:pt idx="7303">
                  <c:v>43829</c:v>
                </c:pt>
                <c:pt idx="7304">
                  <c:v>43830</c:v>
                </c:pt>
                <c:pt idx="7305">
                  <c:v>43831</c:v>
                </c:pt>
                <c:pt idx="7306">
                  <c:v>43832</c:v>
                </c:pt>
                <c:pt idx="7307">
                  <c:v>43833</c:v>
                </c:pt>
                <c:pt idx="7308">
                  <c:v>43834</c:v>
                </c:pt>
                <c:pt idx="7309">
                  <c:v>43835</c:v>
                </c:pt>
                <c:pt idx="7310">
                  <c:v>43836</c:v>
                </c:pt>
                <c:pt idx="7311">
                  <c:v>43837</c:v>
                </c:pt>
                <c:pt idx="7312">
                  <c:v>43838</c:v>
                </c:pt>
                <c:pt idx="7313">
                  <c:v>43839</c:v>
                </c:pt>
                <c:pt idx="7314">
                  <c:v>43840</c:v>
                </c:pt>
                <c:pt idx="7315">
                  <c:v>43841</c:v>
                </c:pt>
                <c:pt idx="7316">
                  <c:v>43842</c:v>
                </c:pt>
                <c:pt idx="7317">
                  <c:v>43843</c:v>
                </c:pt>
                <c:pt idx="7318">
                  <c:v>43844</c:v>
                </c:pt>
                <c:pt idx="7319">
                  <c:v>43845</c:v>
                </c:pt>
                <c:pt idx="7320">
                  <c:v>43846</c:v>
                </c:pt>
                <c:pt idx="7321">
                  <c:v>43847</c:v>
                </c:pt>
                <c:pt idx="7322">
                  <c:v>43848</c:v>
                </c:pt>
                <c:pt idx="7323">
                  <c:v>43849</c:v>
                </c:pt>
                <c:pt idx="7324">
                  <c:v>43850</c:v>
                </c:pt>
                <c:pt idx="7325">
                  <c:v>43851</c:v>
                </c:pt>
                <c:pt idx="7326">
                  <c:v>43852</c:v>
                </c:pt>
                <c:pt idx="7327">
                  <c:v>43853</c:v>
                </c:pt>
                <c:pt idx="7328">
                  <c:v>43854</c:v>
                </c:pt>
                <c:pt idx="7329">
                  <c:v>43855</c:v>
                </c:pt>
                <c:pt idx="7330">
                  <c:v>43856</c:v>
                </c:pt>
                <c:pt idx="7331">
                  <c:v>43857</c:v>
                </c:pt>
                <c:pt idx="7332">
                  <c:v>43858</c:v>
                </c:pt>
                <c:pt idx="7333">
                  <c:v>43859</c:v>
                </c:pt>
                <c:pt idx="7334">
                  <c:v>43860</c:v>
                </c:pt>
                <c:pt idx="7335">
                  <c:v>43861</c:v>
                </c:pt>
                <c:pt idx="7336">
                  <c:v>43862</c:v>
                </c:pt>
                <c:pt idx="7337">
                  <c:v>43863</c:v>
                </c:pt>
                <c:pt idx="7338">
                  <c:v>43864</c:v>
                </c:pt>
                <c:pt idx="7339">
                  <c:v>43865</c:v>
                </c:pt>
                <c:pt idx="7340">
                  <c:v>43866</c:v>
                </c:pt>
                <c:pt idx="7341">
                  <c:v>43867</c:v>
                </c:pt>
                <c:pt idx="7342">
                  <c:v>43868</c:v>
                </c:pt>
                <c:pt idx="7343">
                  <c:v>43869</c:v>
                </c:pt>
                <c:pt idx="7344">
                  <c:v>43870</c:v>
                </c:pt>
                <c:pt idx="7345">
                  <c:v>43871</c:v>
                </c:pt>
                <c:pt idx="7346">
                  <c:v>43872</c:v>
                </c:pt>
                <c:pt idx="7347">
                  <c:v>43873</c:v>
                </c:pt>
                <c:pt idx="7348">
                  <c:v>43874</c:v>
                </c:pt>
                <c:pt idx="7349">
                  <c:v>43875</c:v>
                </c:pt>
                <c:pt idx="7350">
                  <c:v>43876</c:v>
                </c:pt>
                <c:pt idx="7351">
                  <c:v>43877</c:v>
                </c:pt>
                <c:pt idx="7352">
                  <c:v>43878</c:v>
                </c:pt>
                <c:pt idx="7353">
                  <c:v>43879</c:v>
                </c:pt>
                <c:pt idx="7354">
                  <c:v>43880</c:v>
                </c:pt>
                <c:pt idx="7355">
                  <c:v>43881</c:v>
                </c:pt>
                <c:pt idx="7356">
                  <c:v>43882</c:v>
                </c:pt>
                <c:pt idx="7357">
                  <c:v>43883</c:v>
                </c:pt>
                <c:pt idx="7358">
                  <c:v>43884</c:v>
                </c:pt>
                <c:pt idx="7359">
                  <c:v>43885</c:v>
                </c:pt>
                <c:pt idx="7360">
                  <c:v>43886</c:v>
                </c:pt>
                <c:pt idx="7361">
                  <c:v>43887</c:v>
                </c:pt>
                <c:pt idx="7362">
                  <c:v>43888</c:v>
                </c:pt>
                <c:pt idx="7363">
                  <c:v>43889</c:v>
                </c:pt>
                <c:pt idx="7364">
                  <c:v>43890</c:v>
                </c:pt>
                <c:pt idx="7365">
                  <c:v>43891</c:v>
                </c:pt>
                <c:pt idx="7366">
                  <c:v>43892</c:v>
                </c:pt>
                <c:pt idx="7367">
                  <c:v>43893</c:v>
                </c:pt>
                <c:pt idx="7368">
                  <c:v>43894</c:v>
                </c:pt>
                <c:pt idx="7369">
                  <c:v>43895</c:v>
                </c:pt>
                <c:pt idx="7370">
                  <c:v>43896</c:v>
                </c:pt>
                <c:pt idx="7371">
                  <c:v>43897</c:v>
                </c:pt>
                <c:pt idx="7372">
                  <c:v>43898</c:v>
                </c:pt>
                <c:pt idx="7373">
                  <c:v>43899</c:v>
                </c:pt>
                <c:pt idx="7374">
                  <c:v>43900</c:v>
                </c:pt>
                <c:pt idx="7375">
                  <c:v>43901</c:v>
                </c:pt>
                <c:pt idx="7376">
                  <c:v>43902</c:v>
                </c:pt>
                <c:pt idx="7377">
                  <c:v>43903</c:v>
                </c:pt>
                <c:pt idx="7378">
                  <c:v>43904</c:v>
                </c:pt>
                <c:pt idx="7379">
                  <c:v>43905</c:v>
                </c:pt>
                <c:pt idx="7380">
                  <c:v>43906</c:v>
                </c:pt>
                <c:pt idx="7381">
                  <c:v>43907</c:v>
                </c:pt>
                <c:pt idx="7382">
                  <c:v>43908</c:v>
                </c:pt>
                <c:pt idx="7383">
                  <c:v>43909</c:v>
                </c:pt>
                <c:pt idx="7384">
                  <c:v>43910</c:v>
                </c:pt>
                <c:pt idx="7385">
                  <c:v>43911</c:v>
                </c:pt>
                <c:pt idx="7386">
                  <c:v>43912</c:v>
                </c:pt>
                <c:pt idx="7387">
                  <c:v>43913</c:v>
                </c:pt>
                <c:pt idx="7388">
                  <c:v>43914</c:v>
                </c:pt>
                <c:pt idx="7389">
                  <c:v>43915</c:v>
                </c:pt>
                <c:pt idx="7390">
                  <c:v>43916</c:v>
                </c:pt>
                <c:pt idx="7391">
                  <c:v>43917</c:v>
                </c:pt>
                <c:pt idx="7392">
                  <c:v>43918</c:v>
                </c:pt>
                <c:pt idx="7393">
                  <c:v>43919</c:v>
                </c:pt>
                <c:pt idx="7394">
                  <c:v>43920</c:v>
                </c:pt>
                <c:pt idx="7395">
                  <c:v>43921</c:v>
                </c:pt>
                <c:pt idx="7396">
                  <c:v>43922</c:v>
                </c:pt>
                <c:pt idx="7397">
                  <c:v>43923</c:v>
                </c:pt>
                <c:pt idx="7398">
                  <c:v>43924</c:v>
                </c:pt>
                <c:pt idx="7399">
                  <c:v>43925</c:v>
                </c:pt>
                <c:pt idx="7400">
                  <c:v>43926</c:v>
                </c:pt>
                <c:pt idx="7401">
                  <c:v>43927</c:v>
                </c:pt>
                <c:pt idx="7402">
                  <c:v>43928</c:v>
                </c:pt>
                <c:pt idx="7403">
                  <c:v>43929</c:v>
                </c:pt>
                <c:pt idx="7404">
                  <c:v>43930</c:v>
                </c:pt>
                <c:pt idx="7405">
                  <c:v>43931</c:v>
                </c:pt>
                <c:pt idx="7406">
                  <c:v>43932</c:v>
                </c:pt>
                <c:pt idx="7407">
                  <c:v>43933</c:v>
                </c:pt>
                <c:pt idx="7408">
                  <c:v>43934</c:v>
                </c:pt>
                <c:pt idx="7409">
                  <c:v>43935</c:v>
                </c:pt>
                <c:pt idx="7410">
                  <c:v>43936</c:v>
                </c:pt>
                <c:pt idx="7411">
                  <c:v>43937</c:v>
                </c:pt>
                <c:pt idx="7412">
                  <c:v>43938</c:v>
                </c:pt>
                <c:pt idx="7413">
                  <c:v>43939</c:v>
                </c:pt>
                <c:pt idx="7414">
                  <c:v>43940</c:v>
                </c:pt>
                <c:pt idx="7415">
                  <c:v>43941</c:v>
                </c:pt>
                <c:pt idx="7416">
                  <c:v>43942</c:v>
                </c:pt>
                <c:pt idx="7417">
                  <c:v>43943</c:v>
                </c:pt>
                <c:pt idx="7418">
                  <c:v>43944</c:v>
                </c:pt>
                <c:pt idx="7419">
                  <c:v>43945</c:v>
                </c:pt>
                <c:pt idx="7420">
                  <c:v>43946</c:v>
                </c:pt>
                <c:pt idx="7421">
                  <c:v>43947</c:v>
                </c:pt>
                <c:pt idx="7422">
                  <c:v>43948</c:v>
                </c:pt>
                <c:pt idx="7423">
                  <c:v>43949</c:v>
                </c:pt>
                <c:pt idx="7424">
                  <c:v>43950</c:v>
                </c:pt>
                <c:pt idx="7425">
                  <c:v>43951</c:v>
                </c:pt>
                <c:pt idx="7426">
                  <c:v>43952</c:v>
                </c:pt>
                <c:pt idx="7427">
                  <c:v>43953</c:v>
                </c:pt>
                <c:pt idx="7428">
                  <c:v>43954</c:v>
                </c:pt>
                <c:pt idx="7429">
                  <c:v>43955</c:v>
                </c:pt>
                <c:pt idx="7430">
                  <c:v>43956</c:v>
                </c:pt>
                <c:pt idx="7431">
                  <c:v>43957</c:v>
                </c:pt>
                <c:pt idx="7432">
                  <c:v>43958</c:v>
                </c:pt>
                <c:pt idx="7433">
                  <c:v>43959</c:v>
                </c:pt>
                <c:pt idx="7434">
                  <c:v>43960</c:v>
                </c:pt>
                <c:pt idx="7435">
                  <c:v>43961</c:v>
                </c:pt>
                <c:pt idx="7436">
                  <c:v>43962</c:v>
                </c:pt>
                <c:pt idx="7437">
                  <c:v>43963</c:v>
                </c:pt>
                <c:pt idx="7438">
                  <c:v>43964</c:v>
                </c:pt>
                <c:pt idx="7439">
                  <c:v>43965</c:v>
                </c:pt>
                <c:pt idx="7440">
                  <c:v>43966</c:v>
                </c:pt>
                <c:pt idx="7441">
                  <c:v>43967</c:v>
                </c:pt>
                <c:pt idx="7442">
                  <c:v>43968</c:v>
                </c:pt>
                <c:pt idx="7443">
                  <c:v>43969</c:v>
                </c:pt>
                <c:pt idx="7444">
                  <c:v>43970</c:v>
                </c:pt>
                <c:pt idx="7445">
                  <c:v>43971</c:v>
                </c:pt>
                <c:pt idx="7446">
                  <c:v>43972</c:v>
                </c:pt>
                <c:pt idx="7447">
                  <c:v>43973</c:v>
                </c:pt>
                <c:pt idx="7448">
                  <c:v>43974</c:v>
                </c:pt>
                <c:pt idx="7449">
                  <c:v>43975</c:v>
                </c:pt>
                <c:pt idx="7450">
                  <c:v>43976</c:v>
                </c:pt>
                <c:pt idx="7451">
                  <c:v>43977</c:v>
                </c:pt>
                <c:pt idx="7452">
                  <c:v>43978</c:v>
                </c:pt>
                <c:pt idx="7453">
                  <c:v>43979</c:v>
                </c:pt>
                <c:pt idx="7454">
                  <c:v>43980</c:v>
                </c:pt>
                <c:pt idx="7455">
                  <c:v>43981</c:v>
                </c:pt>
                <c:pt idx="7456">
                  <c:v>43982</c:v>
                </c:pt>
                <c:pt idx="7457">
                  <c:v>43983</c:v>
                </c:pt>
                <c:pt idx="7458">
                  <c:v>43984</c:v>
                </c:pt>
                <c:pt idx="7459">
                  <c:v>43985</c:v>
                </c:pt>
                <c:pt idx="7460">
                  <c:v>43986</c:v>
                </c:pt>
                <c:pt idx="7461">
                  <c:v>43987</c:v>
                </c:pt>
                <c:pt idx="7462">
                  <c:v>43988</c:v>
                </c:pt>
                <c:pt idx="7463">
                  <c:v>43989</c:v>
                </c:pt>
                <c:pt idx="7464">
                  <c:v>43990</c:v>
                </c:pt>
                <c:pt idx="7465">
                  <c:v>43991</c:v>
                </c:pt>
                <c:pt idx="7466">
                  <c:v>43992</c:v>
                </c:pt>
                <c:pt idx="7467">
                  <c:v>43993</c:v>
                </c:pt>
                <c:pt idx="7468">
                  <c:v>43994</c:v>
                </c:pt>
                <c:pt idx="7469">
                  <c:v>43995</c:v>
                </c:pt>
                <c:pt idx="7470">
                  <c:v>43996</c:v>
                </c:pt>
                <c:pt idx="7471">
                  <c:v>43997</c:v>
                </c:pt>
                <c:pt idx="7472">
                  <c:v>43998</c:v>
                </c:pt>
                <c:pt idx="7473">
                  <c:v>43999</c:v>
                </c:pt>
                <c:pt idx="7474">
                  <c:v>44000</c:v>
                </c:pt>
                <c:pt idx="7475">
                  <c:v>44001</c:v>
                </c:pt>
                <c:pt idx="7476">
                  <c:v>44002</c:v>
                </c:pt>
                <c:pt idx="7477">
                  <c:v>44003</c:v>
                </c:pt>
                <c:pt idx="7478">
                  <c:v>44004</c:v>
                </c:pt>
                <c:pt idx="7479">
                  <c:v>44005</c:v>
                </c:pt>
                <c:pt idx="7480">
                  <c:v>44006</c:v>
                </c:pt>
                <c:pt idx="7481">
                  <c:v>44007</c:v>
                </c:pt>
                <c:pt idx="7482">
                  <c:v>44008</c:v>
                </c:pt>
                <c:pt idx="7483">
                  <c:v>44009</c:v>
                </c:pt>
                <c:pt idx="7484">
                  <c:v>44010</c:v>
                </c:pt>
                <c:pt idx="7485">
                  <c:v>44011</c:v>
                </c:pt>
                <c:pt idx="7486">
                  <c:v>44012</c:v>
                </c:pt>
                <c:pt idx="7487">
                  <c:v>44013</c:v>
                </c:pt>
                <c:pt idx="7488">
                  <c:v>44014</c:v>
                </c:pt>
                <c:pt idx="7489">
                  <c:v>44015</c:v>
                </c:pt>
                <c:pt idx="7490">
                  <c:v>44016</c:v>
                </c:pt>
                <c:pt idx="7491">
                  <c:v>44017</c:v>
                </c:pt>
                <c:pt idx="7492">
                  <c:v>44018</c:v>
                </c:pt>
                <c:pt idx="7493">
                  <c:v>44019</c:v>
                </c:pt>
                <c:pt idx="7494">
                  <c:v>44020</c:v>
                </c:pt>
                <c:pt idx="7495">
                  <c:v>44021</c:v>
                </c:pt>
                <c:pt idx="7496">
                  <c:v>44022</c:v>
                </c:pt>
                <c:pt idx="7497">
                  <c:v>44023</c:v>
                </c:pt>
                <c:pt idx="7498">
                  <c:v>44024</c:v>
                </c:pt>
                <c:pt idx="7499">
                  <c:v>44025</c:v>
                </c:pt>
                <c:pt idx="7500">
                  <c:v>44026</c:v>
                </c:pt>
                <c:pt idx="7501">
                  <c:v>44027</c:v>
                </c:pt>
                <c:pt idx="7502">
                  <c:v>44028</c:v>
                </c:pt>
                <c:pt idx="7503">
                  <c:v>44029</c:v>
                </c:pt>
                <c:pt idx="7504">
                  <c:v>44030</c:v>
                </c:pt>
                <c:pt idx="7505">
                  <c:v>44031</c:v>
                </c:pt>
                <c:pt idx="7506">
                  <c:v>44032</c:v>
                </c:pt>
                <c:pt idx="7507">
                  <c:v>44033</c:v>
                </c:pt>
                <c:pt idx="7508">
                  <c:v>44034</c:v>
                </c:pt>
                <c:pt idx="7509">
                  <c:v>44035</c:v>
                </c:pt>
                <c:pt idx="7510">
                  <c:v>44036</c:v>
                </c:pt>
                <c:pt idx="7511">
                  <c:v>44037</c:v>
                </c:pt>
                <c:pt idx="7512">
                  <c:v>44038</c:v>
                </c:pt>
                <c:pt idx="7513">
                  <c:v>44039</c:v>
                </c:pt>
                <c:pt idx="7514">
                  <c:v>44040</c:v>
                </c:pt>
                <c:pt idx="7515">
                  <c:v>44041</c:v>
                </c:pt>
                <c:pt idx="7516">
                  <c:v>44042</c:v>
                </c:pt>
                <c:pt idx="7517">
                  <c:v>44043</c:v>
                </c:pt>
                <c:pt idx="7518">
                  <c:v>44044</c:v>
                </c:pt>
                <c:pt idx="7519">
                  <c:v>44045</c:v>
                </c:pt>
                <c:pt idx="7520">
                  <c:v>44046</c:v>
                </c:pt>
                <c:pt idx="7521">
                  <c:v>44047</c:v>
                </c:pt>
                <c:pt idx="7522">
                  <c:v>44048</c:v>
                </c:pt>
                <c:pt idx="7523">
                  <c:v>44049</c:v>
                </c:pt>
                <c:pt idx="7524">
                  <c:v>44050</c:v>
                </c:pt>
                <c:pt idx="7525">
                  <c:v>44051</c:v>
                </c:pt>
                <c:pt idx="7526">
                  <c:v>44052</c:v>
                </c:pt>
                <c:pt idx="7527">
                  <c:v>44053</c:v>
                </c:pt>
                <c:pt idx="7528">
                  <c:v>44054</c:v>
                </c:pt>
                <c:pt idx="7529">
                  <c:v>44055</c:v>
                </c:pt>
                <c:pt idx="7530">
                  <c:v>44056</c:v>
                </c:pt>
                <c:pt idx="7531">
                  <c:v>44057</c:v>
                </c:pt>
                <c:pt idx="7532">
                  <c:v>44058</c:v>
                </c:pt>
                <c:pt idx="7533">
                  <c:v>44059</c:v>
                </c:pt>
                <c:pt idx="7534">
                  <c:v>44060</c:v>
                </c:pt>
                <c:pt idx="7535">
                  <c:v>44061</c:v>
                </c:pt>
                <c:pt idx="7536">
                  <c:v>44062</c:v>
                </c:pt>
                <c:pt idx="7537">
                  <c:v>44063</c:v>
                </c:pt>
                <c:pt idx="7538">
                  <c:v>44064</c:v>
                </c:pt>
                <c:pt idx="7539">
                  <c:v>44065</c:v>
                </c:pt>
                <c:pt idx="7540">
                  <c:v>44066</c:v>
                </c:pt>
                <c:pt idx="7541">
                  <c:v>44067</c:v>
                </c:pt>
                <c:pt idx="7542">
                  <c:v>44068</c:v>
                </c:pt>
                <c:pt idx="7543">
                  <c:v>44069</c:v>
                </c:pt>
                <c:pt idx="7544">
                  <c:v>44070</c:v>
                </c:pt>
                <c:pt idx="7545">
                  <c:v>44071</c:v>
                </c:pt>
                <c:pt idx="7546">
                  <c:v>44072</c:v>
                </c:pt>
                <c:pt idx="7547">
                  <c:v>44073</c:v>
                </c:pt>
                <c:pt idx="7548">
                  <c:v>44074</c:v>
                </c:pt>
                <c:pt idx="7549">
                  <c:v>44075</c:v>
                </c:pt>
                <c:pt idx="7550">
                  <c:v>44076</c:v>
                </c:pt>
                <c:pt idx="7551">
                  <c:v>44077</c:v>
                </c:pt>
                <c:pt idx="7552">
                  <c:v>44078</c:v>
                </c:pt>
                <c:pt idx="7553">
                  <c:v>44079</c:v>
                </c:pt>
                <c:pt idx="7554">
                  <c:v>44080</c:v>
                </c:pt>
                <c:pt idx="7555">
                  <c:v>44081</c:v>
                </c:pt>
                <c:pt idx="7556">
                  <c:v>44082</c:v>
                </c:pt>
                <c:pt idx="7557">
                  <c:v>44083</c:v>
                </c:pt>
                <c:pt idx="7558">
                  <c:v>44084</c:v>
                </c:pt>
                <c:pt idx="7559">
                  <c:v>44085</c:v>
                </c:pt>
                <c:pt idx="7560">
                  <c:v>44086</c:v>
                </c:pt>
                <c:pt idx="7561">
                  <c:v>44087</c:v>
                </c:pt>
                <c:pt idx="7562">
                  <c:v>44088</c:v>
                </c:pt>
                <c:pt idx="7563">
                  <c:v>44089</c:v>
                </c:pt>
                <c:pt idx="7564">
                  <c:v>44090</c:v>
                </c:pt>
                <c:pt idx="7565">
                  <c:v>44091</c:v>
                </c:pt>
                <c:pt idx="7566">
                  <c:v>44092</c:v>
                </c:pt>
                <c:pt idx="7567">
                  <c:v>44093</c:v>
                </c:pt>
                <c:pt idx="7568">
                  <c:v>44094</c:v>
                </c:pt>
                <c:pt idx="7569">
                  <c:v>44095</c:v>
                </c:pt>
                <c:pt idx="7570">
                  <c:v>44096</c:v>
                </c:pt>
                <c:pt idx="7571">
                  <c:v>44097</c:v>
                </c:pt>
                <c:pt idx="7572">
                  <c:v>44098</c:v>
                </c:pt>
                <c:pt idx="7573">
                  <c:v>44099</c:v>
                </c:pt>
                <c:pt idx="7574">
                  <c:v>44100</c:v>
                </c:pt>
                <c:pt idx="7575">
                  <c:v>44101</c:v>
                </c:pt>
                <c:pt idx="7576">
                  <c:v>44102</c:v>
                </c:pt>
                <c:pt idx="7577">
                  <c:v>44103</c:v>
                </c:pt>
                <c:pt idx="7578">
                  <c:v>44104</c:v>
                </c:pt>
                <c:pt idx="7579">
                  <c:v>44105</c:v>
                </c:pt>
                <c:pt idx="7580">
                  <c:v>44106</c:v>
                </c:pt>
                <c:pt idx="7581">
                  <c:v>44107</c:v>
                </c:pt>
                <c:pt idx="7582">
                  <c:v>44108</c:v>
                </c:pt>
                <c:pt idx="7583">
                  <c:v>44109</c:v>
                </c:pt>
                <c:pt idx="7584">
                  <c:v>44110</c:v>
                </c:pt>
                <c:pt idx="7585">
                  <c:v>44111</c:v>
                </c:pt>
                <c:pt idx="7586">
                  <c:v>44112</c:v>
                </c:pt>
                <c:pt idx="7587">
                  <c:v>44113</c:v>
                </c:pt>
                <c:pt idx="7588">
                  <c:v>44114</c:v>
                </c:pt>
                <c:pt idx="7589">
                  <c:v>44115</c:v>
                </c:pt>
                <c:pt idx="7590">
                  <c:v>44116</c:v>
                </c:pt>
                <c:pt idx="7591">
                  <c:v>44117</c:v>
                </c:pt>
                <c:pt idx="7592">
                  <c:v>44118</c:v>
                </c:pt>
                <c:pt idx="7593">
                  <c:v>44119</c:v>
                </c:pt>
                <c:pt idx="7594">
                  <c:v>44120</c:v>
                </c:pt>
                <c:pt idx="7595">
                  <c:v>44121</c:v>
                </c:pt>
                <c:pt idx="7596">
                  <c:v>44122</c:v>
                </c:pt>
                <c:pt idx="7597">
                  <c:v>44123</c:v>
                </c:pt>
                <c:pt idx="7598">
                  <c:v>44124</c:v>
                </c:pt>
                <c:pt idx="7599">
                  <c:v>44125</c:v>
                </c:pt>
                <c:pt idx="7600">
                  <c:v>44126</c:v>
                </c:pt>
                <c:pt idx="7601">
                  <c:v>44127</c:v>
                </c:pt>
                <c:pt idx="7602">
                  <c:v>44128</c:v>
                </c:pt>
                <c:pt idx="7603">
                  <c:v>44129</c:v>
                </c:pt>
                <c:pt idx="7604">
                  <c:v>44130</c:v>
                </c:pt>
                <c:pt idx="7605">
                  <c:v>44131</c:v>
                </c:pt>
                <c:pt idx="7606">
                  <c:v>44132</c:v>
                </c:pt>
                <c:pt idx="7607">
                  <c:v>44133</c:v>
                </c:pt>
                <c:pt idx="7608">
                  <c:v>44134</c:v>
                </c:pt>
                <c:pt idx="7609">
                  <c:v>44135</c:v>
                </c:pt>
                <c:pt idx="7610">
                  <c:v>44136</c:v>
                </c:pt>
                <c:pt idx="7611">
                  <c:v>44137</c:v>
                </c:pt>
                <c:pt idx="7612">
                  <c:v>44138</c:v>
                </c:pt>
                <c:pt idx="7613">
                  <c:v>44139</c:v>
                </c:pt>
                <c:pt idx="7614">
                  <c:v>44140</c:v>
                </c:pt>
                <c:pt idx="7615">
                  <c:v>44141</c:v>
                </c:pt>
                <c:pt idx="7616">
                  <c:v>44142</c:v>
                </c:pt>
                <c:pt idx="7617">
                  <c:v>44143</c:v>
                </c:pt>
                <c:pt idx="7618">
                  <c:v>44144</c:v>
                </c:pt>
                <c:pt idx="7619">
                  <c:v>44145</c:v>
                </c:pt>
                <c:pt idx="7620">
                  <c:v>44146</c:v>
                </c:pt>
                <c:pt idx="7621">
                  <c:v>44147</c:v>
                </c:pt>
                <c:pt idx="7622">
                  <c:v>44148</c:v>
                </c:pt>
                <c:pt idx="7623">
                  <c:v>44149</c:v>
                </c:pt>
                <c:pt idx="7624">
                  <c:v>44150</c:v>
                </c:pt>
                <c:pt idx="7625">
                  <c:v>44151</c:v>
                </c:pt>
                <c:pt idx="7626">
                  <c:v>44152</c:v>
                </c:pt>
                <c:pt idx="7627">
                  <c:v>44153</c:v>
                </c:pt>
                <c:pt idx="7628">
                  <c:v>44154</c:v>
                </c:pt>
                <c:pt idx="7629">
                  <c:v>44155</c:v>
                </c:pt>
                <c:pt idx="7630">
                  <c:v>44156</c:v>
                </c:pt>
                <c:pt idx="7631">
                  <c:v>44157</c:v>
                </c:pt>
                <c:pt idx="7632">
                  <c:v>44158</c:v>
                </c:pt>
                <c:pt idx="7633">
                  <c:v>44159</c:v>
                </c:pt>
                <c:pt idx="7634">
                  <c:v>44160</c:v>
                </c:pt>
                <c:pt idx="7635">
                  <c:v>44161</c:v>
                </c:pt>
                <c:pt idx="7636">
                  <c:v>44162</c:v>
                </c:pt>
                <c:pt idx="7637">
                  <c:v>44163</c:v>
                </c:pt>
                <c:pt idx="7638">
                  <c:v>44164</c:v>
                </c:pt>
                <c:pt idx="7639">
                  <c:v>44165</c:v>
                </c:pt>
                <c:pt idx="7640">
                  <c:v>44166</c:v>
                </c:pt>
                <c:pt idx="7641">
                  <c:v>44167</c:v>
                </c:pt>
                <c:pt idx="7642">
                  <c:v>44168</c:v>
                </c:pt>
                <c:pt idx="7643">
                  <c:v>44169</c:v>
                </c:pt>
                <c:pt idx="7644">
                  <c:v>44170</c:v>
                </c:pt>
                <c:pt idx="7645">
                  <c:v>44171</c:v>
                </c:pt>
                <c:pt idx="7646">
                  <c:v>44172</c:v>
                </c:pt>
                <c:pt idx="7647">
                  <c:v>44173</c:v>
                </c:pt>
                <c:pt idx="7648">
                  <c:v>44174</c:v>
                </c:pt>
                <c:pt idx="7649">
                  <c:v>44175</c:v>
                </c:pt>
                <c:pt idx="7650">
                  <c:v>44176</c:v>
                </c:pt>
                <c:pt idx="7651">
                  <c:v>44177</c:v>
                </c:pt>
                <c:pt idx="7652">
                  <c:v>44178</c:v>
                </c:pt>
                <c:pt idx="7653">
                  <c:v>44179</c:v>
                </c:pt>
                <c:pt idx="7654">
                  <c:v>44180</c:v>
                </c:pt>
                <c:pt idx="7655">
                  <c:v>44181</c:v>
                </c:pt>
                <c:pt idx="7656">
                  <c:v>44182</c:v>
                </c:pt>
                <c:pt idx="7657">
                  <c:v>44183</c:v>
                </c:pt>
                <c:pt idx="7658">
                  <c:v>44184</c:v>
                </c:pt>
                <c:pt idx="7659">
                  <c:v>44185</c:v>
                </c:pt>
                <c:pt idx="7660">
                  <c:v>44186</c:v>
                </c:pt>
                <c:pt idx="7661">
                  <c:v>44187</c:v>
                </c:pt>
                <c:pt idx="7662">
                  <c:v>44188</c:v>
                </c:pt>
                <c:pt idx="7663">
                  <c:v>44189</c:v>
                </c:pt>
                <c:pt idx="7664">
                  <c:v>44190</c:v>
                </c:pt>
                <c:pt idx="7665">
                  <c:v>44191</c:v>
                </c:pt>
                <c:pt idx="7666">
                  <c:v>44192</c:v>
                </c:pt>
                <c:pt idx="7667">
                  <c:v>44193</c:v>
                </c:pt>
                <c:pt idx="7668">
                  <c:v>44194</c:v>
                </c:pt>
                <c:pt idx="7669">
                  <c:v>44195</c:v>
                </c:pt>
                <c:pt idx="7670">
                  <c:v>44196</c:v>
                </c:pt>
                <c:pt idx="7671">
                  <c:v>44197</c:v>
                </c:pt>
                <c:pt idx="7672">
                  <c:v>44198</c:v>
                </c:pt>
                <c:pt idx="7673">
                  <c:v>44199</c:v>
                </c:pt>
                <c:pt idx="7674">
                  <c:v>44200</c:v>
                </c:pt>
                <c:pt idx="7675">
                  <c:v>44201</c:v>
                </c:pt>
                <c:pt idx="7676">
                  <c:v>44202</c:v>
                </c:pt>
                <c:pt idx="7677">
                  <c:v>44203</c:v>
                </c:pt>
                <c:pt idx="7678">
                  <c:v>44204</c:v>
                </c:pt>
                <c:pt idx="7679">
                  <c:v>44205</c:v>
                </c:pt>
                <c:pt idx="7680">
                  <c:v>44206</c:v>
                </c:pt>
                <c:pt idx="7681">
                  <c:v>44207</c:v>
                </c:pt>
                <c:pt idx="7682">
                  <c:v>44208</c:v>
                </c:pt>
                <c:pt idx="7683">
                  <c:v>44209</c:v>
                </c:pt>
                <c:pt idx="7684">
                  <c:v>44210</c:v>
                </c:pt>
                <c:pt idx="7685">
                  <c:v>44211</c:v>
                </c:pt>
                <c:pt idx="7686">
                  <c:v>44212</c:v>
                </c:pt>
                <c:pt idx="7687">
                  <c:v>44213</c:v>
                </c:pt>
                <c:pt idx="7688">
                  <c:v>44214</c:v>
                </c:pt>
                <c:pt idx="7689">
                  <c:v>44215</c:v>
                </c:pt>
                <c:pt idx="7690">
                  <c:v>44216</c:v>
                </c:pt>
                <c:pt idx="7691">
                  <c:v>44217</c:v>
                </c:pt>
                <c:pt idx="7692">
                  <c:v>44218</c:v>
                </c:pt>
                <c:pt idx="7693">
                  <c:v>44219</c:v>
                </c:pt>
                <c:pt idx="7694">
                  <c:v>44220</c:v>
                </c:pt>
                <c:pt idx="7695">
                  <c:v>44221</c:v>
                </c:pt>
                <c:pt idx="7696">
                  <c:v>44222</c:v>
                </c:pt>
                <c:pt idx="7697">
                  <c:v>44223</c:v>
                </c:pt>
                <c:pt idx="7698">
                  <c:v>44224</c:v>
                </c:pt>
                <c:pt idx="7699">
                  <c:v>44225</c:v>
                </c:pt>
                <c:pt idx="7700">
                  <c:v>44226</c:v>
                </c:pt>
                <c:pt idx="7701">
                  <c:v>44227</c:v>
                </c:pt>
                <c:pt idx="7702">
                  <c:v>44228</c:v>
                </c:pt>
                <c:pt idx="7703">
                  <c:v>44229</c:v>
                </c:pt>
                <c:pt idx="7704">
                  <c:v>44230</c:v>
                </c:pt>
                <c:pt idx="7705">
                  <c:v>44231</c:v>
                </c:pt>
                <c:pt idx="7706">
                  <c:v>44232</c:v>
                </c:pt>
                <c:pt idx="7707">
                  <c:v>44233</c:v>
                </c:pt>
                <c:pt idx="7708">
                  <c:v>44234</c:v>
                </c:pt>
                <c:pt idx="7709">
                  <c:v>44235</c:v>
                </c:pt>
                <c:pt idx="7710">
                  <c:v>44236</c:v>
                </c:pt>
                <c:pt idx="7711">
                  <c:v>44237</c:v>
                </c:pt>
                <c:pt idx="7712">
                  <c:v>44238</c:v>
                </c:pt>
                <c:pt idx="7713">
                  <c:v>44239</c:v>
                </c:pt>
                <c:pt idx="7714">
                  <c:v>44240</c:v>
                </c:pt>
                <c:pt idx="7715">
                  <c:v>44241</c:v>
                </c:pt>
                <c:pt idx="7716">
                  <c:v>44242</c:v>
                </c:pt>
                <c:pt idx="7717">
                  <c:v>44243</c:v>
                </c:pt>
                <c:pt idx="7718">
                  <c:v>44244</c:v>
                </c:pt>
                <c:pt idx="7719">
                  <c:v>44245</c:v>
                </c:pt>
                <c:pt idx="7720">
                  <c:v>44246</c:v>
                </c:pt>
                <c:pt idx="7721">
                  <c:v>44247</c:v>
                </c:pt>
                <c:pt idx="7722">
                  <c:v>44248</c:v>
                </c:pt>
                <c:pt idx="7723">
                  <c:v>44249</c:v>
                </c:pt>
                <c:pt idx="7724">
                  <c:v>44250</c:v>
                </c:pt>
                <c:pt idx="7725">
                  <c:v>44251</c:v>
                </c:pt>
                <c:pt idx="7726">
                  <c:v>44252</c:v>
                </c:pt>
                <c:pt idx="7727">
                  <c:v>44253</c:v>
                </c:pt>
                <c:pt idx="7728">
                  <c:v>44254</c:v>
                </c:pt>
                <c:pt idx="7729">
                  <c:v>44255</c:v>
                </c:pt>
                <c:pt idx="7730">
                  <c:v>44256</c:v>
                </c:pt>
                <c:pt idx="7731">
                  <c:v>44257</c:v>
                </c:pt>
                <c:pt idx="7732">
                  <c:v>44258</c:v>
                </c:pt>
                <c:pt idx="7733">
                  <c:v>44259</c:v>
                </c:pt>
                <c:pt idx="7734">
                  <c:v>44260</c:v>
                </c:pt>
                <c:pt idx="7735">
                  <c:v>44261</c:v>
                </c:pt>
                <c:pt idx="7736">
                  <c:v>44262</c:v>
                </c:pt>
                <c:pt idx="7737">
                  <c:v>44263</c:v>
                </c:pt>
                <c:pt idx="7738">
                  <c:v>44264</c:v>
                </c:pt>
                <c:pt idx="7739">
                  <c:v>44265</c:v>
                </c:pt>
                <c:pt idx="7740">
                  <c:v>44266</c:v>
                </c:pt>
                <c:pt idx="7741">
                  <c:v>44267</c:v>
                </c:pt>
                <c:pt idx="7742">
                  <c:v>44268</c:v>
                </c:pt>
                <c:pt idx="7743">
                  <c:v>44269</c:v>
                </c:pt>
                <c:pt idx="7744">
                  <c:v>44270</c:v>
                </c:pt>
                <c:pt idx="7745">
                  <c:v>44271</c:v>
                </c:pt>
                <c:pt idx="7746">
                  <c:v>44272</c:v>
                </c:pt>
                <c:pt idx="7747">
                  <c:v>44273</c:v>
                </c:pt>
                <c:pt idx="7748">
                  <c:v>44274</c:v>
                </c:pt>
                <c:pt idx="7749">
                  <c:v>44275</c:v>
                </c:pt>
                <c:pt idx="7750">
                  <c:v>44276</c:v>
                </c:pt>
                <c:pt idx="7751">
                  <c:v>44277</c:v>
                </c:pt>
                <c:pt idx="7752">
                  <c:v>44278</c:v>
                </c:pt>
                <c:pt idx="7753">
                  <c:v>44279</c:v>
                </c:pt>
                <c:pt idx="7754">
                  <c:v>44280</c:v>
                </c:pt>
                <c:pt idx="7755">
                  <c:v>44281</c:v>
                </c:pt>
                <c:pt idx="7756">
                  <c:v>44282</c:v>
                </c:pt>
                <c:pt idx="7757">
                  <c:v>44283</c:v>
                </c:pt>
                <c:pt idx="7758">
                  <c:v>44284</c:v>
                </c:pt>
                <c:pt idx="7759">
                  <c:v>44285</c:v>
                </c:pt>
                <c:pt idx="7760">
                  <c:v>44286</c:v>
                </c:pt>
                <c:pt idx="7761">
                  <c:v>44287</c:v>
                </c:pt>
                <c:pt idx="7762">
                  <c:v>44288</c:v>
                </c:pt>
                <c:pt idx="7763">
                  <c:v>44289</c:v>
                </c:pt>
                <c:pt idx="7764">
                  <c:v>44290</c:v>
                </c:pt>
                <c:pt idx="7765">
                  <c:v>44291</c:v>
                </c:pt>
                <c:pt idx="7766">
                  <c:v>44292</c:v>
                </c:pt>
                <c:pt idx="7767">
                  <c:v>44293</c:v>
                </c:pt>
                <c:pt idx="7768">
                  <c:v>44294</c:v>
                </c:pt>
                <c:pt idx="7769">
                  <c:v>44295</c:v>
                </c:pt>
                <c:pt idx="7770">
                  <c:v>44296</c:v>
                </c:pt>
                <c:pt idx="7771">
                  <c:v>44297</c:v>
                </c:pt>
                <c:pt idx="7772">
                  <c:v>44298</c:v>
                </c:pt>
                <c:pt idx="7773">
                  <c:v>44299</c:v>
                </c:pt>
                <c:pt idx="7774">
                  <c:v>44300</c:v>
                </c:pt>
                <c:pt idx="7775">
                  <c:v>44301</c:v>
                </c:pt>
                <c:pt idx="7776">
                  <c:v>44302</c:v>
                </c:pt>
                <c:pt idx="7777">
                  <c:v>44303</c:v>
                </c:pt>
                <c:pt idx="7778">
                  <c:v>44304</c:v>
                </c:pt>
                <c:pt idx="7779">
                  <c:v>44305</c:v>
                </c:pt>
                <c:pt idx="7780">
                  <c:v>44306</c:v>
                </c:pt>
                <c:pt idx="7781">
                  <c:v>44307</c:v>
                </c:pt>
                <c:pt idx="7782">
                  <c:v>44308</c:v>
                </c:pt>
                <c:pt idx="7783">
                  <c:v>44309</c:v>
                </c:pt>
                <c:pt idx="7784">
                  <c:v>44310</c:v>
                </c:pt>
                <c:pt idx="7785">
                  <c:v>44311</c:v>
                </c:pt>
                <c:pt idx="7786">
                  <c:v>44312</c:v>
                </c:pt>
                <c:pt idx="7787">
                  <c:v>44313</c:v>
                </c:pt>
                <c:pt idx="7788">
                  <c:v>44314</c:v>
                </c:pt>
                <c:pt idx="7789">
                  <c:v>44315</c:v>
                </c:pt>
                <c:pt idx="7790">
                  <c:v>44316</c:v>
                </c:pt>
                <c:pt idx="7791">
                  <c:v>44317</c:v>
                </c:pt>
                <c:pt idx="7792">
                  <c:v>44318</c:v>
                </c:pt>
                <c:pt idx="7793">
                  <c:v>44319</c:v>
                </c:pt>
                <c:pt idx="7794">
                  <c:v>44320</c:v>
                </c:pt>
                <c:pt idx="7795">
                  <c:v>44321</c:v>
                </c:pt>
                <c:pt idx="7796">
                  <c:v>44322</c:v>
                </c:pt>
                <c:pt idx="7797">
                  <c:v>44323</c:v>
                </c:pt>
                <c:pt idx="7798">
                  <c:v>44324</c:v>
                </c:pt>
                <c:pt idx="7799">
                  <c:v>44325</c:v>
                </c:pt>
                <c:pt idx="7800">
                  <c:v>44326</c:v>
                </c:pt>
                <c:pt idx="7801">
                  <c:v>44327</c:v>
                </c:pt>
                <c:pt idx="7802">
                  <c:v>44328</c:v>
                </c:pt>
                <c:pt idx="7803">
                  <c:v>44329</c:v>
                </c:pt>
                <c:pt idx="7804">
                  <c:v>44330</c:v>
                </c:pt>
                <c:pt idx="7805">
                  <c:v>44331</c:v>
                </c:pt>
                <c:pt idx="7806">
                  <c:v>44332</c:v>
                </c:pt>
                <c:pt idx="7807">
                  <c:v>44333</c:v>
                </c:pt>
                <c:pt idx="7808">
                  <c:v>44334</c:v>
                </c:pt>
                <c:pt idx="7809">
                  <c:v>44335</c:v>
                </c:pt>
                <c:pt idx="7810">
                  <c:v>44336</c:v>
                </c:pt>
                <c:pt idx="7811">
                  <c:v>44337</c:v>
                </c:pt>
                <c:pt idx="7812">
                  <c:v>44338</c:v>
                </c:pt>
                <c:pt idx="7813">
                  <c:v>44339</c:v>
                </c:pt>
                <c:pt idx="7814">
                  <c:v>44340</c:v>
                </c:pt>
                <c:pt idx="7815">
                  <c:v>44341</c:v>
                </c:pt>
                <c:pt idx="7816">
                  <c:v>44342</c:v>
                </c:pt>
                <c:pt idx="7817">
                  <c:v>44343</c:v>
                </c:pt>
                <c:pt idx="7818">
                  <c:v>44344</c:v>
                </c:pt>
                <c:pt idx="7819">
                  <c:v>44345</c:v>
                </c:pt>
                <c:pt idx="7820">
                  <c:v>44346</c:v>
                </c:pt>
                <c:pt idx="7821">
                  <c:v>44347</c:v>
                </c:pt>
                <c:pt idx="7822">
                  <c:v>44348</c:v>
                </c:pt>
                <c:pt idx="7823">
                  <c:v>44349</c:v>
                </c:pt>
                <c:pt idx="7824">
                  <c:v>44350</c:v>
                </c:pt>
                <c:pt idx="7825">
                  <c:v>44351</c:v>
                </c:pt>
                <c:pt idx="7826">
                  <c:v>44352</c:v>
                </c:pt>
                <c:pt idx="7827">
                  <c:v>44353</c:v>
                </c:pt>
                <c:pt idx="7828">
                  <c:v>44354</c:v>
                </c:pt>
                <c:pt idx="7829">
                  <c:v>44355</c:v>
                </c:pt>
                <c:pt idx="7830">
                  <c:v>44356</c:v>
                </c:pt>
                <c:pt idx="7831">
                  <c:v>44357</c:v>
                </c:pt>
                <c:pt idx="7832">
                  <c:v>44358</c:v>
                </c:pt>
                <c:pt idx="7833">
                  <c:v>44359</c:v>
                </c:pt>
                <c:pt idx="7834">
                  <c:v>44360</c:v>
                </c:pt>
                <c:pt idx="7835">
                  <c:v>44361</c:v>
                </c:pt>
                <c:pt idx="7836">
                  <c:v>44362</c:v>
                </c:pt>
                <c:pt idx="7837">
                  <c:v>44363</c:v>
                </c:pt>
                <c:pt idx="7838">
                  <c:v>44364</c:v>
                </c:pt>
                <c:pt idx="7839">
                  <c:v>44365</c:v>
                </c:pt>
                <c:pt idx="7840">
                  <c:v>44366</c:v>
                </c:pt>
                <c:pt idx="7841">
                  <c:v>44367</c:v>
                </c:pt>
                <c:pt idx="7842">
                  <c:v>44368</c:v>
                </c:pt>
                <c:pt idx="7843">
                  <c:v>44369</c:v>
                </c:pt>
                <c:pt idx="7844">
                  <c:v>44370</c:v>
                </c:pt>
                <c:pt idx="7845">
                  <c:v>44371</c:v>
                </c:pt>
                <c:pt idx="7846">
                  <c:v>44372</c:v>
                </c:pt>
                <c:pt idx="7847">
                  <c:v>44373</c:v>
                </c:pt>
                <c:pt idx="7848">
                  <c:v>44374</c:v>
                </c:pt>
                <c:pt idx="7849">
                  <c:v>44375</c:v>
                </c:pt>
                <c:pt idx="7850">
                  <c:v>44376</c:v>
                </c:pt>
                <c:pt idx="7851">
                  <c:v>44377</c:v>
                </c:pt>
                <c:pt idx="7852">
                  <c:v>44378</c:v>
                </c:pt>
                <c:pt idx="7853">
                  <c:v>44379</c:v>
                </c:pt>
                <c:pt idx="7854">
                  <c:v>44380</c:v>
                </c:pt>
                <c:pt idx="7855">
                  <c:v>44381</c:v>
                </c:pt>
                <c:pt idx="7856">
                  <c:v>44382</c:v>
                </c:pt>
                <c:pt idx="7857">
                  <c:v>44383</c:v>
                </c:pt>
                <c:pt idx="7858">
                  <c:v>44384</c:v>
                </c:pt>
                <c:pt idx="7859">
                  <c:v>44385</c:v>
                </c:pt>
                <c:pt idx="7860">
                  <c:v>44386</c:v>
                </c:pt>
                <c:pt idx="7861">
                  <c:v>44387</c:v>
                </c:pt>
                <c:pt idx="7862">
                  <c:v>44388</c:v>
                </c:pt>
                <c:pt idx="7863">
                  <c:v>44389</c:v>
                </c:pt>
                <c:pt idx="7864">
                  <c:v>44390</c:v>
                </c:pt>
                <c:pt idx="7865">
                  <c:v>44391</c:v>
                </c:pt>
                <c:pt idx="7866">
                  <c:v>44392</c:v>
                </c:pt>
                <c:pt idx="7867">
                  <c:v>44393</c:v>
                </c:pt>
                <c:pt idx="7868">
                  <c:v>44394</c:v>
                </c:pt>
                <c:pt idx="7869">
                  <c:v>44395</c:v>
                </c:pt>
                <c:pt idx="7870">
                  <c:v>44396</c:v>
                </c:pt>
                <c:pt idx="7871">
                  <c:v>44397</c:v>
                </c:pt>
                <c:pt idx="7872">
                  <c:v>44398</c:v>
                </c:pt>
                <c:pt idx="7873">
                  <c:v>44399</c:v>
                </c:pt>
                <c:pt idx="7874">
                  <c:v>44400</c:v>
                </c:pt>
                <c:pt idx="7875">
                  <c:v>44401</c:v>
                </c:pt>
                <c:pt idx="7876">
                  <c:v>44402</c:v>
                </c:pt>
                <c:pt idx="7877">
                  <c:v>44403</c:v>
                </c:pt>
                <c:pt idx="7878">
                  <c:v>44404</c:v>
                </c:pt>
                <c:pt idx="7879">
                  <c:v>44405</c:v>
                </c:pt>
                <c:pt idx="7880">
                  <c:v>44406</c:v>
                </c:pt>
                <c:pt idx="7881">
                  <c:v>44407</c:v>
                </c:pt>
                <c:pt idx="7882">
                  <c:v>44408</c:v>
                </c:pt>
                <c:pt idx="7883">
                  <c:v>44409</c:v>
                </c:pt>
                <c:pt idx="7884">
                  <c:v>44410</c:v>
                </c:pt>
                <c:pt idx="7885">
                  <c:v>44411</c:v>
                </c:pt>
                <c:pt idx="7886">
                  <c:v>44412</c:v>
                </c:pt>
                <c:pt idx="7887">
                  <c:v>44413</c:v>
                </c:pt>
                <c:pt idx="7888">
                  <c:v>44414</c:v>
                </c:pt>
                <c:pt idx="7889">
                  <c:v>44415</c:v>
                </c:pt>
                <c:pt idx="7890">
                  <c:v>44416</c:v>
                </c:pt>
                <c:pt idx="7891">
                  <c:v>44417</c:v>
                </c:pt>
                <c:pt idx="7892">
                  <c:v>44418</c:v>
                </c:pt>
                <c:pt idx="7893">
                  <c:v>44419</c:v>
                </c:pt>
                <c:pt idx="7894">
                  <c:v>44420</c:v>
                </c:pt>
                <c:pt idx="7895">
                  <c:v>44421</c:v>
                </c:pt>
                <c:pt idx="7896">
                  <c:v>44422</c:v>
                </c:pt>
                <c:pt idx="7897">
                  <c:v>44423</c:v>
                </c:pt>
                <c:pt idx="7898">
                  <c:v>44424</c:v>
                </c:pt>
                <c:pt idx="7899">
                  <c:v>44425</c:v>
                </c:pt>
                <c:pt idx="7900">
                  <c:v>44426</c:v>
                </c:pt>
                <c:pt idx="7901">
                  <c:v>44427</c:v>
                </c:pt>
                <c:pt idx="7902">
                  <c:v>44428</c:v>
                </c:pt>
                <c:pt idx="7903">
                  <c:v>44429</c:v>
                </c:pt>
                <c:pt idx="7904">
                  <c:v>44430</c:v>
                </c:pt>
                <c:pt idx="7905">
                  <c:v>44431</c:v>
                </c:pt>
                <c:pt idx="7906">
                  <c:v>44432</c:v>
                </c:pt>
                <c:pt idx="7907">
                  <c:v>44433</c:v>
                </c:pt>
                <c:pt idx="7908">
                  <c:v>44434</c:v>
                </c:pt>
                <c:pt idx="7909">
                  <c:v>44435</c:v>
                </c:pt>
                <c:pt idx="7910">
                  <c:v>44436</c:v>
                </c:pt>
                <c:pt idx="7911">
                  <c:v>44437</c:v>
                </c:pt>
                <c:pt idx="7912">
                  <c:v>44438</c:v>
                </c:pt>
                <c:pt idx="7913">
                  <c:v>44439</c:v>
                </c:pt>
                <c:pt idx="7914">
                  <c:v>44440</c:v>
                </c:pt>
                <c:pt idx="7915">
                  <c:v>44441</c:v>
                </c:pt>
                <c:pt idx="7916">
                  <c:v>44442</c:v>
                </c:pt>
                <c:pt idx="7917">
                  <c:v>44443</c:v>
                </c:pt>
                <c:pt idx="7918">
                  <c:v>44444</c:v>
                </c:pt>
                <c:pt idx="7919">
                  <c:v>44445</c:v>
                </c:pt>
                <c:pt idx="7920">
                  <c:v>44446</c:v>
                </c:pt>
                <c:pt idx="7921">
                  <c:v>44447</c:v>
                </c:pt>
                <c:pt idx="7922">
                  <c:v>44448</c:v>
                </c:pt>
                <c:pt idx="7923">
                  <c:v>44449</c:v>
                </c:pt>
                <c:pt idx="7924">
                  <c:v>44450</c:v>
                </c:pt>
                <c:pt idx="7925">
                  <c:v>44451</c:v>
                </c:pt>
                <c:pt idx="7926">
                  <c:v>44452</c:v>
                </c:pt>
                <c:pt idx="7927">
                  <c:v>44453</c:v>
                </c:pt>
                <c:pt idx="7928">
                  <c:v>44454</c:v>
                </c:pt>
                <c:pt idx="7929">
                  <c:v>44455</c:v>
                </c:pt>
                <c:pt idx="7930">
                  <c:v>44456</c:v>
                </c:pt>
                <c:pt idx="7931">
                  <c:v>44457</c:v>
                </c:pt>
                <c:pt idx="7932">
                  <c:v>44458</c:v>
                </c:pt>
                <c:pt idx="7933">
                  <c:v>44459</c:v>
                </c:pt>
                <c:pt idx="7934">
                  <c:v>44460</c:v>
                </c:pt>
                <c:pt idx="7935">
                  <c:v>44461</c:v>
                </c:pt>
                <c:pt idx="7936">
                  <c:v>44462</c:v>
                </c:pt>
                <c:pt idx="7937">
                  <c:v>44463</c:v>
                </c:pt>
                <c:pt idx="7938">
                  <c:v>44464</c:v>
                </c:pt>
                <c:pt idx="7939">
                  <c:v>44465</c:v>
                </c:pt>
                <c:pt idx="7940">
                  <c:v>44466</c:v>
                </c:pt>
                <c:pt idx="7941">
                  <c:v>44467</c:v>
                </c:pt>
                <c:pt idx="7942">
                  <c:v>44468</c:v>
                </c:pt>
                <c:pt idx="7943">
                  <c:v>44469</c:v>
                </c:pt>
                <c:pt idx="7944">
                  <c:v>44470</c:v>
                </c:pt>
                <c:pt idx="7945">
                  <c:v>44471</c:v>
                </c:pt>
                <c:pt idx="7946">
                  <c:v>44472</c:v>
                </c:pt>
                <c:pt idx="7947">
                  <c:v>44473</c:v>
                </c:pt>
                <c:pt idx="7948">
                  <c:v>44474</c:v>
                </c:pt>
                <c:pt idx="7949">
                  <c:v>44475</c:v>
                </c:pt>
                <c:pt idx="7950">
                  <c:v>44476</c:v>
                </c:pt>
                <c:pt idx="7951">
                  <c:v>44477</c:v>
                </c:pt>
                <c:pt idx="7952">
                  <c:v>44478</c:v>
                </c:pt>
                <c:pt idx="7953">
                  <c:v>44479</c:v>
                </c:pt>
                <c:pt idx="7954">
                  <c:v>44480</c:v>
                </c:pt>
                <c:pt idx="7955">
                  <c:v>44481</c:v>
                </c:pt>
                <c:pt idx="7956">
                  <c:v>44482</c:v>
                </c:pt>
                <c:pt idx="7957">
                  <c:v>44483</c:v>
                </c:pt>
                <c:pt idx="7958">
                  <c:v>44484</c:v>
                </c:pt>
                <c:pt idx="7959">
                  <c:v>44485</c:v>
                </c:pt>
                <c:pt idx="7960">
                  <c:v>44486</c:v>
                </c:pt>
                <c:pt idx="7961">
                  <c:v>44487</c:v>
                </c:pt>
                <c:pt idx="7962">
                  <c:v>44488</c:v>
                </c:pt>
                <c:pt idx="7963">
                  <c:v>44489</c:v>
                </c:pt>
                <c:pt idx="7964">
                  <c:v>44490</c:v>
                </c:pt>
                <c:pt idx="7965">
                  <c:v>44491</c:v>
                </c:pt>
                <c:pt idx="7966">
                  <c:v>44492</c:v>
                </c:pt>
                <c:pt idx="7967">
                  <c:v>44493</c:v>
                </c:pt>
                <c:pt idx="7968">
                  <c:v>44494</c:v>
                </c:pt>
                <c:pt idx="7969">
                  <c:v>44495</c:v>
                </c:pt>
                <c:pt idx="7970">
                  <c:v>44496</c:v>
                </c:pt>
                <c:pt idx="7971">
                  <c:v>44497</c:v>
                </c:pt>
                <c:pt idx="7972">
                  <c:v>44498</c:v>
                </c:pt>
                <c:pt idx="7973">
                  <c:v>44499</c:v>
                </c:pt>
                <c:pt idx="7974">
                  <c:v>44500</c:v>
                </c:pt>
                <c:pt idx="7975">
                  <c:v>44501</c:v>
                </c:pt>
                <c:pt idx="7976">
                  <c:v>44502</c:v>
                </c:pt>
                <c:pt idx="7977">
                  <c:v>44503</c:v>
                </c:pt>
                <c:pt idx="7978">
                  <c:v>44504</c:v>
                </c:pt>
                <c:pt idx="7979">
                  <c:v>44505</c:v>
                </c:pt>
                <c:pt idx="7980">
                  <c:v>44506</c:v>
                </c:pt>
                <c:pt idx="7981">
                  <c:v>44507</c:v>
                </c:pt>
                <c:pt idx="7982">
                  <c:v>44508</c:v>
                </c:pt>
                <c:pt idx="7983">
                  <c:v>44509</c:v>
                </c:pt>
                <c:pt idx="7984">
                  <c:v>44510</c:v>
                </c:pt>
                <c:pt idx="7985">
                  <c:v>44511</c:v>
                </c:pt>
                <c:pt idx="7986">
                  <c:v>44512</c:v>
                </c:pt>
                <c:pt idx="7987">
                  <c:v>44513</c:v>
                </c:pt>
                <c:pt idx="7988">
                  <c:v>44514</c:v>
                </c:pt>
                <c:pt idx="7989">
                  <c:v>44515</c:v>
                </c:pt>
                <c:pt idx="7990">
                  <c:v>44516</c:v>
                </c:pt>
                <c:pt idx="7991">
                  <c:v>44517</c:v>
                </c:pt>
                <c:pt idx="7992">
                  <c:v>44518</c:v>
                </c:pt>
                <c:pt idx="7993">
                  <c:v>44519</c:v>
                </c:pt>
                <c:pt idx="7994">
                  <c:v>44520</c:v>
                </c:pt>
                <c:pt idx="7995">
                  <c:v>44521</c:v>
                </c:pt>
                <c:pt idx="7996">
                  <c:v>44522</c:v>
                </c:pt>
                <c:pt idx="7997">
                  <c:v>44523</c:v>
                </c:pt>
                <c:pt idx="7998">
                  <c:v>44524</c:v>
                </c:pt>
                <c:pt idx="7999">
                  <c:v>44525</c:v>
                </c:pt>
                <c:pt idx="8000">
                  <c:v>44526</c:v>
                </c:pt>
                <c:pt idx="8001">
                  <c:v>44527</c:v>
                </c:pt>
                <c:pt idx="8002">
                  <c:v>44528</c:v>
                </c:pt>
                <c:pt idx="8003">
                  <c:v>44529</c:v>
                </c:pt>
                <c:pt idx="8004">
                  <c:v>44530</c:v>
                </c:pt>
                <c:pt idx="8005">
                  <c:v>44531</c:v>
                </c:pt>
                <c:pt idx="8006">
                  <c:v>44532</c:v>
                </c:pt>
                <c:pt idx="8007">
                  <c:v>44533</c:v>
                </c:pt>
                <c:pt idx="8008">
                  <c:v>44534</c:v>
                </c:pt>
                <c:pt idx="8009">
                  <c:v>44535</c:v>
                </c:pt>
                <c:pt idx="8010">
                  <c:v>44536</c:v>
                </c:pt>
                <c:pt idx="8011">
                  <c:v>44537</c:v>
                </c:pt>
                <c:pt idx="8012">
                  <c:v>44538</c:v>
                </c:pt>
                <c:pt idx="8013">
                  <c:v>44539</c:v>
                </c:pt>
                <c:pt idx="8014">
                  <c:v>44540</c:v>
                </c:pt>
                <c:pt idx="8015">
                  <c:v>44541</c:v>
                </c:pt>
                <c:pt idx="8016">
                  <c:v>44542</c:v>
                </c:pt>
                <c:pt idx="8017">
                  <c:v>44543</c:v>
                </c:pt>
                <c:pt idx="8018">
                  <c:v>44544</c:v>
                </c:pt>
                <c:pt idx="8019">
                  <c:v>44545</c:v>
                </c:pt>
                <c:pt idx="8020">
                  <c:v>44546</c:v>
                </c:pt>
                <c:pt idx="8021">
                  <c:v>44547</c:v>
                </c:pt>
                <c:pt idx="8022">
                  <c:v>44548</c:v>
                </c:pt>
                <c:pt idx="8023">
                  <c:v>44549</c:v>
                </c:pt>
                <c:pt idx="8024">
                  <c:v>44550</c:v>
                </c:pt>
                <c:pt idx="8025">
                  <c:v>44551</c:v>
                </c:pt>
                <c:pt idx="8026">
                  <c:v>44552</c:v>
                </c:pt>
                <c:pt idx="8027">
                  <c:v>44553</c:v>
                </c:pt>
                <c:pt idx="8028">
                  <c:v>44554</c:v>
                </c:pt>
                <c:pt idx="8029">
                  <c:v>44555</c:v>
                </c:pt>
                <c:pt idx="8030">
                  <c:v>44556</c:v>
                </c:pt>
                <c:pt idx="8031">
                  <c:v>44557</c:v>
                </c:pt>
                <c:pt idx="8032">
                  <c:v>44558</c:v>
                </c:pt>
                <c:pt idx="8033">
                  <c:v>44559</c:v>
                </c:pt>
                <c:pt idx="8034">
                  <c:v>44560</c:v>
                </c:pt>
                <c:pt idx="8035">
                  <c:v>44561</c:v>
                </c:pt>
                <c:pt idx="8036">
                  <c:v>44562</c:v>
                </c:pt>
                <c:pt idx="8037">
                  <c:v>44563</c:v>
                </c:pt>
                <c:pt idx="8038">
                  <c:v>44564</c:v>
                </c:pt>
                <c:pt idx="8039">
                  <c:v>44565</c:v>
                </c:pt>
                <c:pt idx="8040">
                  <c:v>44566</c:v>
                </c:pt>
                <c:pt idx="8041">
                  <c:v>44567</c:v>
                </c:pt>
                <c:pt idx="8042">
                  <c:v>44568</c:v>
                </c:pt>
                <c:pt idx="8043">
                  <c:v>44569</c:v>
                </c:pt>
                <c:pt idx="8044">
                  <c:v>44570</c:v>
                </c:pt>
                <c:pt idx="8045">
                  <c:v>44571</c:v>
                </c:pt>
                <c:pt idx="8046">
                  <c:v>44572</c:v>
                </c:pt>
                <c:pt idx="8047">
                  <c:v>44573</c:v>
                </c:pt>
                <c:pt idx="8048">
                  <c:v>44574</c:v>
                </c:pt>
                <c:pt idx="8049">
                  <c:v>44575</c:v>
                </c:pt>
                <c:pt idx="8050">
                  <c:v>44576</c:v>
                </c:pt>
                <c:pt idx="8051">
                  <c:v>44577</c:v>
                </c:pt>
                <c:pt idx="8052">
                  <c:v>44578</c:v>
                </c:pt>
                <c:pt idx="8053">
                  <c:v>44579</c:v>
                </c:pt>
                <c:pt idx="8054">
                  <c:v>44580</c:v>
                </c:pt>
                <c:pt idx="8055">
                  <c:v>44581</c:v>
                </c:pt>
                <c:pt idx="8056">
                  <c:v>44582</c:v>
                </c:pt>
                <c:pt idx="8057">
                  <c:v>44583</c:v>
                </c:pt>
                <c:pt idx="8058">
                  <c:v>44584</c:v>
                </c:pt>
                <c:pt idx="8059">
                  <c:v>44585</c:v>
                </c:pt>
                <c:pt idx="8060">
                  <c:v>44586</c:v>
                </c:pt>
                <c:pt idx="8061">
                  <c:v>44587</c:v>
                </c:pt>
                <c:pt idx="8062">
                  <c:v>44588</c:v>
                </c:pt>
                <c:pt idx="8063">
                  <c:v>44589</c:v>
                </c:pt>
                <c:pt idx="8064">
                  <c:v>44590</c:v>
                </c:pt>
                <c:pt idx="8065">
                  <c:v>44591</c:v>
                </c:pt>
                <c:pt idx="8066">
                  <c:v>44592</c:v>
                </c:pt>
                <c:pt idx="8067">
                  <c:v>44593</c:v>
                </c:pt>
                <c:pt idx="8068">
                  <c:v>44594</c:v>
                </c:pt>
                <c:pt idx="8069">
                  <c:v>44595</c:v>
                </c:pt>
                <c:pt idx="8070">
                  <c:v>44596</c:v>
                </c:pt>
                <c:pt idx="8071">
                  <c:v>44597</c:v>
                </c:pt>
                <c:pt idx="8072">
                  <c:v>44598</c:v>
                </c:pt>
                <c:pt idx="8073">
                  <c:v>44599</c:v>
                </c:pt>
                <c:pt idx="8074">
                  <c:v>44600</c:v>
                </c:pt>
                <c:pt idx="8075">
                  <c:v>44601</c:v>
                </c:pt>
                <c:pt idx="8076">
                  <c:v>44602</c:v>
                </c:pt>
                <c:pt idx="8077">
                  <c:v>44603</c:v>
                </c:pt>
                <c:pt idx="8078">
                  <c:v>44604</c:v>
                </c:pt>
                <c:pt idx="8079">
                  <c:v>44605</c:v>
                </c:pt>
                <c:pt idx="8080">
                  <c:v>44606</c:v>
                </c:pt>
                <c:pt idx="8081">
                  <c:v>44607</c:v>
                </c:pt>
                <c:pt idx="8082">
                  <c:v>44608</c:v>
                </c:pt>
                <c:pt idx="8083">
                  <c:v>44609</c:v>
                </c:pt>
                <c:pt idx="8084">
                  <c:v>44610</c:v>
                </c:pt>
                <c:pt idx="8085">
                  <c:v>44611</c:v>
                </c:pt>
                <c:pt idx="8086">
                  <c:v>44612</c:v>
                </c:pt>
                <c:pt idx="8087">
                  <c:v>44613</c:v>
                </c:pt>
                <c:pt idx="8088">
                  <c:v>44614</c:v>
                </c:pt>
                <c:pt idx="8089">
                  <c:v>44615</c:v>
                </c:pt>
                <c:pt idx="8090">
                  <c:v>44616</c:v>
                </c:pt>
                <c:pt idx="8091">
                  <c:v>44617</c:v>
                </c:pt>
                <c:pt idx="8092">
                  <c:v>44618</c:v>
                </c:pt>
                <c:pt idx="8093">
                  <c:v>44619</c:v>
                </c:pt>
                <c:pt idx="8094">
                  <c:v>44620</c:v>
                </c:pt>
                <c:pt idx="8095">
                  <c:v>44621</c:v>
                </c:pt>
                <c:pt idx="8096">
                  <c:v>44622</c:v>
                </c:pt>
                <c:pt idx="8097">
                  <c:v>44623</c:v>
                </c:pt>
                <c:pt idx="8098">
                  <c:v>44624</c:v>
                </c:pt>
                <c:pt idx="8099">
                  <c:v>44625</c:v>
                </c:pt>
                <c:pt idx="8100">
                  <c:v>44626</c:v>
                </c:pt>
                <c:pt idx="8101">
                  <c:v>44627</c:v>
                </c:pt>
                <c:pt idx="8102">
                  <c:v>44628</c:v>
                </c:pt>
                <c:pt idx="8103">
                  <c:v>44629</c:v>
                </c:pt>
                <c:pt idx="8104">
                  <c:v>44630</c:v>
                </c:pt>
                <c:pt idx="8105">
                  <c:v>44631</c:v>
                </c:pt>
                <c:pt idx="8106">
                  <c:v>44632</c:v>
                </c:pt>
                <c:pt idx="8107">
                  <c:v>44633</c:v>
                </c:pt>
                <c:pt idx="8108">
                  <c:v>44634</c:v>
                </c:pt>
                <c:pt idx="8109">
                  <c:v>44635</c:v>
                </c:pt>
                <c:pt idx="8110">
                  <c:v>44636</c:v>
                </c:pt>
                <c:pt idx="8111">
                  <c:v>44637</c:v>
                </c:pt>
                <c:pt idx="8112">
                  <c:v>44638</c:v>
                </c:pt>
                <c:pt idx="8113">
                  <c:v>44639</c:v>
                </c:pt>
                <c:pt idx="8114">
                  <c:v>44640</c:v>
                </c:pt>
                <c:pt idx="8115">
                  <c:v>44641</c:v>
                </c:pt>
                <c:pt idx="8116">
                  <c:v>44642</c:v>
                </c:pt>
                <c:pt idx="8117">
                  <c:v>44643</c:v>
                </c:pt>
                <c:pt idx="8118">
                  <c:v>44644</c:v>
                </c:pt>
                <c:pt idx="8119">
                  <c:v>44645</c:v>
                </c:pt>
                <c:pt idx="8120">
                  <c:v>44646</c:v>
                </c:pt>
                <c:pt idx="8121">
                  <c:v>44647</c:v>
                </c:pt>
                <c:pt idx="8122">
                  <c:v>44648</c:v>
                </c:pt>
                <c:pt idx="8123">
                  <c:v>44649</c:v>
                </c:pt>
                <c:pt idx="8124">
                  <c:v>44650</c:v>
                </c:pt>
                <c:pt idx="8125">
                  <c:v>44651</c:v>
                </c:pt>
                <c:pt idx="8126">
                  <c:v>44652</c:v>
                </c:pt>
                <c:pt idx="8127">
                  <c:v>44653</c:v>
                </c:pt>
                <c:pt idx="8128">
                  <c:v>44654</c:v>
                </c:pt>
                <c:pt idx="8129">
                  <c:v>44655</c:v>
                </c:pt>
                <c:pt idx="8130">
                  <c:v>44656</c:v>
                </c:pt>
                <c:pt idx="8131">
                  <c:v>44657</c:v>
                </c:pt>
                <c:pt idx="8132">
                  <c:v>44658</c:v>
                </c:pt>
                <c:pt idx="8133">
                  <c:v>44659</c:v>
                </c:pt>
                <c:pt idx="8134">
                  <c:v>44660</c:v>
                </c:pt>
                <c:pt idx="8135">
                  <c:v>44661</c:v>
                </c:pt>
                <c:pt idx="8136">
                  <c:v>44662</c:v>
                </c:pt>
                <c:pt idx="8137">
                  <c:v>44663</c:v>
                </c:pt>
                <c:pt idx="8138">
                  <c:v>44664</c:v>
                </c:pt>
                <c:pt idx="8139">
                  <c:v>44665</c:v>
                </c:pt>
                <c:pt idx="8140">
                  <c:v>44666</c:v>
                </c:pt>
                <c:pt idx="8141">
                  <c:v>44667</c:v>
                </c:pt>
                <c:pt idx="8142">
                  <c:v>44668</c:v>
                </c:pt>
                <c:pt idx="8143">
                  <c:v>44669</c:v>
                </c:pt>
                <c:pt idx="8144">
                  <c:v>44670</c:v>
                </c:pt>
                <c:pt idx="8145">
                  <c:v>44671</c:v>
                </c:pt>
                <c:pt idx="8146">
                  <c:v>44672</c:v>
                </c:pt>
                <c:pt idx="8147">
                  <c:v>44673</c:v>
                </c:pt>
                <c:pt idx="8148">
                  <c:v>44674</c:v>
                </c:pt>
                <c:pt idx="8149">
                  <c:v>44675</c:v>
                </c:pt>
                <c:pt idx="8150">
                  <c:v>44676</c:v>
                </c:pt>
                <c:pt idx="8151">
                  <c:v>44677</c:v>
                </c:pt>
                <c:pt idx="8152">
                  <c:v>44678</c:v>
                </c:pt>
                <c:pt idx="8153">
                  <c:v>44679</c:v>
                </c:pt>
                <c:pt idx="8154">
                  <c:v>44680</c:v>
                </c:pt>
                <c:pt idx="8155">
                  <c:v>44681</c:v>
                </c:pt>
                <c:pt idx="8156">
                  <c:v>44682</c:v>
                </c:pt>
                <c:pt idx="8157">
                  <c:v>44683</c:v>
                </c:pt>
                <c:pt idx="8158">
                  <c:v>44684</c:v>
                </c:pt>
                <c:pt idx="8159">
                  <c:v>44685</c:v>
                </c:pt>
                <c:pt idx="8160">
                  <c:v>44686</c:v>
                </c:pt>
                <c:pt idx="8161">
                  <c:v>44687</c:v>
                </c:pt>
                <c:pt idx="8162">
                  <c:v>44688</c:v>
                </c:pt>
                <c:pt idx="8163">
                  <c:v>44689</c:v>
                </c:pt>
                <c:pt idx="8164">
                  <c:v>44690</c:v>
                </c:pt>
                <c:pt idx="8165">
                  <c:v>44691</c:v>
                </c:pt>
                <c:pt idx="8166">
                  <c:v>44692</c:v>
                </c:pt>
                <c:pt idx="8167">
                  <c:v>44693</c:v>
                </c:pt>
                <c:pt idx="8168">
                  <c:v>44694</c:v>
                </c:pt>
                <c:pt idx="8169">
                  <c:v>44695</c:v>
                </c:pt>
                <c:pt idx="8170">
                  <c:v>44696</c:v>
                </c:pt>
                <c:pt idx="8171">
                  <c:v>44697</c:v>
                </c:pt>
                <c:pt idx="8172">
                  <c:v>44698</c:v>
                </c:pt>
                <c:pt idx="8173">
                  <c:v>44699</c:v>
                </c:pt>
                <c:pt idx="8174">
                  <c:v>44700</c:v>
                </c:pt>
                <c:pt idx="8175">
                  <c:v>44701</c:v>
                </c:pt>
                <c:pt idx="8176">
                  <c:v>44702</c:v>
                </c:pt>
                <c:pt idx="8177">
                  <c:v>44703</c:v>
                </c:pt>
                <c:pt idx="8178">
                  <c:v>44704</c:v>
                </c:pt>
                <c:pt idx="8179">
                  <c:v>44705</c:v>
                </c:pt>
                <c:pt idx="8180">
                  <c:v>44706</c:v>
                </c:pt>
                <c:pt idx="8181">
                  <c:v>44707</c:v>
                </c:pt>
                <c:pt idx="8182">
                  <c:v>44708</c:v>
                </c:pt>
                <c:pt idx="8183">
                  <c:v>44709</c:v>
                </c:pt>
                <c:pt idx="8184">
                  <c:v>44710</c:v>
                </c:pt>
                <c:pt idx="8185">
                  <c:v>44711</c:v>
                </c:pt>
                <c:pt idx="8186">
                  <c:v>44712</c:v>
                </c:pt>
                <c:pt idx="8187">
                  <c:v>44713</c:v>
                </c:pt>
                <c:pt idx="8188">
                  <c:v>44714</c:v>
                </c:pt>
                <c:pt idx="8189">
                  <c:v>44715</c:v>
                </c:pt>
                <c:pt idx="8190">
                  <c:v>44716</c:v>
                </c:pt>
                <c:pt idx="8191">
                  <c:v>44717</c:v>
                </c:pt>
                <c:pt idx="8192">
                  <c:v>44718</c:v>
                </c:pt>
                <c:pt idx="8193">
                  <c:v>44719</c:v>
                </c:pt>
                <c:pt idx="8194">
                  <c:v>44720</c:v>
                </c:pt>
                <c:pt idx="8195">
                  <c:v>44721</c:v>
                </c:pt>
                <c:pt idx="8196">
                  <c:v>44722</c:v>
                </c:pt>
                <c:pt idx="8197">
                  <c:v>44723</c:v>
                </c:pt>
                <c:pt idx="8198">
                  <c:v>44724</c:v>
                </c:pt>
                <c:pt idx="8199">
                  <c:v>44725</c:v>
                </c:pt>
                <c:pt idx="8200">
                  <c:v>44726</c:v>
                </c:pt>
                <c:pt idx="8201">
                  <c:v>44727</c:v>
                </c:pt>
                <c:pt idx="8202">
                  <c:v>44728</c:v>
                </c:pt>
                <c:pt idx="8203">
                  <c:v>44729</c:v>
                </c:pt>
                <c:pt idx="8204">
                  <c:v>44730</c:v>
                </c:pt>
                <c:pt idx="8205">
                  <c:v>44731</c:v>
                </c:pt>
                <c:pt idx="8206">
                  <c:v>44732</c:v>
                </c:pt>
                <c:pt idx="8207">
                  <c:v>44733</c:v>
                </c:pt>
                <c:pt idx="8208">
                  <c:v>44734</c:v>
                </c:pt>
                <c:pt idx="8209">
                  <c:v>44735</c:v>
                </c:pt>
                <c:pt idx="8210">
                  <c:v>44736</c:v>
                </c:pt>
                <c:pt idx="8211">
                  <c:v>44737</c:v>
                </c:pt>
                <c:pt idx="8212">
                  <c:v>44738</c:v>
                </c:pt>
                <c:pt idx="8213">
                  <c:v>44739</c:v>
                </c:pt>
                <c:pt idx="8214">
                  <c:v>44740</c:v>
                </c:pt>
                <c:pt idx="8215">
                  <c:v>44741</c:v>
                </c:pt>
                <c:pt idx="8216">
                  <c:v>44742</c:v>
                </c:pt>
                <c:pt idx="8217">
                  <c:v>44743</c:v>
                </c:pt>
                <c:pt idx="8218">
                  <c:v>44744</c:v>
                </c:pt>
                <c:pt idx="8219">
                  <c:v>44745</c:v>
                </c:pt>
                <c:pt idx="8220">
                  <c:v>44746</c:v>
                </c:pt>
                <c:pt idx="8221">
                  <c:v>44747</c:v>
                </c:pt>
                <c:pt idx="8222">
                  <c:v>44748</c:v>
                </c:pt>
                <c:pt idx="8223">
                  <c:v>44749</c:v>
                </c:pt>
                <c:pt idx="8224">
                  <c:v>44750</c:v>
                </c:pt>
                <c:pt idx="8225">
                  <c:v>44751</c:v>
                </c:pt>
                <c:pt idx="8226">
                  <c:v>44752</c:v>
                </c:pt>
                <c:pt idx="8227">
                  <c:v>44753</c:v>
                </c:pt>
                <c:pt idx="8228">
                  <c:v>44754</c:v>
                </c:pt>
                <c:pt idx="8229">
                  <c:v>44755</c:v>
                </c:pt>
                <c:pt idx="8230">
                  <c:v>44756</c:v>
                </c:pt>
                <c:pt idx="8231">
                  <c:v>44757</c:v>
                </c:pt>
                <c:pt idx="8232">
                  <c:v>44758</c:v>
                </c:pt>
                <c:pt idx="8233">
                  <c:v>44759</c:v>
                </c:pt>
                <c:pt idx="8234">
                  <c:v>44760</c:v>
                </c:pt>
                <c:pt idx="8235">
                  <c:v>44761</c:v>
                </c:pt>
                <c:pt idx="8236">
                  <c:v>44762</c:v>
                </c:pt>
                <c:pt idx="8237">
                  <c:v>44763</c:v>
                </c:pt>
                <c:pt idx="8238">
                  <c:v>44764</c:v>
                </c:pt>
                <c:pt idx="8239">
                  <c:v>44765</c:v>
                </c:pt>
                <c:pt idx="8240">
                  <c:v>44766</c:v>
                </c:pt>
                <c:pt idx="8241">
                  <c:v>44767</c:v>
                </c:pt>
                <c:pt idx="8242">
                  <c:v>44768</c:v>
                </c:pt>
                <c:pt idx="8243">
                  <c:v>44769</c:v>
                </c:pt>
                <c:pt idx="8244">
                  <c:v>44770</c:v>
                </c:pt>
                <c:pt idx="8245">
                  <c:v>44771</c:v>
                </c:pt>
                <c:pt idx="8246">
                  <c:v>44772</c:v>
                </c:pt>
                <c:pt idx="8247">
                  <c:v>44773</c:v>
                </c:pt>
                <c:pt idx="8248">
                  <c:v>44774</c:v>
                </c:pt>
                <c:pt idx="8249">
                  <c:v>44775</c:v>
                </c:pt>
                <c:pt idx="8250">
                  <c:v>44776</c:v>
                </c:pt>
                <c:pt idx="8251">
                  <c:v>44777</c:v>
                </c:pt>
                <c:pt idx="8252">
                  <c:v>44778</c:v>
                </c:pt>
                <c:pt idx="8253">
                  <c:v>44779</c:v>
                </c:pt>
                <c:pt idx="8254">
                  <c:v>44780</c:v>
                </c:pt>
                <c:pt idx="8255">
                  <c:v>44781</c:v>
                </c:pt>
                <c:pt idx="8256">
                  <c:v>44782</c:v>
                </c:pt>
                <c:pt idx="8257">
                  <c:v>44783</c:v>
                </c:pt>
                <c:pt idx="8258">
                  <c:v>44784</c:v>
                </c:pt>
                <c:pt idx="8259">
                  <c:v>44785</c:v>
                </c:pt>
                <c:pt idx="8260">
                  <c:v>44786</c:v>
                </c:pt>
                <c:pt idx="8261">
                  <c:v>44787</c:v>
                </c:pt>
                <c:pt idx="8262">
                  <c:v>44788</c:v>
                </c:pt>
                <c:pt idx="8263">
                  <c:v>44789</c:v>
                </c:pt>
                <c:pt idx="8264">
                  <c:v>44790</c:v>
                </c:pt>
                <c:pt idx="8265">
                  <c:v>44791</c:v>
                </c:pt>
                <c:pt idx="8266">
                  <c:v>44792</c:v>
                </c:pt>
                <c:pt idx="8267">
                  <c:v>44793</c:v>
                </c:pt>
                <c:pt idx="8268">
                  <c:v>44794</c:v>
                </c:pt>
                <c:pt idx="8269">
                  <c:v>44795</c:v>
                </c:pt>
                <c:pt idx="8270">
                  <c:v>44796</c:v>
                </c:pt>
                <c:pt idx="8271">
                  <c:v>44797</c:v>
                </c:pt>
                <c:pt idx="8272">
                  <c:v>44798</c:v>
                </c:pt>
                <c:pt idx="8273">
                  <c:v>44799</c:v>
                </c:pt>
                <c:pt idx="8274">
                  <c:v>44800</c:v>
                </c:pt>
                <c:pt idx="8275">
                  <c:v>44801</c:v>
                </c:pt>
                <c:pt idx="8276">
                  <c:v>44802</c:v>
                </c:pt>
                <c:pt idx="8277">
                  <c:v>44803</c:v>
                </c:pt>
                <c:pt idx="8278">
                  <c:v>44804</c:v>
                </c:pt>
                <c:pt idx="8279">
                  <c:v>44805</c:v>
                </c:pt>
                <c:pt idx="8280">
                  <c:v>44806</c:v>
                </c:pt>
                <c:pt idx="8281">
                  <c:v>44807</c:v>
                </c:pt>
                <c:pt idx="8282">
                  <c:v>44808</c:v>
                </c:pt>
                <c:pt idx="8283">
                  <c:v>44809</c:v>
                </c:pt>
                <c:pt idx="8284">
                  <c:v>44810</c:v>
                </c:pt>
                <c:pt idx="8285">
                  <c:v>44811</c:v>
                </c:pt>
                <c:pt idx="8286">
                  <c:v>44812</c:v>
                </c:pt>
                <c:pt idx="8287">
                  <c:v>44813</c:v>
                </c:pt>
                <c:pt idx="8288">
                  <c:v>44814</c:v>
                </c:pt>
                <c:pt idx="8289">
                  <c:v>44815</c:v>
                </c:pt>
                <c:pt idx="8290">
                  <c:v>44816</c:v>
                </c:pt>
                <c:pt idx="8291">
                  <c:v>44817</c:v>
                </c:pt>
                <c:pt idx="8292">
                  <c:v>44818</c:v>
                </c:pt>
                <c:pt idx="8293">
                  <c:v>44819</c:v>
                </c:pt>
                <c:pt idx="8294">
                  <c:v>44820</c:v>
                </c:pt>
                <c:pt idx="8295">
                  <c:v>44821</c:v>
                </c:pt>
                <c:pt idx="8296">
                  <c:v>44822</c:v>
                </c:pt>
                <c:pt idx="8297">
                  <c:v>44823</c:v>
                </c:pt>
                <c:pt idx="8298">
                  <c:v>44824</c:v>
                </c:pt>
                <c:pt idx="8299">
                  <c:v>44825</c:v>
                </c:pt>
                <c:pt idx="8300">
                  <c:v>44826</c:v>
                </c:pt>
                <c:pt idx="8301">
                  <c:v>44827</c:v>
                </c:pt>
                <c:pt idx="8302">
                  <c:v>44828</c:v>
                </c:pt>
                <c:pt idx="8303">
                  <c:v>44829</c:v>
                </c:pt>
                <c:pt idx="8304">
                  <c:v>44830</c:v>
                </c:pt>
                <c:pt idx="8305">
                  <c:v>44831</c:v>
                </c:pt>
                <c:pt idx="8306">
                  <c:v>44832</c:v>
                </c:pt>
                <c:pt idx="8307">
                  <c:v>44833</c:v>
                </c:pt>
                <c:pt idx="8308">
                  <c:v>44834</c:v>
                </c:pt>
                <c:pt idx="8309">
                  <c:v>44835</c:v>
                </c:pt>
                <c:pt idx="8310">
                  <c:v>44836</c:v>
                </c:pt>
                <c:pt idx="8311">
                  <c:v>44837</c:v>
                </c:pt>
                <c:pt idx="8312">
                  <c:v>44838</c:v>
                </c:pt>
                <c:pt idx="8313">
                  <c:v>44839</c:v>
                </c:pt>
                <c:pt idx="8314">
                  <c:v>44840</c:v>
                </c:pt>
                <c:pt idx="8315">
                  <c:v>44841</c:v>
                </c:pt>
                <c:pt idx="8316">
                  <c:v>44842</c:v>
                </c:pt>
                <c:pt idx="8317">
                  <c:v>44843</c:v>
                </c:pt>
                <c:pt idx="8318">
                  <c:v>44844</c:v>
                </c:pt>
                <c:pt idx="8319">
                  <c:v>44845</c:v>
                </c:pt>
                <c:pt idx="8320">
                  <c:v>44846</c:v>
                </c:pt>
                <c:pt idx="8321">
                  <c:v>44847</c:v>
                </c:pt>
                <c:pt idx="8322">
                  <c:v>44848</c:v>
                </c:pt>
                <c:pt idx="8323">
                  <c:v>44849</c:v>
                </c:pt>
                <c:pt idx="8324">
                  <c:v>44850</c:v>
                </c:pt>
                <c:pt idx="8325">
                  <c:v>44851</c:v>
                </c:pt>
                <c:pt idx="8326">
                  <c:v>44852</c:v>
                </c:pt>
                <c:pt idx="8327">
                  <c:v>44853</c:v>
                </c:pt>
                <c:pt idx="8328">
                  <c:v>44854</c:v>
                </c:pt>
                <c:pt idx="8329">
                  <c:v>44855</c:v>
                </c:pt>
                <c:pt idx="8330">
                  <c:v>44856</c:v>
                </c:pt>
                <c:pt idx="8331">
                  <c:v>44857</c:v>
                </c:pt>
                <c:pt idx="8332">
                  <c:v>44858</c:v>
                </c:pt>
                <c:pt idx="8333">
                  <c:v>44859</c:v>
                </c:pt>
                <c:pt idx="8334">
                  <c:v>44860</c:v>
                </c:pt>
                <c:pt idx="8335">
                  <c:v>44861</c:v>
                </c:pt>
                <c:pt idx="8336">
                  <c:v>44862</c:v>
                </c:pt>
                <c:pt idx="8337">
                  <c:v>44863</c:v>
                </c:pt>
                <c:pt idx="8338">
                  <c:v>44864</c:v>
                </c:pt>
                <c:pt idx="8339">
                  <c:v>44865</c:v>
                </c:pt>
                <c:pt idx="8340">
                  <c:v>44866</c:v>
                </c:pt>
                <c:pt idx="8341">
                  <c:v>44867</c:v>
                </c:pt>
                <c:pt idx="8342">
                  <c:v>44868</c:v>
                </c:pt>
                <c:pt idx="8343">
                  <c:v>44869</c:v>
                </c:pt>
                <c:pt idx="8344">
                  <c:v>44870</c:v>
                </c:pt>
                <c:pt idx="8345">
                  <c:v>44871</c:v>
                </c:pt>
                <c:pt idx="8346">
                  <c:v>44872</c:v>
                </c:pt>
                <c:pt idx="8347">
                  <c:v>44873</c:v>
                </c:pt>
                <c:pt idx="8348">
                  <c:v>44874</c:v>
                </c:pt>
                <c:pt idx="8349">
                  <c:v>44875</c:v>
                </c:pt>
                <c:pt idx="8350">
                  <c:v>44876</c:v>
                </c:pt>
                <c:pt idx="8351">
                  <c:v>44877</c:v>
                </c:pt>
                <c:pt idx="8352">
                  <c:v>44878</c:v>
                </c:pt>
                <c:pt idx="8353">
                  <c:v>44879</c:v>
                </c:pt>
                <c:pt idx="8354">
                  <c:v>44880</c:v>
                </c:pt>
                <c:pt idx="8355">
                  <c:v>44881</c:v>
                </c:pt>
                <c:pt idx="8356">
                  <c:v>44882</c:v>
                </c:pt>
                <c:pt idx="8357">
                  <c:v>44883</c:v>
                </c:pt>
                <c:pt idx="8358">
                  <c:v>44884</c:v>
                </c:pt>
                <c:pt idx="8359">
                  <c:v>44885</c:v>
                </c:pt>
                <c:pt idx="8360">
                  <c:v>44886</c:v>
                </c:pt>
                <c:pt idx="8361">
                  <c:v>44887</c:v>
                </c:pt>
                <c:pt idx="8362">
                  <c:v>44888</c:v>
                </c:pt>
                <c:pt idx="8363">
                  <c:v>44889</c:v>
                </c:pt>
                <c:pt idx="8364">
                  <c:v>44890</c:v>
                </c:pt>
                <c:pt idx="8365">
                  <c:v>44891</c:v>
                </c:pt>
                <c:pt idx="8366">
                  <c:v>44892</c:v>
                </c:pt>
                <c:pt idx="8367">
                  <c:v>44893</c:v>
                </c:pt>
                <c:pt idx="8368">
                  <c:v>44894</c:v>
                </c:pt>
                <c:pt idx="8369">
                  <c:v>44895</c:v>
                </c:pt>
                <c:pt idx="8370">
                  <c:v>44896</c:v>
                </c:pt>
                <c:pt idx="8371">
                  <c:v>44897</c:v>
                </c:pt>
                <c:pt idx="8372">
                  <c:v>44898</c:v>
                </c:pt>
                <c:pt idx="8373">
                  <c:v>44899</c:v>
                </c:pt>
                <c:pt idx="8374">
                  <c:v>44900</c:v>
                </c:pt>
                <c:pt idx="8375">
                  <c:v>44901</c:v>
                </c:pt>
                <c:pt idx="8376">
                  <c:v>44902</c:v>
                </c:pt>
                <c:pt idx="8377">
                  <c:v>44903</c:v>
                </c:pt>
                <c:pt idx="8378">
                  <c:v>44904</c:v>
                </c:pt>
                <c:pt idx="8379">
                  <c:v>44905</c:v>
                </c:pt>
                <c:pt idx="8380">
                  <c:v>44906</c:v>
                </c:pt>
                <c:pt idx="8381">
                  <c:v>44907</c:v>
                </c:pt>
                <c:pt idx="8382">
                  <c:v>44908</c:v>
                </c:pt>
                <c:pt idx="8383">
                  <c:v>44909</c:v>
                </c:pt>
                <c:pt idx="8384">
                  <c:v>44910</c:v>
                </c:pt>
                <c:pt idx="8385">
                  <c:v>44911</c:v>
                </c:pt>
                <c:pt idx="8386">
                  <c:v>44912</c:v>
                </c:pt>
                <c:pt idx="8387">
                  <c:v>44913</c:v>
                </c:pt>
                <c:pt idx="8388">
                  <c:v>44914</c:v>
                </c:pt>
                <c:pt idx="8389">
                  <c:v>44915</c:v>
                </c:pt>
                <c:pt idx="8390">
                  <c:v>44916</c:v>
                </c:pt>
                <c:pt idx="8391">
                  <c:v>44917</c:v>
                </c:pt>
                <c:pt idx="8392">
                  <c:v>44918</c:v>
                </c:pt>
                <c:pt idx="8393">
                  <c:v>44919</c:v>
                </c:pt>
                <c:pt idx="8394">
                  <c:v>44920</c:v>
                </c:pt>
                <c:pt idx="8395">
                  <c:v>44921</c:v>
                </c:pt>
                <c:pt idx="8396">
                  <c:v>44922</c:v>
                </c:pt>
                <c:pt idx="8397">
                  <c:v>44923</c:v>
                </c:pt>
                <c:pt idx="8398">
                  <c:v>44924</c:v>
                </c:pt>
                <c:pt idx="8399">
                  <c:v>44925</c:v>
                </c:pt>
                <c:pt idx="8400">
                  <c:v>44926</c:v>
                </c:pt>
                <c:pt idx="8401">
                  <c:v>44927</c:v>
                </c:pt>
                <c:pt idx="8402">
                  <c:v>44928</c:v>
                </c:pt>
                <c:pt idx="8403">
                  <c:v>44929</c:v>
                </c:pt>
                <c:pt idx="8404">
                  <c:v>44930</c:v>
                </c:pt>
                <c:pt idx="8405">
                  <c:v>44931</c:v>
                </c:pt>
                <c:pt idx="8406">
                  <c:v>44932</c:v>
                </c:pt>
                <c:pt idx="8407">
                  <c:v>44933</c:v>
                </c:pt>
                <c:pt idx="8408">
                  <c:v>44934</c:v>
                </c:pt>
                <c:pt idx="8409">
                  <c:v>44935</c:v>
                </c:pt>
                <c:pt idx="8410">
                  <c:v>44936</c:v>
                </c:pt>
                <c:pt idx="8411">
                  <c:v>44937</c:v>
                </c:pt>
                <c:pt idx="8412">
                  <c:v>44938</c:v>
                </c:pt>
                <c:pt idx="8413">
                  <c:v>44939</c:v>
                </c:pt>
                <c:pt idx="8414">
                  <c:v>44940</c:v>
                </c:pt>
                <c:pt idx="8415">
                  <c:v>44941</c:v>
                </c:pt>
                <c:pt idx="8416">
                  <c:v>44942</c:v>
                </c:pt>
                <c:pt idx="8417">
                  <c:v>44943</c:v>
                </c:pt>
                <c:pt idx="8418">
                  <c:v>44944</c:v>
                </c:pt>
                <c:pt idx="8419">
                  <c:v>44945</c:v>
                </c:pt>
                <c:pt idx="8420">
                  <c:v>44946</c:v>
                </c:pt>
                <c:pt idx="8421">
                  <c:v>44947</c:v>
                </c:pt>
                <c:pt idx="8422">
                  <c:v>44948</c:v>
                </c:pt>
                <c:pt idx="8423">
                  <c:v>44949</c:v>
                </c:pt>
                <c:pt idx="8424">
                  <c:v>44950</c:v>
                </c:pt>
                <c:pt idx="8425">
                  <c:v>44951</c:v>
                </c:pt>
                <c:pt idx="8426">
                  <c:v>44952</c:v>
                </c:pt>
                <c:pt idx="8427">
                  <c:v>44953</c:v>
                </c:pt>
                <c:pt idx="8428">
                  <c:v>44954</c:v>
                </c:pt>
                <c:pt idx="8429">
                  <c:v>44955</c:v>
                </c:pt>
                <c:pt idx="8430">
                  <c:v>44956</c:v>
                </c:pt>
                <c:pt idx="8431">
                  <c:v>44957</c:v>
                </c:pt>
                <c:pt idx="8432">
                  <c:v>44958</c:v>
                </c:pt>
                <c:pt idx="8433">
                  <c:v>44959</c:v>
                </c:pt>
                <c:pt idx="8434">
                  <c:v>44960</c:v>
                </c:pt>
                <c:pt idx="8435">
                  <c:v>44961</c:v>
                </c:pt>
                <c:pt idx="8436">
                  <c:v>44962</c:v>
                </c:pt>
                <c:pt idx="8437">
                  <c:v>44963</c:v>
                </c:pt>
                <c:pt idx="8438">
                  <c:v>44964</c:v>
                </c:pt>
                <c:pt idx="8439">
                  <c:v>44965</c:v>
                </c:pt>
                <c:pt idx="8440">
                  <c:v>44966</c:v>
                </c:pt>
                <c:pt idx="8441">
                  <c:v>44967</c:v>
                </c:pt>
                <c:pt idx="8442">
                  <c:v>44968</c:v>
                </c:pt>
                <c:pt idx="8443">
                  <c:v>44969</c:v>
                </c:pt>
                <c:pt idx="8444">
                  <c:v>44970</c:v>
                </c:pt>
                <c:pt idx="8445">
                  <c:v>44971</c:v>
                </c:pt>
                <c:pt idx="8446">
                  <c:v>44972</c:v>
                </c:pt>
                <c:pt idx="8447">
                  <c:v>44973</c:v>
                </c:pt>
                <c:pt idx="8448">
                  <c:v>44974</c:v>
                </c:pt>
                <c:pt idx="8449">
                  <c:v>44975</c:v>
                </c:pt>
                <c:pt idx="8450">
                  <c:v>44976</c:v>
                </c:pt>
                <c:pt idx="8451">
                  <c:v>44977</c:v>
                </c:pt>
                <c:pt idx="8452">
                  <c:v>44978</c:v>
                </c:pt>
                <c:pt idx="8453">
                  <c:v>44979</c:v>
                </c:pt>
                <c:pt idx="8454">
                  <c:v>44980</c:v>
                </c:pt>
                <c:pt idx="8455">
                  <c:v>44981</c:v>
                </c:pt>
                <c:pt idx="8456">
                  <c:v>44982</c:v>
                </c:pt>
                <c:pt idx="8457">
                  <c:v>44983</c:v>
                </c:pt>
                <c:pt idx="8458">
                  <c:v>44984</c:v>
                </c:pt>
                <c:pt idx="8459">
                  <c:v>44985</c:v>
                </c:pt>
                <c:pt idx="8460">
                  <c:v>44986</c:v>
                </c:pt>
                <c:pt idx="8461">
                  <c:v>44987</c:v>
                </c:pt>
                <c:pt idx="8462">
                  <c:v>44988</c:v>
                </c:pt>
                <c:pt idx="8463">
                  <c:v>44989</c:v>
                </c:pt>
                <c:pt idx="8464">
                  <c:v>44990</c:v>
                </c:pt>
                <c:pt idx="8465">
                  <c:v>44991</c:v>
                </c:pt>
                <c:pt idx="8466">
                  <c:v>44992</c:v>
                </c:pt>
                <c:pt idx="8467">
                  <c:v>44993</c:v>
                </c:pt>
                <c:pt idx="8468">
                  <c:v>44994</c:v>
                </c:pt>
                <c:pt idx="8469">
                  <c:v>44995</c:v>
                </c:pt>
                <c:pt idx="8470">
                  <c:v>44996</c:v>
                </c:pt>
                <c:pt idx="8471">
                  <c:v>44997</c:v>
                </c:pt>
                <c:pt idx="8472">
                  <c:v>44998</c:v>
                </c:pt>
                <c:pt idx="8473">
                  <c:v>44999</c:v>
                </c:pt>
                <c:pt idx="8474">
                  <c:v>45000</c:v>
                </c:pt>
                <c:pt idx="8475">
                  <c:v>45001</c:v>
                </c:pt>
                <c:pt idx="8476">
                  <c:v>45002</c:v>
                </c:pt>
                <c:pt idx="8477">
                  <c:v>45003</c:v>
                </c:pt>
                <c:pt idx="8478">
                  <c:v>45004</c:v>
                </c:pt>
                <c:pt idx="8479">
                  <c:v>45005</c:v>
                </c:pt>
                <c:pt idx="8480">
                  <c:v>45006</c:v>
                </c:pt>
                <c:pt idx="8481">
                  <c:v>45007</c:v>
                </c:pt>
                <c:pt idx="8482">
                  <c:v>45008</c:v>
                </c:pt>
                <c:pt idx="8483">
                  <c:v>45009</c:v>
                </c:pt>
                <c:pt idx="8484">
                  <c:v>45010</c:v>
                </c:pt>
                <c:pt idx="8485">
                  <c:v>45011</c:v>
                </c:pt>
                <c:pt idx="8486">
                  <c:v>45012</c:v>
                </c:pt>
                <c:pt idx="8487">
                  <c:v>45013</c:v>
                </c:pt>
                <c:pt idx="8488">
                  <c:v>45014</c:v>
                </c:pt>
                <c:pt idx="8489">
                  <c:v>45015</c:v>
                </c:pt>
                <c:pt idx="8490">
                  <c:v>45016</c:v>
                </c:pt>
                <c:pt idx="8491">
                  <c:v>45017</c:v>
                </c:pt>
                <c:pt idx="8492">
                  <c:v>45018</c:v>
                </c:pt>
                <c:pt idx="8493">
                  <c:v>45019</c:v>
                </c:pt>
                <c:pt idx="8494">
                  <c:v>45020</c:v>
                </c:pt>
                <c:pt idx="8495">
                  <c:v>45021</c:v>
                </c:pt>
                <c:pt idx="8496">
                  <c:v>45022</c:v>
                </c:pt>
                <c:pt idx="8497">
                  <c:v>45023</c:v>
                </c:pt>
                <c:pt idx="8498">
                  <c:v>45024</c:v>
                </c:pt>
                <c:pt idx="8499">
                  <c:v>45025</c:v>
                </c:pt>
                <c:pt idx="8500">
                  <c:v>45026</c:v>
                </c:pt>
                <c:pt idx="8501">
                  <c:v>45027</c:v>
                </c:pt>
                <c:pt idx="8502">
                  <c:v>45028</c:v>
                </c:pt>
                <c:pt idx="8503">
                  <c:v>45029</c:v>
                </c:pt>
                <c:pt idx="8504">
                  <c:v>45030</c:v>
                </c:pt>
                <c:pt idx="8505">
                  <c:v>45031</c:v>
                </c:pt>
                <c:pt idx="8506">
                  <c:v>45032</c:v>
                </c:pt>
                <c:pt idx="8507">
                  <c:v>45033</c:v>
                </c:pt>
                <c:pt idx="8508">
                  <c:v>45034</c:v>
                </c:pt>
                <c:pt idx="8509">
                  <c:v>45035</c:v>
                </c:pt>
                <c:pt idx="8510">
                  <c:v>45036</c:v>
                </c:pt>
                <c:pt idx="8511">
                  <c:v>45037</c:v>
                </c:pt>
                <c:pt idx="8512">
                  <c:v>45038</c:v>
                </c:pt>
                <c:pt idx="8513">
                  <c:v>45039</c:v>
                </c:pt>
                <c:pt idx="8514">
                  <c:v>45040</c:v>
                </c:pt>
                <c:pt idx="8515">
                  <c:v>45041</c:v>
                </c:pt>
                <c:pt idx="8516">
                  <c:v>45042</c:v>
                </c:pt>
                <c:pt idx="8517">
                  <c:v>45043</c:v>
                </c:pt>
                <c:pt idx="8518">
                  <c:v>45044</c:v>
                </c:pt>
                <c:pt idx="8519">
                  <c:v>45045</c:v>
                </c:pt>
                <c:pt idx="8520">
                  <c:v>45046</c:v>
                </c:pt>
                <c:pt idx="8521">
                  <c:v>45047</c:v>
                </c:pt>
                <c:pt idx="8522">
                  <c:v>45048</c:v>
                </c:pt>
                <c:pt idx="8523">
                  <c:v>45049</c:v>
                </c:pt>
                <c:pt idx="8524">
                  <c:v>45050</c:v>
                </c:pt>
                <c:pt idx="8525">
                  <c:v>45051</c:v>
                </c:pt>
                <c:pt idx="8526">
                  <c:v>45052</c:v>
                </c:pt>
                <c:pt idx="8527">
                  <c:v>45053</c:v>
                </c:pt>
                <c:pt idx="8528">
                  <c:v>45054</c:v>
                </c:pt>
                <c:pt idx="8529">
                  <c:v>45055</c:v>
                </c:pt>
                <c:pt idx="8530">
                  <c:v>45056</c:v>
                </c:pt>
                <c:pt idx="8531">
                  <c:v>45057</c:v>
                </c:pt>
                <c:pt idx="8532">
                  <c:v>45058</c:v>
                </c:pt>
                <c:pt idx="8533">
                  <c:v>45059</c:v>
                </c:pt>
                <c:pt idx="8534">
                  <c:v>45060</c:v>
                </c:pt>
                <c:pt idx="8535">
                  <c:v>45061</c:v>
                </c:pt>
                <c:pt idx="8536">
                  <c:v>45062</c:v>
                </c:pt>
                <c:pt idx="8537">
                  <c:v>45063</c:v>
                </c:pt>
                <c:pt idx="8538">
                  <c:v>45064</c:v>
                </c:pt>
                <c:pt idx="8539">
                  <c:v>45065</c:v>
                </c:pt>
                <c:pt idx="8540">
                  <c:v>45066</c:v>
                </c:pt>
                <c:pt idx="8541">
                  <c:v>45067</c:v>
                </c:pt>
                <c:pt idx="8542">
                  <c:v>45068</c:v>
                </c:pt>
                <c:pt idx="8543">
                  <c:v>45069</c:v>
                </c:pt>
                <c:pt idx="8544">
                  <c:v>45070</c:v>
                </c:pt>
                <c:pt idx="8545">
                  <c:v>45071</c:v>
                </c:pt>
                <c:pt idx="8546">
                  <c:v>45072</c:v>
                </c:pt>
                <c:pt idx="8547">
                  <c:v>45073</c:v>
                </c:pt>
                <c:pt idx="8548">
                  <c:v>45074</c:v>
                </c:pt>
                <c:pt idx="8549">
                  <c:v>45075</c:v>
                </c:pt>
                <c:pt idx="8550">
                  <c:v>45076</c:v>
                </c:pt>
                <c:pt idx="8551">
                  <c:v>45077</c:v>
                </c:pt>
                <c:pt idx="8552">
                  <c:v>45078</c:v>
                </c:pt>
                <c:pt idx="8553">
                  <c:v>45079</c:v>
                </c:pt>
                <c:pt idx="8554">
                  <c:v>45080</c:v>
                </c:pt>
                <c:pt idx="8555">
                  <c:v>45081</c:v>
                </c:pt>
                <c:pt idx="8556">
                  <c:v>45082</c:v>
                </c:pt>
                <c:pt idx="8557">
                  <c:v>45083</c:v>
                </c:pt>
                <c:pt idx="8558">
                  <c:v>45084</c:v>
                </c:pt>
                <c:pt idx="8559">
                  <c:v>45085</c:v>
                </c:pt>
                <c:pt idx="8560">
                  <c:v>45086</c:v>
                </c:pt>
                <c:pt idx="8561">
                  <c:v>45087</c:v>
                </c:pt>
                <c:pt idx="8562">
                  <c:v>45088</c:v>
                </c:pt>
                <c:pt idx="8563">
                  <c:v>45089</c:v>
                </c:pt>
                <c:pt idx="8564">
                  <c:v>45090</c:v>
                </c:pt>
                <c:pt idx="8565">
                  <c:v>45091</c:v>
                </c:pt>
                <c:pt idx="8566">
                  <c:v>45092</c:v>
                </c:pt>
                <c:pt idx="8567">
                  <c:v>45093</c:v>
                </c:pt>
                <c:pt idx="8568">
                  <c:v>45094</c:v>
                </c:pt>
                <c:pt idx="8569">
                  <c:v>45095</c:v>
                </c:pt>
                <c:pt idx="8570">
                  <c:v>45096</c:v>
                </c:pt>
                <c:pt idx="8571">
                  <c:v>45097</c:v>
                </c:pt>
                <c:pt idx="8572">
                  <c:v>45098</c:v>
                </c:pt>
                <c:pt idx="8573">
                  <c:v>45099</c:v>
                </c:pt>
                <c:pt idx="8574">
                  <c:v>45100</c:v>
                </c:pt>
                <c:pt idx="8575">
                  <c:v>45101</c:v>
                </c:pt>
                <c:pt idx="8576">
                  <c:v>45102</c:v>
                </c:pt>
                <c:pt idx="8577">
                  <c:v>45103</c:v>
                </c:pt>
                <c:pt idx="8578">
                  <c:v>45104</c:v>
                </c:pt>
                <c:pt idx="8579">
                  <c:v>45105</c:v>
                </c:pt>
                <c:pt idx="8580">
                  <c:v>45106</c:v>
                </c:pt>
                <c:pt idx="8581">
                  <c:v>45107</c:v>
                </c:pt>
                <c:pt idx="8582">
                  <c:v>45108</c:v>
                </c:pt>
                <c:pt idx="8583">
                  <c:v>45109</c:v>
                </c:pt>
                <c:pt idx="8584">
                  <c:v>45110</c:v>
                </c:pt>
                <c:pt idx="8585">
                  <c:v>45111</c:v>
                </c:pt>
                <c:pt idx="8586">
                  <c:v>45112</c:v>
                </c:pt>
                <c:pt idx="8587">
                  <c:v>45113</c:v>
                </c:pt>
                <c:pt idx="8588">
                  <c:v>45114</c:v>
                </c:pt>
                <c:pt idx="8589">
                  <c:v>45115</c:v>
                </c:pt>
                <c:pt idx="8590">
                  <c:v>45116</c:v>
                </c:pt>
                <c:pt idx="8591">
                  <c:v>45117</c:v>
                </c:pt>
                <c:pt idx="8592">
                  <c:v>45118</c:v>
                </c:pt>
                <c:pt idx="8593">
                  <c:v>45119</c:v>
                </c:pt>
                <c:pt idx="8594">
                  <c:v>45120</c:v>
                </c:pt>
                <c:pt idx="8595">
                  <c:v>45121</c:v>
                </c:pt>
                <c:pt idx="8596">
                  <c:v>45122</c:v>
                </c:pt>
                <c:pt idx="8597">
                  <c:v>45123</c:v>
                </c:pt>
                <c:pt idx="8598">
                  <c:v>45124</c:v>
                </c:pt>
                <c:pt idx="8599">
                  <c:v>45125</c:v>
                </c:pt>
                <c:pt idx="8600">
                  <c:v>45126</c:v>
                </c:pt>
                <c:pt idx="8601">
                  <c:v>45127</c:v>
                </c:pt>
                <c:pt idx="8602">
                  <c:v>45128</c:v>
                </c:pt>
                <c:pt idx="8603">
                  <c:v>45129</c:v>
                </c:pt>
                <c:pt idx="8604">
                  <c:v>45130</c:v>
                </c:pt>
                <c:pt idx="8605">
                  <c:v>45131</c:v>
                </c:pt>
                <c:pt idx="8606">
                  <c:v>45132</c:v>
                </c:pt>
                <c:pt idx="8607">
                  <c:v>45133</c:v>
                </c:pt>
                <c:pt idx="8608">
                  <c:v>45134</c:v>
                </c:pt>
                <c:pt idx="8609">
                  <c:v>45135</c:v>
                </c:pt>
                <c:pt idx="8610">
                  <c:v>45136</c:v>
                </c:pt>
                <c:pt idx="8611">
                  <c:v>45137</c:v>
                </c:pt>
                <c:pt idx="8612">
                  <c:v>45138</c:v>
                </c:pt>
                <c:pt idx="8613">
                  <c:v>45139</c:v>
                </c:pt>
                <c:pt idx="8614">
                  <c:v>45140</c:v>
                </c:pt>
                <c:pt idx="8615">
                  <c:v>45141</c:v>
                </c:pt>
                <c:pt idx="8616">
                  <c:v>45142</c:v>
                </c:pt>
                <c:pt idx="8617">
                  <c:v>45143</c:v>
                </c:pt>
                <c:pt idx="8618">
                  <c:v>45144</c:v>
                </c:pt>
                <c:pt idx="8619">
                  <c:v>45145</c:v>
                </c:pt>
                <c:pt idx="8620">
                  <c:v>45146</c:v>
                </c:pt>
                <c:pt idx="8621">
                  <c:v>45147</c:v>
                </c:pt>
                <c:pt idx="8622">
                  <c:v>45148</c:v>
                </c:pt>
                <c:pt idx="8623">
                  <c:v>45149</c:v>
                </c:pt>
                <c:pt idx="8624">
                  <c:v>45150</c:v>
                </c:pt>
                <c:pt idx="8625">
                  <c:v>45151</c:v>
                </c:pt>
                <c:pt idx="8626">
                  <c:v>45152</c:v>
                </c:pt>
                <c:pt idx="8627">
                  <c:v>45153</c:v>
                </c:pt>
                <c:pt idx="8628">
                  <c:v>45154</c:v>
                </c:pt>
                <c:pt idx="8629">
                  <c:v>45155</c:v>
                </c:pt>
                <c:pt idx="8630">
                  <c:v>45156</c:v>
                </c:pt>
                <c:pt idx="8631">
                  <c:v>45157</c:v>
                </c:pt>
                <c:pt idx="8632">
                  <c:v>45158</c:v>
                </c:pt>
                <c:pt idx="8633">
                  <c:v>45159</c:v>
                </c:pt>
                <c:pt idx="8634">
                  <c:v>45160</c:v>
                </c:pt>
                <c:pt idx="8635">
                  <c:v>45161</c:v>
                </c:pt>
                <c:pt idx="8636">
                  <c:v>45162</c:v>
                </c:pt>
                <c:pt idx="8637">
                  <c:v>45163</c:v>
                </c:pt>
                <c:pt idx="8638">
                  <c:v>45164</c:v>
                </c:pt>
                <c:pt idx="8639">
                  <c:v>45165</c:v>
                </c:pt>
                <c:pt idx="8640">
                  <c:v>45166</c:v>
                </c:pt>
                <c:pt idx="8641">
                  <c:v>45167</c:v>
                </c:pt>
                <c:pt idx="8642">
                  <c:v>45168</c:v>
                </c:pt>
                <c:pt idx="8643">
                  <c:v>45169</c:v>
                </c:pt>
                <c:pt idx="8644">
                  <c:v>45170</c:v>
                </c:pt>
                <c:pt idx="8645">
                  <c:v>45171</c:v>
                </c:pt>
                <c:pt idx="8646">
                  <c:v>45172</c:v>
                </c:pt>
                <c:pt idx="8647">
                  <c:v>45173</c:v>
                </c:pt>
                <c:pt idx="8648">
                  <c:v>45174</c:v>
                </c:pt>
                <c:pt idx="8649">
                  <c:v>45175</c:v>
                </c:pt>
                <c:pt idx="8650">
                  <c:v>45176</c:v>
                </c:pt>
                <c:pt idx="8651">
                  <c:v>45177</c:v>
                </c:pt>
                <c:pt idx="8652">
                  <c:v>45178</c:v>
                </c:pt>
                <c:pt idx="8653">
                  <c:v>45179</c:v>
                </c:pt>
                <c:pt idx="8654">
                  <c:v>45180</c:v>
                </c:pt>
                <c:pt idx="8655">
                  <c:v>45181</c:v>
                </c:pt>
                <c:pt idx="8656">
                  <c:v>45182</c:v>
                </c:pt>
                <c:pt idx="8657">
                  <c:v>45183</c:v>
                </c:pt>
                <c:pt idx="8658">
                  <c:v>45184</c:v>
                </c:pt>
                <c:pt idx="8659">
                  <c:v>45185</c:v>
                </c:pt>
                <c:pt idx="8660">
                  <c:v>45186</c:v>
                </c:pt>
                <c:pt idx="8661">
                  <c:v>45187</c:v>
                </c:pt>
                <c:pt idx="8662">
                  <c:v>45188</c:v>
                </c:pt>
                <c:pt idx="8663">
                  <c:v>45189</c:v>
                </c:pt>
                <c:pt idx="8664">
                  <c:v>45190</c:v>
                </c:pt>
                <c:pt idx="8665">
                  <c:v>45191</c:v>
                </c:pt>
                <c:pt idx="8666">
                  <c:v>45192</c:v>
                </c:pt>
                <c:pt idx="8667">
                  <c:v>45193</c:v>
                </c:pt>
                <c:pt idx="8668">
                  <c:v>45194</c:v>
                </c:pt>
                <c:pt idx="8669">
                  <c:v>45195</c:v>
                </c:pt>
                <c:pt idx="8670">
                  <c:v>45196</c:v>
                </c:pt>
                <c:pt idx="8671">
                  <c:v>45197</c:v>
                </c:pt>
                <c:pt idx="8672">
                  <c:v>45198</c:v>
                </c:pt>
                <c:pt idx="8673">
                  <c:v>45199</c:v>
                </c:pt>
                <c:pt idx="8674">
                  <c:v>45200</c:v>
                </c:pt>
                <c:pt idx="8675">
                  <c:v>45201</c:v>
                </c:pt>
                <c:pt idx="8676">
                  <c:v>45202</c:v>
                </c:pt>
                <c:pt idx="8677">
                  <c:v>45203</c:v>
                </c:pt>
                <c:pt idx="8678">
                  <c:v>45204</c:v>
                </c:pt>
                <c:pt idx="8679">
                  <c:v>45205</c:v>
                </c:pt>
                <c:pt idx="8680">
                  <c:v>45206</c:v>
                </c:pt>
                <c:pt idx="8681">
                  <c:v>45207</c:v>
                </c:pt>
                <c:pt idx="8682">
                  <c:v>45208</c:v>
                </c:pt>
                <c:pt idx="8683">
                  <c:v>45209</c:v>
                </c:pt>
                <c:pt idx="8684">
                  <c:v>45210</c:v>
                </c:pt>
                <c:pt idx="8685">
                  <c:v>45211</c:v>
                </c:pt>
                <c:pt idx="8686">
                  <c:v>45212</c:v>
                </c:pt>
                <c:pt idx="8687">
                  <c:v>45213</c:v>
                </c:pt>
                <c:pt idx="8688">
                  <c:v>45214</c:v>
                </c:pt>
                <c:pt idx="8689">
                  <c:v>45215</c:v>
                </c:pt>
                <c:pt idx="8690">
                  <c:v>45216</c:v>
                </c:pt>
                <c:pt idx="8691">
                  <c:v>45217</c:v>
                </c:pt>
                <c:pt idx="8692">
                  <c:v>45218</c:v>
                </c:pt>
                <c:pt idx="8693">
                  <c:v>45219</c:v>
                </c:pt>
                <c:pt idx="8694">
                  <c:v>45220</c:v>
                </c:pt>
                <c:pt idx="8695">
                  <c:v>45221</c:v>
                </c:pt>
                <c:pt idx="8696">
                  <c:v>45222</c:v>
                </c:pt>
                <c:pt idx="8697">
                  <c:v>45223</c:v>
                </c:pt>
                <c:pt idx="8698">
                  <c:v>45224</c:v>
                </c:pt>
                <c:pt idx="8699">
                  <c:v>45225</c:v>
                </c:pt>
                <c:pt idx="8700">
                  <c:v>45226</c:v>
                </c:pt>
                <c:pt idx="8701">
                  <c:v>45227</c:v>
                </c:pt>
                <c:pt idx="8702">
                  <c:v>45228</c:v>
                </c:pt>
                <c:pt idx="8703">
                  <c:v>45229</c:v>
                </c:pt>
                <c:pt idx="8704">
                  <c:v>45230</c:v>
                </c:pt>
                <c:pt idx="8705">
                  <c:v>45231</c:v>
                </c:pt>
                <c:pt idx="8706">
                  <c:v>45232</c:v>
                </c:pt>
                <c:pt idx="8707">
                  <c:v>45233</c:v>
                </c:pt>
                <c:pt idx="8708">
                  <c:v>45234</c:v>
                </c:pt>
                <c:pt idx="8709">
                  <c:v>45235</c:v>
                </c:pt>
                <c:pt idx="8710">
                  <c:v>45236</c:v>
                </c:pt>
                <c:pt idx="8711">
                  <c:v>45237</c:v>
                </c:pt>
                <c:pt idx="8712">
                  <c:v>45238</c:v>
                </c:pt>
                <c:pt idx="8713">
                  <c:v>45239</c:v>
                </c:pt>
                <c:pt idx="8714">
                  <c:v>45240</c:v>
                </c:pt>
                <c:pt idx="8715">
                  <c:v>45241</c:v>
                </c:pt>
                <c:pt idx="8716">
                  <c:v>45242</c:v>
                </c:pt>
                <c:pt idx="8717">
                  <c:v>45243</c:v>
                </c:pt>
                <c:pt idx="8718">
                  <c:v>45244</c:v>
                </c:pt>
                <c:pt idx="8719">
                  <c:v>45245</c:v>
                </c:pt>
                <c:pt idx="8720">
                  <c:v>45246</c:v>
                </c:pt>
                <c:pt idx="8721">
                  <c:v>45247</c:v>
                </c:pt>
                <c:pt idx="8722">
                  <c:v>45248</c:v>
                </c:pt>
                <c:pt idx="8723">
                  <c:v>45249</c:v>
                </c:pt>
                <c:pt idx="8724">
                  <c:v>45250</c:v>
                </c:pt>
                <c:pt idx="8725">
                  <c:v>45251</c:v>
                </c:pt>
                <c:pt idx="8726">
                  <c:v>45252</c:v>
                </c:pt>
                <c:pt idx="8727">
                  <c:v>45253</c:v>
                </c:pt>
                <c:pt idx="8728">
                  <c:v>45254</c:v>
                </c:pt>
                <c:pt idx="8729">
                  <c:v>45255</c:v>
                </c:pt>
                <c:pt idx="8730">
                  <c:v>45256</c:v>
                </c:pt>
                <c:pt idx="8731">
                  <c:v>45257</c:v>
                </c:pt>
                <c:pt idx="8732">
                  <c:v>45258</c:v>
                </c:pt>
                <c:pt idx="8733">
                  <c:v>45259</c:v>
                </c:pt>
                <c:pt idx="8734">
                  <c:v>45260</c:v>
                </c:pt>
                <c:pt idx="8735">
                  <c:v>45261</c:v>
                </c:pt>
                <c:pt idx="8736">
                  <c:v>45262</c:v>
                </c:pt>
                <c:pt idx="8737">
                  <c:v>45263</c:v>
                </c:pt>
                <c:pt idx="8738">
                  <c:v>45264</c:v>
                </c:pt>
                <c:pt idx="8739">
                  <c:v>45265</c:v>
                </c:pt>
                <c:pt idx="8740">
                  <c:v>45266</c:v>
                </c:pt>
                <c:pt idx="8741">
                  <c:v>45267</c:v>
                </c:pt>
                <c:pt idx="8742">
                  <c:v>45268</c:v>
                </c:pt>
                <c:pt idx="8743">
                  <c:v>45269</c:v>
                </c:pt>
                <c:pt idx="8744">
                  <c:v>45270</c:v>
                </c:pt>
                <c:pt idx="8745">
                  <c:v>45271</c:v>
                </c:pt>
                <c:pt idx="8746">
                  <c:v>45272</c:v>
                </c:pt>
                <c:pt idx="8747">
                  <c:v>45273</c:v>
                </c:pt>
                <c:pt idx="8748">
                  <c:v>45274</c:v>
                </c:pt>
                <c:pt idx="8749">
                  <c:v>45275</c:v>
                </c:pt>
                <c:pt idx="8750">
                  <c:v>45276</c:v>
                </c:pt>
                <c:pt idx="8751">
                  <c:v>45277</c:v>
                </c:pt>
                <c:pt idx="8752">
                  <c:v>45278</c:v>
                </c:pt>
                <c:pt idx="8753">
                  <c:v>45279</c:v>
                </c:pt>
                <c:pt idx="8754">
                  <c:v>45280</c:v>
                </c:pt>
                <c:pt idx="8755">
                  <c:v>45281</c:v>
                </c:pt>
                <c:pt idx="8756">
                  <c:v>45282</c:v>
                </c:pt>
                <c:pt idx="8757">
                  <c:v>45283</c:v>
                </c:pt>
                <c:pt idx="8758">
                  <c:v>45284</c:v>
                </c:pt>
                <c:pt idx="8759">
                  <c:v>45285</c:v>
                </c:pt>
                <c:pt idx="8760">
                  <c:v>45286</c:v>
                </c:pt>
                <c:pt idx="8761">
                  <c:v>45287</c:v>
                </c:pt>
                <c:pt idx="8762">
                  <c:v>45288</c:v>
                </c:pt>
                <c:pt idx="8763">
                  <c:v>45289</c:v>
                </c:pt>
                <c:pt idx="8764">
                  <c:v>45290</c:v>
                </c:pt>
                <c:pt idx="8765">
                  <c:v>45291</c:v>
                </c:pt>
                <c:pt idx="8766">
                  <c:v>45292</c:v>
                </c:pt>
                <c:pt idx="8767">
                  <c:v>45293</c:v>
                </c:pt>
                <c:pt idx="8768">
                  <c:v>45294</c:v>
                </c:pt>
                <c:pt idx="8769">
                  <c:v>45295</c:v>
                </c:pt>
                <c:pt idx="8770">
                  <c:v>45296</c:v>
                </c:pt>
                <c:pt idx="8771">
                  <c:v>45297</c:v>
                </c:pt>
                <c:pt idx="8772">
                  <c:v>45298</c:v>
                </c:pt>
                <c:pt idx="8773">
                  <c:v>45299</c:v>
                </c:pt>
                <c:pt idx="8774">
                  <c:v>45300</c:v>
                </c:pt>
                <c:pt idx="8775">
                  <c:v>45301</c:v>
                </c:pt>
                <c:pt idx="8776">
                  <c:v>45302</c:v>
                </c:pt>
                <c:pt idx="8777">
                  <c:v>45303</c:v>
                </c:pt>
                <c:pt idx="8778">
                  <c:v>45304</c:v>
                </c:pt>
                <c:pt idx="8779">
                  <c:v>45305</c:v>
                </c:pt>
                <c:pt idx="8780">
                  <c:v>45306</c:v>
                </c:pt>
                <c:pt idx="8781">
                  <c:v>45307</c:v>
                </c:pt>
                <c:pt idx="8782">
                  <c:v>45308</c:v>
                </c:pt>
                <c:pt idx="8783">
                  <c:v>45309</c:v>
                </c:pt>
                <c:pt idx="8784">
                  <c:v>45310</c:v>
                </c:pt>
                <c:pt idx="8785">
                  <c:v>45311</c:v>
                </c:pt>
                <c:pt idx="8786">
                  <c:v>45312</c:v>
                </c:pt>
                <c:pt idx="8787">
                  <c:v>45313</c:v>
                </c:pt>
                <c:pt idx="8788">
                  <c:v>45314</c:v>
                </c:pt>
                <c:pt idx="8789">
                  <c:v>45315</c:v>
                </c:pt>
                <c:pt idx="8790">
                  <c:v>45316</c:v>
                </c:pt>
                <c:pt idx="8791">
                  <c:v>45317</c:v>
                </c:pt>
                <c:pt idx="8792">
                  <c:v>45318</c:v>
                </c:pt>
                <c:pt idx="8793">
                  <c:v>45319</c:v>
                </c:pt>
                <c:pt idx="8794">
                  <c:v>45320</c:v>
                </c:pt>
                <c:pt idx="8795">
                  <c:v>45321</c:v>
                </c:pt>
                <c:pt idx="8796">
                  <c:v>45322</c:v>
                </c:pt>
                <c:pt idx="8797">
                  <c:v>45323</c:v>
                </c:pt>
                <c:pt idx="8798">
                  <c:v>45324</c:v>
                </c:pt>
                <c:pt idx="8799">
                  <c:v>45325</c:v>
                </c:pt>
                <c:pt idx="8800">
                  <c:v>45326</c:v>
                </c:pt>
                <c:pt idx="8801">
                  <c:v>45327</c:v>
                </c:pt>
                <c:pt idx="8802">
                  <c:v>45328</c:v>
                </c:pt>
                <c:pt idx="8803">
                  <c:v>45329</c:v>
                </c:pt>
                <c:pt idx="8804">
                  <c:v>45330</c:v>
                </c:pt>
                <c:pt idx="8805">
                  <c:v>45331</c:v>
                </c:pt>
                <c:pt idx="8806">
                  <c:v>45332</c:v>
                </c:pt>
                <c:pt idx="8807">
                  <c:v>45333</c:v>
                </c:pt>
                <c:pt idx="8808">
                  <c:v>45334</c:v>
                </c:pt>
                <c:pt idx="8809">
                  <c:v>45335</c:v>
                </c:pt>
                <c:pt idx="8810">
                  <c:v>45336</c:v>
                </c:pt>
                <c:pt idx="8811">
                  <c:v>45337</c:v>
                </c:pt>
                <c:pt idx="8812">
                  <c:v>45338</c:v>
                </c:pt>
                <c:pt idx="8813">
                  <c:v>45339</c:v>
                </c:pt>
                <c:pt idx="8814">
                  <c:v>45340</c:v>
                </c:pt>
                <c:pt idx="8815">
                  <c:v>45341</c:v>
                </c:pt>
                <c:pt idx="8816">
                  <c:v>45342</c:v>
                </c:pt>
                <c:pt idx="8817">
                  <c:v>45343</c:v>
                </c:pt>
                <c:pt idx="8818">
                  <c:v>45344</c:v>
                </c:pt>
                <c:pt idx="8819">
                  <c:v>45345</c:v>
                </c:pt>
                <c:pt idx="8820">
                  <c:v>45346</c:v>
                </c:pt>
                <c:pt idx="8821">
                  <c:v>45347</c:v>
                </c:pt>
                <c:pt idx="8822">
                  <c:v>45348</c:v>
                </c:pt>
                <c:pt idx="8823">
                  <c:v>45349</c:v>
                </c:pt>
                <c:pt idx="8824">
                  <c:v>45350</c:v>
                </c:pt>
                <c:pt idx="8825">
                  <c:v>45351</c:v>
                </c:pt>
                <c:pt idx="8826">
                  <c:v>45352</c:v>
                </c:pt>
                <c:pt idx="8827">
                  <c:v>45353</c:v>
                </c:pt>
                <c:pt idx="8828">
                  <c:v>45354</c:v>
                </c:pt>
                <c:pt idx="8829">
                  <c:v>45355</c:v>
                </c:pt>
                <c:pt idx="8830">
                  <c:v>45356</c:v>
                </c:pt>
                <c:pt idx="8831">
                  <c:v>45357</c:v>
                </c:pt>
                <c:pt idx="8832">
                  <c:v>45358</c:v>
                </c:pt>
                <c:pt idx="8833">
                  <c:v>45359</c:v>
                </c:pt>
                <c:pt idx="8834">
                  <c:v>45360</c:v>
                </c:pt>
                <c:pt idx="8835">
                  <c:v>45361</c:v>
                </c:pt>
                <c:pt idx="8836">
                  <c:v>45362</c:v>
                </c:pt>
                <c:pt idx="8837">
                  <c:v>45363</c:v>
                </c:pt>
                <c:pt idx="8838">
                  <c:v>45364</c:v>
                </c:pt>
                <c:pt idx="8839">
                  <c:v>45365</c:v>
                </c:pt>
                <c:pt idx="8840">
                  <c:v>45366</c:v>
                </c:pt>
                <c:pt idx="8841">
                  <c:v>45367</c:v>
                </c:pt>
                <c:pt idx="8842">
                  <c:v>45368</c:v>
                </c:pt>
                <c:pt idx="8843">
                  <c:v>45369</c:v>
                </c:pt>
                <c:pt idx="8844">
                  <c:v>45370</c:v>
                </c:pt>
                <c:pt idx="8845">
                  <c:v>45371</c:v>
                </c:pt>
                <c:pt idx="8846">
                  <c:v>45372</c:v>
                </c:pt>
                <c:pt idx="8847">
                  <c:v>45373</c:v>
                </c:pt>
                <c:pt idx="8848">
                  <c:v>45374</c:v>
                </c:pt>
                <c:pt idx="8849">
                  <c:v>45375</c:v>
                </c:pt>
                <c:pt idx="8850">
                  <c:v>45376</c:v>
                </c:pt>
                <c:pt idx="8851">
                  <c:v>45377</c:v>
                </c:pt>
                <c:pt idx="8852">
                  <c:v>45378</c:v>
                </c:pt>
                <c:pt idx="8853">
                  <c:v>45379</c:v>
                </c:pt>
                <c:pt idx="8854">
                  <c:v>45380</c:v>
                </c:pt>
                <c:pt idx="8855">
                  <c:v>45381</c:v>
                </c:pt>
                <c:pt idx="8856">
                  <c:v>45382</c:v>
                </c:pt>
                <c:pt idx="8857">
                  <c:v>45383</c:v>
                </c:pt>
                <c:pt idx="8858">
                  <c:v>45384</c:v>
                </c:pt>
                <c:pt idx="8859">
                  <c:v>45385</c:v>
                </c:pt>
                <c:pt idx="8860">
                  <c:v>45386</c:v>
                </c:pt>
                <c:pt idx="8861">
                  <c:v>45387</c:v>
                </c:pt>
                <c:pt idx="8862">
                  <c:v>45388</c:v>
                </c:pt>
                <c:pt idx="8863">
                  <c:v>45389</c:v>
                </c:pt>
                <c:pt idx="8864">
                  <c:v>45390</c:v>
                </c:pt>
                <c:pt idx="8865">
                  <c:v>45391</c:v>
                </c:pt>
                <c:pt idx="8866">
                  <c:v>45392</c:v>
                </c:pt>
                <c:pt idx="8867">
                  <c:v>45393</c:v>
                </c:pt>
                <c:pt idx="8868">
                  <c:v>45394</c:v>
                </c:pt>
                <c:pt idx="8869">
                  <c:v>45395</c:v>
                </c:pt>
                <c:pt idx="8870">
                  <c:v>45396</c:v>
                </c:pt>
                <c:pt idx="8871">
                  <c:v>45397</c:v>
                </c:pt>
                <c:pt idx="8872">
                  <c:v>45398</c:v>
                </c:pt>
                <c:pt idx="8873">
                  <c:v>45399</c:v>
                </c:pt>
                <c:pt idx="8874">
                  <c:v>45400</c:v>
                </c:pt>
                <c:pt idx="8875">
                  <c:v>45401</c:v>
                </c:pt>
                <c:pt idx="8876">
                  <c:v>45402</c:v>
                </c:pt>
                <c:pt idx="8877">
                  <c:v>45403</c:v>
                </c:pt>
                <c:pt idx="8878">
                  <c:v>45404</c:v>
                </c:pt>
                <c:pt idx="8879">
                  <c:v>45405</c:v>
                </c:pt>
                <c:pt idx="8880">
                  <c:v>45406</c:v>
                </c:pt>
                <c:pt idx="8881">
                  <c:v>45407</c:v>
                </c:pt>
                <c:pt idx="8882">
                  <c:v>45408</c:v>
                </c:pt>
                <c:pt idx="8883">
                  <c:v>45409</c:v>
                </c:pt>
                <c:pt idx="8884">
                  <c:v>45410</c:v>
                </c:pt>
                <c:pt idx="8885">
                  <c:v>45411</c:v>
                </c:pt>
                <c:pt idx="8886">
                  <c:v>45412</c:v>
                </c:pt>
                <c:pt idx="8887">
                  <c:v>45413</c:v>
                </c:pt>
                <c:pt idx="8888">
                  <c:v>45414</c:v>
                </c:pt>
                <c:pt idx="8889">
                  <c:v>45415</c:v>
                </c:pt>
                <c:pt idx="8890">
                  <c:v>45416</c:v>
                </c:pt>
                <c:pt idx="8891">
                  <c:v>45417</c:v>
                </c:pt>
                <c:pt idx="8892">
                  <c:v>45418</c:v>
                </c:pt>
                <c:pt idx="8893">
                  <c:v>45419</c:v>
                </c:pt>
                <c:pt idx="8894">
                  <c:v>45420</c:v>
                </c:pt>
                <c:pt idx="8895">
                  <c:v>45421</c:v>
                </c:pt>
                <c:pt idx="8896">
                  <c:v>45422</c:v>
                </c:pt>
                <c:pt idx="8897">
                  <c:v>45423</c:v>
                </c:pt>
                <c:pt idx="8898">
                  <c:v>45424</c:v>
                </c:pt>
                <c:pt idx="8899">
                  <c:v>45425</c:v>
                </c:pt>
                <c:pt idx="8900">
                  <c:v>45426</c:v>
                </c:pt>
                <c:pt idx="8901">
                  <c:v>45427</c:v>
                </c:pt>
                <c:pt idx="8902">
                  <c:v>45428</c:v>
                </c:pt>
                <c:pt idx="8903">
                  <c:v>45429</c:v>
                </c:pt>
                <c:pt idx="8904">
                  <c:v>45430</c:v>
                </c:pt>
                <c:pt idx="8905">
                  <c:v>45431</c:v>
                </c:pt>
                <c:pt idx="8906">
                  <c:v>45432</c:v>
                </c:pt>
                <c:pt idx="8907">
                  <c:v>45433</c:v>
                </c:pt>
                <c:pt idx="8908">
                  <c:v>45434</c:v>
                </c:pt>
                <c:pt idx="8909">
                  <c:v>45435</c:v>
                </c:pt>
                <c:pt idx="8910">
                  <c:v>45436</c:v>
                </c:pt>
                <c:pt idx="8911">
                  <c:v>45437</c:v>
                </c:pt>
                <c:pt idx="8912">
                  <c:v>45438</c:v>
                </c:pt>
                <c:pt idx="8913">
                  <c:v>45439</c:v>
                </c:pt>
                <c:pt idx="8914">
                  <c:v>45440</c:v>
                </c:pt>
                <c:pt idx="8915">
                  <c:v>45441</c:v>
                </c:pt>
                <c:pt idx="8916">
                  <c:v>45442</c:v>
                </c:pt>
                <c:pt idx="8917">
                  <c:v>45443</c:v>
                </c:pt>
                <c:pt idx="8918">
                  <c:v>45444</c:v>
                </c:pt>
                <c:pt idx="8919">
                  <c:v>45445</c:v>
                </c:pt>
                <c:pt idx="8920">
                  <c:v>45446</c:v>
                </c:pt>
                <c:pt idx="8921">
                  <c:v>45447</c:v>
                </c:pt>
                <c:pt idx="8922">
                  <c:v>45448</c:v>
                </c:pt>
                <c:pt idx="8923">
                  <c:v>45449</c:v>
                </c:pt>
                <c:pt idx="8924">
                  <c:v>45450</c:v>
                </c:pt>
                <c:pt idx="8925">
                  <c:v>45451</c:v>
                </c:pt>
                <c:pt idx="8926">
                  <c:v>45452</c:v>
                </c:pt>
                <c:pt idx="8927">
                  <c:v>45453</c:v>
                </c:pt>
                <c:pt idx="8928">
                  <c:v>45454</c:v>
                </c:pt>
                <c:pt idx="8929">
                  <c:v>45455</c:v>
                </c:pt>
                <c:pt idx="8930">
                  <c:v>45456</c:v>
                </c:pt>
                <c:pt idx="8931">
                  <c:v>45457</c:v>
                </c:pt>
                <c:pt idx="8932">
                  <c:v>45458</c:v>
                </c:pt>
                <c:pt idx="8933">
                  <c:v>45459</c:v>
                </c:pt>
                <c:pt idx="8934">
                  <c:v>45460</c:v>
                </c:pt>
                <c:pt idx="8935">
                  <c:v>45461</c:v>
                </c:pt>
                <c:pt idx="8936">
                  <c:v>45462</c:v>
                </c:pt>
                <c:pt idx="8937">
                  <c:v>45463</c:v>
                </c:pt>
                <c:pt idx="8938">
                  <c:v>45464</c:v>
                </c:pt>
                <c:pt idx="8939">
                  <c:v>45465</c:v>
                </c:pt>
                <c:pt idx="8940">
                  <c:v>45466</c:v>
                </c:pt>
                <c:pt idx="8941">
                  <c:v>45467</c:v>
                </c:pt>
                <c:pt idx="8942">
                  <c:v>45468</c:v>
                </c:pt>
                <c:pt idx="8943">
                  <c:v>45469</c:v>
                </c:pt>
                <c:pt idx="8944">
                  <c:v>45470</c:v>
                </c:pt>
                <c:pt idx="8945">
                  <c:v>45471</c:v>
                </c:pt>
                <c:pt idx="8946">
                  <c:v>45472</c:v>
                </c:pt>
                <c:pt idx="8947">
                  <c:v>45473</c:v>
                </c:pt>
              </c:numCache>
            </c:numRef>
          </c:cat>
          <c:val>
            <c:numRef>
              <c:f>Sheet1!$M$5:$M$8952</c:f>
              <c:numCache>
                <c:formatCode>0.00%</c:formatCode>
                <c:ptCount val="8948"/>
                <c:pt idx="0">
                  <c:v>0</c:v>
                </c:pt>
                <c:pt idx="1">
                  <c:v>0</c:v>
                </c:pt>
                <c:pt idx="2">
                  <c:v>5.5E-2</c:v>
                </c:pt>
                <c:pt idx="3">
                  <c:v>5.5E-2</c:v>
                </c:pt>
                <c:pt idx="4">
                  <c:v>5.5E-2</c:v>
                </c:pt>
                <c:pt idx="5">
                  <c:v>5.5E-2</c:v>
                </c:pt>
                <c:pt idx="6">
                  <c:v>5.5E-2</c:v>
                </c:pt>
                <c:pt idx="7">
                  <c:v>5.5E-2</c:v>
                </c:pt>
                <c:pt idx="8">
                  <c:v>5.5E-2</c:v>
                </c:pt>
                <c:pt idx="9">
                  <c:v>5.5E-2</c:v>
                </c:pt>
                <c:pt idx="10">
                  <c:v>5.5E-2</c:v>
                </c:pt>
                <c:pt idx="11">
                  <c:v>5.5E-2</c:v>
                </c:pt>
                <c:pt idx="12">
                  <c:v>5.5E-2</c:v>
                </c:pt>
                <c:pt idx="13">
                  <c:v>5.5E-2</c:v>
                </c:pt>
                <c:pt idx="14">
                  <c:v>5.5E-2</c:v>
                </c:pt>
                <c:pt idx="15">
                  <c:v>5.5E-2</c:v>
                </c:pt>
                <c:pt idx="16">
                  <c:v>5.5E-2</c:v>
                </c:pt>
                <c:pt idx="17">
                  <c:v>5.5E-2</c:v>
                </c:pt>
                <c:pt idx="18">
                  <c:v>5.5E-2</c:v>
                </c:pt>
                <c:pt idx="19">
                  <c:v>5.5E-2</c:v>
                </c:pt>
                <c:pt idx="20">
                  <c:v>5.5E-2</c:v>
                </c:pt>
                <c:pt idx="21">
                  <c:v>5.5E-2</c:v>
                </c:pt>
                <c:pt idx="22">
                  <c:v>5.5E-2</c:v>
                </c:pt>
                <c:pt idx="23">
                  <c:v>5.5E-2</c:v>
                </c:pt>
                <c:pt idx="24">
                  <c:v>5.5E-2</c:v>
                </c:pt>
                <c:pt idx="25">
                  <c:v>5.5E-2</c:v>
                </c:pt>
                <c:pt idx="26">
                  <c:v>5.5E-2</c:v>
                </c:pt>
                <c:pt idx="27">
                  <c:v>5.5E-2</c:v>
                </c:pt>
                <c:pt idx="28">
                  <c:v>5.5E-2</c:v>
                </c:pt>
                <c:pt idx="29">
                  <c:v>5.5E-2</c:v>
                </c:pt>
                <c:pt idx="30">
                  <c:v>5.5E-2</c:v>
                </c:pt>
                <c:pt idx="31">
                  <c:v>5.5E-2</c:v>
                </c:pt>
                <c:pt idx="32">
                  <c:v>5.7500000000000002E-2</c:v>
                </c:pt>
                <c:pt idx="33">
                  <c:v>5.7500000000000002E-2</c:v>
                </c:pt>
                <c:pt idx="34">
                  <c:v>5.7500000000000002E-2</c:v>
                </c:pt>
                <c:pt idx="35">
                  <c:v>5.7500000000000002E-2</c:v>
                </c:pt>
                <c:pt idx="36">
                  <c:v>5.7500000000000002E-2</c:v>
                </c:pt>
                <c:pt idx="37">
                  <c:v>5.7500000000000002E-2</c:v>
                </c:pt>
                <c:pt idx="38">
                  <c:v>5.7500000000000002E-2</c:v>
                </c:pt>
                <c:pt idx="39">
                  <c:v>5.7500000000000002E-2</c:v>
                </c:pt>
                <c:pt idx="40">
                  <c:v>5.7500000000000002E-2</c:v>
                </c:pt>
                <c:pt idx="41">
                  <c:v>5.7500000000000002E-2</c:v>
                </c:pt>
                <c:pt idx="42">
                  <c:v>5.7500000000000002E-2</c:v>
                </c:pt>
                <c:pt idx="43">
                  <c:v>5.7500000000000002E-2</c:v>
                </c:pt>
                <c:pt idx="44">
                  <c:v>5.7500000000000002E-2</c:v>
                </c:pt>
                <c:pt idx="45">
                  <c:v>5.7500000000000002E-2</c:v>
                </c:pt>
                <c:pt idx="46">
                  <c:v>5.7500000000000002E-2</c:v>
                </c:pt>
                <c:pt idx="47">
                  <c:v>5.7500000000000002E-2</c:v>
                </c:pt>
                <c:pt idx="48">
                  <c:v>5.7500000000000002E-2</c:v>
                </c:pt>
                <c:pt idx="49">
                  <c:v>5.7500000000000002E-2</c:v>
                </c:pt>
                <c:pt idx="50">
                  <c:v>5.7500000000000002E-2</c:v>
                </c:pt>
                <c:pt idx="51">
                  <c:v>5.7500000000000002E-2</c:v>
                </c:pt>
                <c:pt idx="52">
                  <c:v>5.7500000000000002E-2</c:v>
                </c:pt>
                <c:pt idx="53">
                  <c:v>5.7500000000000002E-2</c:v>
                </c:pt>
                <c:pt idx="54">
                  <c:v>5.7500000000000002E-2</c:v>
                </c:pt>
                <c:pt idx="55">
                  <c:v>5.7500000000000002E-2</c:v>
                </c:pt>
                <c:pt idx="56">
                  <c:v>5.7500000000000002E-2</c:v>
                </c:pt>
                <c:pt idx="57">
                  <c:v>5.7500000000000002E-2</c:v>
                </c:pt>
                <c:pt idx="58">
                  <c:v>5.7500000000000002E-2</c:v>
                </c:pt>
                <c:pt idx="59">
                  <c:v>5.7500000000000002E-2</c:v>
                </c:pt>
                <c:pt idx="60">
                  <c:v>5.7500000000000002E-2</c:v>
                </c:pt>
                <c:pt idx="61">
                  <c:v>5.7500000000000002E-2</c:v>
                </c:pt>
                <c:pt idx="62">
                  <c:v>5.7500000000000002E-2</c:v>
                </c:pt>
                <c:pt idx="63">
                  <c:v>5.7500000000000002E-2</c:v>
                </c:pt>
                <c:pt idx="64">
                  <c:v>5.7500000000000002E-2</c:v>
                </c:pt>
                <c:pt idx="65">
                  <c:v>5.7500000000000002E-2</c:v>
                </c:pt>
                <c:pt idx="66">
                  <c:v>5.7500000000000002E-2</c:v>
                </c:pt>
                <c:pt idx="67">
                  <c:v>5.7500000000000002E-2</c:v>
                </c:pt>
                <c:pt idx="68">
                  <c:v>5.7500000000000002E-2</c:v>
                </c:pt>
                <c:pt idx="69">
                  <c:v>5.7500000000000002E-2</c:v>
                </c:pt>
                <c:pt idx="70">
                  <c:v>5.7500000000000002E-2</c:v>
                </c:pt>
                <c:pt idx="71">
                  <c:v>5.7500000000000002E-2</c:v>
                </c:pt>
                <c:pt idx="72">
                  <c:v>5.7500000000000002E-2</c:v>
                </c:pt>
                <c:pt idx="73">
                  <c:v>5.7500000000000002E-2</c:v>
                </c:pt>
                <c:pt idx="74">
                  <c:v>5.7500000000000002E-2</c:v>
                </c:pt>
                <c:pt idx="75">
                  <c:v>5.7500000000000002E-2</c:v>
                </c:pt>
                <c:pt idx="76">
                  <c:v>5.7500000000000002E-2</c:v>
                </c:pt>
                <c:pt idx="77">
                  <c:v>5.7500000000000002E-2</c:v>
                </c:pt>
                <c:pt idx="78">
                  <c:v>5.7500000000000002E-2</c:v>
                </c:pt>
                <c:pt idx="79">
                  <c:v>5.7500000000000002E-2</c:v>
                </c:pt>
                <c:pt idx="80">
                  <c:v>0.06</c:v>
                </c:pt>
                <c:pt idx="81">
                  <c:v>0.06</c:v>
                </c:pt>
                <c:pt idx="82">
                  <c:v>0.06</c:v>
                </c:pt>
                <c:pt idx="83">
                  <c:v>0.06</c:v>
                </c:pt>
                <c:pt idx="84">
                  <c:v>0.06</c:v>
                </c:pt>
                <c:pt idx="85">
                  <c:v>0.06</c:v>
                </c:pt>
                <c:pt idx="86">
                  <c:v>0.06</c:v>
                </c:pt>
                <c:pt idx="87">
                  <c:v>0.06</c:v>
                </c:pt>
                <c:pt idx="88">
                  <c:v>0.06</c:v>
                </c:pt>
                <c:pt idx="89">
                  <c:v>0.06</c:v>
                </c:pt>
                <c:pt idx="90">
                  <c:v>0.06</c:v>
                </c:pt>
                <c:pt idx="91">
                  <c:v>0.06</c:v>
                </c:pt>
                <c:pt idx="92">
                  <c:v>0.06</c:v>
                </c:pt>
                <c:pt idx="93">
                  <c:v>0.06</c:v>
                </c:pt>
                <c:pt idx="94">
                  <c:v>0.06</c:v>
                </c:pt>
                <c:pt idx="95">
                  <c:v>0.06</c:v>
                </c:pt>
                <c:pt idx="96">
                  <c:v>0.06</c:v>
                </c:pt>
                <c:pt idx="97">
                  <c:v>0.06</c:v>
                </c:pt>
                <c:pt idx="98">
                  <c:v>0.06</c:v>
                </c:pt>
                <c:pt idx="99">
                  <c:v>0.06</c:v>
                </c:pt>
                <c:pt idx="100">
                  <c:v>0.06</c:v>
                </c:pt>
                <c:pt idx="101">
                  <c:v>0.06</c:v>
                </c:pt>
                <c:pt idx="102">
                  <c:v>0.06</c:v>
                </c:pt>
                <c:pt idx="103">
                  <c:v>0.06</c:v>
                </c:pt>
                <c:pt idx="104">
                  <c:v>0.06</c:v>
                </c:pt>
                <c:pt idx="105">
                  <c:v>0.06</c:v>
                </c:pt>
                <c:pt idx="106">
                  <c:v>0.06</c:v>
                </c:pt>
                <c:pt idx="107">
                  <c:v>0.06</c:v>
                </c:pt>
                <c:pt idx="108">
                  <c:v>0.06</c:v>
                </c:pt>
                <c:pt idx="109">
                  <c:v>0.06</c:v>
                </c:pt>
                <c:pt idx="110">
                  <c:v>0.06</c:v>
                </c:pt>
                <c:pt idx="111">
                  <c:v>0.06</c:v>
                </c:pt>
                <c:pt idx="112">
                  <c:v>0.06</c:v>
                </c:pt>
                <c:pt idx="113">
                  <c:v>0.06</c:v>
                </c:pt>
                <c:pt idx="114">
                  <c:v>0.06</c:v>
                </c:pt>
                <c:pt idx="115">
                  <c:v>0.06</c:v>
                </c:pt>
                <c:pt idx="116">
                  <c:v>0.06</c:v>
                </c:pt>
                <c:pt idx="117">
                  <c:v>0.06</c:v>
                </c:pt>
                <c:pt idx="118">
                  <c:v>0.06</c:v>
                </c:pt>
                <c:pt idx="119">
                  <c:v>0.06</c:v>
                </c:pt>
                <c:pt idx="120">
                  <c:v>0.06</c:v>
                </c:pt>
                <c:pt idx="121">
                  <c:v>0.06</c:v>
                </c:pt>
                <c:pt idx="122">
                  <c:v>0.06</c:v>
                </c:pt>
                <c:pt idx="123">
                  <c:v>0.06</c:v>
                </c:pt>
                <c:pt idx="124">
                  <c:v>0.06</c:v>
                </c:pt>
                <c:pt idx="125">
                  <c:v>0.06</c:v>
                </c:pt>
                <c:pt idx="126">
                  <c:v>0.06</c:v>
                </c:pt>
                <c:pt idx="127">
                  <c:v>0.06</c:v>
                </c:pt>
                <c:pt idx="128">
                  <c:v>0.06</c:v>
                </c:pt>
                <c:pt idx="129">
                  <c:v>0.06</c:v>
                </c:pt>
                <c:pt idx="130">
                  <c:v>0.06</c:v>
                </c:pt>
                <c:pt idx="131">
                  <c:v>0.06</c:v>
                </c:pt>
                <c:pt idx="132">
                  <c:v>0.06</c:v>
                </c:pt>
                <c:pt idx="133">
                  <c:v>0.06</c:v>
                </c:pt>
                <c:pt idx="134">
                  <c:v>0.06</c:v>
                </c:pt>
                <c:pt idx="135">
                  <c:v>0.06</c:v>
                </c:pt>
                <c:pt idx="136">
                  <c:v>6.5000000000000002E-2</c:v>
                </c:pt>
                <c:pt idx="137">
                  <c:v>6.5000000000000002E-2</c:v>
                </c:pt>
                <c:pt idx="138">
                  <c:v>6.5000000000000002E-2</c:v>
                </c:pt>
                <c:pt idx="139">
                  <c:v>6.5000000000000002E-2</c:v>
                </c:pt>
                <c:pt idx="140">
                  <c:v>6.5000000000000002E-2</c:v>
                </c:pt>
                <c:pt idx="141">
                  <c:v>6.5000000000000002E-2</c:v>
                </c:pt>
                <c:pt idx="142">
                  <c:v>6.5000000000000002E-2</c:v>
                </c:pt>
                <c:pt idx="143">
                  <c:v>6.5000000000000002E-2</c:v>
                </c:pt>
                <c:pt idx="144">
                  <c:v>6.5000000000000002E-2</c:v>
                </c:pt>
                <c:pt idx="145">
                  <c:v>6.5000000000000002E-2</c:v>
                </c:pt>
                <c:pt idx="146">
                  <c:v>6.5000000000000002E-2</c:v>
                </c:pt>
                <c:pt idx="147">
                  <c:v>6.5000000000000002E-2</c:v>
                </c:pt>
                <c:pt idx="148">
                  <c:v>6.5000000000000002E-2</c:v>
                </c:pt>
                <c:pt idx="149">
                  <c:v>6.5000000000000002E-2</c:v>
                </c:pt>
                <c:pt idx="150">
                  <c:v>6.5000000000000002E-2</c:v>
                </c:pt>
                <c:pt idx="151">
                  <c:v>6.5000000000000002E-2</c:v>
                </c:pt>
                <c:pt idx="152">
                  <c:v>6.5000000000000002E-2</c:v>
                </c:pt>
                <c:pt idx="153">
                  <c:v>6.5000000000000002E-2</c:v>
                </c:pt>
                <c:pt idx="154">
                  <c:v>6.5000000000000002E-2</c:v>
                </c:pt>
                <c:pt idx="155">
                  <c:v>6.5000000000000002E-2</c:v>
                </c:pt>
                <c:pt idx="156">
                  <c:v>6.5000000000000002E-2</c:v>
                </c:pt>
                <c:pt idx="157">
                  <c:v>6.5000000000000002E-2</c:v>
                </c:pt>
                <c:pt idx="158">
                  <c:v>6.5000000000000002E-2</c:v>
                </c:pt>
                <c:pt idx="159">
                  <c:v>6.5000000000000002E-2</c:v>
                </c:pt>
                <c:pt idx="160">
                  <c:v>6.5000000000000002E-2</c:v>
                </c:pt>
                <c:pt idx="161">
                  <c:v>6.5000000000000002E-2</c:v>
                </c:pt>
                <c:pt idx="162">
                  <c:v>6.5000000000000002E-2</c:v>
                </c:pt>
                <c:pt idx="163">
                  <c:v>6.5000000000000002E-2</c:v>
                </c:pt>
                <c:pt idx="164">
                  <c:v>6.5000000000000002E-2</c:v>
                </c:pt>
                <c:pt idx="165">
                  <c:v>6.5000000000000002E-2</c:v>
                </c:pt>
                <c:pt idx="166">
                  <c:v>6.5000000000000002E-2</c:v>
                </c:pt>
                <c:pt idx="167">
                  <c:v>6.5000000000000002E-2</c:v>
                </c:pt>
                <c:pt idx="168">
                  <c:v>6.5000000000000002E-2</c:v>
                </c:pt>
                <c:pt idx="169">
                  <c:v>6.5000000000000002E-2</c:v>
                </c:pt>
                <c:pt idx="170">
                  <c:v>6.5000000000000002E-2</c:v>
                </c:pt>
                <c:pt idx="171">
                  <c:v>6.5000000000000002E-2</c:v>
                </c:pt>
                <c:pt idx="172">
                  <c:v>6.5000000000000002E-2</c:v>
                </c:pt>
                <c:pt idx="173">
                  <c:v>6.5000000000000002E-2</c:v>
                </c:pt>
                <c:pt idx="174">
                  <c:v>6.5000000000000002E-2</c:v>
                </c:pt>
                <c:pt idx="175">
                  <c:v>6.5000000000000002E-2</c:v>
                </c:pt>
                <c:pt idx="176">
                  <c:v>6.5000000000000002E-2</c:v>
                </c:pt>
                <c:pt idx="177">
                  <c:v>6.5000000000000002E-2</c:v>
                </c:pt>
                <c:pt idx="178">
                  <c:v>6.5000000000000002E-2</c:v>
                </c:pt>
                <c:pt idx="179">
                  <c:v>6.5000000000000002E-2</c:v>
                </c:pt>
                <c:pt idx="180">
                  <c:v>6.5000000000000002E-2</c:v>
                </c:pt>
                <c:pt idx="181">
                  <c:v>6.5000000000000002E-2</c:v>
                </c:pt>
                <c:pt idx="182">
                  <c:v>6.5000000000000002E-2</c:v>
                </c:pt>
                <c:pt idx="183">
                  <c:v>6.5000000000000002E-2</c:v>
                </c:pt>
                <c:pt idx="184">
                  <c:v>6.5000000000000002E-2</c:v>
                </c:pt>
                <c:pt idx="185">
                  <c:v>6.5000000000000002E-2</c:v>
                </c:pt>
                <c:pt idx="186">
                  <c:v>6.5000000000000002E-2</c:v>
                </c:pt>
                <c:pt idx="187">
                  <c:v>6.5000000000000002E-2</c:v>
                </c:pt>
                <c:pt idx="188">
                  <c:v>6.5000000000000002E-2</c:v>
                </c:pt>
                <c:pt idx="189">
                  <c:v>6.5000000000000002E-2</c:v>
                </c:pt>
                <c:pt idx="190">
                  <c:v>6.5000000000000002E-2</c:v>
                </c:pt>
                <c:pt idx="191">
                  <c:v>6.5000000000000002E-2</c:v>
                </c:pt>
                <c:pt idx="192">
                  <c:v>6.5000000000000002E-2</c:v>
                </c:pt>
                <c:pt idx="193">
                  <c:v>6.5000000000000002E-2</c:v>
                </c:pt>
                <c:pt idx="194">
                  <c:v>6.5000000000000002E-2</c:v>
                </c:pt>
                <c:pt idx="195">
                  <c:v>6.5000000000000002E-2</c:v>
                </c:pt>
                <c:pt idx="196">
                  <c:v>6.5000000000000002E-2</c:v>
                </c:pt>
                <c:pt idx="197">
                  <c:v>6.5000000000000002E-2</c:v>
                </c:pt>
                <c:pt idx="198">
                  <c:v>6.5000000000000002E-2</c:v>
                </c:pt>
                <c:pt idx="199">
                  <c:v>6.5000000000000002E-2</c:v>
                </c:pt>
                <c:pt idx="200">
                  <c:v>6.5000000000000002E-2</c:v>
                </c:pt>
                <c:pt idx="201">
                  <c:v>6.5000000000000002E-2</c:v>
                </c:pt>
                <c:pt idx="202">
                  <c:v>6.5000000000000002E-2</c:v>
                </c:pt>
                <c:pt idx="203">
                  <c:v>6.5000000000000002E-2</c:v>
                </c:pt>
                <c:pt idx="204">
                  <c:v>6.5000000000000002E-2</c:v>
                </c:pt>
                <c:pt idx="205">
                  <c:v>6.5000000000000002E-2</c:v>
                </c:pt>
                <c:pt idx="206">
                  <c:v>6.5000000000000002E-2</c:v>
                </c:pt>
                <c:pt idx="207">
                  <c:v>6.5000000000000002E-2</c:v>
                </c:pt>
                <c:pt idx="208">
                  <c:v>6.5000000000000002E-2</c:v>
                </c:pt>
                <c:pt idx="209">
                  <c:v>6.5000000000000002E-2</c:v>
                </c:pt>
                <c:pt idx="210">
                  <c:v>6.5000000000000002E-2</c:v>
                </c:pt>
                <c:pt idx="211">
                  <c:v>6.5000000000000002E-2</c:v>
                </c:pt>
                <c:pt idx="212">
                  <c:v>6.5000000000000002E-2</c:v>
                </c:pt>
                <c:pt idx="213">
                  <c:v>6.5000000000000002E-2</c:v>
                </c:pt>
                <c:pt idx="214">
                  <c:v>6.5000000000000002E-2</c:v>
                </c:pt>
                <c:pt idx="215">
                  <c:v>6.5000000000000002E-2</c:v>
                </c:pt>
                <c:pt idx="216">
                  <c:v>6.5000000000000002E-2</c:v>
                </c:pt>
                <c:pt idx="217">
                  <c:v>6.5000000000000002E-2</c:v>
                </c:pt>
                <c:pt idx="218">
                  <c:v>6.5000000000000002E-2</c:v>
                </c:pt>
                <c:pt idx="219">
                  <c:v>6.5000000000000002E-2</c:v>
                </c:pt>
                <c:pt idx="220">
                  <c:v>6.5000000000000002E-2</c:v>
                </c:pt>
                <c:pt idx="221">
                  <c:v>6.5000000000000002E-2</c:v>
                </c:pt>
                <c:pt idx="222">
                  <c:v>6.5000000000000002E-2</c:v>
                </c:pt>
                <c:pt idx="223">
                  <c:v>6.5000000000000002E-2</c:v>
                </c:pt>
                <c:pt idx="224">
                  <c:v>6.5000000000000002E-2</c:v>
                </c:pt>
                <c:pt idx="225">
                  <c:v>6.5000000000000002E-2</c:v>
                </c:pt>
                <c:pt idx="226">
                  <c:v>6.5000000000000002E-2</c:v>
                </c:pt>
                <c:pt idx="227">
                  <c:v>6.5000000000000002E-2</c:v>
                </c:pt>
                <c:pt idx="228">
                  <c:v>6.5000000000000002E-2</c:v>
                </c:pt>
                <c:pt idx="229">
                  <c:v>6.5000000000000002E-2</c:v>
                </c:pt>
                <c:pt idx="230">
                  <c:v>6.5000000000000002E-2</c:v>
                </c:pt>
                <c:pt idx="231">
                  <c:v>6.5000000000000002E-2</c:v>
                </c:pt>
                <c:pt idx="232">
                  <c:v>6.5000000000000002E-2</c:v>
                </c:pt>
                <c:pt idx="233">
                  <c:v>6.5000000000000002E-2</c:v>
                </c:pt>
                <c:pt idx="234">
                  <c:v>6.5000000000000002E-2</c:v>
                </c:pt>
                <c:pt idx="235">
                  <c:v>6.5000000000000002E-2</c:v>
                </c:pt>
                <c:pt idx="236">
                  <c:v>6.5000000000000002E-2</c:v>
                </c:pt>
                <c:pt idx="237">
                  <c:v>6.5000000000000002E-2</c:v>
                </c:pt>
                <c:pt idx="238">
                  <c:v>6.5000000000000002E-2</c:v>
                </c:pt>
                <c:pt idx="239">
                  <c:v>6.5000000000000002E-2</c:v>
                </c:pt>
                <c:pt idx="240">
                  <c:v>6.5000000000000002E-2</c:v>
                </c:pt>
                <c:pt idx="241">
                  <c:v>6.5000000000000002E-2</c:v>
                </c:pt>
                <c:pt idx="242">
                  <c:v>6.5000000000000002E-2</c:v>
                </c:pt>
                <c:pt idx="243">
                  <c:v>6.5000000000000002E-2</c:v>
                </c:pt>
                <c:pt idx="244">
                  <c:v>6.5000000000000002E-2</c:v>
                </c:pt>
                <c:pt idx="245">
                  <c:v>6.5000000000000002E-2</c:v>
                </c:pt>
                <c:pt idx="246">
                  <c:v>6.5000000000000002E-2</c:v>
                </c:pt>
                <c:pt idx="247">
                  <c:v>6.5000000000000002E-2</c:v>
                </c:pt>
                <c:pt idx="248">
                  <c:v>6.5000000000000002E-2</c:v>
                </c:pt>
                <c:pt idx="249">
                  <c:v>6.5000000000000002E-2</c:v>
                </c:pt>
                <c:pt idx="250">
                  <c:v>6.5000000000000002E-2</c:v>
                </c:pt>
                <c:pt idx="251">
                  <c:v>6.5000000000000002E-2</c:v>
                </c:pt>
                <c:pt idx="252">
                  <c:v>6.5000000000000002E-2</c:v>
                </c:pt>
                <c:pt idx="253">
                  <c:v>6.5000000000000002E-2</c:v>
                </c:pt>
                <c:pt idx="254">
                  <c:v>6.5000000000000002E-2</c:v>
                </c:pt>
                <c:pt idx="255">
                  <c:v>6.5000000000000002E-2</c:v>
                </c:pt>
                <c:pt idx="256">
                  <c:v>6.5000000000000002E-2</c:v>
                </c:pt>
                <c:pt idx="257">
                  <c:v>6.5000000000000002E-2</c:v>
                </c:pt>
                <c:pt idx="258">
                  <c:v>6.5000000000000002E-2</c:v>
                </c:pt>
                <c:pt idx="259">
                  <c:v>6.5000000000000002E-2</c:v>
                </c:pt>
                <c:pt idx="260">
                  <c:v>6.5000000000000002E-2</c:v>
                </c:pt>
                <c:pt idx="261">
                  <c:v>6.5000000000000002E-2</c:v>
                </c:pt>
                <c:pt idx="262">
                  <c:v>6.5000000000000002E-2</c:v>
                </c:pt>
                <c:pt idx="263">
                  <c:v>6.5000000000000002E-2</c:v>
                </c:pt>
                <c:pt idx="264">
                  <c:v>6.5000000000000002E-2</c:v>
                </c:pt>
                <c:pt idx="265">
                  <c:v>6.5000000000000002E-2</c:v>
                </c:pt>
                <c:pt idx="266">
                  <c:v>6.5000000000000002E-2</c:v>
                </c:pt>
                <c:pt idx="267">
                  <c:v>6.5000000000000002E-2</c:v>
                </c:pt>
                <c:pt idx="268">
                  <c:v>6.5000000000000002E-2</c:v>
                </c:pt>
                <c:pt idx="269">
                  <c:v>6.5000000000000002E-2</c:v>
                </c:pt>
                <c:pt idx="270">
                  <c:v>6.5000000000000002E-2</c:v>
                </c:pt>
                <c:pt idx="271">
                  <c:v>6.5000000000000002E-2</c:v>
                </c:pt>
                <c:pt idx="272">
                  <c:v>6.5000000000000002E-2</c:v>
                </c:pt>
                <c:pt idx="273">
                  <c:v>6.5000000000000002E-2</c:v>
                </c:pt>
                <c:pt idx="274">
                  <c:v>6.5000000000000002E-2</c:v>
                </c:pt>
                <c:pt idx="275">
                  <c:v>6.5000000000000002E-2</c:v>
                </c:pt>
                <c:pt idx="276">
                  <c:v>6.5000000000000002E-2</c:v>
                </c:pt>
                <c:pt idx="277">
                  <c:v>6.5000000000000002E-2</c:v>
                </c:pt>
                <c:pt idx="278">
                  <c:v>6.5000000000000002E-2</c:v>
                </c:pt>
                <c:pt idx="279">
                  <c:v>6.5000000000000002E-2</c:v>
                </c:pt>
                <c:pt idx="280">
                  <c:v>6.5000000000000002E-2</c:v>
                </c:pt>
                <c:pt idx="281">
                  <c:v>6.5000000000000002E-2</c:v>
                </c:pt>
                <c:pt idx="282">
                  <c:v>6.5000000000000002E-2</c:v>
                </c:pt>
                <c:pt idx="283">
                  <c:v>6.5000000000000002E-2</c:v>
                </c:pt>
                <c:pt idx="284">
                  <c:v>6.5000000000000002E-2</c:v>
                </c:pt>
                <c:pt idx="285">
                  <c:v>6.5000000000000002E-2</c:v>
                </c:pt>
                <c:pt idx="286">
                  <c:v>6.5000000000000002E-2</c:v>
                </c:pt>
                <c:pt idx="287">
                  <c:v>6.5000000000000002E-2</c:v>
                </c:pt>
                <c:pt idx="288">
                  <c:v>6.5000000000000002E-2</c:v>
                </c:pt>
                <c:pt idx="289">
                  <c:v>6.5000000000000002E-2</c:v>
                </c:pt>
                <c:pt idx="290">
                  <c:v>6.5000000000000002E-2</c:v>
                </c:pt>
                <c:pt idx="291">
                  <c:v>6.5000000000000002E-2</c:v>
                </c:pt>
                <c:pt idx="292">
                  <c:v>6.5000000000000002E-2</c:v>
                </c:pt>
                <c:pt idx="293">
                  <c:v>6.5000000000000002E-2</c:v>
                </c:pt>
                <c:pt idx="294">
                  <c:v>6.5000000000000002E-2</c:v>
                </c:pt>
                <c:pt idx="295">
                  <c:v>6.5000000000000002E-2</c:v>
                </c:pt>
                <c:pt idx="296">
                  <c:v>6.5000000000000002E-2</c:v>
                </c:pt>
                <c:pt idx="297">
                  <c:v>6.5000000000000002E-2</c:v>
                </c:pt>
                <c:pt idx="298">
                  <c:v>6.5000000000000002E-2</c:v>
                </c:pt>
                <c:pt idx="299">
                  <c:v>6.5000000000000002E-2</c:v>
                </c:pt>
                <c:pt idx="300">
                  <c:v>6.5000000000000002E-2</c:v>
                </c:pt>
                <c:pt idx="301">
                  <c:v>6.5000000000000002E-2</c:v>
                </c:pt>
                <c:pt idx="302">
                  <c:v>6.5000000000000002E-2</c:v>
                </c:pt>
                <c:pt idx="303">
                  <c:v>6.5000000000000002E-2</c:v>
                </c:pt>
                <c:pt idx="304">
                  <c:v>6.5000000000000002E-2</c:v>
                </c:pt>
                <c:pt idx="305">
                  <c:v>6.5000000000000002E-2</c:v>
                </c:pt>
                <c:pt idx="306">
                  <c:v>6.5000000000000002E-2</c:v>
                </c:pt>
                <c:pt idx="307">
                  <c:v>6.5000000000000002E-2</c:v>
                </c:pt>
                <c:pt idx="308">
                  <c:v>6.5000000000000002E-2</c:v>
                </c:pt>
                <c:pt idx="309">
                  <c:v>6.5000000000000002E-2</c:v>
                </c:pt>
                <c:pt idx="310">
                  <c:v>6.5000000000000002E-2</c:v>
                </c:pt>
                <c:pt idx="311">
                  <c:v>6.5000000000000002E-2</c:v>
                </c:pt>
                <c:pt idx="312">
                  <c:v>6.5000000000000002E-2</c:v>
                </c:pt>
                <c:pt idx="313">
                  <c:v>6.5000000000000002E-2</c:v>
                </c:pt>
                <c:pt idx="314">
                  <c:v>6.5000000000000002E-2</c:v>
                </c:pt>
                <c:pt idx="315">
                  <c:v>6.5000000000000002E-2</c:v>
                </c:pt>
                <c:pt idx="316">
                  <c:v>6.5000000000000002E-2</c:v>
                </c:pt>
                <c:pt idx="317">
                  <c:v>6.5000000000000002E-2</c:v>
                </c:pt>
                <c:pt idx="318">
                  <c:v>6.5000000000000002E-2</c:v>
                </c:pt>
                <c:pt idx="319">
                  <c:v>6.5000000000000002E-2</c:v>
                </c:pt>
                <c:pt idx="320">
                  <c:v>6.5000000000000002E-2</c:v>
                </c:pt>
                <c:pt idx="321">
                  <c:v>6.5000000000000002E-2</c:v>
                </c:pt>
                <c:pt idx="322">
                  <c:v>6.5000000000000002E-2</c:v>
                </c:pt>
                <c:pt idx="323">
                  <c:v>6.5000000000000002E-2</c:v>
                </c:pt>
                <c:pt idx="324">
                  <c:v>6.5000000000000002E-2</c:v>
                </c:pt>
                <c:pt idx="325">
                  <c:v>6.5000000000000002E-2</c:v>
                </c:pt>
                <c:pt idx="326">
                  <c:v>6.5000000000000002E-2</c:v>
                </c:pt>
                <c:pt idx="327">
                  <c:v>6.5000000000000002E-2</c:v>
                </c:pt>
                <c:pt idx="328">
                  <c:v>6.5000000000000002E-2</c:v>
                </c:pt>
                <c:pt idx="329">
                  <c:v>6.5000000000000002E-2</c:v>
                </c:pt>
                <c:pt idx="330">
                  <c:v>6.5000000000000002E-2</c:v>
                </c:pt>
                <c:pt idx="331">
                  <c:v>6.5000000000000002E-2</c:v>
                </c:pt>
                <c:pt idx="332">
                  <c:v>6.5000000000000002E-2</c:v>
                </c:pt>
                <c:pt idx="333">
                  <c:v>6.5000000000000002E-2</c:v>
                </c:pt>
                <c:pt idx="334">
                  <c:v>6.5000000000000002E-2</c:v>
                </c:pt>
                <c:pt idx="335">
                  <c:v>6.5000000000000002E-2</c:v>
                </c:pt>
                <c:pt idx="336">
                  <c:v>6.5000000000000002E-2</c:v>
                </c:pt>
                <c:pt idx="337">
                  <c:v>6.5000000000000002E-2</c:v>
                </c:pt>
                <c:pt idx="338">
                  <c:v>6.5000000000000002E-2</c:v>
                </c:pt>
                <c:pt idx="339">
                  <c:v>6.5000000000000002E-2</c:v>
                </c:pt>
                <c:pt idx="340">
                  <c:v>6.5000000000000002E-2</c:v>
                </c:pt>
                <c:pt idx="341">
                  <c:v>6.5000000000000002E-2</c:v>
                </c:pt>
                <c:pt idx="342">
                  <c:v>6.5000000000000002E-2</c:v>
                </c:pt>
                <c:pt idx="343">
                  <c:v>6.5000000000000002E-2</c:v>
                </c:pt>
                <c:pt idx="344">
                  <c:v>6.5000000000000002E-2</c:v>
                </c:pt>
                <c:pt idx="345">
                  <c:v>6.5000000000000002E-2</c:v>
                </c:pt>
                <c:pt idx="346">
                  <c:v>6.5000000000000002E-2</c:v>
                </c:pt>
                <c:pt idx="347">
                  <c:v>6.5000000000000002E-2</c:v>
                </c:pt>
                <c:pt idx="348">
                  <c:v>6.5000000000000002E-2</c:v>
                </c:pt>
                <c:pt idx="349">
                  <c:v>6.5000000000000002E-2</c:v>
                </c:pt>
                <c:pt idx="350">
                  <c:v>6.5000000000000002E-2</c:v>
                </c:pt>
                <c:pt idx="351">
                  <c:v>6.5000000000000002E-2</c:v>
                </c:pt>
                <c:pt idx="352">
                  <c:v>6.5000000000000002E-2</c:v>
                </c:pt>
                <c:pt idx="353">
                  <c:v>6.5000000000000002E-2</c:v>
                </c:pt>
                <c:pt idx="354">
                  <c:v>6.5000000000000002E-2</c:v>
                </c:pt>
                <c:pt idx="355">
                  <c:v>6.5000000000000002E-2</c:v>
                </c:pt>
                <c:pt idx="356">
                  <c:v>6.5000000000000002E-2</c:v>
                </c:pt>
                <c:pt idx="357">
                  <c:v>6.5000000000000002E-2</c:v>
                </c:pt>
                <c:pt idx="358">
                  <c:v>6.5000000000000002E-2</c:v>
                </c:pt>
                <c:pt idx="359">
                  <c:v>6.5000000000000002E-2</c:v>
                </c:pt>
                <c:pt idx="360">
                  <c:v>6.5000000000000002E-2</c:v>
                </c:pt>
                <c:pt idx="361">
                  <c:v>6.5000000000000002E-2</c:v>
                </c:pt>
                <c:pt idx="362">
                  <c:v>6.5000000000000002E-2</c:v>
                </c:pt>
                <c:pt idx="363">
                  <c:v>6.5000000000000002E-2</c:v>
                </c:pt>
                <c:pt idx="364">
                  <c:v>6.5000000000000002E-2</c:v>
                </c:pt>
                <c:pt idx="365">
                  <c:v>6.5000000000000002E-2</c:v>
                </c:pt>
                <c:pt idx="366">
                  <c:v>6.5000000000000002E-2</c:v>
                </c:pt>
                <c:pt idx="367">
                  <c:v>6.5000000000000002E-2</c:v>
                </c:pt>
                <c:pt idx="368">
                  <c:v>0.06</c:v>
                </c:pt>
                <c:pt idx="369">
                  <c:v>0.06</c:v>
                </c:pt>
                <c:pt idx="370">
                  <c:v>0.06</c:v>
                </c:pt>
                <c:pt idx="371">
                  <c:v>0.06</c:v>
                </c:pt>
                <c:pt idx="372">
                  <c:v>0.06</c:v>
                </c:pt>
                <c:pt idx="373">
                  <c:v>0.06</c:v>
                </c:pt>
                <c:pt idx="374">
                  <c:v>0.06</c:v>
                </c:pt>
                <c:pt idx="375">
                  <c:v>0.06</c:v>
                </c:pt>
                <c:pt idx="376">
                  <c:v>0.06</c:v>
                </c:pt>
                <c:pt idx="377">
                  <c:v>0.06</c:v>
                </c:pt>
                <c:pt idx="378">
                  <c:v>0.06</c:v>
                </c:pt>
                <c:pt idx="379">
                  <c:v>0.06</c:v>
                </c:pt>
                <c:pt idx="380">
                  <c:v>0.06</c:v>
                </c:pt>
                <c:pt idx="381">
                  <c:v>0.06</c:v>
                </c:pt>
                <c:pt idx="382">
                  <c:v>0.06</c:v>
                </c:pt>
                <c:pt idx="383">
                  <c:v>0.06</c:v>
                </c:pt>
                <c:pt idx="384">
                  <c:v>0.06</c:v>
                </c:pt>
                <c:pt idx="385">
                  <c:v>0.06</c:v>
                </c:pt>
                <c:pt idx="386">
                  <c:v>0.06</c:v>
                </c:pt>
                <c:pt idx="387">
                  <c:v>0.06</c:v>
                </c:pt>
                <c:pt idx="388">
                  <c:v>0.06</c:v>
                </c:pt>
                <c:pt idx="389">
                  <c:v>0.06</c:v>
                </c:pt>
                <c:pt idx="390">
                  <c:v>0.06</c:v>
                </c:pt>
                <c:pt idx="391">
                  <c:v>0.06</c:v>
                </c:pt>
                <c:pt idx="392">
                  <c:v>0.06</c:v>
                </c:pt>
                <c:pt idx="393">
                  <c:v>0.06</c:v>
                </c:pt>
                <c:pt idx="394">
                  <c:v>0.06</c:v>
                </c:pt>
                <c:pt idx="395">
                  <c:v>0.06</c:v>
                </c:pt>
                <c:pt idx="396">
                  <c:v>5.5E-2</c:v>
                </c:pt>
                <c:pt idx="397">
                  <c:v>5.5E-2</c:v>
                </c:pt>
                <c:pt idx="398">
                  <c:v>5.5E-2</c:v>
                </c:pt>
                <c:pt idx="399">
                  <c:v>5.5E-2</c:v>
                </c:pt>
                <c:pt idx="400">
                  <c:v>5.5E-2</c:v>
                </c:pt>
                <c:pt idx="401">
                  <c:v>5.5E-2</c:v>
                </c:pt>
                <c:pt idx="402">
                  <c:v>5.5E-2</c:v>
                </c:pt>
                <c:pt idx="403">
                  <c:v>5.5E-2</c:v>
                </c:pt>
                <c:pt idx="404">
                  <c:v>5.5E-2</c:v>
                </c:pt>
                <c:pt idx="405">
                  <c:v>5.5E-2</c:v>
                </c:pt>
                <c:pt idx="406">
                  <c:v>5.5E-2</c:v>
                </c:pt>
                <c:pt idx="407">
                  <c:v>5.5E-2</c:v>
                </c:pt>
                <c:pt idx="408">
                  <c:v>5.5E-2</c:v>
                </c:pt>
                <c:pt idx="409">
                  <c:v>5.5E-2</c:v>
                </c:pt>
                <c:pt idx="410">
                  <c:v>5.5E-2</c:v>
                </c:pt>
                <c:pt idx="411">
                  <c:v>5.5E-2</c:v>
                </c:pt>
                <c:pt idx="412">
                  <c:v>5.5E-2</c:v>
                </c:pt>
                <c:pt idx="413">
                  <c:v>5.5E-2</c:v>
                </c:pt>
                <c:pt idx="414">
                  <c:v>5.5E-2</c:v>
                </c:pt>
                <c:pt idx="415">
                  <c:v>5.5E-2</c:v>
                </c:pt>
                <c:pt idx="416">
                  <c:v>5.5E-2</c:v>
                </c:pt>
                <c:pt idx="417">
                  <c:v>5.5E-2</c:v>
                </c:pt>
                <c:pt idx="418">
                  <c:v>5.5E-2</c:v>
                </c:pt>
                <c:pt idx="419">
                  <c:v>5.5E-2</c:v>
                </c:pt>
                <c:pt idx="420">
                  <c:v>5.5E-2</c:v>
                </c:pt>
                <c:pt idx="421">
                  <c:v>5.5E-2</c:v>
                </c:pt>
                <c:pt idx="422">
                  <c:v>5.5E-2</c:v>
                </c:pt>
                <c:pt idx="423">
                  <c:v>5.5E-2</c:v>
                </c:pt>
                <c:pt idx="424">
                  <c:v>5.5E-2</c:v>
                </c:pt>
                <c:pt idx="425">
                  <c:v>5.5E-2</c:v>
                </c:pt>
                <c:pt idx="426">
                  <c:v>5.5E-2</c:v>
                </c:pt>
                <c:pt idx="427">
                  <c:v>5.5E-2</c:v>
                </c:pt>
                <c:pt idx="428">
                  <c:v>5.5E-2</c:v>
                </c:pt>
                <c:pt idx="429">
                  <c:v>5.5E-2</c:v>
                </c:pt>
                <c:pt idx="430">
                  <c:v>5.5E-2</c:v>
                </c:pt>
                <c:pt idx="431">
                  <c:v>5.5E-2</c:v>
                </c:pt>
                <c:pt idx="432">
                  <c:v>5.5E-2</c:v>
                </c:pt>
                <c:pt idx="433">
                  <c:v>5.5E-2</c:v>
                </c:pt>
                <c:pt idx="434">
                  <c:v>5.5E-2</c:v>
                </c:pt>
                <c:pt idx="435">
                  <c:v>5.5E-2</c:v>
                </c:pt>
                <c:pt idx="436">
                  <c:v>5.5E-2</c:v>
                </c:pt>
                <c:pt idx="437">
                  <c:v>5.5E-2</c:v>
                </c:pt>
                <c:pt idx="438">
                  <c:v>5.5E-2</c:v>
                </c:pt>
                <c:pt idx="439">
                  <c:v>5.5E-2</c:v>
                </c:pt>
                <c:pt idx="440">
                  <c:v>5.5E-2</c:v>
                </c:pt>
                <c:pt idx="441">
                  <c:v>5.5E-2</c:v>
                </c:pt>
                <c:pt idx="442">
                  <c:v>5.5E-2</c:v>
                </c:pt>
                <c:pt idx="443">
                  <c:v>5.5E-2</c:v>
                </c:pt>
                <c:pt idx="444">
                  <c:v>0.05</c:v>
                </c:pt>
                <c:pt idx="445">
                  <c:v>0.05</c:v>
                </c:pt>
                <c:pt idx="446">
                  <c:v>0.05</c:v>
                </c:pt>
                <c:pt idx="447">
                  <c:v>0.05</c:v>
                </c:pt>
                <c:pt idx="448">
                  <c:v>0.05</c:v>
                </c:pt>
                <c:pt idx="449">
                  <c:v>0.05</c:v>
                </c:pt>
                <c:pt idx="450">
                  <c:v>0.05</c:v>
                </c:pt>
                <c:pt idx="451">
                  <c:v>0.05</c:v>
                </c:pt>
                <c:pt idx="452">
                  <c:v>0.05</c:v>
                </c:pt>
                <c:pt idx="453">
                  <c:v>0.05</c:v>
                </c:pt>
                <c:pt idx="454">
                  <c:v>0.05</c:v>
                </c:pt>
                <c:pt idx="455">
                  <c:v>0.05</c:v>
                </c:pt>
                <c:pt idx="456">
                  <c:v>0.05</c:v>
                </c:pt>
                <c:pt idx="457">
                  <c:v>0.05</c:v>
                </c:pt>
                <c:pt idx="458">
                  <c:v>0.05</c:v>
                </c:pt>
                <c:pt idx="459">
                  <c:v>0.05</c:v>
                </c:pt>
                <c:pt idx="460">
                  <c:v>0.05</c:v>
                </c:pt>
                <c:pt idx="461">
                  <c:v>0.05</c:v>
                </c:pt>
                <c:pt idx="462">
                  <c:v>0.05</c:v>
                </c:pt>
                <c:pt idx="463">
                  <c:v>0.05</c:v>
                </c:pt>
                <c:pt idx="464">
                  <c:v>0.05</c:v>
                </c:pt>
                <c:pt idx="465">
                  <c:v>0.05</c:v>
                </c:pt>
                <c:pt idx="466">
                  <c:v>0.05</c:v>
                </c:pt>
                <c:pt idx="467">
                  <c:v>0.05</c:v>
                </c:pt>
                <c:pt idx="468">
                  <c:v>0.05</c:v>
                </c:pt>
                <c:pt idx="469">
                  <c:v>0.05</c:v>
                </c:pt>
                <c:pt idx="470">
                  <c:v>0.05</c:v>
                </c:pt>
                <c:pt idx="471">
                  <c:v>0.05</c:v>
                </c:pt>
                <c:pt idx="472">
                  <c:v>0.05</c:v>
                </c:pt>
                <c:pt idx="473">
                  <c:v>4.4999999999999998E-2</c:v>
                </c:pt>
                <c:pt idx="474">
                  <c:v>4.4999999999999998E-2</c:v>
                </c:pt>
                <c:pt idx="475">
                  <c:v>4.4999999999999998E-2</c:v>
                </c:pt>
                <c:pt idx="476">
                  <c:v>4.4999999999999998E-2</c:v>
                </c:pt>
                <c:pt idx="477">
                  <c:v>4.4999999999999998E-2</c:v>
                </c:pt>
                <c:pt idx="478">
                  <c:v>4.4999999999999998E-2</c:v>
                </c:pt>
                <c:pt idx="479">
                  <c:v>4.4999999999999998E-2</c:v>
                </c:pt>
                <c:pt idx="480">
                  <c:v>4.4999999999999998E-2</c:v>
                </c:pt>
                <c:pt idx="481">
                  <c:v>4.4999999999999998E-2</c:v>
                </c:pt>
                <c:pt idx="482">
                  <c:v>4.4999999999999998E-2</c:v>
                </c:pt>
                <c:pt idx="483">
                  <c:v>4.4999999999999998E-2</c:v>
                </c:pt>
                <c:pt idx="484">
                  <c:v>4.4999999999999998E-2</c:v>
                </c:pt>
                <c:pt idx="485">
                  <c:v>4.4999999999999998E-2</c:v>
                </c:pt>
                <c:pt idx="486">
                  <c:v>4.4999999999999998E-2</c:v>
                </c:pt>
                <c:pt idx="487">
                  <c:v>4.4999999999999998E-2</c:v>
                </c:pt>
                <c:pt idx="488">
                  <c:v>4.4999999999999998E-2</c:v>
                </c:pt>
                <c:pt idx="489">
                  <c:v>4.4999999999999998E-2</c:v>
                </c:pt>
                <c:pt idx="490">
                  <c:v>4.4999999999999998E-2</c:v>
                </c:pt>
                <c:pt idx="491">
                  <c:v>4.4999999999999998E-2</c:v>
                </c:pt>
                <c:pt idx="492">
                  <c:v>4.4999999999999998E-2</c:v>
                </c:pt>
                <c:pt idx="493">
                  <c:v>4.4999999999999998E-2</c:v>
                </c:pt>
                <c:pt idx="494">
                  <c:v>4.4999999999999998E-2</c:v>
                </c:pt>
                <c:pt idx="495">
                  <c:v>4.4999999999999998E-2</c:v>
                </c:pt>
                <c:pt idx="496">
                  <c:v>4.4999999999999998E-2</c:v>
                </c:pt>
                <c:pt idx="497">
                  <c:v>4.4999999999999998E-2</c:v>
                </c:pt>
                <c:pt idx="498">
                  <c:v>4.4999999999999998E-2</c:v>
                </c:pt>
                <c:pt idx="499">
                  <c:v>4.4999999999999998E-2</c:v>
                </c:pt>
                <c:pt idx="500">
                  <c:v>0.04</c:v>
                </c:pt>
                <c:pt idx="501">
                  <c:v>0.04</c:v>
                </c:pt>
                <c:pt idx="502">
                  <c:v>0.04</c:v>
                </c:pt>
                <c:pt idx="503">
                  <c:v>0.04</c:v>
                </c:pt>
                <c:pt idx="504">
                  <c:v>0.04</c:v>
                </c:pt>
                <c:pt idx="505">
                  <c:v>0.04</c:v>
                </c:pt>
                <c:pt idx="506">
                  <c:v>0.04</c:v>
                </c:pt>
                <c:pt idx="507">
                  <c:v>0.04</c:v>
                </c:pt>
                <c:pt idx="508">
                  <c:v>0.04</c:v>
                </c:pt>
                <c:pt idx="509">
                  <c:v>0.04</c:v>
                </c:pt>
                <c:pt idx="510">
                  <c:v>0.04</c:v>
                </c:pt>
                <c:pt idx="511">
                  <c:v>0.04</c:v>
                </c:pt>
                <c:pt idx="512">
                  <c:v>0.04</c:v>
                </c:pt>
                <c:pt idx="513">
                  <c:v>0.04</c:v>
                </c:pt>
                <c:pt idx="514">
                  <c:v>0.04</c:v>
                </c:pt>
                <c:pt idx="515">
                  <c:v>0.04</c:v>
                </c:pt>
                <c:pt idx="516">
                  <c:v>0.04</c:v>
                </c:pt>
                <c:pt idx="517">
                  <c:v>0.04</c:v>
                </c:pt>
                <c:pt idx="518">
                  <c:v>0.04</c:v>
                </c:pt>
                <c:pt idx="519">
                  <c:v>0.04</c:v>
                </c:pt>
                <c:pt idx="520">
                  <c:v>0.04</c:v>
                </c:pt>
                <c:pt idx="521">
                  <c:v>0.04</c:v>
                </c:pt>
                <c:pt idx="522">
                  <c:v>0.04</c:v>
                </c:pt>
                <c:pt idx="523">
                  <c:v>0.04</c:v>
                </c:pt>
                <c:pt idx="524">
                  <c:v>0.04</c:v>
                </c:pt>
                <c:pt idx="525">
                  <c:v>0.04</c:v>
                </c:pt>
                <c:pt idx="526">
                  <c:v>0.04</c:v>
                </c:pt>
                <c:pt idx="527">
                  <c:v>0.04</c:v>
                </c:pt>
                <c:pt idx="528">
                  <c:v>0.04</c:v>
                </c:pt>
                <c:pt idx="529">
                  <c:v>0.04</c:v>
                </c:pt>
                <c:pt idx="530">
                  <c:v>0.04</c:v>
                </c:pt>
                <c:pt idx="531">
                  <c:v>0.04</c:v>
                </c:pt>
                <c:pt idx="532">
                  <c:v>0.04</c:v>
                </c:pt>
                <c:pt idx="533">
                  <c:v>0.04</c:v>
                </c:pt>
                <c:pt idx="534">
                  <c:v>0.04</c:v>
                </c:pt>
                <c:pt idx="535">
                  <c:v>0.04</c:v>
                </c:pt>
                <c:pt idx="536">
                  <c:v>0.04</c:v>
                </c:pt>
                <c:pt idx="537">
                  <c:v>0.04</c:v>
                </c:pt>
                <c:pt idx="538">
                  <c:v>0.04</c:v>
                </c:pt>
                <c:pt idx="539">
                  <c:v>0.04</c:v>
                </c:pt>
                <c:pt idx="540">
                  <c:v>0.04</c:v>
                </c:pt>
                <c:pt idx="541">
                  <c:v>0.04</c:v>
                </c:pt>
                <c:pt idx="542">
                  <c:v>0.04</c:v>
                </c:pt>
                <c:pt idx="543">
                  <c:v>3.7499999999999999E-2</c:v>
                </c:pt>
                <c:pt idx="544">
                  <c:v>3.7499999999999999E-2</c:v>
                </c:pt>
                <c:pt idx="545">
                  <c:v>3.7499999999999999E-2</c:v>
                </c:pt>
                <c:pt idx="546">
                  <c:v>3.7499999999999999E-2</c:v>
                </c:pt>
                <c:pt idx="547">
                  <c:v>3.7499999999999999E-2</c:v>
                </c:pt>
                <c:pt idx="548">
                  <c:v>3.7499999999999999E-2</c:v>
                </c:pt>
                <c:pt idx="549">
                  <c:v>3.7499999999999999E-2</c:v>
                </c:pt>
                <c:pt idx="550">
                  <c:v>3.7499999999999999E-2</c:v>
                </c:pt>
                <c:pt idx="551">
                  <c:v>3.7499999999999999E-2</c:v>
                </c:pt>
                <c:pt idx="552">
                  <c:v>3.7499999999999999E-2</c:v>
                </c:pt>
                <c:pt idx="553">
                  <c:v>3.7499999999999999E-2</c:v>
                </c:pt>
                <c:pt idx="554">
                  <c:v>3.7499999999999999E-2</c:v>
                </c:pt>
                <c:pt idx="555">
                  <c:v>3.7499999999999999E-2</c:v>
                </c:pt>
                <c:pt idx="556">
                  <c:v>3.7499999999999999E-2</c:v>
                </c:pt>
                <c:pt idx="557">
                  <c:v>3.7499999999999999E-2</c:v>
                </c:pt>
                <c:pt idx="558">
                  <c:v>3.7499999999999999E-2</c:v>
                </c:pt>
                <c:pt idx="559">
                  <c:v>3.7499999999999999E-2</c:v>
                </c:pt>
                <c:pt idx="560">
                  <c:v>3.7499999999999999E-2</c:v>
                </c:pt>
                <c:pt idx="561">
                  <c:v>3.7499999999999999E-2</c:v>
                </c:pt>
                <c:pt idx="562">
                  <c:v>3.7499999999999999E-2</c:v>
                </c:pt>
                <c:pt idx="563">
                  <c:v>3.7499999999999999E-2</c:v>
                </c:pt>
                <c:pt idx="564">
                  <c:v>3.7499999999999999E-2</c:v>
                </c:pt>
                <c:pt idx="565">
                  <c:v>3.7499999999999999E-2</c:v>
                </c:pt>
                <c:pt idx="566">
                  <c:v>3.7499999999999999E-2</c:v>
                </c:pt>
                <c:pt idx="567">
                  <c:v>3.7499999999999999E-2</c:v>
                </c:pt>
                <c:pt idx="568">
                  <c:v>3.7499999999999999E-2</c:v>
                </c:pt>
                <c:pt idx="569">
                  <c:v>3.7499999999999999E-2</c:v>
                </c:pt>
                <c:pt idx="570">
                  <c:v>3.7499999999999999E-2</c:v>
                </c:pt>
                <c:pt idx="571">
                  <c:v>3.7499999999999999E-2</c:v>
                </c:pt>
                <c:pt idx="572">
                  <c:v>3.7499999999999999E-2</c:v>
                </c:pt>
                <c:pt idx="573">
                  <c:v>3.7499999999999999E-2</c:v>
                </c:pt>
                <c:pt idx="574">
                  <c:v>3.7499999999999999E-2</c:v>
                </c:pt>
                <c:pt idx="575">
                  <c:v>3.7499999999999999E-2</c:v>
                </c:pt>
                <c:pt idx="576">
                  <c:v>3.7499999999999999E-2</c:v>
                </c:pt>
                <c:pt idx="577">
                  <c:v>3.7499999999999999E-2</c:v>
                </c:pt>
                <c:pt idx="578">
                  <c:v>3.7499999999999999E-2</c:v>
                </c:pt>
                <c:pt idx="579">
                  <c:v>3.7499999999999999E-2</c:v>
                </c:pt>
                <c:pt idx="580">
                  <c:v>3.7499999999999999E-2</c:v>
                </c:pt>
                <c:pt idx="581">
                  <c:v>3.7499999999999999E-2</c:v>
                </c:pt>
                <c:pt idx="582">
                  <c:v>3.7499999999999999E-2</c:v>
                </c:pt>
                <c:pt idx="583">
                  <c:v>3.7499999999999999E-2</c:v>
                </c:pt>
                <c:pt idx="584">
                  <c:v>3.7499999999999999E-2</c:v>
                </c:pt>
                <c:pt idx="585">
                  <c:v>3.7499999999999999E-2</c:v>
                </c:pt>
                <c:pt idx="586">
                  <c:v>3.7499999999999999E-2</c:v>
                </c:pt>
                <c:pt idx="587">
                  <c:v>3.7499999999999999E-2</c:v>
                </c:pt>
                <c:pt idx="588">
                  <c:v>3.7499999999999999E-2</c:v>
                </c:pt>
                <c:pt idx="589">
                  <c:v>3.7499999999999999E-2</c:v>
                </c:pt>
                <c:pt idx="590">
                  <c:v>3.7499999999999999E-2</c:v>
                </c:pt>
                <c:pt idx="591">
                  <c:v>3.7499999999999999E-2</c:v>
                </c:pt>
                <c:pt idx="592">
                  <c:v>3.7499999999999999E-2</c:v>
                </c:pt>
                <c:pt idx="593">
                  <c:v>3.7499999999999999E-2</c:v>
                </c:pt>
                <c:pt idx="594">
                  <c:v>3.7499999999999999E-2</c:v>
                </c:pt>
                <c:pt idx="595">
                  <c:v>3.7499999999999999E-2</c:v>
                </c:pt>
                <c:pt idx="596">
                  <c:v>3.7499999999999999E-2</c:v>
                </c:pt>
                <c:pt idx="597">
                  <c:v>3.7499999999999999E-2</c:v>
                </c:pt>
                <c:pt idx="598">
                  <c:v>3.5000000000000003E-2</c:v>
                </c:pt>
                <c:pt idx="599">
                  <c:v>3.5000000000000003E-2</c:v>
                </c:pt>
                <c:pt idx="600">
                  <c:v>3.5000000000000003E-2</c:v>
                </c:pt>
                <c:pt idx="601">
                  <c:v>3.5000000000000003E-2</c:v>
                </c:pt>
                <c:pt idx="602">
                  <c:v>3.5000000000000003E-2</c:v>
                </c:pt>
                <c:pt idx="603">
                  <c:v>3.5000000000000003E-2</c:v>
                </c:pt>
                <c:pt idx="604">
                  <c:v>3.5000000000000003E-2</c:v>
                </c:pt>
                <c:pt idx="605">
                  <c:v>3.5000000000000003E-2</c:v>
                </c:pt>
                <c:pt idx="606">
                  <c:v>3.5000000000000003E-2</c:v>
                </c:pt>
                <c:pt idx="607">
                  <c:v>3.5000000000000003E-2</c:v>
                </c:pt>
                <c:pt idx="608">
                  <c:v>3.5000000000000003E-2</c:v>
                </c:pt>
                <c:pt idx="609">
                  <c:v>3.5000000000000003E-2</c:v>
                </c:pt>
                <c:pt idx="610">
                  <c:v>3.5000000000000003E-2</c:v>
                </c:pt>
                <c:pt idx="611">
                  <c:v>3.5000000000000003E-2</c:v>
                </c:pt>
                <c:pt idx="612">
                  <c:v>3.5000000000000003E-2</c:v>
                </c:pt>
                <c:pt idx="613">
                  <c:v>3.5000000000000003E-2</c:v>
                </c:pt>
                <c:pt idx="614">
                  <c:v>3.5000000000000003E-2</c:v>
                </c:pt>
                <c:pt idx="615">
                  <c:v>3.5000000000000003E-2</c:v>
                </c:pt>
                <c:pt idx="616">
                  <c:v>3.5000000000000003E-2</c:v>
                </c:pt>
                <c:pt idx="617">
                  <c:v>3.5000000000000003E-2</c:v>
                </c:pt>
                <c:pt idx="618">
                  <c:v>3.5000000000000003E-2</c:v>
                </c:pt>
                <c:pt idx="619">
                  <c:v>3.5000000000000003E-2</c:v>
                </c:pt>
                <c:pt idx="620">
                  <c:v>3.5000000000000003E-2</c:v>
                </c:pt>
                <c:pt idx="621">
                  <c:v>3.5000000000000003E-2</c:v>
                </c:pt>
                <c:pt idx="622">
                  <c:v>3.5000000000000003E-2</c:v>
                </c:pt>
                <c:pt idx="623">
                  <c:v>3.5000000000000003E-2</c:v>
                </c:pt>
                <c:pt idx="624">
                  <c:v>3.5000000000000003E-2</c:v>
                </c:pt>
                <c:pt idx="625">
                  <c:v>0.03</c:v>
                </c:pt>
                <c:pt idx="626">
                  <c:v>0.03</c:v>
                </c:pt>
                <c:pt idx="627">
                  <c:v>0.03</c:v>
                </c:pt>
                <c:pt idx="628">
                  <c:v>0.03</c:v>
                </c:pt>
                <c:pt idx="629">
                  <c:v>0.03</c:v>
                </c:pt>
                <c:pt idx="630">
                  <c:v>0.03</c:v>
                </c:pt>
                <c:pt idx="631">
                  <c:v>0.03</c:v>
                </c:pt>
                <c:pt idx="632">
                  <c:v>0.03</c:v>
                </c:pt>
                <c:pt idx="633">
                  <c:v>0.03</c:v>
                </c:pt>
                <c:pt idx="634">
                  <c:v>0.03</c:v>
                </c:pt>
                <c:pt idx="635">
                  <c:v>0.03</c:v>
                </c:pt>
                <c:pt idx="636">
                  <c:v>0.03</c:v>
                </c:pt>
                <c:pt idx="637">
                  <c:v>0.03</c:v>
                </c:pt>
                <c:pt idx="638">
                  <c:v>0.03</c:v>
                </c:pt>
                <c:pt idx="639">
                  <c:v>0.03</c:v>
                </c:pt>
                <c:pt idx="640">
                  <c:v>2.5000000000000001E-2</c:v>
                </c:pt>
                <c:pt idx="641">
                  <c:v>2.5000000000000001E-2</c:v>
                </c:pt>
                <c:pt idx="642">
                  <c:v>2.5000000000000001E-2</c:v>
                </c:pt>
                <c:pt idx="643">
                  <c:v>2.5000000000000001E-2</c:v>
                </c:pt>
                <c:pt idx="644">
                  <c:v>2.5000000000000001E-2</c:v>
                </c:pt>
                <c:pt idx="645">
                  <c:v>2.5000000000000001E-2</c:v>
                </c:pt>
                <c:pt idx="646">
                  <c:v>2.5000000000000001E-2</c:v>
                </c:pt>
                <c:pt idx="647">
                  <c:v>2.5000000000000001E-2</c:v>
                </c:pt>
                <c:pt idx="648">
                  <c:v>2.5000000000000001E-2</c:v>
                </c:pt>
                <c:pt idx="649">
                  <c:v>2.5000000000000001E-2</c:v>
                </c:pt>
                <c:pt idx="650">
                  <c:v>2.5000000000000001E-2</c:v>
                </c:pt>
                <c:pt idx="651">
                  <c:v>2.5000000000000001E-2</c:v>
                </c:pt>
                <c:pt idx="652">
                  <c:v>2.5000000000000001E-2</c:v>
                </c:pt>
                <c:pt idx="653">
                  <c:v>2.5000000000000001E-2</c:v>
                </c:pt>
                <c:pt idx="654">
                  <c:v>2.5000000000000001E-2</c:v>
                </c:pt>
                <c:pt idx="655">
                  <c:v>2.5000000000000001E-2</c:v>
                </c:pt>
                <c:pt idx="656">
                  <c:v>2.5000000000000001E-2</c:v>
                </c:pt>
                <c:pt idx="657">
                  <c:v>2.5000000000000001E-2</c:v>
                </c:pt>
                <c:pt idx="658">
                  <c:v>2.5000000000000001E-2</c:v>
                </c:pt>
                <c:pt idx="659">
                  <c:v>2.5000000000000001E-2</c:v>
                </c:pt>
                <c:pt idx="660">
                  <c:v>2.5000000000000001E-2</c:v>
                </c:pt>
                <c:pt idx="661">
                  <c:v>2.5000000000000001E-2</c:v>
                </c:pt>
                <c:pt idx="662">
                  <c:v>2.5000000000000001E-2</c:v>
                </c:pt>
                <c:pt idx="663">
                  <c:v>2.5000000000000001E-2</c:v>
                </c:pt>
                <c:pt idx="664">
                  <c:v>2.5000000000000001E-2</c:v>
                </c:pt>
                <c:pt idx="665">
                  <c:v>2.5000000000000001E-2</c:v>
                </c:pt>
                <c:pt idx="666">
                  <c:v>2.5000000000000001E-2</c:v>
                </c:pt>
                <c:pt idx="667">
                  <c:v>2.5000000000000001E-2</c:v>
                </c:pt>
                <c:pt idx="668">
                  <c:v>2.5000000000000001E-2</c:v>
                </c:pt>
                <c:pt idx="669">
                  <c:v>2.5000000000000001E-2</c:v>
                </c:pt>
                <c:pt idx="670">
                  <c:v>2.5000000000000001E-2</c:v>
                </c:pt>
                <c:pt idx="671">
                  <c:v>2.5000000000000001E-2</c:v>
                </c:pt>
                <c:pt idx="672">
                  <c:v>2.5000000000000001E-2</c:v>
                </c:pt>
                <c:pt idx="673">
                  <c:v>2.5000000000000001E-2</c:v>
                </c:pt>
                <c:pt idx="674">
                  <c:v>2.5000000000000001E-2</c:v>
                </c:pt>
                <c:pt idx="675">
                  <c:v>0.02</c:v>
                </c:pt>
                <c:pt idx="676">
                  <c:v>0.02</c:v>
                </c:pt>
                <c:pt idx="677">
                  <c:v>0.02</c:v>
                </c:pt>
                <c:pt idx="678">
                  <c:v>0.02</c:v>
                </c:pt>
                <c:pt idx="679">
                  <c:v>0.02</c:v>
                </c:pt>
                <c:pt idx="680">
                  <c:v>0.02</c:v>
                </c:pt>
                <c:pt idx="681">
                  <c:v>0.02</c:v>
                </c:pt>
                <c:pt idx="682">
                  <c:v>0.02</c:v>
                </c:pt>
                <c:pt idx="683">
                  <c:v>0.02</c:v>
                </c:pt>
                <c:pt idx="684">
                  <c:v>0.02</c:v>
                </c:pt>
                <c:pt idx="685">
                  <c:v>0.02</c:v>
                </c:pt>
                <c:pt idx="686">
                  <c:v>0.02</c:v>
                </c:pt>
                <c:pt idx="687">
                  <c:v>0.02</c:v>
                </c:pt>
                <c:pt idx="688">
                  <c:v>0.02</c:v>
                </c:pt>
                <c:pt idx="689">
                  <c:v>0.02</c:v>
                </c:pt>
                <c:pt idx="690">
                  <c:v>0.02</c:v>
                </c:pt>
                <c:pt idx="691">
                  <c:v>0.02</c:v>
                </c:pt>
                <c:pt idx="692">
                  <c:v>0.02</c:v>
                </c:pt>
                <c:pt idx="693">
                  <c:v>0.02</c:v>
                </c:pt>
                <c:pt idx="694">
                  <c:v>0.02</c:v>
                </c:pt>
                <c:pt idx="695">
                  <c:v>0.02</c:v>
                </c:pt>
                <c:pt idx="696">
                  <c:v>0.02</c:v>
                </c:pt>
                <c:pt idx="697">
                  <c:v>0.02</c:v>
                </c:pt>
                <c:pt idx="698">
                  <c:v>0.02</c:v>
                </c:pt>
                <c:pt idx="699">
                  <c:v>0.02</c:v>
                </c:pt>
                <c:pt idx="700">
                  <c:v>0.02</c:v>
                </c:pt>
                <c:pt idx="701">
                  <c:v>0.02</c:v>
                </c:pt>
                <c:pt idx="702">
                  <c:v>0.02</c:v>
                </c:pt>
                <c:pt idx="703">
                  <c:v>0.02</c:v>
                </c:pt>
                <c:pt idx="704">
                  <c:v>0.02</c:v>
                </c:pt>
                <c:pt idx="705">
                  <c:v>0.02</c:v>
                </c:pt>
                <c:pt idx="706">
                  <c:v>0.02</c:v>
                </c:pt>
                <c:pt idx="707">
                  <c:v>0.02</c:v>
                </c:pt>
                <c:pt idx="708">
                  <c:v>0.02</c:v>
                </c:pt>
                <c:pt idx="709">
                  <c:v>0.02</c:v>
                </c:pt>
                <c:pt idx="710">
                  <c:v>1.7500000000000002E-2</c:v>
                </c:pt>
                <c:pt idx="711">
                  <c:v>1.7500000000000002E-2</c:v>
                </c:pt>
                <c:pt idx="712">
                  <c:v>1.7500000000000002E-2</c:v>
                </c:pt>
                <c:pt idx="713">
                  <c:v>1.7500000000000002E-2</c:v>
                </c:pt>
                <c:pt idx="714">
                  <c:v>1.7500000000000002E-2</c:v>
                </c:pt>
                <c:pt idx="715">
                  <c:v>1.7500000000000002E-2</c:v>
                </c:pt>
                <c:pt idx="716">
                  <c:v>1.7500000000000002E-2</c:v>
                </c:pt>
                <c:pt idx="717">
                  <c:v>1.7500000000000002E-2</c:v>
                </c:pt>
                <c:pt idx="718">
                  <c:v>1.7500000000000002E-2</c:v>
                </c:pt>
                <c:pt idx="719">
                  <c:v>1.7500000000000002E-2</c:v>
                </c:pt>
                <c:pt idx="720">
                  <c:v>1.7500000000000002E-2</c:v>
                </c:pt>
                <c:pt idx="721">
                  <c:v>1.7500000000000002E-2</c:v>
                </c:pt>
                <c:pt idx="722">
                  <c:v>1.7500000000000002E-2</c:v>
                </c:pt>
                <c:pt idx="723">
                  <c:v>1.7500000000000002E-2</c:v>
                </c:pt>
                <c:pt idx="724">
                  <c:v>1.7500000000000002E-2</c:v>
                </c:pt>
                <c:pt idx="725">
                  <c:v>1.7500000000000002E-2</c:v>
                </c:pt>
                <c:pt idx="726">
                  <c:v>1.7500000000000002E-2</c:v>
                </c:pt>
                <c:pt idx="727">
                  <c:v>1.7500000000000002E-2</c:v>
                </c:pt>
                <c:pt idx="728">
                  <c:v>1.7500000000000002E-2</c:v>
                </c:pt>
                <c:pt idx="729">
                  <c:v>1.7500000000000002E-2</c:v>
                </c:pt>
                <c:pt idx="730">
                  <c:v>1.7500000000000002E-2</c:v>
                </c:pt>
                <c:pt idx="731">
                  <c:v>1.7500000000000002E-2</c:v>
                </c:pt>
                <c:pt idx="732">
                  <c:v>1.7500000000000002E-2</c:v>
                </c:pt>
                <c:pt idx="733">
                  <c:v>1.7500000000000002E-2</c:v>
                </c:pt>
                <c:pt idx="734">
                  <c:v>1.7500000000000002E-2</c:v>
                </c:pt>
                <c:pt idx="735">
                  <c:v>1.7500000000000002E-2</c:v>
                </c:pt>
                <c:pt idx="736">
                  <c:v>1.7500000000000002E-2</c:v>
                </c:pt>
                <c:pt idx="737">
                  <c:v>1.7500000000000002E-2</c:v>
                </c:pt>
                <c:pt idx="738">
                  <c:v>1.7500000000000002E-2</c:v>
                </c:pt>
                <c:pt idx="739">
                  <c:v>1.7500000000000002E-2</c:v>
                </c:pt>
                <c:pt idx="740">
                  <c:v>1.7500000000000002E-2</c:v>
                </c:pt>
                <c:pt idx="741">
                  <c:v>1.7500000000000002E-2</c:v>
                </c:pt>
                <c:pt idx="742">
                  <c:v>1.7500000000000002E-2</c:v>
                </c:pt>
                <c:pt idx="743">
                  <c:v>1.7500000000000002E-2</c:v>
                </c:pt>
                <c:pt idx="744">
                  <c:v>1.7500000000000002E-2</c:v>
                </c:pt>
                <c:pt idx="745">
                  <c:v>1.7500000000000002E-2</c:v>
                </c:pt>
                <c:pt idx="746">
                  <c:v>1.7500000000000002E-2</c:v>
                </c:pt>
                <c:pt idx="747">
                  <c:v>1.7500000000000002E-2</c:v>
                </c:pt>
                <c:pt idx="748">
                  <c:v>1.7500000000000002E-2</c:v>
                </c:pt>
                <c:pt idx="749">
                  <c:v>1.7500000000000002E-2</c:v>
                </c:pt>
                <c:pt idx="750">
                  <c:v>1.7500000000000002E-2</c:v>
                </c:pt>
                <c:pt idx="751">
                  <c:v>1.7500000000000002E-2</c:v>
                </c:pt>
                <c:pt idx="752">
                  <c:v>1.7500000000000002E-2</c:v>
                </c:pt>
                <c:pt idx="753">
                  <c:v>1.7500000000000002E-2</c:v>
                </c:pt>
                <c:pt idx="754">
                  <c:v>1.7500000000000002E-2</c:v>
                </c:pt>
                <c:pt idx="755">
                  <c:v>1.7500000000000002E-2</c:v>
                </c:pt>
                <c:pt idx="756">
                  <c:v>1.7500000000000002E-2</c:v>
                </c:pt>
                <c:pt idx="757">
                  <c:v>1.7500000000000002E-2</c:v>
                </c:pt>
                <c:pt idx="758">
                  <c:v>1.7500000000000002E-2</c:v>
                </c:pt>
                <c:pt idx="759">
                  <c:v>1.7500000000000002E-2</c:v>
                </c:pt>
                <c:pt idx="760">
                  <c:v>1.7500000000000002E-2</c:v>
                </c:pt>
                <c:pt idx="761">
                  <c:v>1.7500000000000002E-2</c:v>
                </c:pt>
                <c:pt idx="762">
                  <c:v>1.7500000000000002E-2</c:v>
                </c:pt>
                <c:pt idx="763">
                  <c:v>1.7500000000000002E-2</c:v>
                </c:pt>
                <c:pt idx="764">
                  <c:v>1.7500000000000002E-2</c:v>
                </c:pt>
                <c:pt idx="765">
                  <c:v>1.7500000000000002E-2</c:v>
                </c:pt>
                <c:pt idx="766">
                  <c:v>1.7500000000000002E-2</c:v>
                </c:pt>
                <c:pt idx="767">
                  <c:v>1.7500000000000002E-2</c:v>
                </c:pt>
                <c:pt idx="768">
                  <c:v>1.7500000000000002E-2</c:v>
                </c:pt>
                <c:pt idx="769">
                  <c:v>1.7500000000000002E-2</c:v>
                </c:pt>
                <c:pt idx="770">
                  <c:v>1.7500000000000002E-2</c:v>
                </c:pt>
                <c:pt idx="771">
                  <c:v>1.7500000000000002E-2</c:v>
                </c:pt>
                <c:pt idx="772">
                  <c:v>1.7500000000000002E-2</c:v>
                </c:pt>
                <c:pt idx="773">
                  <c:v>1.7500000000000002E-2</c:v>
                </c:pt>
                <c:pt idx="774">
                  <c:v>1.7500000000000002E-2</c:v>
                </c:pt>
                <c:pt idx="775">
                  <c:v>1.7500000000000002E-2</c:v>
                </c:pt>
                <c:pt idx="776">
                  <c:v>1.7500000000000002E-2</c:v>
                </c:pt>
                <c:pt idx="777">
                  <c:v>1.7500000000000002E-2</c:v>
                </c:pt>
                <c:pt idx="778">
                  <c:v>1.7500000000000002E-2</c:v>
                </c:pt>
                <c:pt idx="779">
                  <c:v>1.7500000000000002E-2</c:v>
                </c:pt>
                <c:pt idx="780">
                  <c:v>1.7500000000000002E-2</c:v>
                </c:pt>
                <c:pt idx="781">
                  <c:v>1.7500000000000002E-2</c:v>
                </c:pt>
                <c:pt idx="782">
                  <c:v>1.7500000000000002E-2</c:v>
                </c:pt>
                <c:pt idx="783">
                  <c:v>1.7500000000000002E-2</c:v>
                </c:pt>
                <c:pt idx="784">
                  <c:v>1.7500000000000002E-2</c:v>
                </c:pt>
                <c:pt idx="785">
                  <c:v>1.7500000000000002E-2</c:v>
                </c:pt>
                <c:pt idx="786">
                  <c:v>1.7500000000000002E-2</c:v>
                </c:pt>
                <c:pt idx="787">
                  <c:v>1.7500000000000002E-2</c:v>
                </c:pt>
                <c:pt idx="788">
                  <c:v>1.7500000000000002E-2</c:v>
                </c:pt>
                <c:pt idx="789">
                  <c:v>1.7500000000000002E-2</c:v>
                </c:pt>
                <c:pt idx="790">
                  <c:v>1.7500000000000002E-2</c:v>
                </c:pt>
                <c:pt idx="791">
                  <c:v>1.7500000000000002E-2</c:v>
                </c:pt>
                <c:pt idx="792">
                  <c:v>1.7500000000000002E-2</c:v>
                </c:pt>
                <c:pt idx="793">
                  <c:v>1.7500000000000002E-2</c:v>
                </c:pt>
                <c:pt idx="794">
                  <c:v>1.7500000000000002E-2</c:v>
                </c:pt>
                <c:pt idx="795">
                  <c:v>1.7500000000000002E-2</c:v>
                </c:pt>
                <c:pt idx="796">
                  <c:v>1.7500000000000002E-2</c:v>
                </c:pt>
                <c:pt idx="797">
                  <c:v>1.7500000000000002E-2</c:v>
                </c:pt>
                <c:pt idx="798">
                  <c:v>1.7500000000000002E-2</c:v>
                </c:pt>
                <c:pt idx="799">
                  <c:v>1.7500000000000002E-2</c:v>
                </c:pt>
                <c:pt idx="800">
                  <c:v>1.7500000000000002E-2</c:v>
                </c:pt>
                <c:pt idx="801">
                  <c:v>1.7500000000000002E-2</c:v>
                </c:pt>
                <c:pt idx="802">
                  <c:v>1.7500000000000002E-2</c:v>
                </c:pt>
                <c:pt idx="803">
                  <c:v>1.7500000000000002E-2</c:v>
                </c:pt>
                <c:pt idx="804">
                  <c:v>1.7500000000000002E-2</c:v>
                </c:pt>
                <c:pt idx="805">
                  <c:v>1.7500000000000002E-2</c:v>
                </c:pt>
                <c:pt idx="806">
                  <c:v>1.7500000000000002E-2</c:v>
                </c:pt>
                <c:pt idx="807">
                  <c:v>1.7500000000000002E-2</c:v>
                </c:pt>
                <c:pt idx="808">
                  <c:v>1.7500000000000002E-2</c:v>
                </c:pt>
                <c:pt idx="809">
                  <c:v>1.7500000000000002E-2</c:v>
                </c:pt>
                <c:pt idx="810">
                  <c:v>1.7500000000000002E-2</c:v>
                </c:pt>
                <c:pt idx="811">
                  <c:v>1.7500000000000002E-2</c:v>
                </c:pt>
                <c:pt idx="812">
                  <c:v>1.7500000000000002E-2</c:v>
                </c:pt>
                <c:pt idx="813">
                  <c:v>1.7500000000000002E-2</c:v>
                </c:pt>
                <c:pt idx="814">
                  <c:v>1.7500000000000002E-2</c:v>
                </c:pt>
                <c:pt idx="815">
                  <c:v>1.7500000000000002E-2</c:v>
                </c:pt>
                <c:pt idx="816">
                  <c:v>1.7500000000000002E-2</c:v>
                </c:pt>
                <c:pt idx="817">
                  <c:v>1.7500000000000002E-2</c:v>
                </c:pt>
                <c:pt idx="818">
                  <c:v>1.7500000000000002E-2</c:v>
                </c:pt>
                <c:pt idx="819">
                  <c:v>1.7500000000000002E-2</c:v>
                </c:pt>
                <c:pt idx="820">
                  <c:v>1.7500000000000002E-2</c:v>
                </c:pt>
                <c:pt idx="821">
                  <c:v>1.7500000000000002E-2</c:v>
                </c:pt>
                <c:pt idx="822">
                  <c:v>1.7500000000000002E-2</c:v>
                </c:pt>
                <c:pt idx="823">
                  <c:v>1.7500000000000002E-2</c:v>
                </c:pt>
                <c:pt idx="824">
                  <c:v>1.7500000000000002E-2</c:v>
                </c:pt>
                <c:pt idx="825">
                  <c:v>1.7500000000000002E-2</c:v>
                </c:pt>
                <c:pt idx="826">
                  <c:v>1.7500000000000002E-2</c:v>
                </c:pt>
                <c:pt idx="827">
                  <c:v>1.7500000000000002E-2</c:v>
                </c:pt>
                <c:pt idx="828">
                  <c:v>1.7500000000000002E-2</c:v>
                </c:pt>
                <c:pt idx="829">
                  <c:v>1.7500000000000002E-2</c:v>
                </c:pt>
                <c:pt idx="830">
                  <c:v>1.7500000000000002E-2</c:v>
                </c:pt>
                <c:pt idx="831">
                  <c:v>1.7500000000000002E-2</c:v>
                </c:pt>
                <c:pt idx="832">
                  <c:v>1.7500000000000002E-2</c:v>
                </c:pt>
                <c:pt idx="833">
                  <c:v>1.7500000000000002E-2</c:v>
                </c:pt>
                <c:pt idx="834">
                  <c:v>1.7500000000000002E-2</c:v>
                </c:pt>
                <c:pt idx="835">
                  <c:v>1.7500000000000002E-2</c:v>
                </c:pt>
                <c:pt idx="836">
                  <c:v>1.7500000000000002E-2</c:v>
                </c:pt>
                <c:pt idx="837">
                  <c:v>1.7500000000000002E-2</c:v>
                </c:pt>
                <c:pt idx="838">
                  <c:v>1.7500000000000002E-2</c:v>
                </c:pt>
                <c:pt idx="839">
                  <c:v>1.7500000000000002E-2</c:v>
                </c:pt>
                <c:pt idx="840">
                  <c:v>1.7500000000000002E-2</c:v>
                </c:pt>
                <c:pt idx="841">
                  <c:v>1.7500000000000002E-2</c:v>
                </c:pt>
                <c:pt idx="842">
                  <c:v>1.7500000000000002E-2</c:v>
                </c:pt>
                <c:pt idx="843">
                  <c:v>1.7500000000000002E-2</c:v>
                </c:pt>
                <c:pt idx="844">
                  <c:v>1.7500000000000002E-2</c:v>
                </c:pt>
                <c:pt idx="845">
                  <c:v>1.7500000000000002E-2</c:v>
                </c:pt>
                <c:pt idx="846">
                  <c:v>1.7500000000000002E-2</c:v>
                </c:pt>
                <c:pt idx="847">
                  <c:v>1.7500000000000002E-2</c:v>
                </c:pt>
                <c:pt idx="848">
                  <c:v>1.7500000000000002E-2</c:v>
                </c:pt>
                <c:pt idx="849">
                  <c:v>1.7500000000000002E-2</c:v>
                </c:pt>
                <c:pt idx="850">
                  <c:v>1.7500000000000002E-2</c:v>
                </c:pt>
                <c:pt idx="851">
                  <c:v>1.7500000000000002E-2</c:v>
                </c:pt>
                <c:pt idx="852">
                  <c:v>1.7500000000000002E-2</c:v>
                </c:pt>
                <c:pt idx="853">
                  <c:v>1.7500000000000002E-2</c:v>
                </c:pt>
                <c:pt idx="854">
                  <c:v>1.7500000000000002E-2</c:v>
                </c:pt>
                <c:pt idx="855">
                  <c:v>1.7500000000000002E-2</c:v>
                </c:pt>
                <c:pt idx="856">
                  <c:v>1.7500000000000002E-2</c:v>
                </c:pt>
                <c:pt idx="857">
                  <c:v>1.7500000000000002E-2</c:v>
                </c:pt>
                <c:pt idx="858">
                  <c:v>1.7500000000000002E-2</c:v>
                </c:pt>
                <c:pt idx="859">
                  <c:v>1.7500000000000002E-2</c:v>
                </c:pt>
                <c:pt idx="860">
                  <c:v>1.7500000000000002E-2</c:v>
                </c:pt>
                <c:pt idx="861">
                  <c:v>1.7500000000000002E-2</c:v>
                </c:pt>
                <c:pt idx="862">
                  <c:v>1.7500000000000002E-2</c:v>
                </c:pt>
                <c:pt idx="863">
                  <c:v>1.7500000000000002E-2</c:v>
                </c:pt>
                <c:pt idx="864">
                  <c:v>1.7500000000000002E-2</c:v>
                </c:pt>
                <c:pt idx="865">
                  <c:v>1.7500000000000002E-2</c:v>
                </c:pt>
                <c:pt idx="866">
                  <c:v>1.7500000000000002E-2</c:v>
                </c:pt>
                <c:pt idx="867">
                  <c:v>1.7500000000000002E-2</c:v>
                </c:pt>
                <c:pt idx="868">
                  <c:v>1.7500000000000002E-2</c:v>
                </c:pt>
                <c:pt idx="869">
                  <c:v>1.7500000000000002E-2</c:v>
                </c:pt>
                <c:pt idx="870">
                  <c:v>1.7500000000000002E-2</c:v>
                </c:pt>
                <c:pt idx="871">
                  <c:v>1.7500000000000002E-2</c:v>
                </c:pt>
                <c:pt idx="872">
                  <c:v>1.7500000000000002E-2</c:v>
                </c:pt>
                <c:pt idx="873">
                  <c:v>1.7500000000000002E-2</c:v>
                </c:pt>
                <c:pt idx="874">
                  <c:v>1.7500000000000002E-2</c:v>
                </c:pt>
                <c:pt idx="875">
                  <c:v>1.7500000000000002E-2</c:v>
                </c:pt>
                <c:pt idx="876">
                  <c:v>1.7500000000000002E-2</c:v>
                </c:pt>
                <c:pt idx="877">
                  <c:v>1.7500000000000002E-2</c:v>
                </c:pt>
                <c:pt idx="878">
                  <c:v>1.7500000000000002E-2</c:v>
                </c:pt>
                <c:pt idx="879">
                  <c:v>1.7500000000000002E-2</c:v>
                </c:pt>
                <c:pt idx="880">
                  <c:v>1.7500000000000002E-2</c:v>
                </c:pt>
                <c:pt idx="881">
                  <c:v>1.7500000000000002E-2</c:v>
                </c:pt>
                <c:pt idx="882">
                  <c:v>1.7500000000000002E-2</c:v>
                </c:pt>
                <c:pt idx="883">
                  <c:v>1.7500000000000002E-2</c:v>
                </c:pt>
                <c:pt idx="884">
                  <c:v>1.7500000000000002E-2</c:v>
                </c:pt>
                <c:pt idx="885">
                  <c:v>1.7500000000000002E-2</c:v>
                </c:pt>
                <c:pt idx="886">
                  <c:v>1.7500000000000002E-2</c:v>
                </c:pt>
                <c:pt idx="887">
                  <c:v>1.7500000000000002E-2</c:v>
                </c:pt>
                <c:pt idx="888">
                  <c:v>1.7500000000000002E-2</c:v>
                </c:pt>
                <c:pt idx="889">
                  <c:v>1.7500000000000002E-2</c:v>
                </c:pt>
                <c:pt idx="890">
                  <c:v>1.7500000000000002E-2</c:v>
                </c:pt>
                <c:pt idx="891">
                  <c:v>1.7500000000000002E-2</c:v>
                </c:pt>
                <c:pt idx="892">
                  <c:v>1.7500000000000002E-2</c:v>
                </c:pt>
                <c:pt idx="893">
                  <c:v>1.7500000000000002E-2</c:v>
                </c:pt>
                <c:pt idx="894">
                  <c:v>1.7500000000000002E-2</c:v>
                </c:pt>
                <c:pt idx="895">
                  <c:v>1.7500000000000002E-2</c:v>
                </c:pt>
                <c:pt idx="896">
                  <c:v>1.7500000000000002E-2</c:v>
                </c:pt>
                <c:pt idx="897">
                  <c:v>1.7500000000000002E-2</c:v>
                </c:pt>
                <c:pt idx="898">
                  <c:v>1.7500000000000002E-2</c:v>
                </c:pt>
                <c:pt idx="899">
                  <c:v>1.7500000000000002E-2</c:v>
                </c:pt>
                <c:pt idx="900">
                  <c:v>1.7500000000000002E-2</c:v>
                </c:pt>
                <c:pt idx="901">
                  <c:v>1.7500000000000002E-2</c:v>
                </c:pt>
                <c:pt idx="902">
                  <c:v>1.7500000000000002E-2</c:v>
                </c:pt>
                <c:pt idx="903">
                  <c:v>1.7500000000000002E-2</c:v>
                </c:pt>
                <c:pt idx="904">
                  <c:v>1.7500000000000002E-2</c:v>
                </c:pt>
                <c:pt idx="905">
                  <c:v>1.7500000000000002E-2</c:v>
                </c:pt>
                <c:pt idx="906">
                  <c:v>1.7500000000000002E-2</c:v>
                </c:pt>
                <c:pt idx="907">
                  <c:v>1.7500000000000002E-2</c:v>
                </c:pt>
                <c:pt idx="908">
                  <c:v>1.7500000000000002E-2</c:v>
                </c:pt>
                <c:pt idx="909">
                  <c:v>1.7500000000000002E-2</c:v>
                </c:pt>
                <c:pt idx="910">
                  <c:v>1.7500000000000002E-2</c:v>
                </c:pt>
                <c:pt idx="911">
                  <c:v>1.7500000000000002E-2</c:v>
                </c:pt>
                <c:pt idx="912">
                  <c:v>1.7500000000000002E-2</c:v>
                </c:pt>
                <c:pt idx="913">
                  <c:v>1.7500000000000002E-2</c:v>
                </c:pt>
                <c:pt idx="914">
                  <c:v>1.7500000000000002E-2</c:v>
                </c:pt>
                <c:pt idx="915">
                  <c:v>1.7500000000000002E-2</c:v>
                </c:pt>
                <c:pt idx="916">
                  <c:v>1.7500000000000002E-2</c:v>
                </c:pt>
                <c:pt idx="917">
                  <c:v>1.7500000000000002E-2</c:v>
                </c:pt>
                <c:pt idx="918">
                  <c:v>1.7500000000000002E-2</c:v>
                </c:pt>
                <c:pt idx="919">
                  <c:v>1.7500000000000002E-2</c:v>
                </c:pt>
                <c:pt idx="920">
                  <c:v>1.7500000000000002E-2</c:v>
                </c:pt>
                <c:pt idx="921">
                  <c:v>1.7500000000000002E-2</c:v>
                </c:pt>
                <c:pt idx="922">
                  <c:v>1.7500000000000002E-2</c:v>
                </c:pt>
                <c:pt idx="923">
                  <c:v>1.7500000000000002E-2</c:v>
                </c:pt>
                <c:pt idx="924">
                  <c:v>1.7500000000000002E-2</c:v>
                </c:pt>
                <c:pt idx="925">
                  <c:v>1.7500000000000002E-2</c:v>
                </c:pt>
                <c:pt idx="926">
                  <c:v>1.7500000000000002E-2</c:v>
                </c:pt>
                <c:pt idx="927">
                  <c:v>1.7500000000000002E-2</c:v>
                </c:pt>
                <c:pt idx="928">
                  <c:v>1.7500000000000002E-2</c:v>
                </c:pt>
                <c:pt idx="929">
                  <c:v>1.7500000000000002E-2</c:v>
                </c:pt>
                <c:pt idx="930">
                  <c:v>1.7500000000000002E-2</c:v>
                </c:pt>
                <c:pt idx="931">
                  <c:v>1.7500000000000002E-2</c:v>
                </c:pt>
                <c:pt idx="932">
                  <c:v>1.7500000000000002E-2</c:v>
                </c:pt>
                <c:pt idx="933">
                  <c:v>1.7500000000000002E-2</c:v>
                </c:pt>
                <c:pt idx="934">
                  <c:v>1.7500000000000002E-2</c:v>
                </c:pt>
                <c:pt idx="935">
                  <c:v>1.7500000000000002E-2</c:v>
                </c:pt>
                <c:pt idx="936">
                  <c:v>1.7500000000000002E-2</c:v>
                </c:pt>
                <c:pt idx="937">
                  <c:v>1.7500000000000002E-2</c:v>
                </c:pt>
                <c:pt idx="938">
                  <c:v>1.7500000000000002E-2</c:v>
                </c:pt>
                <c:pt idx="939">
                  <c:v>1.7500000000000002E-2</c:v>
                </c:pt>
                <c:pt idx="940">
                  <c:v>1.7500000000000002E-2</c:v>
                </c:pt>
                <c:pt idx="941">
                  <c:v>1.7500000000000002E-2</c:v>
                </c:pt>
                <c:pt idx="942">
                  <c:v>1.7500000000000002E-2</c:v>
                </c:pt>
                <c:pt idx="943">
                  <c:v>1.7500000000000002E-2</c:v>
                </c:pt>
                <c:pt idx="944">
                  <c:v>1.7500000000000002E-2</c:v>
                </c:pt>
                <c:pt idx="945">
                  <c:v>1.7500000000000002E-2</c:v>
                </c:pt>
                <c:pt idx="946">
                  <c:v>1.7500000000000002E-2</c:v>
                </c:pt>
                <c:pt idx="947">
                  <c:v>1.7500000000000002E-2</c:v>
                </c:pt>
                <c:pt idx="948">
                  <c:v>1.7500000000000002E-2</c:v>
                </c:pt>
                <c:pt idx="949">
                  <c:v>1.7500000000000002E-2</c:v>
                </c:pt>
                <c:pt idx="950">
                  <c:v>1.7500000000000002E-2</c:v>
                </c:pt>
                <c:pt idx="951">
                  <c:v>1.7500000000000002E-2</c:v>
                </c:pt>
                <c:pt idx="952">
                  <c:v>1.7500000000000002E-2</c:v>
                </c:pt>
                <c:pt idx="953">
                  <c:v>1.7500000000000002E-2</c:v>
                </c:pt>
                <c:pt idx="954">
                  <c:v>1.7500000000000002E-2</c:v>
                </c:pt>
                <c:pt idx="955">
                  <c:v>1.7500000000000002E-2</c:v>
                </c:pt>
                <c:pt idx="956">
                  <c:v>1.7500000000000002E-2</c:v>
                </c:pt>
                <c:pt idx="957">
                  <c:v>1.7500000000000002E-2</c:v>
                </c:pt>
                <c:pt idx="958">
                  <c:v>1.7500000000000002E-2</c:v>
                </c:pt>
                <c:pt idx="959">
                  <c:v>1.7500000000000002E-2</c:v>
                </c:pt>
                <c:pt idx="960">
                  <c:v>1.7500000000000002E-2</c:v>
                </c:pt>
                <c:pt idx="961">
                  <c:v>1.7500000000000002E-2</c:v>
                </c:pt>
                <c:pt idx="962">
                  <c:v>1.7500000000000002E-2</c:v>
                </c:pt>
                <c:pt idx="963">
                  <c:v>1.7500000000000002E-2</c:v>
                </c:pt>
                <c:pt idx="964">
                  <c:v>1.7500000000000002E-2</c:v>
                </c:pt>
                <c:pt idx="965">
                  <c:v>1.7500000000000002E-2</c:v>
                </c:pt>
                <c:pt idx="966">
                  <c:v>1.7500000000000002E-2</c:v>
                </c:pt>
                <c:pt idx="967">
                  <c:v>1.7500000000000002E-2</c:v>
                </c:pt>
                <c:pt idx="968">
                  <c:v>1.7500000000000002E-2</c:v>
                </c:pt>
                <c:pt idx="969">
                  <c:v>1.7500000000000002E-2</c:v>
                </c:pt>
                <c:pt idx="970">
                  <c:v>1.7500000000000002E-2</c:v>
                </c:pt>
                <c:pt idx="971">
                  <c:v>1.7500000000000002E-2</c:v>
                </c:pt>
                <c:pt idx="972">
                  <c:v>1.7500000000000002E-2</c:v>
                </c:pt>
                <c:pt idx="973">
                  <c:v>1.7500000000000002E-2</c:v>
                </c:pt>
                <c:pt idx="974">
                  <c:v>1.7500000000000002E-2</c:v>
                </c:pt>
                <c:pt idx="975">
                  <c:v>1.7500000000000002E-2</c:v>
                </c:pt>
                <c:pt idx="976">
                  <c:v>1.7500000000000002E-2</c:v>
                </c:pt>
                <c:pt idx="977">
                  <c:v>1.7500000000000002E-2</c:v>
                </c:pt>
                <c:pt idx="978">
                  <c:v>1.7500000000000002E-2</c:v>
                </c:pt>
                <c:pt idx="979">
                  <c:v>1.7500000000000002E-2</c:v>
                </c:pt>
                <c:pt idx="980">
                  <c:v>1.7500000000000002E-2</c:v>
                </c:pt>
                <c:pt idx="981">
                  <c:v>1.7500000000000002E-2</c:v>
                </c:pt>
                <c:pt idx="982">
                  <c:v>1.7500000000000002E-2</c:v>
                </c:pt>
                <c:pt idx="983">
                  <c:v>1.7500000000000002E-2</c:v>
                </c:pt>
                <c:pt idx="984">
                  <c:v>1.7500000000000002E-2</c:v>
                </c:pt>
                <c:pt idx="985">
                  <c:v>1.7500000000000002E-2</c:v>
                </c:pt>
                <c:pt idx="986">
                  <c:v>1.7500000000000002E-2</c:v>
                </c:pt>
                <c:pt idx="987">
                  <c:v>1.7500000000000002E-2</c:v>
                </c:pt>
                <c:pt idx="988">
                  <c:v>1.7500000000000002E-2</c:v>
                </c:pt>
                <c:pt idx="989">
                  <c:v>1.7500000000000002E-2</c:v>
                </c:pt>
                <c:pt idx="990">
                  <c:v>1.7500000000000002E-2</c:v>
                </c:pt>
                <c:pt idx="991">
                  <c:v>1.7500000000000002E-2</c:v>
                </c:pt>
                <c:pt idx="992">
                  <c:v>1.7500000000000002E-2</c:v>
                </c:pt>
                <c:pt idx="993">
                  <c:v>1.7500000000000002E-2</c:v>
                </c:pt>
                <c:pt idx="994">
                  <c:v>1.7500000000000002E-2</c:v>
                </c:pt>
                <c:pt idx="995">
                  <c:v>1.7500000000000002E-2</c:v>
                </c:pt>
                <c:pt idx="996">
                  <c:v>1.7500000000000002E-2</c:v>
                </c:pt>
                <c:pt idx="997">
                  <c:v>1.7500000000000002E-2</c:v>
                </c:pt>
                <c:pt idx="998">
                  <c:v>1.7500000000000002E-2</c:v>
                </c:pt>
                <c:pt idx="999">
                  <c:v>1.7500000000000002E-2</c:v>
                </c:pt>
                <c:pt idx="1000">
                  <c:v>1.7500000000000002E-2</c:v>
                </c:pt>
                <c:pt idx="1001">
                  <c:v>1.7500000000000002E-2</c:v>
                </c:pt>
                <c:pt idx="1002">
                  <c:v>1.7500000000000002E-2</c:v>
                </c:pt>
                <c:pt idx="1003">
                  <c:v>1.7500000000000002E-2</c:v>
                </c:pt>
                <c:pt idx="1004">
                  <c:v>1.7500000000000002E-2</c:v>
                </c:pt>
                <c:pt idx="1005">
                  <c:v>1.7500000000000002E-2</c:v>
                </c:pt>
                <c:pt idx="1006">
                  <c:v>1.7500000000000002E-2</c:v>
                </c:pt>
                <c:pt idx="1007">
                  <c:v>1.7500000000000002E-2</c:v>
                </c:pt>
                <c:pt idx="1008">
                  <c:v>1.7500000000000002E-2</c:v>
                </c:pt>
                <c:pt idx="1009">
                  <c:v>1.7500000000000002E-2</c:v>
                </c:pt>
                <c:pt idx="1010">
                  <c:v>1.7500000000000002E-2</c:v>
                </c:pt>
                <c:pt idx="1011">
                  <c:v>1.7500000000000002E-2</c:v>
                </c:pt>
                <c:pt idx="1012">
                  <c:v>1.7500000000000002E-2</c:v>
                </c:pt>
                <c:pt idx="1013">
                  <c:v>1.7500000000000002E-2</c:v>
                </c:pt>
                <c:pt idx="1014">
                  <c:v>1.7500000000000002E-2</c:v>
                </c:pt>
                <c:pt idx="1015">
                  <c:v>1.7500000000000002E-2</c:v>
                </c:pt>
                <c:pt idx="1016">
                  <c:v>1.7500000000000002E-2</c:v>
                </c:pt>
                <c:pt idx="1017">
                  <c:v>1.7500000000000002E-2</c:v>
                </c:pt>
                <c:pt idx="1018">
                  <c:v>1.7500000000000002E-2</c:v>
                </c:pt>
                <c:pt idx="1019">
                  <c:v>1.7500000000000002E-2</c:v>
                </c:pt>
                <c:pt idx="1020">
                  <c:v>1.7500000000000002E-2</c:v>
                </c:pt>
                <c:pt idx="1021">
                  <c:v>1.7500000000000002E-2</c:v>
                </c:pt>
                <c:pt idx="1022">
                  <c:v>1.7500000000000002E-2</c:v>
                </c:pt>
                <c:pt idx="1023">
                  <c:v>1.7500000000000002E-2</c:v>
                </c:pt>
                <c:pt idx="1024">
                  <c:v>1.7500000000000002E-2</c:v>
                </c:pt>
                <c:pt idx="1025">
                  <c:v>1.7500000000000002E-2</c:v>
                </c:pt>
                <c:pt idx="1026">
                  <c:v>1.7500000000000002E-2</c:v>
                </c:pt>
                <c:pt idx="1027">
                  <c:v>1.7500000000000002E-2</c:v>
                </c:pt>
                <c:pt idx="1028">
                  <c:v>1.7500000000000002E-2</c:v>
                </c:pt>
                <c:pt idx="1029">
                  <c:v>1.7500000000000002E-2</c:v>
                </c:pt>
                <c:pt idx="1030">
                  <c:v>1.7500000000000002E-2</c:v>
                </c:pt>
                <c:pt idx="1031">
                  <c:v>1.7500000000000002E-2</c:v>
                </c:pt>
                <c:pt idx="1032">
                  <c:v>1.7500000000000002E-2</c:v>
                </c:pt>
                <c:pt idx="1033">
                  <c:v>1.7500000000000002E-2</c:v>
                </c:pt>
                <c:pt idx="1034">
                  <c:v>1.7500000000000002E-2</c:v>
                </c:pt>
                <c:pt idx="1035">
                  <c:v>1.7500000000000002E-2</c:v>
                </c:pt>
                <c:pt idx="1036">
                  <c:v>1.7500000000000002E-2</c:v>
                </c:pt>
                <c:pt idx="1037">
                  <c:v>1.7500000000000002E-2</c:v>
                </c:pt>
                <c:pt idx="1038">
                  <c:v>1.7500000000000002E-2</c:v>
                </c:pt>
                <c:pt idx="1039">
                  <c:v>1.7500000000000002E-2</c:v>
                </c:pt>
                <c:pt idx="1040">
                  <c:v>1.2500000000000001E-2</c:v>
                </c:pt>
                <c:pt idx="1041">
                  <c:v>1.2500000000000001E-2</c:v>
                </c:pt>
                <c:pt idx="1042">
                  <c:v>1.2500000000000001E-2</c:v>
                </c:pt>
                <c:pt idx="1043">
                  <c:v>1.2500000000000001E-2</c:v>
                </c:pt>
                <c:pt idx="1044">
                  <c:v>1.2500000000000001E-2</c:v>
                </c:pt>
                <c:pt idx="1045">
                  <c:v>1.2500000000000001E-2</c:v>
                </c:pt>
                <c:pt idx="1046">
                  <c:v>1.2500000000000001E-2</c:v>
                </c:pt>
                <c:pt idx="1047">
                  <c:v>1.2500000000000001E-2</c:v>
                </c:pt>
                <c:pt idx="1048">
                  <c:v>1.2500000000000001E-2</c:v>
                </c:pt>
                <c:pt idx="1049">
                  <c:v>1.2500000000000001E-2</c:v>
                </c:pt>
                <c:pt idx="1050">
                  <c:v>1.2500000000000001E-2</c:v>
                </c:pt>
                <c:pt idx="1051">
                  <c:v>1.2500000000000001E-2</c:v>
                </c:pt>
                <c:pt idx="1052">
                  <c:v>1.2500000000000001E-2</c:v>
                </c:pt>
                <c:pt idx="1053">
                  <c:v>1.2500000000000001E-2</c:v>
                </c:pt>
                <c:pt idx="1054">
                  <c:v>1.2500000000000001E-2</c:v>
                </c:pt>
                <c:pt idx="1055">
                  <c:v>1.2500000000000001E-2</c:v>
                </c:pt>
                <c:pt idx="1056">
                  <c:v>1.2500000000000001E-2</c:v>
                </c:pt>
                <c:pt idx="1057">
                  <c:v>1.2500000000000001E-2</c:v>
                </c:pt>
                <c:pt idx="1058">
                  <c:v>1.2500000000000001E-2</c:v>
                </c:pt>
                <c:pt idx="1059">
                  <c:v>1.2500000000000001E-2</c:v>
                </c:pt>
                <c:pt idx="1060">
                  <c:v>1.2500000000000001E-2</c:v>
                </c:pt>
                <c:pt idx="1061">
                  <c:v>1.2500000000000001E-2</c:v>
                </c:pt>
                <c:pt idx="1062">
                  <c:v>1.2500000000000001E-2</c:v>
                </c:pt>
                <c:pt idx="1063">
                  <c:v>1.2500000000000001E-2</c:v>
                </c:pt>
                <c:pt idx="1064">
                  <c:v>1.2500000000000001E-2</c:v>
                </c:pt>
                <c:pt idx="1065">
                  <c:v>1.2500000000000001E-2</c:v>
                </c:pt>
                <c:pt idx="1066">
                  <c:v>1.2500000000000001E-2</c:v>
                </c:pt>
                <c:pt idx="1067">
                  <c:v>1.2500000000000001E-2</c:v>
                </c:pt>
                <c:pt idx="1068">
                  <c:v>1.2500000000000001E-2</c:v>
                </c:pt>
                <c:pt idx="1069">
                  <c:v>1.2500000000000001E-2</c:v>
                </c:pt>
                <c:pt idx="1070">
                  <c:v>1.2500000000000001E-2</c:v>
                </c:pt>
                <c:pt idx="1071">
                  <c:v>1.2500000000000001E-2</c:v>
                </c:pt>
                <c:pt idx="1072">
                  <c:v>1.2500000000000001E-2</c:v>
                </c:pt>
                <c:pt idx="1073">
                  <c:v>1.2500000000000001E-2</c:v>
                </c:pt>
                <c:pt idx="1074">
                  <c:v>1.2500000000000001E-2</c:v>
                </c:pt>
                <c:pt idx="1075">
                  <c:v>1.2500000000000001E-2</c:v>
                </c:pt>
                <c:pt idx="1076">
                  <c:v>1.2500000000000001E-2</c:v>
                </c:pt>
                <c:pt idx="1077">
                  <c:v>1.2500000000000001E-2</c:v>
                </c:pt>
                <c:pt idx="1078">
                  <c:v>1.2500000000000001E-2</c:v>
                </c:pt>
                <c:pt idx="1079">
                  <c:v>1.2500000000000001E-2</c:v>
                </c:pt>
                <c:pt idx="1080">
                  <c:v>1.2500000000000001E-2</c:v>
                </c:pt>
                <c:pt idx="1081">
                  <c:v>1.2500000000000001E-2</c:v>
                </c:pt>
                <c:pt idx="1082">
                  <c:v>1.2500000000000001E-2</c:v>
                </c:pt>
                <c:pt idx="1083">
                  <c:v>1.2500000000000001E-2</c:v>
                </c:pt>
                <c:pt idx="1084">
                  <c:v>1.2500000000000001E-2</c:v>
                </c:pt>
                <c:pt idx="1085">
                  <c:v>1.2500000000000001E-2</c:v>
                </c:pt>
                <c:pt idx="1086">
                  <c:v>1.2500000000000001E-2</c:v>
                </c:pt>
                <c:pt idx="1087">
                  <c:v>1.2500000000000001E-2</c:v>
                </c:pt>
                <c:pt idx="1088">
                  <c:v>1.2500000000000001E-2</c:v>
                </c:pt>
                <c:pt idx="1089">
                  <c:v>1.2500000000000001E-2</c:v>
                </c:pt>
                <c:pt idx="1090">
                  <c:v>1.2500000000000001E-2</c:v>
                </c:pt>
                <c:pt idx="1091">
                  <c:v>1.2500000000000001E-2</c:v>
                </c:pt>
                <c:pt idx="1092">
                  <c:v>1.2500000000000001E-2</c:v>
                </c:pt>
                <c:pt idx="1093">
                  <c:v>1.2500000000000001E-2</c:v>
                </c:pt>
                <c:pt idx="1094">
                  <c:v>1.2500000000000001E-2</c:v>
                </c:pt>
                <c:pt idx="1095">
                  <c:v>1.2500000000000001E-2</c:v>
                </c:pt>
                <c:pt idx="1096">
                  <c:v>1.2500000000000001E-2</c:v>
                </c:pt>
                <c:pt idx="1097">
                  <c:v>1.2500000000000001E-2</c:v>
                </c:pt>
                <c:pt idx="1098">
                  <c:v>1.2500000000000001E-2</c:v>
                </c:pt>
                <c:pt idx="1099">
                  <c:v>1.2500000000000001E-2</c:v>
                </c:pt>
                <c:pt idx="1100">
                  <c:v>1.2500000000000001E-2</c:v>
                </c:pt>
                <c:pt idx="1101">
                  <c:v>1.2500000000000001E-2</c:v>
                </c:pt>
                <c:pt idx="1102">
                  <c:v>1.2500000000000001E-2</c:v>
                </c:pt>
                <c:pt idx="1103">
                  <c:v>1.2500000000000001E-2</c:v>
                </c:pt>
                <c:pt idx="1104">
                  <c:v>1.2500000000000001E-2</c:v>
                </c:pt>
                <c:pt idx="1105">
                  <c:v>1.2500000000000001E-2</c:v>
                </c:pt>
                <c:pt idx="1106">
                  <c:v>1.2500000000000001E-2</c:v>
                </c:pt>
                <c:pt idx="1107">
                  <c:v>1.2500000000000001E-2</c:v>
                </c:pt>
                <c:pt idx="1108">
                  <c:v>1.2500000000000001E-2</c:v>
                </c:pt>
                <c:pt idx="1109">
                  <c:v>1.2500000000000001E-2</c:v>
                </c:pt>
                <c:pt idx="1110">
                  <c:v>1.2500000000000001E-2</c:v>
                </c:pt>
                <c:pt idx="1111">
                  <c:v>1.2500000000000001E-2</c:v>
                </c:pt>
                <c:pt idx="1112">
                  <c:v>1.2500000000000001E-2</c:v>
                </c:pt>
                <c:pt idx="1113">
                  <c:v>1.2500000000000001E-2</c:v>
                </c:pt>
                <c:pt idx="1114">
                  <c:v>1.2500000000000001E-2</c:v>
                </c:pt>
                <c:pt idx="1115">
                  <c:v>1.2500000000000001E-2</c:v>
                </c:pt>
                <c:pt idx="1116">
                  <c:v>1.2500000000000001E-2</c:v>
                </c:pt>
                <c:pt idx="1117">
                  <c:v>1.2500000000000001E-2</c:v>
                </c:pt>
                <c:pt idx="1118">
                  <c:v>1.2500000000000001E-2</c:v>
                </c:pt>
                <c:pt idx="1119">
                  <c:v>1.2500000000000001E-2</c:v>
                </c:pt>
                <c:pt idx="1120">
                  <c:v>1.2500000000000001E-2</c:v>
                </c:pt>
                <c:pt idx="1121">
                  <c:v>1.2500000000000001E-2</c:v>
                </c:pt>
                <c:pt idx="1122">
                  <c:v>1.2500000000000001E-2</c:v>
                </c:pt>
                <c:pt idx="1123">
                  <c:v>1.2500000000000001E-2</c:v>
                </c:pt>
                <c:pt idx="1124">
                  <c:v>1.2500000000000001E-2</c:v>
                </c:pt>
                <c:pt idx="1125">
                  <c:v>1.2500000000000001E-2</c:v>
                </c:pt>
                <c:pt idx="1126">
                  <c:v>1.2500000000000001E-2</c:v>
                </c:pt>
                <c:pt idx="1127">
                  <c:v>1.2500000000000001E-2</c:v>
                </c:pt>
                <c:pt idx="1128">
                  <c:v>1.2500000000000001E-2</c:v>
                </c:pt>
                <c:pt idx="1129">
                  <c:v>1.2500000000000001E-2</c:v>
                </c:pt>
                <c:pt idx="1130">
                  <c:v>1.2500000000000001E-2</c:v>
                </c:pt>
                <c:pt idx="1131">
                  <c:v>1.2500000000000001E-2</c:v>
                </c:pt>
                <c:pt idx="1132">
                  <c:v>1.2500000000000001E-2</c:v>
                </c:pt>
                <c:pt idx="1133">
                  <c:v>1.2500000000000001E-2</c:v>
                </c:pt>
                <c:pt idx="1134">
                  <c:v>1.2500000000000001E-2</c:v>
                </c:pt>
                <c:pt idx="1135">
                  <c:v>1.2500000000000001E-2</c:v>
                </c:pt>
                <c:pt idx="1136">
                  <c:v>1.2500000000000001E-2</c:v>
                </c:pt>
                <c:pt idx="1137">
                  <c:v>1.2500000000000001E-2</c:v>
                </c:pt>
                <c:pt idx="1138">
                  <c:v>1.2500000000000001E-2</c:v>
                </c:pt>
                <c:pt idx="1139">
                  <c:v>1.2500000000000001E-2</c:v>
                </c:pt>
                <c:pt idx="1140">
                  <c:v>1.2500000000000001E-2</c:v>
                </c:pt>
                <c:pt idx="1141">
                  <c:v>1.2500000000000001E-2</c:v>
                </c:pt>
                <c:pt idx="1142">
                  <c:v>1.2500000000000001E-2</c:v>
                </c:pt>
                <c:pt idx="1143">
                  <c:v>1.2500000000000001E-2</c:v>
                </c:pt>
                <c:pt idx="1144">
                  <c:v>1.2500000000000001E-2</c:v>
                </c:pt>
                <c:pt idx="1145">
                  <c:v>1.2500000000000001E-2</c:v>
                </c:pt>
                <c:pt idx="1146">
                  <c:v>1.2500000000000001E-2</c:v>
                </c:pt>
                <c:pt idx="1147">
                  <c:v>1.2500000000000001E-2</c:v>
                </c:pt>
                <c:pt idx="1148">
                  <c:v>1.2500000000000001E-2</c:v>
                </c:pt>
                <c:pt idx="1149">
                  <c:v>1.2500000000000001E-2</c:v>
                </c:pt>
                <c:pt idx="1150">
                  <c:v>1.2500000000000001E-2</c:v>
                </c:pt>
                <c:pt idx="1151">
                  <c:v>1.2500000000000001E-2</c:v>
                </c:pt>
                <c:pt idx="1152">
                  <c:v>1.2500000000000001E-2</c:v>
                </c:pt>
                <c:pt idx="1153">
                  <c:v>1.2500000000000001E-2</c:v>
                </c:pt>
                <c:pt idx="1154">
                  <c:v>1.2500000000000001E-2</c:v>
                </c:pt>
                <c:pt idx="1155">
                  <c:v>1.2500000000000001E-2</c:v>
                </c:pt>
                <c:pt idx="1156">
                  <c:v>1.2500000000000001E-2</c:v>
                </c:pt>
                <c:pt idx="1157">
                  <c:v>1.2500000000000001E-2</c:v>
                </c:pt>
                <c:pt idx="1158">
                  <c:v>1.2500000000000001E-2</c:v>
                </c:pt>
                <c:pt idx="1159">
                  <c:v>1.2500000000000001E-2</c:v>
                </c:pt>
                <c:pt idx="1160">
                  <c:v>1.2500000000000001E-2</c:v>
                </c:pt>
                <c:pt idx="1161">
                  <c:v>1.2500000000000001E-2</c:v>
                </c:pt>
                <c:pt idx="1162">
                  <c:v>1.2500000000000001E-2</c:v>
                </c:pt>
                <c:pt idx="1163">
                  <c:v>1.2500000000000001E-2</c:v>
                </c:pt>
                <c:pt idx="1164">
                  <c:v>1.2500000000000001E-2</c:v>
                </c:pt>
                <c:pt idx="1165">
                  <c:v>1.2500000000000001E-2</c:v>
                </c:pt>
                <c:pt idx="1166">
                  <c:v>1.2500000000000001E-2</c:v>
                </c:pt>
                <c:pt idx="1167">
                  <c:v>1.2500000000000001E-2</c:v>
                </c:pt>
                <c:pt idx="1168">
                  <c:v>1.2500000000000001E-2</c:v>
                </c:pt>
                <c:pt idx="1169">
                  <c:v>1.2500000000000001E-2</c:v>
                </c:pt>
                <c:pt idx="1170">
                  <c:v>1.2500000000000001E-2</c:v>
                </c:pt>
                <c:pt idx="1171">
                  <c:v>1.2500000000000001E-2</c:v>
                </c:pt>
                <c:pt idx="1172">
                  <c:v>1.2500000000000001E-2</c:v>
                </c:pt>
                <c:pt idx="1173">
                  <c:v>1.2500000000000001E-2</c:v>
                </c:pt>
                <c:pt idx="1174">
                  <c:v>1.2500000000000001E-2</c:v>
                </c:pt>
                <c:pt idx="1175">
                  <c:v>1.2500000000000001E-2</c:v>
                </c:pt>
                <c:pt idx="1176">
                  <c:v>1.2500000000000001E-2</c:v>
                </c:pt>
                <c:pt idx="1177">
                  <c:v>1.2500000000000001E-2</c:v>
                </c:pt>
                <c:pt idx="1178">
                  <c:v>1.2500000000000001E-2</c:v>
                </c:pt>
                <c:pt idx="1179">
                  <c:v>1.2500000000000001E-2</c:v>
                </c:pt>
                <c:pt idx="1180">
                  <c:v>1.2500000000000001E-2</c:v>
                </c:pt>
                <c:pt idx="1181">
                  <c:v>1.2500000000000001E-2</c:v>
                </c:pt>
                <c:pt idx="1182">
                  <c:v>1.2500000000000001E-2</c:v>
                </c:pt>
                <c:pt idx="1183">
                  <c:v>1.2500000000000001E-2</c:v>
                </c:pt>
                <c:pt idx="1184">
                  <c:v>1.2500000000000001E-2</c:v>
                </c:pt>
                <c:pt idx="1185">
                  <c:v>1.2500000000000001E-2</c:v>
                </c:pt>
                <c:pt idx="1186">
                  <c:v>1.2500000000000001E-2</c:v>
                </c:pt>
                <c:pt idx="1187">
                  <c:v>1.2500000000000001E-2</c:v>
                </c:pt>
                <c:pt idx="1188">
                  <c:v>1.2500000000000001E-2</c:v>
                </c:pt>
                <c:pt idx="1189">
                  <c:v>1.2500000000000001E-2</c:v>
                </c:pt>
                <c:pt idx="1190">
                  <c:v>1.2500000000000001E-2</c:v>
                </c:pt>
                <c:pt idx="1191">
                  <c:v>1.2500000000000001E-2</c:v>
                </c:pt>
                <c:pt idx="1192">
                  <c:v>1.2500000000000001E-2</c:v>
                </c:pt>
                <c:pt idx="1193">
                  <c:v>1.2500000000000001E-2</c:v>
                </c:pt>
                <c:pt idx="1194">
                  <c:v>1.2500000000000001E-2</c:v>
                </c:pt>
                <c:pt idx="1195">
                  <c:v>1.2500000000000001E-2</c:v>
                </c:pt>
                <c:pt idx="1196">
                  <c:v>1.2500000000000001E-2</c:v>
                </c:pt>
                <c:pt idx="1197">
                  <c:v>1.2500000000000001E-2</c:v>
                </c:pt>
                <c:pt idx="1198">
                  <c:v>1.2500000000000001E-2</c:v>
                </c:pt>
                <c:pt idx="1199">
                  <c:v>1.2500000000000001E-2</c:v>
                </c:pt>
                <c:pt idx="1200">
                  <c:v>1.2500000000000001E-2</c:v>
                </c:pt>
                <c:pt idx="1201">
                  <c:v>1.2500000000000001E-2</c:v>
                </c:pt>
                <c:pt idx="1202">
                  <c:v>1.2500000000000001E-2</c:v>
                </c:pt>
                <c:pt idx="1203">
                  <c:v>1.2500000000000001E-2</c:v>
                </c:pt>
                <c:pt idx="1204">
                  <c:v>1.2500000000000001E-2</c:v>
                </c:pt>
                <c:pt idx="1205">
                  <c:v>1.2500000000000001E-2</c:v>
                </c:pt>
                <c:pt idx="1206">
                  <c:v>1.2500000000000001E-2</c:v>
                </c:pt>
                <c:pt idx="1207">
                  <c:v>1.2500000000000001E-2</c:v>
                </c:pt>
                <c:pt idx="1208">
                  <c:v>1.2500000000000001E-2</c:v>
                </c:pt>
                <c:pt idx="1209">
                  <c:v>1.2500000000000001E-2</c:v>
                </c:pt>
                <c:pt idx="1210">
                  <c:v>1.2500000000000001E-2</c:v>
                </c:pt>
                <c:pt idx="1211">
                  <c:v>1.2500000000000001E-2</c:v>
                </c:pt>
                <c:pt idx="1212">
                  <c:v>1.2500000000000001E-2</c:v>
                </c:pt>
                <c:pt idx="1213">
                  <c:v>1.2500000000000001E-2</c:v>
                </c:pt>
                <c:pt idx="1214">
                  <c:v>1.2500000000000001E-2</c:v>
                </c:pt>
                <c:pt idx="1215">
                  <c:v>1.2500000000000001E-2</c:v>
                </c:pt>
                <c:pt idx="1216">
                  <c:v>1.2500000000000001E-2</c:v>
                </c:pt>
                <c:pt idx="1217">
                  <c:v>1.2500000000000001E-2</c:v>
                </c:pt>
                <c:pt idx="1218">
                  <c:v>1.2500000000000001E-2</c:v>
                </c:pt>
                <c:pt idx="1219">
                  <c:v>1.2500000000000001E-2</c:v>
                </c:pt>
                <c:pt idx="1220">
                  <c:v>1.2500000000000001E-2</c:v>
                </c:pt>
                <c:pt idx="1221">
                  <c:v>1.2500000000000001E-2</c:v>
                </c:pt>
                <c:pt idx="1222">
                  <c:v>1.2500000000000001E-2</c:v>
                </c:pt>
                <c:pt idx="1223">
                  <c:v>1.2500000000000001E-2</c:v>
                </c:pt>
                <c:pt idx="1224">
                  <c:v>1.2500000000000001E-2</c:v>
                </c:pt>
                <c:pt idx="1225">
                  <c:v>1.2500000000000001E-2</c:v>
                </c:pt>
                <c:pt idx="1226">
                  <c:v>1.2500000000000001E-2</c:v>
                </c:pt>
                <c:pt idx="1227">
                  <c:v>1.2500000000000001E-2</c:v>
                </c:pt>
                <c:pt idx="1228">
                  <c:v>1.2500000000000001E-2</c:v>
                </c:pt>
                <c:pt idx="1229">
                  <c:v>1.2500000000000001E-2</c:v>
                </c:pt>
                <c:pt idx="1230">
                  <c:v>1.2500000000000001E-2</c:v>
                </c:pt>
                <c:pt idx="1231">
                  <c:v>1.2500000000000001E-2</c:v>
                </c:pt>
                <c:pt idx="1232">
                  <c:v>1.2500000000000001E-2</c:v>
                </c:pt>
                <c:pt idx="1233">
                  <c:v>1.2500000000000001E-2</c:v>
                </c:pt>
                <c:pt idx="1234">
                  <c:v>1.2500000000000001E-2</c:v>
                </c:pt>
                <c:pt idx="1235">
                  <c:v>1.2500000000000001E-2</c:v>
                </c:pt>
                <c:pt idx="1236">
                  <c:v>1.2500000000000001E-2</c:v>
                </c:pt>
                <c:pt idx="1237">
                  <c:v>1.2500000000000001E-2</c:v>
                </c:pt>
                <c:pt idx="1238">
                  <c:v>1.2500000000000001E-2</c:v>
                </c:pt>
                <c:pt idx="1239">
                  <c:v>1.2500000000000001E-2</c:v>
                </c:pt>
                <c:pt idx="1240">
                  <c:v>1.2500000000000001E-2</c:v>
                </c:pt>
                <c:pt idx="1241">
                  <c:v>1.2500000000000001E-2</c:v>
                </c:pt>
                <c:pt idx="1242">
                  <c:v>1.2500000000000001E-2</c:v>
                </c:pt>
                <c:pt idx="1243">
                  <c:v>1.2500000000000001E-2</c:v>
                </c:pt>
                <c:pt idx="1244">
                  <c:v>1.2500000000000001E-2</c:v>
                </c:pt>
                <c:pt idx="1245">
                  <c:v>1.2500000000000001E-2</c:v>
                </c:pt>
                <c:pt idx="1246">
                  <c:v>1.2500000000000001E-2</c:v>
                </c:pt>
                <c:pt idx="1247">
                  <c:v>1.2500000000000001E-2</c:v>
                </c:pt>
                <c:pt idx="1248">
                  <c:v>1.2500000000000001E-2</c:v>
                </c:pt>
                <c:pt idx="1249">
                  <c:v>1.2500000000000001E-2</c:v>
                </c:pt>
                <c:pt idx="1250">
                  <c:v>1.2500000000000001E-2</c:v>
                </c:pt>
                <c:pt idx="1251">
                  <c:v>1.2500000000000001E-2</c:v>
                </c:pt>
                <c:pt idx="1252">
                  <c:v>1.2500000000000001E-2</c:v>
                </c:pt>
                <c:pt idx="1253">
                  <c:v>1.2500000000000001E-2</c:v>
                </c:pt>
                <c:pt idx="1254">
                  <c:v>1.2500000000000001E-2</c:v>
                </c:pt>
                <c:pt idx="1255">
                  <c:v>1.2500000000000001E-2</c:v>
                </c:pt>
                <c:pt idx="1256">
                  <c:v>1.2500000000000001E-2</c:v>
                </c:pt>
                <c:pt idx="1257">
                  <c:v>1.2500000000000001E-2</c:v>
                </c:pt>
                <c:pt idx="1258">
                  <c:v>1.2500000000000001E-2</c:v>
                </c:pt>
                <c:pt idx="1259">
                  <c:v>1.2500000000000001E-2</c:v>
                </c:pt>
                <c:pt idx="1260">
                  <c:v>1.2500000000000001E-2</c:v>
                </c:pt>
                <c:pt idx="1261">
                  <c:v>1.2500000000000001E-2</c:v>
                </c:pt>
                <c:pt idx="1262">
                  <c:v>1.2500000000000001E-2</c:v>
                </c:pt>
                <c:pt idx="1263">
                  <c:v>1.2500000000000001E-2</c:v>
                </c:pt>
                <c:pt idx="1264">
                  <c:v>1.2500000000000001E-2</c:v>
                </c:pt>
                <c:pt idx="1265">
                  <c:v>1.2500000000000001E-2</c:v>
                </c:pt>
                <c:pt idx="1266">
                  <c:v>1.2500000000000001E-2</c:v>
                </c:pt>
                <c:pt idx="1267">
                  <c:v>1.2500000000000001E-2</c:v>
                </c:pt>
                <c:pt idx="1268">
                  <c:v>1.2500000000000001E-2</c:v>
                </c:pt>
                <c:pt idx="1269">
                  <c:v>1.2500000000000001E-2</c:v>
                </c:pt>
                <c:pt idx="1270">
                  <c:v>1.2500000000000001E-2</c:v>
                </c:pt>
                <c:pt idx="1271">
                  <c:v>0.01</c:v>
                </c:pt>
                <c:pt idx="1272">
                  <c:v>0.01</c:v>
                </c:pt>
                <c:pt idx="1273">
                  <c:v>0.01</c:v>
                </c:pt>
                <c:pt idx="1274">
                  <c:v>0.01</c:v>
                </c:pt>
                <c:pt idx="1275">
                  <c:v>0.01</c:v>
                </c:pt>
                <c:pt idx="1276">
                  <c:v>0.01</c:v>
                </c:pt>
                <c:pt idx="1277">
                  <c:v>0.01</c:v>
                </c:pt>
                <c:pt idx="1278">
                  <c:v>0.01</c:v>
                </c:pt>
                <c:pt idx="1279">
                  <c:v>0.01</c:v>
                </c:pt>
                <c:pt idx="1280">
                  <c:v>0.01</c:v>
                </c:pt>
                <c:pt idx="1281">
                  <c:v>0.01</c:v>
                </c:pt>
                <c:pt idx="1282">
                  <c:v>0.01</c:v>
                </c:pt>
                <c:pt idx="1283">
                  <c:v>0.01</c:v>
                </c:pt>
                <c:pt idx="1284">
                  <c:v>0.01</c:v>
                </c:pt>
                <c:pt idx="1285">
                  <c:v>0.01</c:v>
                </c:pt>
                <c:pt idx="1286">
                  <c:v>0.01</c:v>
                </c:pt>
                <c:pt idx="1287">
                  <c:v>0.01</c:v>
                </c:pt>
                <c:pt idx="1288">
                  <c:v>0.01</c:v>
                </c:pt>
                <c:pt idx="1289">
                  <c:v>0.01</c:v>
                </c:pt>
                <c:pt idx="1290">
                  <c:v>0.01</c:v>
                </c:pt>
                <c:pt idx="1291">
                  <c:v>0.01</c:v>
                </c:pt>
                <c:pt idx="1292">
                  <c:v>0.01</c:v>
                </c:pt>
                <c:pt idx="1293">
                  <c:v>0.01</c:v>
                </c:pt>
                <c:pt idx="1294">
                  <c:v>0.01</c:v>
                </c:pt>
                <c:pt idx="1295">
                  <c:v>0.01</c:v>
                </c:pt>
                <c:pt idx="1296">
                  <c:v>0.01</c:v>
                </c:pt>
                <c:pt idx="1297">
                  <c:v>0.01</c:v>
                </c:pt>
                <c:pt idx="1298">
                  <c:v>0.01</c:v>
                </c:pt>
                <c:pt idx="1299">
                  <c:v>0.01</c:v>
                </c:pt>
                <c:pt idx="1300">
                  <c:v>0.01</c:v>
                </c:pt>
                <c:pt idx="1301">
                  <c:v>0.01</c:v>
                </c:pt>
                <c:pt idx="1302">
                  <c:v>0.01</c:v>
                </c:pt>
                <c:pt idx="1303">
                  <c:v>0.01</c:v>
                </c:pt>
                <c:pt idx="1304">
                  <c:v>0.01</c:v>
                </c:pt>
                <c:pt idx="1305">
                  <c:v>0.01</c:v>
                </c:pt>
                <c:pt idx="1306">
                  <c:v>0.01</c:v>
                </c:pt>
                <c:pt idx="1307">
                  <c:v>0.01</c:v>
                </c:pt>
                <c:pt idx="1308">
                  <c:v>0.01</c:v>
                </c:pt>
                <c:pt idx="1309">
                  <c:v>0.01</c:v>
                </c:pt>
                <c:pt idx="1310">
                  <c:v>0.01</c:v>
                </c:pt>
                <c:pt idx="1311">
                  <c:v>0.01</c:v>
                </c:pt>
                <c:pt idx="1312">
                  <c:v>0.01</c:v>
                </c:pt>
                <c:pt idx="1313">
                  <c:v>0.01</c:v>
                </c:pt>
                <c:pt idx="1314">
                  <c:v>0.01</c:v>
                </c:pt>
                <c:pt idx="1315">
                  <c:v>0.01</c:v>
                </c:pt>
                <c:pt idx="1316">
                  <c:v>0.01</c:v>
                </c:pt>
                <c:pt idx="1317">
                  <c:v>0.01</c:v>
                </c:pt>
                <c:pt idx="1318">
                  <c:v>0.01</c:v>
                </c:pt>
                <c:pt idx="1319">
                  <c:v>0.01</c:v>
                </c:pt>
                <c:pt idx="1320">
                  <c:v>0.01</c:v>
                </c:pt>
                <c:pt idx="1321">
                  <c:v>0.01</c:v>
                </c:pt>
                <c:pt idx="1322">
                  <c:v>0.01</c:v>
                </c:pt>
                <c:pt idx="1323">
                  <c:v>0.01</c:v>
                </c:pt>
                <c:pt idx="1324">
                  <c:v>0.01</c:v>
                </c:pt>
                <c:pt idx="1325">
                  <c:v>0.01</c:v>
                </c:pt>
                <c:pt idx="1326">
                  <c:v>0.01</c:v>
                </c:pt>
                <c:pt idx="1327">
                  <c:v>0.01</c:v>
                </c:pt>
                <c:pt idx="1328">
                  <c:v>0.01</c:v>
                </c:pt>
                <c:pt idx="1329">
                  <c:v>0.01</c:v>
                </c:pt>
                <c:pt idx="1330">
                  <c:v>0.01</c:v>
                </c:pt>
                <c:pt idx="1331">
                  <c:v>0.01</c:v>
                </c:pt>
                <c:pt idx="1332">
                  <c:v>0.01</c:v>
                </c:pt>
                <c:pt idx="1333">
                  <c:v>0.01</c:v>
                </c:pt>
                <c:pt idx="1334">
                  <c:v>0.01</c:v>
                </c:pt>
                <c:pt idx="1335">
                  <c:v>0.01</c:v>
                </c:pt>
                <c:pt idx="1336">
                  <c:v>0.01</c:v>
                </c:pt>
                <c:pt idx="1337">
                  <c:v>0.01</c:v>
                </c:pt>
                <c:pt idx="1338">
                  <c:v>0.01</c:v>
                </c:pt>
                <c:pt idx="1339">
                  <c:v>0.01</c:v>
                </c:pt>
                <c:pt idx="1340">
                  <c:v>0.01</c:v>
                </c:pt>
                <c:pt idx="1341">
                  <c:v>0.01</c:v>
                </c:pt>
                <c:pt idx="1342">
                  <c:v>0.01</c:v>
                </c:pt>
                <c:pt idx="1343">
                  <c:v>0.01</c:v>
                </c:pt>
                <c:pt idx="1344">
                  <c:v>0.01</c:v>
                </c:pt>
                <c:pt idx="1345">
                  <c:v>0.01</c:v>
                </c:pt>
                <c:pt idx="1346">
                  <c:v>0.01</c:v>
                </c:pt>
                <c:pt idx="1347">
                  <c:v>0.01</c:v>
                </c:pt>
                <c:pt idx="1348">
                  <c:v>0.01</c:v>
                </c:pt>
                <c:pt idx="1349">
                  <c:v>0.01</c:v>
                </c:pt>
                <c:pt idx="1350">
                  <c:v>0.01</c:v>
                </c:pt>
                <c:pt idx="1351">
                  <c:v>0.01</c:v>
                </c:pt>
                <c:pt idx="1352">
                  <c:v>0.01</c:v>
                </c:pt>
                <c:pt idx="1353">
                  <c:v>0.01</c:v>
                </c:pt>
                <c:pt idx="1354">
                  <c:v>0.01</c:v>
                </c:pt>
                <c:pt idx="1355">
                  <c:v>0.01</c:v>
                </c:pt>
                <c:pt idx="1356">
                  <c:v>0.01</c:v>
                </c:pt>
                <c:pt idx="1357">
                  <c:v>0.01</c:v>
                </c:pt>
                <c:pt idx="1358">
                  <c:v>0.01</c:v>
                </c:pt>
                <c:pt idx="1359">
                  <c:v>0.01</c:v>
                </c:pt>
                <c:pt idx="1360">
                  <c:v>0.01</c:v>
                </c:pt>
                <c:pt idx="1361">
                  <c:v>0.01</c:v>
                </c:pt>
                <c:pt idx="1362">
                  <c:v>0.01</c:v>
                </c:pt>
                <c:pt idx="1363">
                  <c:v>0.01</c:v>
                </c:pt>
                <c:pt idx="1364">
                  <c:v>0.01</c:v>
                </c:pt>
                <c:pt idx="1365">
                  <c:v>0.01</c:v>
                </c:pt>
                <c:pt idx="1366">
                  <c:v>0.01</c:v>
                </c:pt>
                <c:pt idx="1367">
                  <c:v>0.01</c:v>
                </c:pt>
                <c:pt idx="1368">
                  <c:v>0.01</c:v>
                </c:pt>
                <c:pt idx="1369">
                  <c:v>0.01</c:v>
                </c:pt>
                <c:pt idx="1370">
                  <c:v>0.01</c:v>
                </c:pt>
                <c:pt idx="1371">
                  <c:v>0.01</c:v>
                </c:pt>
                <c:pt idx="1372">
                  <c:v>0.01</c:v>
                </c:pt>
                <c:pt idx="1373">
                  <c:v>0.01</c:v>
                </c:pt>
                <c:pt idx="1374">
                  <c:v>0.01</c:v>
                </c:pt>
                <c:pt idx="1375">
                  <c:v>0.01</c:v>
                </c:pt>
                <c:pt idx="1376">
                  <c:v>0.01</c:v>
                </c:pt>
                <c:pt idx="1377">
                  <c:v>0.01</c:v>
                </c:pt>
                <c:pt idx="1378">
                  <c:v>0.01</c:v>
                </c:pt>
                <c:pt idx="1379">
                  <c:v>0.01</c:v>
                </c:pt>
                <c:pt idx="1380">
                  <c:v>0.01</c:v>
                </c:pt>
                <c:pt idx="1381">
                  <c:v>0.01</c:v>
                </c:pt>
                <c:pt idx="1382">
                  <c:v>0.01</c:v>
                </c:pt>
                <c:pt idx="1383">
                  <c:v>0.01</c:v>
                </c:pt>
                <c:pt idx="1384">
                  <c:v>0.01</c:v>
                </c:pt>
                <c:pt idx="1385">
                  <c:v>0.01</c:v>
                </c:pt>
                <c:pt idx="1386">
                  <c:v>0.01</c:v>
                </c:pt>
                <c:pt idx="1387">
                  <c:v>0.01</c:v>
                </c:pt>
                <c:pt idx="1388">
                  <c:v>0.01</c:v>
                </c:pt>
                <c:pt idx="1389">
                  <c:v>0.01</c:v>
                </c:pt>
                <c:pt idx="1390">
                  <c:v>0.01</c:v>
                </c:pt>
                <c:pt idx="1391">
                  <c:v>0.01</c:v>
                </c:pt>
                <c:pt idx="1392">
                  <c:v>0.01</c:v>
                </c:pt>
                <c:pt idx="1393">
                  <c:v>0.01</c:v>
                </c:pt>
                <c:pt idx="1394">
                  <c:v>0.01</c:v>
                </c:pt>
                <c:pt idx="1395">
                  <c:v>0.01</c:v>
                </c:pt>
                <c:pt idx="1396">
                  <c:v>0.01</c:v>
                </c:pt>
                <c:pt idx="1397">
                  <c:v>0.01</c:v>
                </c:pt>
                <c:pt idx="1398">
                  <c:v>0.01</c:v>
                </c:pt>
                <c:pt idx="1399">
                  <c:v>0.01</c:v>
                </c:pt>
                <c:pt idx="1400">
                  <c:v>0.01</c:v>
                </c:pt>
                <c:pt idx="1401">
                  <c:v>0.01</c:v>
                </c:pt>
                <c:pt idx="1402">
                  <c:v>0.01</c:v>
                </c:pt>
                <c:pt idx="1403">
                  <c:v>0.01</c:v>
                </c:pt>
                <c:pt idx="1404">
                  <c:v>0.01</c:v>
                </c:pt>
                <c:pt idx="1405">
                  <c:v>0.01</c:v>
                </c:pt>
                <c:pt idx="1406">
                  <c:v>0.01</c:v>
                </c:pt>
                <c:pt idx="1407">
                  <c:v>0.01</c:v>
                </c:pt>
                <c:pt idx="1408">
                  <c:v>0.01</c:v>
                </c:pt>
                <c:pt idx="1409">
                  <c:v>0.01</c:v>
                </c:pt>
                <c:pt idx="1410">
                  <c:v>0.01</c:v>
                </c:pt>
                <c:pt idx="1411">
                  <c:v>0.01</c:v>
                </c:pt>
                <c:pt idx="1412">
                  <c:v>0.01</c:v>
                </c:pt>
                <c:pt idx="1413">
                  <c:v>0.01</c:v>
                </c:pt>
                <c:pt idx="1414">
                  <c:v>0.01</c:v>
                </c:pt>
                <c:pt idx="1415">
                  <c:v>0.01</c:v>
                </c:pt>
                <c:pt idx="1416">
                  <c:v>0.01</c:v>
                </c:pt>
                <c:pt idx="1417">
                  <c:v>0.01</c:v>
                </c:pt>
                <c:pt idx="1418">
                  <c:v>0.01</c:v>
                </c:pt>
                <c:pt idx="1419">
                  <c:v>0.01</c:v>
                </c:pt>
                <c:pt idx="1420">
                  <c:v>0.01</c:v>
                </c:pt>
                <c:pt idx="1421">
                  <c:v>0.01</c:v>
                </c:pt>
                <c:pt idx="1422">
                  <c:v>0.01</c:v>
                </c:pt>
                <c:pt idx="1423">
                  <c:v>0.01</c:v>
                </c:pt>
                <c:pt idx="1424">
                  <c:v>0.01</c:v>
                </c:pt>
                <c:pt idx="1425">
                  <c:v>0.01</c:v>
                </c:pt>
                <c:pt idx="1426">
                  <c:v>0.01</c:v>
                </c:pt>
                <c:pt idx="1427">
                  <c:v>0.01</c:v>
                </c:pt>
                <c:pt idx="1428">
                  <c:v>0.01</c:v>
                </c:pt>
                <c:pt idx="1429">
                  <c:v>0.01</c:v>
                </c:pt>
                <c:pt idx="1430">
                  <c:v>0.01</c:v>
                </c:pt>
                <c:pt idx="1431">
                  <c:v>0.01</c:v>
                </c:pt>
                <c:pt idx="1432">
                  <c:v>0.01</c:v>
                </c:pt>
                <c:pt idx="1433">
                  <c:v>0.01</c:v>
                </c:pt>
                <c:pt idx="1434">
                  <c:v>0.01</c:v>
                </c:pt>
                <c:pt idx="1435">
                  <c:v>0.01</c:v>
                </c:pt>
                <c:pt idx="1436">
                  <c:v>0.01</c:v>
                </c:pt>
                <c:pt idx="1437">
                  <c:v>0.01</c:v>
                </c:pt>
                <c:pt idx="1438">
                  <c:v>0.01</c:v>
                </c:pt>
                <c:pt idx="1439">
                  <c:v>0.01</c:v>
                </c:pt>
                <c:pt idx="1440">
                  <c:v>0.01</c:v>
                </c:pt>
                <c:pt idx="1441">
                  <c:v>0.01</c:v>
                </c:pt>
                <c:pt idx="1442">
                  <c:v>0.01</c:v>
                </c:pt>
                <c:pt idx="1443">
                  <c:v>0.01</c:v>
                </c:pt>
                <c:pt idx="1444">
                  <c:v>0.01</c:v>
                </c:pt>
                <c:pt idx="1445">
                  <c:v>0.01</c:v>
                </c:pt>
                <c:pt idx="1446">
                  <c:v>0.01</c:v>
                </c:pt>
                <c:pt idx="1447">
                  <c:v>0.01</c:v>
                </c:pt>
                <c:pt idx="1448">
                  <c:v>0.01</c:v>
                </c:pt>
                <c:pt idx="1449">
                  <c:v>0.01</c:v>
                </c:pt>
                <c:pt idx="1450">
                  <c:v>0.01</c:v>
                </c:pt>
                <c:pt idx="1451">
                  <c:v>0.01</c:v>
                </c:pt>
                <c:pt idx="1452">
                  <c:v>0.01</c:v>
                </c:pt>
                <c:pt idx="1453">
                  <c:v>0.01</c:v>
                </c:pt>
                <c:pt idx="1454">
                  <c:v>0.01</c:v>
                </c:pt>
                <c:pt idx="1455">
                  <c:v>0.01</c:v>
                </c:pt>
                <c:pt idx="1456">
                  <c:v>0.01</c:v>
                </c:pt>
                <c:pt idx="1457">
                  <c:v>0.01</c:v>
                </c:pt>
                <c:pt idx="1458">
                  <c:v>0.01</c:v>
                </c:pt>
                <c:pt idx="1459">
                  <c:v>0.01</c:v>
                </c:pt>
                <c:pt idx="1460">
                  <c:v>0.01</c:v>
                </c:pt>
                <c:pt idx="1461">
                  <c:v>0.01</c:v>
                </c:pt>
                <c:pt idx="1462">
                  <c:v>0.01</c:v>
                </c:pt>
                <c:pt idx="1463">
                  <c:v>0.01</c:v>
                </c:pt>
                <c:pt idx="1464">
                  <c:v>0.01</c:v>
                </c:pt>
                <c:pt idx="1465">
                  <c:v>0.01</c:v>
                </c:pt>
                <c:pt idx="1466">
                  <c:v>0.01</c:v>
                </c:pt>
                <c:pt idx="1467">
                  <c:v>0.01</c:v>
                </c:pt>
                <c:pt idx="1468">
                  <c:v>0.01</c:v>
                </c:pt>
                <c:pt idx="1469">
                  <c:v>0.01</c:v>
                </c:pt>
                <c:pt idx="1470">
                  <c:v>0.01</c:v>
                </c:pt>
                <c:pt idx="1471">
                  <c:v>0.01</c:v>
                </c:pt>
                <c:pt idx="1472">
                  <c:v>0.01</c:v>
                </c:pt>
                <c:pt idx="1473">
                  <c:v>0.01</c:v>
                </c:pt>
                <c:pt idx="1474">
                  <c:v>0.01</c:v>
                </c:pt>
                <c:pt idx="1475">
                  <c:v>0.01</c:v>
                </c:pt>
                <c:pt idx="1476">
                  <c:v>0.01</c:v>
                </c:pt>
                <c:pt idx="1477">
                  <c:v>0.01</c:v>
                </c:pt>
                <c:pt idx="1478">
                  <c:v>0.01</c:v>
                </c:pt>
                <c:pt idx="1479">
                  <c:v>0.01</c:v>
                </c:pt>
                <c:pt idx="1480">
                  <c:v>0.01</c:v>
                </c:pt>
                <c:pt idx="1481">
                  <c:v>0.01</c:v>
                </c:pt>
                <c:pt idx="1482">
                  <c:v>0.01</c:v>
                </c:pt>
                <c:pt idx="1483">
                  <c:v>0.01</c:v>
                </c:pt>
                <c:pt idx="1484">
                  <c:v>0.01</c:v>
                </c:pt>
                <c:pt idx="1485">
                  <c:v>0.01</c:v>
                </c:pt>
                <c:pt idx="1486">
                  <c:v>0.01</c:v>
                </c:pt>
                <c:pt idx="1487">
                  <c:v>0.01</c:v>
                </c:pt>
                <c:pt idx="1488">
                  <c:v>0.01</c:v>
                </c:pt>
                <c:pt idx="1489">
                  <c:v>0.01</c:v>
                </c:pt>
                <c:pt idx="1490">
                  <c:v>0.01</c:v>
                </c:pt>
                <c:pt idx="1491">
                  <c:v>0.01</c:v>
                </c:pt>
                <c:pt idx="1492">
                  <c:v>0.01</c:v>
                </c:pt>
                <c:pt idx="1493">
                  <c:v>0.01</c:v>
                </c:pt>
                <c:pt idx="1494">
                  <c:v>0.01</c:v>
                </c:pt>
                <c:pt idx="1495">
                  <c:v>0.01</c:v>
                </c:pt>
                <c:pt idx="1496">
                  <c:v>0.01</c:v>
                </c:pt>
                <c:pt idx="1497">
                  <c:v>0.01</c:v>
                </c:pt>
                <c:pt idx="1498">
                  <c:v>0.01</c:v>
                </c:pt>
                <c:pt idx="1499">
                  <c:v>0.01</c:v>
                </c:pt>
                <c:pt idx="1500">
                  <c:v>0.01</c:v>
                </c:pt>
                <c:pt idx="1501">
                  <c:v>0.01</c:v>
                </c:pt>
                <c:pt idx="1502">
                  <c:v>0.01</c:v>
                </c:pt>
                <c:pt idx="1503">
                  <c:v>0.01</c:v>
                </c:pt>
                <c:pt idx="1504">
                  <c:v>0.01</c:v>
                </c:pt>
                <c:pt idx="1505">
                  <c:v>0.01</c:v>
                </c:pt>
                <c:pt idx="1506">
                  <c:v>0.01</c:v>
                </c:pt>
                <c:pt idx="1507">
                  <c:v>0.01</c:v>
                </c:pt>
                <c:pt idx="1508">
                  <c:v>0.01</c:v>
                </c:pt>
                <c:pt idx="1509">
                  <c:v>0.01</c:v>
                </c:pt>
                <c:pt idx="1510">
                  <c:v>0.01</c:v>
                </c:pt>
                <c:pt idx="1511">
                  <c:v>0.01</c:v>
                </c:pt>
                <c:pt idx="1512">
                  <c:v>0.01</c:v>
                </c:pt>
                <c:pt idx="1513">
                  <c:v>0.01</c:v>
                </c:pt>
                <c:pt idx="1514">
                  <c:v>0.01</c:v>
                </c:pt>
                <c:pt idx="1515">
                  <c:v>0.01</c:v>
                </c:pt>
                <c:pt idx="1516">
                  <c:v>0.01</c:v>
                </c:pt>
                <c:pt idx="1517">
                  <c:v>0.01</c:v>
                </c:pt>
                <c:pt idx="1518">
                  <c:v>0.01</c:v>
                </c:pt>
                <c:pt idx="1519">
                  <c:v>0.01</c:v>
                </c:pt>
                <c:pt idx="1520">
                  <c:v>0.01</c:v>
                </c:pt>
                <c:pt idx="1521">
                  <c:v>0.01</c:v>
                </c:pt>
                <c:pt idx="1522">
                  <c:v>0.01</c:v>
                </c:pt>
                <c:pt idx="1523">
                  <c:v>0.01</c:v>
                </c:pt>
                <c:pt idx="1524">
                  <c:v>0.01</c:v>
                </c:pt>
                <c:pt idx="1525">
                  <c:v>0.01</c:v>
                </c:pt>
                <c:pt idx="1526">
                  <c:v>0.01</c:v>
                </c:pt>
                <c:pt idx="1527">
                  <c:v>0.01</c:v>
                </c:pt>
                <c:pt idx="1528">
                  <c:v>0.01</c:v>
                </c:pt>
                <c:pt idx="1529">
                  <c:v>0.01</c:v>
                </c:pt>
                <c:pt idx="1530">
                  <c:v>0.01</c:v>
                </c:pt>
                <c:pt idx="1531">
                  <c:v>0.01</c:v>
                </c:pt>
                <c:pt idx="1532">
                  <c:v>0.01</c:v>
                </c:pt>
                <c:pt idx="1533">
                  <c:v>0.01</c:v>
                </c:pt>
                <c:pt idx="1534">
                  <c:v>0.01</c:v>
                </c:pt>
                <c:pt idx="1535">
                  <c:v>0.01</c:v>
                </c:pt>
                <c:pt idx="1536">
                  <c:v>0.01</c:v>
                </c:pt>
                <c:pt idx="1537">
                  <c:v>0.01</c:v>
                </c:pt>
                <c:pt idx="1538">
                  <c:v>0.01</c:v>
                </c:pt>
                <c:pt idx="1539">
                  <c:v>0.01</c:v>
                </c:pt>
                <c:pt idx="1540">
                  <c:v>0.01</c:v>
                </c:pt>
                <c:pt idx="1541">
                  <c:v>0.01</c:v>
                </c:pt>
                <c:pt idx="1542">
                  <c:v>0.01</c:v>
                </c:pt>
                <c:pt idx="1543">
                  <c:v>0.01</c:v>
                </c:pt>
                <c:pt idx="1544">
                  <c:v>0.01</c:v>
                </c:pt>
                <c:pt idx="1545">
                  <c:v>0.01</c:v>
                </c:pt>
                <c:pt idx="1546">
                  <c:v>0.01</c:v>
                </c:pt>
                <c:pt idx="1547">
                  <c:v>0.01</c:v>
                </c:pt>
                <c:pt idx="1548">
                  <c:v>0.01</c:v>
                </c:pt>
                <c:pt idx="1549">
                  <c:v>0.01</c:v>
                </c:pt>
                <c:pt idx="1550">
                  <c:v>0.01</c:v>
                </c:pt>
                <c:pt idx="1551">
                  <c:v>0.01</c:v>
                </c:pt>
                <c:pt idx="1552">
                  <c:v>0.01</c:v>
                </c:pt>
                <c:pt idx="1553">
                  <c:v>0.01</c:v>
                </c:pt>
                <c:pt idx="1554">
                  <c:v>0.01</c:v>
                </c:pt>
                <c:pt idx="1555">
                  <c:v>0.01</c:v>
                </c:pt>
                <c:pt idx="1556">
                  <c:v>0.01</c:v>
                </c:pt>
                <c:pt idx="1557">
                  <c:v>0.01</c:v>
                </c:pt>
                <c:pt idx="1558">
                  <c:v>0.01</c:v>
                </c:pt>
                <c:pt idx="1559">
                  <c:v>0.01</c:v>
                </c:pt>
                <c:pt idx="1560">
                  <c:v>0.01</c:v>
                </c:pt>
                <c:pt idx="1561">
                  <c:v>0.01</c:v>
                </c:pt>
                <c:pt idx="1562">
                  <c:v>0.01</c:v>
                </c:pt>
                <c:pt idx="1563">
                  <c:v>0.01</c:v>
                </c:pt>
                <c:pt idx="1564">
                  <c:v>0.01</c:v>
                </c:pt>
                <c:pt idx="1565">
                  <c:v>0.01</c:v>
                </c:pt>
                <c:pt idx="1566">
                  <c:v>0.01</c:v>
                </c:pt>
                <c:pt idx="1567">
                  <c:v>0.01</c:v>
                </c:pt>
                <c:pt idx="1568">
                  <c:v>0.01</c:v>
                </c:pt>
                <c:pt idx="1569">
                  <c:v>0.01</c:v>
                </c:pt>
                <c:pt idx="1570">
                  <c:v>0.01</c:v>
                </c:pt>
                <c:pt idx="1571">
                  <c:v>0.01</c:v>
                </c:pt>
                <c:pt idx="1572">
                  <c:v>0.01</c:v>
                </c:pt>
                <c:pt idx="1573">
                  <c:v>0.01</c:v>
                </c:pt>
                <c:pt idx="1574">
                  <c:v>0.01</c:v>
                </c:pt>
                <c:pt idx="1575">
                  <c:v>0.01</c:v>
                </c:pt>
                <c:pt idx="1576">
                  <c:v>0.01</c:v>
                </c:pt>
                <c:pt idx="1577">
                  <c:v>0.01</c:v>
                </c:pt>
                <c:pt idx="1578">
                  <c:v>0.01</c:v>
                </c:pt>
                <c:pt idx="1579">
                  <c:v>0.01</c:v>
                </c:pt>
                <c:pt idx="1580">
                  <c:v>0.01</c:v>
                </c:pt>
                <c:pt idx="1581">
                  <c:v>0.01</c:v>
                </c:pt>
                <c:pt idx="1582">
                  <c:v>0.01</c:v>
                </c:pt>
                <c:pt idx="1583">
                  <c:v>0.01</c:v>
                </c:pt>
                <c:pt idx="1584">
                  <c:v>0.01</c:v>
                </c:pt>
                <c:pt idx="1585">
                  <c:v>0.01</c:v>
                </c:pt>
                <c:pt idx="1586">
                  <c:v>0.01</c:v>
                </c:pt>
                <c:pt idx="1587">
                  <c:v>0.01</c:v>
                </c:pt>
                <c:pt idx="1588">
                  <c:v>0.01</c:v>
                </c:pt>
                <c:pt idx="1589">
                  <c:v>0.01</c:v>
                </c:pt>
                <c:pt idx="1590">
                  <c:v>0.01</c:v>
                </c:pt>
                <c:pt idx="1591">
                  <c:v>0.01</c:v>
                </c:pt>
                <c:pt idx="1592">
                  <c:v>0.01</c:v>
                </c:pt>
                <c:pt idx="1593">
                  <c:v>0.01</c:v>
                </c:pt>
                <c:pt idx="1594">
                  <c:v>0.01</c:v>
                </c:pt>
                <c:pt idx="1595">
                  <c:v>0.01</c:v>
                </c:pt>
                <c:pt idx="1596">
                  <c:v>0.01</c:v>
                </c:pt>
                <c:pt idx="1597">
                  <c:v>0.01</c:v>
                </c:pt>
                <c:pt idx="1598">
                  <c:v>0.01</c:v>
                </c:pt>
                <c:pt idx="1599">
                  <c:v>0.01</c:v>
                </c:pt>
                <c:pt idx="1600">
                  <c:v>0.01</c:v>
                </c:pt>
                <c:pt idx="1601">
                  <c:v>0.01</c:v>
                </c:pt>
                <c:pt idx="1602">
                  <c:v>0.01</c:v>
                </c:pt>
                <c:pt idx="1603">
                  <c:v>0.01</c:v>
                </c:pt>
                <c:pt idx="1604">
                  <c:v>0.01</c:v>
                </c:pt>
                <c:pt idx="1605">
                  <c:v>0.01</c:v>
                </c:pt>
                <c:pt idx="1606">
                  <c:v>0.01</c:v>
                </c:pt>
                <c:pt idx="1607">
                  <c:v>0.01</c:v>
                </c:pt>
                <c:pt idx="1608">
                  <c:v>0.01</c:v>
                </c:pt>
                <c:pt idx="1609">
                  <c:v>0.01</c:v>
                </c:pt>
                <c:pt idx="1610">
                  <c:v>0.01</c:v>
                </c:pt>
                <c:pt idx="1611">
                  <c:v>0.01</c:v>
                </c:pt>
                <c:pt idx="1612">
                  <c:v>0.01</c:v>
                </c:pt>
                <c:pt idx="1613">
                  <c:v>0.01</c:v>
                </c:pt>
                <c:pt idx="1614">
                  <c:v>0.01</c:v>
                </c:pt>
                <c:pt idx="1615">
                  <c:v>0.01</c:v>
                </c:pt>
                <c:pt idx="1616">
                  <c:v>0.01</c:v>
                </c:pt>
                <c:pt idx="1617">
                  <c:v>0.01</c:v>
                </c:pt>
                <c:pt idx="1618">
                  <c:v>0.01</c:v>
                </c:pt>
                <c:pt idx="1619">
                  <c:v>0.01</c:v>
                </c:pt>
                <c:pt idx="1620">
                  <c:v>0.01</c:v>
                </c:pt>
                <c:pt idx="1621">
                  <c:v>0.01</c:v>
                </c:pt>
                <c:pt idx="1622">
                  <c:v>0.01</c:v>
                </c:pt>
                <c:pt idx="1623">
                  <c:v>0.01</c:v>
                </c:pt>
                <c:pt idx="1624">
                  <c:v>0.01</c:v>
                </c:pt>
                <c:pt idx="1625">
                  <c:v>0.01</c:v>
                </c:pt>
                <c:pt idx="1626">
                  <c:v>0.01</c:v>
                </c:pt>
                <c:pt idx="1627">
                  <c:v>0.01</c:v>
                </c:pt>
                <c:pt idx="1628">
                  <c:v>0.01</c:v>
                </c:pt>
                <c:pt idx="1629">
                  <c:v>0.01</c:v>
                </c:pt>
                <c:pt idx="1630">
                  <c:v>0.01</c:v>
                </c:pt>
                <c:pt idx="1631">
                  <c:v>0.01</c:v>
                </c:pt>
                <c:pt idx="1632">
                  <c:v>0.01</c:v>
                </c:pt>
                <c:pt idx="1633">
                  <c:v>0.01</c:v>
                </c:pt>
                <c:pt idx="1634">
                  <c:v>0.01</c:v>
                </c:pt>
                <c:pt idx="1635">
                  <c:v>0.01</c:v>
                </c:pt>
                <c:pt idx="1636">
                  <c:v>0.01</c:v>
                </c:pt>
                <c:pt idx="1637">
                  <c:v>0.01</c:v>
                </c:pt>
                <c:pt idx="1638">
                  <c:v>0.01</c:v>
                </c:pt>
                <c:pt idx="1639">
                  <c:v>0.01</c:v>
                </c:pt>
                <c:pt idx="1640">
                  <c:v>0.01</c:v>
                </c:pt>
                <c:pt idx="1641">
                  <c:v>0.01</c:v>
                </c:pt>
                <c:pt idx="1642">
                  <c:v>1.2500000000000001E-2</c:v>
                </c:pt>
                <c:pt idx="1643">
                  <c:v>1.2500000000000001E-2</c:v>
                </c:pt>
                <c:pt idx="1644">
                  <c:v>1.2500000000000001E-2</c:v>
                </c:pt>
                <c:pt idx="1645">
                  <c:v>1.2500000000000001E-2</c:v>
                </c:pt>
                <c:pt idx="1646">
                  <c:v>1.2500000000000001E-2</c:v>
                </c:pt>
                <c:pt idx="1647">
                  <c:v>1.2500000000000001E-2</c:v>
                </c:pt>
                <c:pt idx="1648">
                  <c:v>1.2500000000000001E-2</c:v>
                </c:pt>
                <c:pt idx="1649">
                  <c:v>1.2500000000000001E-2</c:v>
                </c:pt>
                <c:pt idx="1650">
                  <c:v>1.2500000000000001E-2</c:v>
                </c:pt>
                <c:pt idx="1651">
                  <c:v>1.2500000000000001E-2</c:v>
                </c:pt>
                <c:pt idx="1652">
                  <c:v>1.2500000000000001E-2</c:v>
                </c:pt>
                <c:pt idx="1653">
                  <c:v>1.2500000000000001E-2</c:v>
                </c:pt>
                <c:pt idx="1654">
                  <c:v>1.2500000000000001E-2</c:v>
                </c:pt>
                <c:pt idx="1655">
                  <c:v>1.2500000000000001E-2</c:v>
                </c:pt>
                <c:pt idx="1656">
                  <c:v>1.2500000000000001E-2</c:v>
                </c:pt>
                <c:pt idx="1657">
                  <c:v>1.2500000000000001E-2</c:v>
                </c:pt>
                <c:pt idx="1658">
                  <c:v>1.2500000000000001E-2</c:v>
                </c:pt>
                <c:pt idx="1659">
                  <c:v>1.2500000000000001E-2</c:v>
                </c:pt>
                <c:pt idx="1660">
                  <c:v>1.2500000000000001E-2</c:v>
                </c:pt>
                <c:pt idx="1661">
                  <c:v>1.2500000000000001E-2</c:v>
                </c:pt>
                <c:pt idx="1662">
                  <c:v>1.2500000000000001E-2</c:v>
                </c:pt>
                <c:pt idx="1663">
                  <c:v>1.2500000000000001E-2</c:v>
                </c:pt>
                <c:pt idx="1664">
                  <c:v>1.2500000000000001E-2</c:v>
                </c:pt>
                <c:pt idx="1665">
                  <c:v>1.2500000000000001E-2</c:v>
                </c:pt>
                <c:pt idx="1666">
                  <c:v>1.2500000000000001E-2</c:v>
                </c:pt>
                <c:pt idx="1667">
                  <c:v>1.2500000000000001E-2</c:v>
                </c:pt>
                <c:pt idx="1668">
                  <c:v>1.2500000000000001E-2</c:v>
                </c:pt>
                <c:pt idx="1669">
                  <c:v>1.2500000000000001E-2</c:v>
                </c:pt>
                <c:pt idx="1670">
                  <c:v>1.2500000000000001E-2</c:v>
                </c:pt>
                <c:pt idx="1671">
                  <c:v>1.2500000000000001E-2</c:v>
                </c:pt>
                <c:pt idx="1672">
                  <c:v>1.2500000000000001E-2</c:v>
                </c:pt>
                <c:pt idx="1673">
                  <c:v>1.2500000000000001E-2</c:v>
                </c:pt>
                <c:pt idx="1674">
                  <c:v>1.2500000000000001E-2</c:v>
                </c:pt>
                <c:pt idx="1675">
                  <c:v>1.2500000000000001E-2</c:v>
                </c:pt>
                <c:pt idx="1676">
                  <c:v>1.2500000000000001E-2</c:v>
                </c:pt>
                <c:pt idx="1677">
                  <c:v>1.2500000000000001E-2</c:v>
                </c:pt>
                <c:pt idx="1678">
                  <c:v>1.2500000000000001E-2</c:v>
                </c:pt>
                <c:pt idx="1679">
                  <c:v>1.2500000000000001E-2</c:v>
                </c:pt>
                <c:pt idx="1680">
                  <c:v>1.2500000000000001E-2</c:v>
                </c:pt>
                <c:pt idx="1681">
                  <c:v>1.2500000000000001E-2</c:v>
                </c:pt>
                <c:pt idx="1682">
                  <c:v>1.2500000000000001E-2</c:v>
                </c:pt>
                <c:pt idx="1683">
                  <c:v>1.4999999999999999E-2</c:v>
                </c:pt>
                <c:pt idx="1684">
                  <c:v>1.4999999999999999E-2</c:v>
                </c:pt>
                <c:pt idx="1685">
                  <c:v>1.4999999999999999E-2</c:v>
                </c:pt>
                <c:pt idx="1686">
                  <c:v>1.4999999999999999E-2</c:v>
                </c:pt>
                <c:pt idx="1687">
                  <c:v>1.4999999999999999E-2</c:v>
                </c:pt>
                <c:pt idx="1688">
                  <c:v>1.4999999999999999E-2</c:v>
                </c:pt>
                <c:pt idx="1689">
                  <c:v>1.4999999999999999E-2</c:v>
                </c:pt>
                <c:pt idx="1690">
                  <c:v>1.4999999999999999E-2</c:v>
                </c:pt>
                <c:pt idx="1691">
                  <c:v>1.4999999999999999E-2</c:v>
                </c:pt>
                <c:pt idx="1692">
                  <c:v>1.4999999999999999E-2</c:v>
                </c:pt>
                <c:pt idx="1693">
                  <c:v>1.4999999999999999E-2</c:v>
                </c:pt>
                <c:pt idx="1694">
                  <c:v>1.4999999999999999E-2</c:v>
                </c:pt>
                <c:pt idx="1695">
                  <c:v>1.4999999999999999E-2</c:v>
                </c:pt>
                <c:pt idx="1696">
                  <c:v>1.4999999999999999E-2</c:v>
                </c:pt>
                <c:pt idx="1697">
                  <c:v>1.4999999999999999E-2</c:v>
                </c:pt>
                <c:pt idx="1698">
                  <c:v>1.4999999999999999E-2</c:v>
                </c:pt>
                <c:pt idx="1699">
                  <c:v>1.4999999999999999E-2</c:v>
                </c:pt>
                <c:pt idx="1700">
                  <c:v>1.4999999999999999E-2</c:v>
                </c:pt>
                <c:pt idx="1701">
                  <c:v>1.4999999999999999E-2</c:v>
                </c:pt>
                <c:pt idx="1702">
                  <c:v>1.4999999999999999E-2</c:v>
                </c:pt>
                <c:pt idx="1703">
                  <c:v>1.4999999999999999E-2</c:v>
                </c:pt>
                <c:pt idx="1704">
                  <c:v>1.4999999999999999E-2</c:v>
                </c:pt>
                <c:pt idx="1705">
                  <c:v>1.4999999999999999E-2</c:v>
                </c:pt>
                <c:pt idx="1706">
                  <c:v>1.4999999999999999E-2</c:v>
                </c:pt>
                <c:pt idx="1707">
                  <c:v>1.4999999999999999E-2</c:v>
                </c:pt>
                <c:pt idx="1708">
                  <c:v>1.4999999999999999E-2</c:v>
                </c:pt>
                <c:pt idx="1709">
                  <c:v>1.4999999999999999E-2</c:v>
                </c:pt>
                <c:pt idx="1710">
                  <c:v>1.4999999999999999E-2</c:v>
                </c:pt>
                <c:pt idx="1711">
                  <c:v>1.4999999999999999E-2</c:v>
                </c:pt>
                <c:pt idx="1712">
                  <c:v>1.4999999999999999E-2</c:v>
                </c:pt>
                <c:pt idx="1713">
                  <c:v>1.4999999999999999E-2</c:v>
                </c:pt>
                <c:pt idx="1714">
                  <c:v>1.4999999999999999E-2</c:v>
                </c:pt>
                <c:pt idx="1715">
                  <c:v>1.4999999999999999E-2</c:v>
                </c:pt>
                <c:pt idx="1716">
                  <c:v>1.4999999999999999E-2</c:v>
                </c:pt>
                <c:pt idx="1717">
                  <c:v>1.4999999999999999E-2</c:v>
                </c:pt>
                <c:pt idx="1718">
                  <c:v>1.4999999999999999E-2</c:v>
                </c:pt>
                <c:pt idx="1719">
                  <c:v>1.4999999999999999E-2</c:v>
                </c:pt>
                <c:pt idx="1720">
                  <c:v>1.4999999999999999E-2</c:v>
                </c:pt>
                <c:pt idx="1721">
                  <c:v>1.4999999999999999E-2</c:v>
                </c:pt>
                <c:pt idx="1722">
                  <c:v>1.4999999999999999E-2</c:v>
                </c:pt>
                <c:pt idx="1723">
                  <c:v>1.4999999999999999E-2</c:v>
                </c:pt>
                <c:pt idx="1724">
                  <c:v>1.4999999999999999E-2</c:v>
                </c:pt>
                <c:pt idx="1725">
                  <c:v>1.7500000000000002E-2</c:v>
                </c:pt>
                <c:pt idx="1726">
                  <c:v>1.7500000000000002E-2</c:v>
                </c:pt>
                <c:pt idx="1727">
                  <c:v>1.7500000000000002E-2</c:v>
                </c:pt>
                <c:pt idx="1728">
                  <c:v>1.7500000000000002E-2</c:v>
                </c:pt>
                <c:pt idx="1729">
                  <c:v>1.7500000000000002E-2</c:v>
                </c:pt>
                <c:pt idx="1730">
                  <c:v>1.7500000000000002E-2</c:v>
                </c:pt>
                <c:pt idx="1731">
                  <c:v>1.7500000000000002E-2</c:v>
                </c:pt>
                <c:pt idx="1732">
                  <c:v>1.7500000000000002E-2</c:v>
                </c:pt>
                <c:pt idx="1733">
                  <c:v>1.7500000000000002E-2</c:v>
                </c:pt>
                <c:pt idx="1734">
                  <c:v>1.7500000000000002E-2</c:v>
                </c:pt>
                <c:pt idx="1735">
                  <c:v>1.7500000000000002E-2</c:v>
                </c:pt>
                <c:pt idx="1736">
                  <c:v>1.7500000000000002E-2</c:v>
                </c:pt>
                <c:pt idx="1737">
                  <c:v>1.7500000000000002E-2</c:v>
                </c:pt>
                <c:pt idx="1738">
                  <c:v>1.7500000000000002E-2</c:v>
                </c:pt>
                <c:pt idx="1739">
                  <c:v>1.7500000000000002E-2</c:v>
                </c:pt>
                <c:pt idx="1740">
                  <c:v>1.7500000000000002E-2</c:v>
                </c:pt>
                <c:pt idx="1741">
                  <c:v>1.7500000000000002E-2</c:v>
                </c:pt>
                <c:pt idx="1742">
                  <c:v>1.7500000000000002E-2</c:v>
                </c:pt>
                <c:pt idx="1743">
                  <c:v>1.7500000000000002E-2</c:v>
                </c:pt>
                <c:pt idx="1744">
                  <c:v>1.7500000000000002E-2</c:v>
                </c:pt>
                <c:pt idx="1745">
                  <c:v>1.7500000000000002E-2</c:v>
                </c:pt>
                <c:pt idx="1746">
                  <c:v>1.7500000000000002E-2</c:v>
                </c:pt>
                <c:pt idx="1747">
                  <c:v>1.7500000000000002E-2</c:v>
                </c:pt>
                <c:pt idx="1748">
                  <c:v>1.7500000000000002E-2</c:v>
                </c:pt>
                <c:pt idx="1749">
                  <c:v>1.7500000000000002E-2</c:v>
                </c:pt>
                <c:pt idx="1750">
                  <c:v>1.7500000000000002E-2</c:v>
                </c:pt>
                <c:pt idx="1751">
                  <c:v>1.7500000000000002E-2</c:v>
                </c:pt>
                <c:pt idx="1752">
                  <c:v>1.7500000000000002E-2</c:v>
                </c:pt>
                <c:pt idx="1753">
                  <c:v>1.7500000000000002E-2</c:v>
                </c:pt>
                <c:pt idx="1754">
                  <c:v>1.7500000000000002E-2</c:v>
                </c:pt>
                <c:pt idx="1755">
                  <c:v>1.7500000000000002E-2</c:v>
                </c:pt>
                <c:pt idx="1756">
                  <c:v>1.7500000000000002E-2</c:v>
                </c:pt>
                <c:pt idx="1757">
                  <c:v>1.7500000000000002E-2</c:v>
                </c:pt>
                <c:pt idx="1758">
                  <c:v>1.7500000000000002E-2</c:v>
                </c:pt>
                <c:pt idx="1759">
                  <c:v>1.7500000000000002E-2</c:v>
                </c:pt>
                <c:pt idx="1760">
                  <c:v>1.7500000000000002E-2</c:v>
                </c:pt>
                <c:pt idx="1761">
                  <c:v>1.7500000000000002E-2</c:v>
                </c:pt>
                <c:pt idx="1762">
                  <c:v>1.7500000000000002E-2</c:v>
                </c:pt>
                <c:pt idx="1763">
                  <c:v>1.7500000000000002E-2</c:v>
                </c:pt>
                <c:pt idx="1764">
                  <c:v>1.7500000000000002E-2</c:v>
                </c:pt>
                <c:pt idx="1765">
                  <c:v>1.7500000000000002E-2</c:v>
                </c:pt>
                <c:pt idx="1766">
                  <c:v>1.7500000000000002E-2</c:v>
                </c:pt>
                <c:pt idx="1767">
                  <c:v>1.7500000000000002E-2</c:v>
                </c:pt>
                <c:pt idx="1768">
                  <c:v>1.7500000000000002E-2</c:v>
                </c:pt>
                <c:pt idx="1769">
                  <c:v>1.7500000000000002E-2</c:v>
                </c:pt>
                <c:pt idx="1770">
                  <c:v>1.7500000000000002E-2</c:v>
                </c:pt>
                <c:pt idx="1771">
                  <c:v>1.7500000000000002E-2</c:v>
                </c:pt>
                <c:pt idx="1772">
                  <c:v>1.7500000000000002E-2</c:v>
                </c:pt>
                <c:pt idx="1773">
                  <c:v>1.7500000000000002E-2</c:v>
                </c:pt>
                <c:pt idx="1774">
                  <c:v>1.7500000000000002E-2</c:v>
                </c:pt>
                <c:pt idx="1775">
                  <c:v>0.02</c:v>
                </c:pt>
                <c:pt idx="1776">
                  <c:v>0.02</c:v>
                </c:pt>
                <c:pt idx="1777">
                  <c:v>0.02</c:v>
                </c:pt>
                <c:pt idx="1778">
                  <c:v>0.02</c:v>
                </c:pt>
                <c:pt idx="1779">
                  <c:v>0.02</c:v>
                </c:pt>
                <c:pt idx="1780">
                  <c:v>0.02</c:v>
                </c:pt>
                <c:pt idx="1781">
                  <c:v>0.02</c:v>
                </c:pt>
                <c:pt idx="1782">
                  <c:v>0.02</c:v>
                </c:pt>
                <c:pt idx="1783">
                  <c:v>0.02</c:v>
                </c:pt>
                <c:pt idx="1784">
                  <c:v>0.02</c:v>
                </c:pt>
                <c:pt idx="1785">
                  <c:v>0.02</c:v>
                </c:pt>
                <c:pt idx="1786">
                  <c:v>0.02</c:v>
                </c:pt>
                <c:pt idx="1787">
                  <c:v>0.02</c:v>
                </c:pt>
                <c:pt idx="1788">
                  <c:v>0.02</c:v>
                </c:pt>
                <c:pt idx="1789">
                  <c:v>0.02</c:v>
                </c:pt>
                <c:pt idx="1790">
                  <c:v>0.02</c:v>
                </c:pt>
                <c:pt idx="1791">
                  <c:v>0.02</c:v>
                </c:pt>
                <c:pt idx="1792">
                  <c:v>0.02</c:v>
                </c:pt>
                <c:pt idx="1793">
                  <c:v>0.02</c:v>
                </c:pt>
                <c:pt idx="1794">
                  <c:v>0.02</c:v>
                </c:pt>
                <c:pt idx="1795">
                  <c:v>0.02</c:v>
                </c:pt>
                <c:pt idx="1796">
                  <c:v>0.02</c:v>
                </c:pt>
                <c:pt idx="1797">
                  <c:v>0.02</c:v>
                </c:pt>
                <c:pt idx="1798">
                  <c:v>0.02</c:v>
                </c:pt>
                <c:pt idx="1799">
                  <c:v>0.02</c:v>
                </c:pt>
                <c:pt idx="1800">
                  <c:v>0.02</c:v>
                </c:pt>
                <c:pt idx="1801">
                  <c:v>0.02</c:v>
                </c:pt>
                <c:pt idx="1802">
                  <c:v>0.02</c:v>
                </c:pt>
                <c:pt idx="1803">
                  <c:v>0.02</c:v>
                </c:pt>
                <c:pt idx="1804">
                  <c:v>0.02</c:v>
                </c:pt>
                <c:pt idx="1805">
                  <c:v>0.02</c:v>
                </c:pt>
                <c:pt idx="1806">
                  <c:v>0.02</c:v>
                </c:pt>
                <c:pt idx="1807">
                  <c:v>0.02</c:v>
                </c:pt>
                <c:pt idx="1808">
                  <c:v>0.02</c:v>
                </c:pt>
                <c:pt idx="1809">
                  <c:v>2.2499999999999999E-2</c:v>
                </c:pt>
                <c:pt idx="1810">
                  <c:v>2.2499999999999999E-2</c:v>
                </c:pt>
                <c:pt idx="1811">
                  <c:v>2.2499999999999999E-2</c:v>
                </c:pt>
                <c:pt idx="1812">
                  <c:v>2.2499999999999999E-2</c:v>
                </c:pt>
                <c:pt idx="1813">
                  <c:v>2.2499999999999999E-2</c:v>
                </c:pt>
                <c:pt idx="1814">
                  <c:v>2.2499999999999999E-2</c:v>
                </c:pt>
                <c:pt idx="1815">
                  <c:v>2.2499999999999999E-2</c:v>
                </c:pt>
                <c:pt idx="1816">
                  <c:v>2.2499999999999999E-2</c:v>
                </c:pt>
                <c:pt idx="1817">
                  <c:v>2.2499999999999999E-2</c:v>
                </c:pt>
                <c:pt idx="1818">
                  <c:v>2.2499999999999999E-2</c:v>
                </c:pt>
                <c:pt idx="1819">
                  <c:v>2.2499999999999999E-2</c:v>
                </c:pt>
                <c:pt idx="1820">
                  <c:v>2.2499999999999999E-2</c:v>
                </c:pt>
                <c:pt idx="1821">
                  <c:v>2.2499999999999999E-2</c:v>
                </c:pt>
                <c:pt idx="1822">
                  <c:v>2.2499999999999999E-2</c:v>
                </c:pt>
                <c:pt idx="1823">
                  <c:v>2.2499999999999999E-2</c:v>
                </c:pt>
                <c:pt idx="1824">
                  <c:v>2.2499999999999999E-2</c:v>
                </c:pt>
                <c:pt idx="1825">
                  <c:v>2.2499999999999999E-2</c:v>
                </c:pt>
                <c:pt idx="1826">
                  <c:v>2.2499999999999999E-2</c:v>
                </c:pt>
                <c:pt idx="1827">
                  <c:v>2.2499999999999999E-2</c:v>
                </c:pt>
                <c:pt idx="1828">
                  <c:v>2.2499999999999999E-2</c:v>
                </c:pt>
                <c:pt idx="1829">
                  <c:v>2.2499999999999999E-2</c:v>
                </c:pt>
                <c:pt idx="1830">
                  <c:v>2.2499999999999999E-2</c:v>
                </c:pt>
                <c:pt idx="1831">
                  <c:v>2.2499999999999999E-2</c:v>
                </c:pt>
                <c:pt idx="1832">
                  <c:v>2.2499999999999999E-2</c:v>
                </c:pt>
                <c:pt idx="1833">
                  <c:v>2.2499999999999999E-2</c:v>
                </c:pt>
                <c:pt idx="1834">
                  <c:v>2.2499999999999999E-2</c:v>
                </c:pt>
                <c:pt idx="1835">
                  <c:v>2.2499999999999999E-2</c:v>
                </c:pt>
                <c:pt idx="1836">
                  <c:v>2.2499999999999999E-2</c:v>
                </c:pt>
                <c:pt idx="1837">
                  <c:v>2.2499999999999999E-2</c:v>
                </c:pt>
                <c:pt idx="1838">
                  <c:v>2.2499999999999999E-2</c:v>
                </c:pt>
                <c:pt idx="1839">
                  <c:v>2.2499999999999999E-2</c:v>
                </c:pt>
                <c:pt idx="1840">
                  <c:v>2.2499999999999999E-2</c:v>
                </c:pt>
                <c:pt idx="1841">
                  <c:v>2.2499999999999999E-2</c:v>
                </c:pt>
                <c:pt idx="1842">
                  <c:v>2.2499999999999999E-2</c:v>
                </c:pt>
                <c:pt idx="1843">
                  <c:v>2.2499999999999999E-2</c:v>
                </c:pt>
                <c:pt idx="1844">
                  <c:v>2.2499999999999999E-2</c:v>
                </c:pt>
                <c:pt idx="1845">
                  <c:v>2.2499999999999999E-2</c:v>
                </c:pt>
                <c:pt idx="1846">
                  <c:v>2.2499999999999999E-2</c:v>
                </c:pt>
                <c:pt idx="1847">
                  <c:v>2.2499999999999999E-2</c:v>
                </c:pt>
                <c:pt idx="1848">
                  <c:v>2.2499999999999999E-2</c:v>
                </c:pt>
                <c:pt idx="1849">
                  <c:v>2.2499999999999999E-2</c:v>
                </c:pt>
                <c:pt idx="1850">
                  <c:v>2.2499999999999999E-2</c:v>
                </c:pt>
                <c:pt idx="1851">
                  <c:v>2.2499999999999999E-2</c:v>
                </c:pt>
                <c:pt idx="1852">
                  <c:v>2.2499999999999999E-2</c:v>
                </c:pt>
                <c:pt idx="1853">
                  <c:v>2.2499999999999999E-2</c:v>
                </c:pt>
                <c:pt idx="1854">
                  <c:v>2.2499999999999999E-2</c:v>
                </c:pt>
                <c:pt idx="1855">
                  <c:v>2.2499999999999999E-2</c:v>
                </c:pt>
                <c:pt idx="1856">
                  <c:v>2.2499999999999999E-2</c:v>
                </c:pt>
                <c:pt idx="1857">
                  <c:v>2.2499999999999999E-2</c:v>
                </c:pt>
                <c:pt idx="1858">
                  <c:v>2.2499999999999999E-2</c:v>
                </c:pt>
                <c:pt idx="1859">
                  <c:v>2.5000000000000001E-2</c:v>
                </c:pt>
                <c:pt idx="1860">
                  <c:v>2.5000000000000001E-2</c:v>
                </c:pt>
                <c:pt idx="1861">
                  <c:v>2.5000000000000001E-2</c:v>
                </c:pt>
                <c:pt idx="1862">
                  <c:v>2.5000000000000001E-2</c:v>
                </c:pt>
                <c:pt idx="1863">
                  <c:v>2.5000000000000001E-2</c:v>
                </c:pt>
                <c:pt idx="1864">
                  <c:v>2.5000000000000001E-2</c:v>
                </c:pt>
                <c:pt idx="1865">
                  <c:v>2.5000000000000001E-2</c:v>
                </c:pt>
                <c:pt idx="1866">
                  <c:v>2.5000000000000001E-2</c:v>
                </c:pt>
                <c:pt idx="1867">
                  <c:v>2.5000000000000001E-2</c:v>
                </c:pt>
                <c:pt idx="1868">
                  <c:v>2.5000000000000001E-2</c:v>
                </c:pt>
                <c:pt idx="1869">
                  <c:v>2.5000000000000001E-2</c:v>
                </c:pt>
                <c:pt idx="1870">
                  <c:v>2.5000000000000001E-2</c:v>
                </c:pt>
                <c:pt idx="1871">
                  <c:v>2.5000000000000001E-2</c:v>
                </c:pt>
                <c:pt idx="1872">
                  <c:v>2.5000000000000001E-2</c:v>
                </c:pt>
                <c:pt idx="1873">
                  <c:v>2.5000000000000001E-2</c:v>
                </c:pt>
                <c:pt idx="1874">
                  <c:v>2.5000000000000001E-2</c:v>
                </c:pt>
                <c:pt idx="1875">
                  <c:v>2.5000000000000001E-2</c:v>
                </c:pt>
                <c:pt idx="1876">
                  <c:v>2.5000000000000001E-2</c:v>
                </c:pt>
                <c:pt idx="1877">
                  <c:v>2.5000000000000001E-2</c:v>
                </c:pt>
                <c:pt idx="1878">
                  <c:v>2.5000000000000001E-2</c:v>
                </c:pt>
                <c:pt idx="1879">
                  <c:v>2.5000000000000001E-2</c:v>
                </c:pt>
                <c:pt idx="1880">
                  <c:v>2.5000000000000001E-2</c:v>
                </c:pt>
                <c:pt idx="1881">
                  <c:v>2.5000000000000001E-2</c:v>
                </c:pt>
                <c:pt idx="1882">
                  <c:v>2.5000000000000001E-2</c:v>
                </c:pt>
                <c:pt idx="1883">
                  <c:v>2.5000000000000001E-2</c:v>
                </c:pt>
                <c:pt idx="1884">
                  <c:v>2.5000000000000001E-2</c:v>
                </c:pt>
                <c:pt idx="1885">
                  <c:v>2.5000000000000001E-2</c:v>
                </c:pt>
                <c:pt idx="1886">
                  <c:v>2.5000000000000001E-2</c:v>
                </c:pt>
                <c:pt idx="1887">
                  <c:v>2.5000000000000001E-2</c:v>
                </c:pt>
                <c:pt idx="1888">
                  <c:v>2.5000000000000001E-2</c:v>
                </c:pt>
                <c:pt idx="1889">
                  <c:v>2.5000000000000001E-2</c:v>
                </c:pt>
                <c:pt idx="1890">
                  <c:v>2.5000000000000001E-2</c:v>
                </c:pt>
                <c:pt idx="1891">
                  <c:v>2.5000000000000001E-2</c:v>
                </c:pt>
                <c:pt idx="1892">
                  <c:v>2.5000000000000001E-2</c:v>
                </c:pt>
                <c:pt idx="1893">
                  <c:v>2.5000000000000001E-2</c:v>
                </c:pt>
                <c:pt idx="1894">
                  <c:v>2.5000000000000001E-2</c:v>
                </c:pt>
                <c:pt idx="1895">
                  <c:v>2.5000000000000001E-2</c:v>
                </c:pt>
                <c:pt idx="1896">
                  <c:v>2.5000000000000001E-2</c:v>
                </c:pt>
                <c:pt idx="1897">
                  <c:v>2.5000000000000001E-2</c:v>
                </c:pt>
                <c:pt idx="1898">
                  <c:v>2.5000000000000001E-2</c:v>
                </c:pt>
                <c:pt idx="1899">
                  <c:v>2.5000000000000001E-2</c:v>
                </c:pt>
                <c:pt idx="1900">
                  <c:v>2.5000000000000001E-2</c:v>
                </c:pt>
                <c:pt idx="1901">
                  <c:v>2.5000000000000001E-2</c:v>
                </c:pt>
                <c:pt idx="1902">
                  <c:v>2.5000000000000001E-2</c:v>
                </c:pt>
                <c:pt idx="1903">
                  <c:v>2.5000000000000001E-2</c:v>
                </c:pt>
                <c:pt idx="1904">
                  <c:v>2.5000000000000001E-2</c:v>
                </c:pt>
                <c:pt idx="1905">
                  <c:v>2.5000000000000001E-2</c:v>
                </c:pt>
                <c:pt idx="1906">
                  <c:v>2.5000000000000001E-2</c:v>
                </c:pt>
                <c:pt idx="1907">
                  <c:v>2.75E-2</c:v>
                </c:pt>
                <c:pt idx="1908">
                  <c:v>2.75E-2</c:v>
                </c:pt>
                <c:pt idx="1909">
                  <c:v>2.75E-2</c:v>
                </c:pt>
                <c:pt idx="1910">
                  <c:v>2.75E-2</c:v>
                </c:pt>
                <c:pt idx="1911">
                  <c:v>2.75E-2</c:v>
                </c:pt>
                <c:pt idx="1912">
                  <c:v>2.75E-2</c:v>
                </c:pt>
                <c:pt idx="1913">
                  <c:v>2.75E-2</c:v>
                </c:pt>
                <c:pt idx="1914">
                  <c:v>2.75E-2</c:v>
                </c:pt>
                <c:pt idx="1915">
                  <c:v>2.75E-2</c:v>
                </c:pt>
                <c:pt idx="1916">
                  <c:v>2.75E-2</c:v>
                </c:pt>
                <c:pt idx="1917">
                  <c:v>2.75E-2</c:v>
                </c:pt>
                <c:pt idx="1918">
                  <c:v>2.75E-2</c:v>
                </c:pt>
                <c:pt idx="1919">
                  <c:v>2.75E-2</c:v>
                </c:pt>
                <c:pt idx="1920">
                  <c:v>2.75E-2</c:v>
                </c:pt>
                <c:pt idx="1921">
                  <c:v>2.75E-2</c:v>
                </c:pt>
                <c:pt idx="1922">
                  <c:v>2.75E-2</c:v>
                </c:pt>
                <c:pt idx="1923">
                  <c:v>2.75E-2</c:v>
                </c:pt>
                <c:pt idx="1924">
                  <c:v>2.75E-2</c:v>
                </c:pt>
                <c:pt idx="1925">
                  <c:v>2.75E-2</c:v>
                </c:pt>
                <c:pt idx="1926">
                  <c:v>2.75E-2</c:v>
                </c:pt>
                <c:pt idx="1927">
                  <c:v>2.75E-2</c:v>
                </c:pt>
                <c:pt idx="1928">
                  <c:v>2.75E-2</c:v>
                </c:pt>
                <c:pt idx="1929">
                  <c:v>2.75E-2</c:v>
                </c:pt>
                <c:pt idx="1930">
                  <c:v>2.75E-2</c:v>
                </c:pt>
                <c:pt idx="1931">
                  <c:v>2.75E-2</c:v>
                </c:pt>
                <c:pt idx="1932">
                  <c:v>2.75E-2</c:v>
                </c:pt>
                <c:pt idx="1933">
                  <c:v>2.75E-2</c:v>
                </c:pt>
                <c:pt idx="1934">
                  <c:v>2.75E-2</c:v>
                </c:pt>
                <c:pt idx="1935">
                  <c:v>2.75E-2</c:v>
                </c:pt>
                <c:pt idx="1936">
                  <c:v>2.75E-2</c:v>
                </c:pt>
                <c:pt idx="1937">
                  <c:v>2.75E-2</c:v>
                </c:pt>
                <c:pt idx="1938">
                  <c:v>2.75E-2</c:v>
                </c:pt>
                <c:pt idx="1939">
                  <c:v>2.75E-2</c:v>
                </c:pt>
                <c:pt idx="1940">
                  <c:v>2.75E-2</c:v>
                </c:pt>
                <c:pt idx="1941">
                  <c:v>2.75E-2</c:v>
                </c:pt>
                <c:pt idx="1942">
                  <c:v>2.75E-2</c:v>
                </c:pt>
                <c:pt idx="1943">
                  <c:v>2.75E-2</c:v>
                </c:pt>
                <c:pt idx="1944">
                  <c:v>2.75E-2</c:v>
                </c:pt>
                <c:pt idx="1945">
                  <c:v>2.75E-2</c:v>
                </c:pt>
                <c:pt idx="1946">
                  <c:v>2.75E-2</c:v>
                </c:pt>
                <c:pt idx="1947">
                  <c:v>2.75E-2</c:v>
                </c:pt>
                <c:pt idx="1948">
                  <c:v>2.75E-2</c:v>
                </c:pt>
                <c:pt idx="1949">
                  <c:v>0.03</c:v>
                </c:pt>
                <c:pt idx="1950">
                  <c:v>0.03</c:v>
                </c:pt>
                <c:pt idx="1951">
                  <c:v>0.03</c:v>
                </c:pt>
                <c:pt idx="1952">
                  <c:v>0.03</c:v>
                </c:pt>
                <c:pt idx="1953">
                  <c:v>0.03</c:v>
                </c:pt>
                <c:pt idx="1954">
                  <c:v>0.03</c:v>
                </c:pt>
                <c:pt idx="1955">
                  <c:v>0.03</c:v>
                </c:pt>
                <c:pt idx="1956">
                  <c:v>0.03</c:v>
                </c:pt>
                <c:pt idx="1957">
                  <c:v>0.03</c:v>
                </c:pt>
                <c:pt idx="1958">
                  <c:v>0.03</c:v>
                </c:pt>
                <c:pt idx="1959">
                  <c:v>0.03</c:v>
                </c:pt>
                <c:pt idx="1960">
                  <c:v>0.03</c:v>
                </c:pt>
                <c:pt idx="1961">
                  <c:v>0.03</c:v>
                </c:pt>
                <c:pt idx="1962">
                  <c:v>0.03</c:v>
                </c:pt>
                <c:pt idx="1963">
                  <c:v>0.03</c:v>
                </c:pt>
                <c:pt idx="1964">
                  <c:v>0.03</c:v>
                </c:pt>
                <c:pt idx="1965">
                  <c:v>0.03</c:v>
                </c:pt>
                <c:pt idx="1966">
                  <c:v>0.03</c:v>
                </c:pt>
                <c:pt idx="1967">
                  <c:v>0.03</c:v>
                </c:pt>
                <c:pt idx="1968">
                  <c:v>0.03</c:v>
                </c:pt>
                <c:pt idx="1969">
                  <c:v>0.03</c:v>
                </c:pt>
                <c:pt idx="1970">
                  <c:v>0.03</c:v>
                </c:pt>
                <c:pt idx="1971">
                  <c:v>0.03</c:v>
                </c:pt>
                <c:pt idx="1972">
                  <c:v>0.03</c:v>
                </c:pt>
                <c:pt idx="1973">
                  <c:v>0.03</c:v>
                </c:pt>
                <c:pt idx="1974">
                  <c:v>0.03</c:v>
                </c:pt>
                <c:pt idx="1975">
                  <c:v>0.03</c:v>
                </c:pt>
                <c:pt idx="1976">
                  <c:v>0.03</c:v>
                </c:pt>
                <c:pt idx="1977">
                  <c:v>0.03</c:v>
                </c:pt>
                <c:pt idx="1978">
                  <c:v>0.03</c:v>
                </c:pt>
                <c:pt idx="1979">
                  <c:v>0.03</c:v>
                </c:pt>
                <c:pt idx="1980">
                  <c:v>0.03</c:v>
                </c:pt>
                <c:pt idx="1981">
                  <c:v>0.03</c:v>
                </c:pt>
                <c:pt idx="1982">
                  <c:v>0.03</c:v>
                </c:pt>
                <c:pt idx="1983">
                  <c:v>0.03</c:v>
                </c:pt>
                <c:pt idx="1984">
                  <c:v>0.03</c:v>
                </c:pt>
                <c:pt idx="1985">
                  <c:v>0.03</c:v>
                </c:pt>
                <c:pt idx="1986">
                  <c:v>0.03</c:v>
                </c:pt>
                <c:pt idx="1987">
                  <c:v>0.03</c:v>
                </c:pt>
                <c:pt idx="1988">
                  <c:v>0.03</c:v>
                </c:pt>
                <c:pt idx="1989">
                  <c:v>0.03</c:v>
                </c:pt>
                <c:pt idx="1990">
                  <c:v>0.03</c:v>
                </c:pt>
                <c:pt idx="1991">
                  <c:v>0.03</c:v>
                </c:pt>
                <c:pt idx="1992">
                  <c:v>0.03</c:v>
                </c:pt>
                <c:pt idx="1993">
                  <c:v>0.03</c:v>
                </c:pt>
                <c:pt idx="1994">
                  <c:v>0.03</c:v>
                </c:pt>
                <c:pt idx="1995">
                  <c:v>0.03</c:v>
                </c:pt>
                <c:pt idx="1996">
                  <c:v>0.03</c:v>
                </c:pt>
                <c:pt idx="1997">
                  <c:v>0.03</c:v>
                </c:pt>
                <c:pt idx="1998">
                  <c:v>0.03</c:v>
                </c:pt>
                <c:pt idx="1999">
                  <c:v>0.03</c:v>
                </c:pt>
                <c:pt idx="2000">
                  <c:v>0.03</c:v>
                </c:pt>
                <c:pt idx="2001">
                  <c:v>0.03</c:v>
                </c:pt>
                <c:pt idx="2002">
                  <c:v>0.03</c:v>
                </c:pt>
                <c:pt idx="2003">
                  <c:v>0.03</c:v>
                </c:pt>
                <c:pt idx="2004">
                  <c:v>0.03</c:v>
                </c:pt>
                <c:pt idx="2005">
                  <c:v>0.03</c:v>
                </c:pt>
                <c:pt idx="2006">
                  <c:v>0.03</c:v>
                </c:pt>
                <c:pt idx="2007">
                  <c:v>3.2500000000000001E-2</c:v>
                </c:pt>
                <c:pt idx="2008">
                  <c:v>3.2500000000000001E-2</c:v>
                </c:pt>
                <c:pt idx="2009">
                  <c:v>3.2500000000000001E-2</c:v>
                </c:pt>
                <c:pt idx="2010">
                  <c:v>3.2500000000000001E-2</c:v>
                </c:pt>
                <c:pt idx="2011">
                  <c:v>3.2500000000000001E-2</c:v>
                </c:pt>
                <c:pt idx="2012">
                  <c:v>3.2500000000000001E-2</c:v>
                </c:pt>
                <c:pt idx="2013">
                  <c:v>3.2500000000000001E-2</c:v>
                </c:pt>
                <c:pt idx="2014">
                  <c:v>3.2500000000000001E-2</c:v>
                </c:pt>
                <c:pt idx="2015">
                  <c:v>3.2500000000000001E-2</c:v>
                </c:pt>
                <c:pt idx="2016">
                  <c:v>3.2500000000000001E-2</c:v>
                </c:pt>
                <c:pt idx="2017">
                  <c:v>3.2500000000000001E-2</c:v>
                </c:pt>
                <c:pt idx="2018">
                  <c:v>3.2500000000000001E-2</c:v>
                </c:pt>
                <c:pt idx="2019">
                  <c:v>3.2500000000000001E-2</c:v>
                </c:pt>
                <c:pt idx="2020">
                  <c:v>3.2500000000000001E-2</c:v>
                </c:pt>
                <c:pt idx="2021">
                  <c:v>3.2500000000000001E-2</c:v>
                </c:pt>
                <c:pt idx="2022">
                  <c:v>3.2500000000000001E-2</c:v>
                </c:pt>
                <c:pt idx="2023">
                  <c:v>3.2500000000000001E-2</c:v>
                </c:pt>
                <c:pt idx="2024">
                  <c:v>3.2500000000000001E-2</c:v>
                </c:pt>
                <c:pt idx="2025">
                  <c:v>3.2500000000000001E-2</c:v>
                </c:pt>
                <c:pt idx="2026">
                  <c:v>3.2500000000000001E-2</c:v>
                </c:pt>
                <c:pt idx="2027">
                  <c:v>3.2500000000000001E-2</c:v>
                </c:pt>
                <c:pt idx="2028">
                  <c:v>3.2500000000000001E-2</c:v>
                </c:pt>
                <c:pt idx="2029">
                  <c:v>3.2500000000000001E-2</c:v>
                </c:pt>
                <c:pt idx="2030">
                  <c:v>3.2500000000000001E-2</c:v>
                </c:pt>
                <c:pt idx="2031">
                  <c:v>3.2500000000000001E-2</c:v>
                </c:pt>
                <c:pt idx="2032">
                  <c:v>3.2500000000000001E-2</c:v>
                </c:pt>
                <c:pt idx="2033">
                  <c:v>3.2500000000000001E-2</c:v>
                </c:pt>
                <c:pt idx="2034">
                  <c:v>3.2500000000000001E-2</c:v>
                </c:pt>
                <c:pt idx="2035">
                  <c:v>3.2500000000000001E-2</c:v>
                </c:pt>
                <c:pt idx="2036">
                  <c:v>3.2500000000000001E-2</c:v>
                </c:pt>
                <c:pt idx="2037">
                  <c:v>3.2500000000000001E-2</c:v>
                </c:pt>
                <c:pt idx="2038">
                  <c:v>3.2500000000000001E-2</c:v>
                </c:pt>
                <c:pt idx="2039">
                  <c:v>3.2500000000000001E-2</c:v>
                </c:pt>
                <c:pt idx="2040">
                  <c:v>3.2500000000000001E-2</c:v>
                </c:pt>
                <c:pt idx="2041">
                  <c:v>3.2500000000000001E-2</c:v>
                </c:pt>
                <c:pt idx="2042">
                  <c:v>3.2500000000000001E-2</c:v>
                </c:pt>
                <c:pt idx="2043">
                  <c:v>3.2500000000000001E-2</c:v>
                </c:pt>
                <c:pt idx="2044">
                  <c:v>3.2500000000000001E-2</c:v>
                </c:pt>
                <c:pt idx="2045">
                  <c:v>3.2500000000000001E-2</c:v>
                </c:pt>
                <c:pt idx="2046">
                  <c:v>3.2500000000000001E-2</c:v>
                </c:pt>
                <c:pt idx="2047">
                  <c:v>3.5000000000000003E-2</c:v>
                </c:pt>
                <c:pt idx="2048">
                  <c:v>3.5000000000000003E-2</c:v>
                </c:pt>
                <c:pt idx="2049">
                  <c:v>3.5000000000000003E-2</c:v>
                </c:pt>
                <c:pt idx="2050">
                  <c:v>3.5000000000000003E-2</c:v>
                </c:pt>
                <c:pt idx="2051">
                  <c:v>3.5000000000000003E-2</c:v>
                </c:pt>
                <c:pt idx="2052">
                  <c:v>3.5000000000000003E-2</c:v>
                </c:pt>
                <c:pt idx="2053">
                  <c:v>3.5000000000000003E-2</c:v>
                </c:pt>
                <c:pt idx="2054">
                  <c:v>3.5000000000000003E-2</c:v>
                </c:pt>
                <c:pt idx="2055">
                  <c:v>3.5000000000000003E-2</c:v>
                </c:pt>
                <c:pt idx="2056">
                  <c:v>3.5000000000000003E-2</c:v>
                </c:pt>
                <c:pt idx="2057">
                  <c:v>3.5000000000000003E-2</c:v>
                </c:pt>
                <c:pt idx="2058">
                  <c:v>3.5000000000000003E-2</c:v>
                </c:pt>
                <c:pt idx="2059">
                  <c:v>3.5000000000000003E-2</c:v>
                </c:pt>
                <c:pt idx="2060">
                  <c:v>3.5000000000000003E-2</c:v>
                </c:pt>
                <c:pt idx="2061">
                  <c:v>3.5000000000000003E-2</c:v>
                </c:pt>
                <c:pt idx="2062">
                  <c:v>3.5000000000000003E-2</c:v>
                </c:pt>
                <c:pt idx="2063">
                  <c:v>3.5000000000000003E-2</c:v>
                </c:pt>
                <c:pt idx="2064">
                  <c:v>3.5000000000000003E-2</c:v>
                </c:pt>
                <c:pt idx="2065">
                  <c:v>3.5000000000000003E-2</c:v>
                </c:pt>
                <c:pt idx="2066">
                  <c:v>3.5000000000000003E-2</c:v>
                </c:pt>
                <c:pt idx="2067">
                  <c:v>3.5000000000000003E-2</c:v>
                </c:pt>
                <c:pt idx="2068">
                  <c:v>3.5000000000000003E-2</c:v>
                </c:pt>
                <c:pt idx="2069">
                  <c:v>3.5000000000000003E-2</c:v>
                </c:pt>
                <c:pt idx="2070">
                  <c:v>3.5000000000000003E-2</c:v>
                </c:pt>
                <c:pt idx="2071">
                  <c:v>3.5000000000000003E-2</c:v>
                </c:pt>
                <c:pt idx="2072">
                  <c:v>3.5000000000000003E-2</c:v>
                </c:pt>
                <c:pt idx="2073">
                  <c:v>3.5000000000000003E-2</c:v>
                </c:pt>
                <c:pt idx="2074">
                  <c:v>3.5000000000000003E-2</c:v>
                </c:pt>
                <c:pt idx="2075">
                  <c:v>3.5000000000000003E-2</c:v>
                </c:pt>
                <c:pt idx="2076">
                  <c:v>3.5000000000000003E-2</c:v>
                </c:pt>
                <c:pt idx="2077">
                  <c:v>3.5000000000000003E-2</c:v>
                </c:pt>
                <c:pt idx="2078">
                  <c:v>3.5000000000000003E-2</c:v>
                </c:pt>
                <c:pt idx="2079">
                  <c:v>3.5000000000000003E-2</c:v>
                </c:pt>
                <c:pt idx="2080">
                  <c:v>3.5000000000000003E-2</c:v>
                </c:pt>
                <c:pt idx="2081">
                  <c:v>3.5000000000000003E-2</c:v>
                </c:pt>
                <c:pt idx="2082">
                  <c:v>3.5000000000000003E-2</c:v>
                </c:pt>
                <c:pt idx="2083">
                  <c:v>3.5000000000000003E-2</c:v>
                </c:pt>
                <c:pt idx="2084">
                  <c:v>3.5000000000000003E-2</c:v>
                </c:pt>
                <c:pt idx="2085">
                  <c:v>3.5000000000000003E-2</c:v>
                </c:pt>
                <c:pt idx="2086">
                  <c:v>3.5000000000000003E-2</c:v>
                </c:pt>
                <c:pt idx="2087">
                  <c:v>3.5000000000000003E-2</c:v>
                </c:pt>
                <c:pt idx="2088">
                  <c:v>3.5000000000000003E-2</c:v>
                </c:pt>
                <c:pt idx="2089">
                  <c:v>3.7499999999999999E-2</c:v>
                </c:pt>
                <c:pt idx="2090">
                  <c:v>3.7499999999999999E-2</c:v>
                </c:pt>
                <c:pt idx="2091">
                  <c:v>3.7499999999999999E-2</c:v>
                </c:pt>
                <c:pt idx="2092">
                  <c:v>3.7499999999999999E-2</c:v>
                </c:pt>
                <c:pt idx="2093">
                  <c:v>3.7499999999999999E-2</c:v>
                </c:pt>
                <c:pt idx="2094">
                  <c:v>3.7499999999999999E-2</c:v>
                </c:pt>
                <c:pt idx="2095">
                  <c:v>3.7499999999999999E-2</c:v>
                </c:pt>
                <c:pt idx="2096">
                  <c:v>3.7499999999999999E-2</c:v>
                </c:pt>
                <c:pt idx="2097">
                  <c:v>3.7499999999999999E-2</c:v>
                </c:pt>
                <c:pt idx="2098">
                  <c:v>3.7499999999999999E-2</c:v>
                </c:pt>
                <c:pt idx="2099">
                  <c:v>3.7499999999999999E-2</c:v>
                </c:pt>
                <c:pt idx="2100">
                  <c:v>3.7499999999999999E-2</c:v>
                </c:pt>
                <c:pt idx="2101">
                  <c:v>3.7499999999999999E-2</c:v>
                </c:pt>
                <c:pt idx="2102">
                  <c:v>3.7499999999999999E-2</c:v>
                </c:pt>
                <c:pt idx="2103">
                  <c:v>3.7499999999999999E-2</c:v>
                </c:pt>
                <c:pt idx="2104">
                  <c:v>3.7499999999999999E-2</c:v>
                </c:pt>
                <c:pt idx="2105">
                  <c:v>3.7499999999999999E-2</c:v>
                </c:pt>
                <c:pt idx="2106">
                  <c:v>3.7499999999999999E-2</c:v>
                </c:pt>
                <c:pt idx="2107">
                  <c:v>3.7499999999999999E-2</c:v>
                </c:pt>
                <c:pt idx="2108">
                  <c:v>3.7499999999999999E-2</c:v>
                </c:pt>
                <c:pt idx="2109">
                  <c:v>3.7499999999999999E-2</c:v>
                </c:pt>
                <c:pt idx="2110">
                  <c:v>3.7499999999999999E-2</c:v>
                </c:pt>
                <c:pt idx="2111">
                  <c:v>3.7499999999999999E-2</c:v>
                </c:pt>
                <c:pt idx="2112">
                  <c:v>3.7499999999999999E-2</c:v>
                </c:pt>
                <c:pt idx="2113">
                  <c:v>3.7499999999999999E-2</c:v>
                </c:pt>
                <c:pt idx="2114">
                  <c:v>3.7499999999999999E-2</c:v>
                </c:pt>
                <c:pt idx="2115">
                  <c:v>3.7499999999999999E-2</c:v>
                </c:pt>
                <c:pt idx="2116">
                  <c:v>3.7499999999999999E-2</c:v>
                </c:pt>
                <c:pt idx="2117">
                  <c:v>3.7499999999999999E-2</c:v>
                </c:pt>
                <c:pt idx="2118">
                  <c:v>3.7499999999999999E-2</c:v>
                </c:pt>
                <c:pt idx="2119">
                  <c:v>3.7499999999999999E-2</c:v>
                </c:pt>
                <c:pt idx="2120">
                  <c:v>3.7499999999999999E-2</c:v>
                </c:pt>
                <c:pt idx="2121">
                  <c:v>3.7499999999999999E-2</c:v>
                </c:pt>
                <c:pt idx="2122">
                  <c:v>3.7499999999999999E-2</c:v>
                </c:pt>
                <c:pt idx="2123">
                  <c:v>3.7499999999999999E-2</c:v>
                </c:pt>
                <c:pt idx="2124">
                  <c:v>3.7499999999999999E-2</c:v>
                </c:pt>
                <c:pt idx="2125">
                  <c:v>3.7499999999999999E-2</c:v>
                </c:pt>
                <c:pt idx="2126">
                  <c:v>3.7499999999999999E-2</c:v>
                </c:pt>
                <c:pt idx="2127">
                  <c:v>3.7499999999999999E-2</c:v>
                </c:pt>
                <c:pt idx="2128">
                  <c:v>3.7499999999999999E-2</c:v>
                </c:pt>
                <c:pt idx="2129">
                  <c:v>3.7499999999999999E-2</c:v>
                </c:pt>
                <c:pt idx="2130">
                  <c:v>3.7499999999999999E-2</c:v>
                </c:pt>
                <c:pt idx="2131">
                  <c:v>0.04</c:v>
                </c:pt>
                <c:pt idx="2132">
                  <c:v>0.04</c:v>
                </c:pt>
                <c:pt idx="2133">
                  <c:v>0.04</c:v>
                </c:pt>
                <c:pt idx="2134">
                  <c:v>0.04</c:v>
                </c:pt>
                <c:pt idx="2135">
                  <c:v>0.04</c:v>
                </c:pt>
                <c:pt idx="2136">
                  <c:v>0.04</c:v>
                </c:pt>
                <c:pt idx="2137">
                  <c:v>0.04</c:v>
                </c:pt>
                <c:pt idx="2138">
                  <c:v>0.04</c:v>
                </c:pt>
                <c:pt idx="2139">
                  <c:v>0.04</c:v>
                </c:pt>
                <c:pt idx="2140">
                  <c:v>0.04</c:v>
                </c:pt>
                <c:pt idx="2141">
                  <c:v>0.04</c:v>
                </c:pt>
                <c:pt idx="2142">
                  <c:v>0.04</c:v>
                </c:pt>
                <c:pt idx="2143">
                  <c:v>0.04</c:v>
                </c:pt>
                <c:pt idx="2144">
                  <c:v>0.04</c:v>
                </c:pt>
                <c:pt idx="2145">
                  <c:v>0.04</c:v>
                </c:pt>
                <c:pt idx="2146">
                  <c:v>0.04</c:v>
                </c:pt>
                <c:pt idx="2147">
                  <c:v>0.04</c:v>
                </c:pt>
                <c:pt idx="2148">
                  <c:v>0.04</c:v>
                </c:pt>
                <c:pt idx="2149">
                  <c:v>0.04</c:v>
                </c:pt>
                <c:pt idx="2150">
                  <c:v>0.04</c:v>
                </c:pt>
                <c:pt idx="2151">
                  <c:v>0.04</c:v>
                </c:pt>
                <c:pt idx="2152">
                  <c:v>0.04</c:v>
                </c:pt>
                <c:pt idx="2153">
                  <c:v>0.04</c:v>
                </c:pt>
                <c:pt idx="2154">
                  <c:v>0.04</c:v>
                </c:pt>
                <c:pt idx="2155">
                  <c:v>0.04</c:v>
                </c:pt>
                <c:pt idx="2156">
                  <c:v>0.04</c:v>
                </c:pt>
                <c:pt idx="2157">
                  <c:v>0.04</c:v>
                </c:pt>
                <c:pt idx="2158">
                  <c:v>0.04</c:v>
                </c:pt>
                <c:pt idx="2159">
                  <c:v>0.04</c:v>
                </c:pt>
                <c:pt idx="2160">
                  <c:v>0.04</c:v>
                </c:pt>
                <c:pt idx="2161">
                  <c:v>0.04</c:v>
                </c:pt>
                <c:pt idx="2162">
                  <c:v>0.04</c:v>
                </c:pt>
                <c:pt idx="2163">
                  <c:v>0.04</c:v>
                </c:pt>
                <c:pt idx="2164">
                  <c:v>0.04</c:v>
                </c:pt>
                <c:pt idx="2165">
                  <c:v>0.04</c:v>
                </c:pt>
                <c:pt idx="2166">
                  <c:v>0.04</c:v>
                </c:pt>
                <c:pt idx="2167">
                  <c:v>0.04</c:v>
                </c:pt>
                <c:pt idx="2168">
                  <c:v>0.04</c:v>
                </c:pt>
                <c:pt idx="2169">
                  <c:v>0.04</c:v>
                </c:pt>
                <c:pt idx="2170">
                  <c:v>0.04</c:v>
                </c:pt>
                <c:pt idx="2171">
                  <c:v>0.04</c:v>
                </c:pt>
                <c:pt idx="2172">
                  <c:v>0.04</c:v>
                </c:pt>
                <c:pt idx="2173">
                  <c:v>4.2500000000000003E-2</c:v>
                </c:pt>
                <c:pt idx="2174">
                  <c:v>4.2500000000000003E-2</c:v>
                </c:pt>
                <c:pt idx="2175">
                  <c:v>4.2500000000000003E-2</c:v>
                </c:pt>
                <c:pt idx="2176">
                  <c:v>4.2500000000000003E-2</c:v>
                </c:pt>
                <c:pt idx="2177">
                  <c:v>4.2500000000000003E-2</c:v>
                </c:pt>
                <c:pt idx="2178">
                  <c:v>4.2500000000000003E-2</c:v>
                </c:pt>
                <c:pt idx="2179">
                  <c:v>4.2500000000000003E-2</c:v>
                </c:pt>
                <c:pt idx="2180">
                  <c:v>4.2500000000000003E-2</c:v>
                </c:pt>
                <c:pt idx="2181">
                  <c:v>4.2500000000000003E-2</c:v>
                </c:pt>
                <c:pt idx="2182">
                  <c:v>4.2500000000000003E-2</c:v>
                </c:pt>
                <c:pt idx="2183">
                  <c:v>4.2500000000000003E-2</c:v>
                </c:pt>
                <c:pt idx="2184">
                  <c:v>4.2500000000000003E-2</c:v>
                </c:pt>
                <c:pt idx="2185">
                  <c:v>4.2500000000000003E-2</c:v>
                </c:pt>
                <c:pt idx="2186">
                  <c:v>4.2500000000000003E-2</c:v>
                </c:pt>
                <c:pt idx="2187">
                  <c:v>4.2500000000000003E-2</c:v>
                </c:pt>
                <c:pt idx="2188">
                  <c:v>4.2500000000000003E-2</c:v>
                </c:pt>
                <c:pt idx="2189">
                  <c:v>4.2500000000000003E-2</c:v>
                </c:pt>
                <c:pt idx="2190">
                  <c:v>4.2500000000000003E-2</c:v>
                </c:pt>
                <c:pt idx="2191">
                  <c:v>4.2500000000000003E-2</c:v>
                </c:pt>
                <c:pt idx="2192">
                  <c:v>4.2500000000000003E-2</c:v>
                </c:pt>
                <c:pt idx="2193">
                  <c:v>4.2500000000000003E-2</c:v>
                </c:pt>
                <c:pt idx="2194">
                  <c:v>4.2500000000000003E-2</c:v>
                </c:pt>
                <c:pt idx="2195">
                  <c:v>4.2500000000000003E-2</c:v>
                </c:pt>
                <c:pt idx="2196">
                  <c:v>4.2500000000000003E-2</c:v>
                </c:pt>
                <c:pt idx="2197">
                  <c:v>4.2500000000000003E-2</c:v>
                </c:pt>
                <c:pt idx="2198">
                  <c:v>4.2500000000000003E-2</c:v>
                </c:pt>
                <c:pt idx="2199">
                  <c:v>4.2500000000000003E-2</c:v>
                </c:pt>
                <c:pt idx="2200">
                  <c:v>4.2500000000000003E-2</c:v>
                </c:pt>
                <c:pt idx="2201">
                  <c:v>4.2500000000000003E-2</c:v>
                </c:pt>
                <c:pt idx="2202">
                  <c:v>4.2500000000000003E-2</c:v>
                </c:pt>
                <c:pt idx="2203">
                  <c:v>4.2500000000000003E-2</c:v>
                </c:pt>
                <c:pt idx="2204">
                  <c:v>4.2500000000000003E-2</c:v>
                </c:pt>
                <c:pt idx="2205">
                  <c:v>4.2500000000000003E-2</c:v>
                </c:pt>
                <c:pt idx="2206">
                  <c:v>4.2500000000000003E-2</c:v>
                </c:pt>
                <c:pt idx="2207">
                  <c:v>4.2500000000000003E-2</c:v>
                </c:pt>
                <c:pt idx="2208">
                  <c:v>4.2500000000000003E-2</c:v>
                </c:pt>
                <c:pt idx="2209">
                  <c:v>4.2500000000000003E-2</c:v>
                </c:pt>
                <c:pt idx="2210">
                  <c:v>4.2500000000000003E-2</c:v>
                </c:pt>
                <c:pt idx="2211">
                  <c:v>4.2500000000000003E-2</c:v>
                </c:pt>
                <c:pt idx="2212">
                  <c:v>4.2500000000000003E-2</c:v>
                </c:pt>
                <c:pt idx="2213">
                  <c:v>4.2500000000000003E-2</c:v>
                </c:pt>
                <c:pt idx="2214">
                  <c:v>4.2500000000000003E-2</c:v>
                </c:pt>
                <c:pt idx="2215">
                  <c:v>4.2500000000000003E-2</c:v>
                </c:pt>
                <c:pt idx="2216">
                  <c:v>4.2500000000000003E-2</c:v>
                </c:pt>
                <c:pt idx="2217">
                  <c:v>4.2500000000000003E-2</c:v>
                </c:pt>
                <c:pt idx="2218">
                  <c:v>4.2500000000000003E-2</c:v>
                </c:pt>
                <c:pt idx="2219">
                  <c:v>4.2500000000000003E-2</c:v>
                </c:pt>
                <c:pt idx="2220">
                  <c:v>4.2500000000000003E-2</c:v>
                </c:pt>
                <c:pt idx="2221">
                  <c:v>4.2500000000000003E-2</c:v>
                </c:pt>
                <c:pt idx="2222">
                  <c:v>4.4999999999999998E-2</c:v>
                </c:pt>
                <c:pt idx="2223">
                  <c:v>4.4999999999999998E-2</c:v>
                </c:pt>
                <c:pt idx="2224">
                  <c:v>4.4999999999999998E-2</c:v>
                </c:pt>
                <c:pt idx="2225">
                  <c:v>4.4999999999999998E-2</c:v>
                </c:pt>
                <c:pt idx="2226">
                  <c:v>4.4999999999999998E-2</c:v>
                </c:pt>
                <c:pt idx="2227">
                  <c:v>4.4999999999999998E-2</c:v>
                </c:pt>
                <c:pt idx="2228">
                  <c:v>4.4999999999999998E-2</c:v>
                </c:pt>
                <c:pt idx="2229">
                  <c:v>4.4999999999999998E-2</c:v>
                </c:pt>
                <c:pt idx="2230">
                  <c:v>4.4999999999999998E-2</c:v>
                </c:pt>
                <c:pt idx="2231">
                  <c:v>4.4999999999999998E-2</c:v>
                </c:pt>
                <c:pt idx="2232">
                  <c:v>4.4999999999999998E-2</c:v>
                </c:pt>
                <c:pt idx="2233">
                  <c:v>4.4999999999999998E-2</c:v>
                </c:pt>
                <c:pt idx="2234">
                  <c:v>4.4999999999999998E-2</c:v>
                </c:pt>
                <c:pt idx="2235">
                  <c:v>4.4999999999999998E-2</c:v>
                </c:pt>
                <c:pt idx="2236">
                  <c:v>4.4999999999999998E-2</c:v>
                </c:pt>
                <c:pt idx="2237">
                  <c:v>4.4999999999999998E-2</c:v>
                </c:pt>
                <c:pt idx="2238">
                  <c:v>4.4999999999999998E-2</c:v>
                </c:pt>
                <c:pt idx="2239">
                  <c:v>4.4999999999999998E-2</c:v>
                </c:pt>
                <c:pt idx="2240">
                  <c:v>4.4999999999999998E-2</c:v>
                </c:pt>
                <c:pt idx="2241">
                  <c:v>4.4999999999999998E-2</c:v>
                </c:pt>
                <c:pt idx="2242">
                  <c:v>4.4999999999999998E-2</c:v>
                </c:pt>
                <c:pt idx="2243">
                  <c:v>4.4999999999999998E-2</c:v>
                </c:pt>
                <c:pt idx="2244">
                  <c:v>4.4999999999999998E-2</c:v>
                </c:pt>
                <c:pt idx="2245">
                  <c:v>4.4999999999999998E-2</c:v>
                </c:pt>
                <c:pt idx="2246">
                  <c:v>4.4999999999999998E-2</c:v>
                </c:pt>
                <c:pt idx="2247">
                  <c:v>4.4999999999999998E-2</c:v>
                </c:pt>
                <c:pt idx="2248">
                  <c:v>4.4999999999999998E-2</c:v>
                </c:pt>
                <c:pt idx="2249">
                  <c:v>4.4999999999999998E-2</c:v>
                </c:pt>
                <c:pt idx="2250">
                  <c:v>4.4999999999999998E-2</c:v>
                </c:pt>
                <c:pt idx="2251">
                  <c:v>4.4999999999999998E-2</c:v>
                </c:pt>
                <c:pt idx="2252">
                  <c:v>4.4999999999999998E-2</c:v>
                </c:pt>
                <c:pt idx="2253">
                  <c:v>4.4999999999999998E-2</c:v>
                </c:pt>
                <c:pt idx="2254">
                  <c:v>4.4999999999999998E-2</c:v>
                </c:pt>
                <c:pt idx="2255">
                  <c:v>4.4999999999999998E-2</c:v>
                </c:pt>
                <c:pt idx="2256">
                  <c:v>4.4999999999999998E-2</c:v>
                </c:pt>
                <c:pt idx="2257">
                  <c:v>4.4999999999999998E-2</c:v>
                </c:pt>
                <c:pt idx="2258">
                  <c:v>4.4999999999999998E-2</c:v>
                </c:pt>
                <c:pt idx="2259">
                  <c:v>4.4999999999999998E-2</c:v>
                </c:pt>
                <c:pt idx="2260">
                  <c:v>4.4999999999999998E-2</c:v>
                </c:pt>
                <c:pt idx="2261">
                  <c:v>4.4999999999999998E-2</c:v>
                </c:pt>
                <c:pt idx="2262">
                  <c:v>4.4999999999999998E-2</c:v>
                </c:pt>
                <c:pt idx="2263">
                  <c:v>4.4999999999999998E-2</c:v>
                </c:pt>
                <c:pt idx="2264">
                  <c:v>4.4999999999999998E-2</c:v>
                </c:pt>
                <c:pt idx="2265">
                  <c:v>4.4999999999999998E-2</c:v>
                </c:pt>
                <c:pt idx="2266">
                  <c:v>4.4999999999999998E-2</c:v>
                </c:pt>
                <c:pt idx="2267">
                  <c:v>4.4999999999999998E-2</c:v>
                </c:pt>
                <c:pt idx="2268">
                  <c:v>4.4999999999999998E-2</c:v>
                </c:pt>
                <c:pt idx="2269">
                  <c:v>4.4999999999999998E-2</c:v>
                </c:pt>
                <c:pt idx="2270">
                  <c:v>4.4999999999999998E-2</c:v>
                </c:pt>
                <c:pt idx="2271">
                  <c:v>4.4999999999999998E-2</c:v>
                </c:pt>
                <c:pt idx="2272">
                  <c:v>4.4999999999999998E-2</c:v>
                </c:pt>
                <c:pt idx="2273">
                  <c:v>4.4999999999999998E-2</c:v>
                </c:pt>
                <c:pt idx="2274">
                  <c:v>4.4999999999999998E-2</c:v>
                </c:pt>
                <c:pt idx="2275">
                  <c:v>4.4999999999999998E-2</c:v>
                </c:pt>
                <c:pt idx="2276">
                  <c:v>4.4999999999999998E-2</c:v>
                </c:pt>
                <c:pt idx="2277">
                  <c:v>4.4999999999999998E-2</c:v>
                </c:pt>
                <c:pt idx="2278">
                  <c:v>4.7500000000000001E-2</c:v>
                </c:pt>
                <c:pt idx="2279">
                  <c:v>4.7500000000000001E-2</c:v>
                </c:pt>
                <c:pt idx="2280">
                  <c:v>4.7500000000000001E-2</c:v>
                </c:pt>
                <c:pt idx="2281">
                  <c:v>4.7500000000000001E-2</c:v>
                </c:pt>
                <c:pt idx="2282">
                  <c:v>4.7500000000000001E-2</c:v>
                </c:pt>
                <c:pt idx="2283">
                  <c:v>4.7500000000000001E-2</c:v>
                </c:pt>
                <c:pt idx="2284">
                  <c:v>4.7500000000000001E-2</c:v>
                </c:pt>
                <c:pt idx="2285">
                  <c:v>4.7500000000000001E-2</c:v>
                </c:pt>
                <c:pt idx="2286">
                  <c:v>4.7500000000000001E-2</c:v>
                </c:pt>
                <c:pt idx="2287">
                  <c:v>4.7500000000000001E-2</c:v>
                </c:pt>
                <c:pt idx="2288">
                  <c:v>4.7500000000000001E-2</c:v>
                </c:pt>
                <c:pt idx="2289">
                  <c:v>4.7500000000000001E-2</c:v>
                </c:pt>
                <c:pt idx="2290">
                  <c:v>4.7500000000000001E-2</c:v>
                </c:pt>
                <c:pt idx="2291">
                  <c:v>4.7500000000000001E-2</c:v>
                </c:pt>
                <c:pt idx="2292">
                  <c:v>4.7500000000000001E-2</c:v>
                </c:pt>
                <c:pt idx="2293">
                  <c:v>4.7500000000000001E-2</c:v>
                </c:pt>
                <c:pt idx="2294">
                  <c:v>4.7500000000000001E-2</c:v>
                </c:pt>
                <c:pt idx="2295">
                  <c:v>4.7500000000000001E-2</c:v>
                </c:pt>
                <c:pt idx="2296">
                  <c:v>4.7500000000000001E-2</c:v>
                </c:pt>
                <c:pt idx="2297">
                  <c:v>4.7500000000000001E-2</c:v>
                </c:pt>
                <c:pt idx="2298">
                  <c:v>4.7500000000000001E-2</c:v>
                </c:pt>
                <c:pt idx="2299">
                  <c:v>4.7500000000000001E-2</c:v>
                </c:pt>
                <c:pt idx="2300">
                  <c:v>4.7500000000000001E-2</c:v>
                </c:pt>
                <c:pt idx="2301">
                  <c:v>4.7500000000000001E-2</c:v>
                </c:pt>
                <c:pt idx="2302">
                  <c:v>4.7500000000000001E-2</c:v>
                </c:pt>
                <c:pt idx="2303">
                  <c:v>4.7500000000000001E-2</c:v>
                </c:pt>
                <c:pt idx="2304">
                  <c:v>4.7500000000000001E-2</c:v>
                </c:pt>
                <c:pt idx="2305">
                  <c:v>4.7500000000000001E-2</c:v>
                </c:pt>
                <c:pt idx="2306">
                  <c:v>4.7500000000000001E-2</c:v>
                </c:pt>
                <c:pt idx="2307">
                  <c:v>4.7500000000000001E-2</c:v>
                </c:pt>
                <c:pt idx="2308">
                  <c:v>4.7500000000000001E-2</c:v>
                </c:pt>
                <c:pt idx="2309">
                  <c:v>4.7500000000000001E-2</c:v>
                </c:pt>
                <c:pt idx="2310">
                  <c:v>4.7500000000000001E-2</c:v>
                </c:pt>
                <c:pt idx="2311">
                  <c:v>4.7500000000000001E-2</c:v>
                </c:pt>
                <c:pt idx="2312">
                  <c:v>4.7500000000000001E-2</c:v>
                </c:pt>
                <c:pt idx="2313">
                  <c:v>4.7500000000000001E-2</c:v>
                </c:pt>
                <c:pt idx="2314">
                  <c:v>4.7500000000000001E-2</c:v>
                </c:pt>
                <c:pt idx="2315">
                  <c:v>4.7500000000000001E-2</c:v>
                </c:pt>
                <c:pt idx="2316">
                  <c:v>4.7500000000000001E-2</c:v>
                </c:pt>
                <c:pt idx="2317">
                  <c:v>4.7500000000000001E-2</c:v>
                </c:pt>
                <c:pt idx="2318">
                  <c:v>4.7500000000000001E-2</c:v>
                </c:pt>
                <c:pt idx="2319">
                  <c:v>4.7500000000000001E-2</c:v>
                </c:pt>
                <c:pt idx="2320">
                  <c:v>4.7500000000000001E-2</c:v>
                </c:pt>
                <c:pt idx="2321">
                  <c:v>0.05</c:v>
                </c:pt>
                <c:pt idx="2322">
                  <c:v>0.05</c:v>
                </c:pt>
                <c:pt idx="2323">
                  <c:v>0.05</c:v>
                </c:pt>
                <c:pt idx="2324">
                  <c:v>0.05</c:v>
                </c:pt>
                <c:pt idx="2325">
                  <c:v>0.05</c:v>
                </c:pt>
                <c:pt idx="2326">
                  <c:v>0.05</c:v>
                </c:pt>
                <c:pt idx="2327">
                  <c:v>0.05</c:v>
                </c:pt>
                <c:pt idx="2328">
                  <c:v>0.05</c:v>
                </c:pt>
                <c:pt idx="2329">
                  <c:v>0.05</c:v>
                </c:pt>
                <c:pt idx="2330">
                  <c:v>0.05</c:v>
                </c:pt>
                <c:pt idx="2331">
                  <c:v>0.05</c:v>
                </c:pt>
                <c:pt idx="2332">
                  <c:v>0.05</c:v>
                </c:pt>
                <c:pt idx="2333">
                  <c:v>0.05</c:v>
                </c:pt>
                <c:pt idx="2334">
                  <c:v>0.05</c:v>
                </c:pt>
                <c:pt idx="2335">
                  <c:v>0.05</c:v>
                </c:pt>
                <c:pt idx="2336">
                  <c:v>0.05</c:v>
                </c:pt>
                <c:pt idx="2337">
                  <c:v>0.05</c:v>
                </c:pt>
                <c:pt idx="2338">
                  <c:v>0.05</c:v>
                </c:pt>
                <c:pt idx="2339">
                  <c:v>0.05</c:v>
                </c:pt>
                <c:pt idx="2340">
                  <c:v>0.05</c:v>
                </c:pt>
                <c:pt idx="2341">
                  <c:v>0.05</c:v>
                </c:pt>
                <c:pt idx="2342">
                  <c:v>0.05</c:v>
                </c:pt>
                <c:pt idx="2343">
                  <c:v>0.05</c:v>
                </c:pt>
                <c:pt idx="2344">
                  <c:v>0.05</c:v>
                </c:pt>
                <c:pt idx="2345">
                  <c:v>0.05</c:v>
                </c:pt>
                <c:pt idx="2346">
                  <c:v>0.05</c:v>
                </c:pt>
                <c:pt idx="2347">
                  <c:v>0.05</c:v>
                </c:pt>
                <c:pt idx="2348">
                  <c:v>0.05</c:v>
                </c:pt>
                <c:pt idx="2349">
                  <c:v>0.05</c:v>
                </c:pt>
                <c:pt idx="2350">
                  <c:v>0.05</c:v>
                </c:pt>
                <c:pt idx="2351">
                  <c:v>0.05</c:v>
                </c:pt>
                <c:pt idx="2352">
                  <c:v>0.05</c:v>
                </c:pt>
                <c:pt idx="2353">
                  <c:v>0.05</c:v>
                </c:pt>
                <c:pt idx="2354">
                  <c:v>0.05</c:v>
                </c:pt>
                <c:pt idx="2355">
                  <c:v>0.05</c:v>
                </c:pt>
                <c:pt idx="2356">
                  <c:v>0.05</c:v>
                </c:pt>
                <c:pt idx="2357">
                  <c:v>0.05</c:v>
                </c:pt>
                <c:pt idx="2358">
                  <c:v>0.05</c:v>
                </c:pt>
                <c:pt idx="2359">
                  <c:v>0.05</c:v>
                </c:pt>
                <c:pt idx="2360">
                  <c:v>0.05</c:v>
                </c:pt>
                <c:pt idx="2361">
                  <c:v>0.05</c:v>
                </c:pt>
                <c:pt idx="2362">
                  <c:v>0.05</c:v>
                </c:pt>
                <c:pt idx="2363">
                  <c:v>0.05</c:v>
                </c:pt>
                <c:pt idx="2364">
                  <c:v>0.05</c:v>
                </c:pt>
                <c:pt idx="2365">
                  <c:v>0.05</c:v>
                </c:pt>
                <c:pt idx="2366">
                  <c:v>0.05</c:v>
                </c:pt>
                <c:pt idx="2367">
                  <c:v>0.05</c:v>
                </c:pt>
                <c:pt idx="2368">
                  <c:v>0.05</c:v>
                </c:pt>
                <c:pt idx="2369">
                  <c:v>0.05</c:v>
                </c:pt>
                <c:pt idx="2370">
                  <c:v>0.05</c:v>
                </c:pt>
                <c:pt idx="2371">
                  <c:v>5.2499999999999998E-2</c:v>
                </c:pt>
                <c:pt idx="2372">
                  <c:v>5.2499999999999998E-2</c:v>
                </c:pt>
                <c:pt idx="2373">
                  <c:v>5.2499999999999998E-2</c:v>
                </c:pt>
                <c:pt idx="2374">
                  <c:v>5.2499999999999998E-2</c:v>
                </c:pt>
                <c:pt idx="2375">
                  <c:v>5.2499999999999998E-2</c:v>
                </c:pt>
                <c:pt idx="2376">
                  <c:v>5.2499999999999998E-2</c:v>
                </c:pt>
                <c:pt idx="2377">
                  <c:v>5.2499999999999998E-2</c:v>
                </c:pt>
                <c:pt idx="2378">
                  <c:v>5.2499999999999998E-2</c:v>
                </c:pt>
                <c:pt idx="2379">
                  <c:v>5.2499999999999998E-2</c:v>
                </c:pt>
                <c:pt idx="2380">
                  <c:v>5.2499999999999998E-2</c:v>
                </c:pt>
                <c:pt idx="2381">
                  <c:v>5.2499999999999998E-2</c:v>
                </c:pt>
                <c:pt idx="2382">
                  <c:v>5.2499999999999998E-2</c:v>
                </c:pt>
                <c:pt idx="2383">
                  <c:v>5.2499999999999998E-2</c:v>
                </c:pt>
                <c:pt idx="2384">
                  <c:v>5.2499999999999998E-2</c:v>
                </c:pt>
                <c:pt idx="2385">
                  <c:v>5.2499999999999998E-2</c:v>
                </c:pt>
                <c:pt idx="2386">
                  <c:v>5.2499999999999998E-2</c:v>
                </c:pt>
                <c:pt idx="2387">
                  <c:v>5.2499999999999998E-2</c:v>
                </c:pt>
                <c:pt idx="2388">
                  <c:v>5.2499999999999998E-2</c:v>
                </c:pt>
                <c:pt idx="2389">
                  <c:v>5.2499999999999998E-2</c:v>
                </c:pt>
                <c:pt idx="2390">
                  <c:v>5.2499999999999998E-2</c:v>
                </c:pt>
                <c:pt idx="2391">
                  <c:v>5.2499999999999998E-2</c:v>
                </c:pt>
                <c:pt idx="2392">
                  <c:v>5.2499999999999998E-2</c:v>
                </c:pt>
                <c:pt idx="2393">
                  <c:v>5.2499999999999998E-2</c:v>
                </c:pt>
                <c:pt idx="2394">
                  <c:v>5.2499999999999998E-2</c:v>
                </c:pt>
                <c:pt idx="2395">
                  <c:v>5.2499999999999998E-2</c:v>
                </c:pt>
                <c:pt idx="2396">
                  <c:v>5.2499999999999998E-2</c:v>
                </c:pt>
                <c:pt idx="2397">
                  <c:v>5.2499999999999998E-2</c:v>
                </c:pt>
                <c:pt idx="2398">
                  <c:v>5.2499999999999998E-2</c:v>
                </c:pt>
                <c:pt idx="2399">
                  <c:v>5.2499999999999998E-2</c:v>
                </c:pt>
                <c:pt idx="2400">
                  <c:v>5.2499999999999998E-2</c:v>
                </c:pt>
                <c:pt idx="2401">
                  <c:v>5.2499999999999998E-2</c:v>
                </c:pt>
                <c:pt idx="2402">
                  <c:v>5.2499999999999998E-2</c:v>
                </c:pt>
                <c:pt idx="2403">
                  <c:v>5.2499999999999998E-2</c:v>
                </c:pt>
                <c:pt idx="2404">
                  <c:v>5.2499999999999998E-2</c:v>
                </c:pt>
                <c:pt idx="2405">
                  <c:v>5.2499999999999998E-2</c:v>
                </c:pt>
                <c:pt idx="2406">
                  <c:v>5.2499999999999998E-2</c:v>
                </c:pt>
                <c:pt idx="2407">
                  <c:v>5.2499999999999998E-2</c:v>
                </c:pt>
                <c:pt idx="2408">
                  <c:v>5.2499999999999998E-2</c:v>
                </c:pt>
                <c:pt idx="2409">
                  <c:v>5.2499999999999998E-2</c:v>
                </c:pt>
                <c:pt idx="2410">
                  <c:v>5.2499999999999998E-2</c:v>
                </c:pt>
                <c:pt idx="2411">
                  <c:v>5.2499999999999998E-2</c:v>
                </c:pt>
                <c:pt idx="2412">
                  <c:v>5.2499999999999998E-2</c:v>
                </c:pt>
                <c:pt idx="2413">
                  <c:v>5.2499999999999998E-2</c:v>
                </c:pt>
                <c:pt idx="2414">
                  <c:v>5.2499999999999998E-2</c:v>
                </c:pt>
                <c:pt idx="2415">
                  <c:v>5.2499999999999998E-2</c:v>
                </c:pt>
                <c:pt idx="2416">
                  <c:v>5.2499999999999998E-2</c:v>
                </c:pt>
                <c:pt idx="2417">
                  <c:v>5.2499999999999998E-2</c:v>
                </c:pt>
                <c:pt idx="2418">
                  <c:v>5.2499999999999998E-2</c:v>
                </c:pt>
                <c:pt idx="2419">
                  <c:v>5.2499999999999998E-2</c:v>
                </c:pt>
                <c:pt idx="2420">
                  <c:v>5.2499999999999998E-2</c:v>
                </c:pt>
                <c:pt idx="2421">
                  <c:v>5.2499999999999998E-2</c:v>
                </c:pt>
                <c:pt idx="2422">
                  <c:v>5.2499999999999998E-2</c:v>
                </c:pt>
                <c:pt idx="2423">
                  <c:v>5.2499999999999998E-2</c:v>
                </c:pt>
                <c:pt idx="2424">
                  <c:v>5.2499999999999998E-2</c:v>
                </c:pt>
                <c:pt idx="2425">
                  <c:v>5.2499999999999998E-2</c:v>
                </c:pt>
                <c:pt idx="2426">
                  <c:v>5.2499999999999998E-2</c:v>
                </c:pt>
                <c:pt idx="2427">
                  <c:v>5.2499999999999998E-2</c:v>
                </c:pt>
                <c:pt idx="2428">
                  <c:v>5.2499999999999998E-2</c:v>
                </c:pt>
                <c:pt idx="2429">
                  <c:v>5.2499999999999998E-2</c:v>
                </c:pt>
                <c:pt idx="2430">
                  <c:v>5.2499999999999998E-2</c:v>
                </c:pt>
                <c:pt idx="2431">
                  <c:v>5.2499999999999998E-2</c:v>
                </c:pt>
                <c:pt idx="2432">
                  <c:v>5.2499999999999998E-2</c:v>
                </c:pt>
                <c:pt idx="2433">
                  <c:v>5.2499999999999998E-2</c:v>
                </c:pt>
                <c:pt idx="2434">
                  <c:v>5.2499999999999998E-2</c:v>
                </c:pt>
                <c:pt idx="2435">
                  <c:v>5.2499999999999998E-2</c:v>
                </c:pt>
                <c:pt idx="2436">
                  <c:v>5.2499999999999998E-2</c:v>
                </c:pt>
                <c:pt idx="2437">
                  <c:v>5.2499999999999998E-2</c:v>
                </c:pt>
                <c:pt idx="2438">
                  <c:v>5.2499999999999998E-2</c:v>
                </c:pt>
                <c:pt idx="2439">
                  <c:v>5.2499999999999998E-2</c:v>
                </c:pt>
                <c:pt idx="2440">
                  <c:v>5.2499999999999998E-2</c:v>
                </c:pt>
                <c:pt idx="2441">
                  <c:v>5.2499999999999998E-2</c:v>
                </c:pt>
                <c:pt idx="2442">
                  <c:v>5.2499999999999998E-2</c:v>
                </c:pt>
                <c:pt idx="2443">
                  <c:v>5.2499999999999998E-2</c:v>
                </c:pt>
                <c:pt idx="2444">
                  <c:v>5.2499999999999998E-2</c:v>
                </c:pt>
                <c:pt idx="2445">
                  <c:v>5.2499999999999998E-2</c:v>
                </c:pt>
                <c:pt idx="2446">
                  <c:v>5.2499999999999998E-2</c:v>
                </c:pt>
                <c:pt idx="2447">
                  <c:v>5.2499999999999998E-2</c:v>
                </c:pt>
                <c:pt idx="2448">
                  <c:v>5.2499999999999998E-2</c:v>
                </c:pt>
                <c:pt idx="2449">
                  <c:v>5.2499999999999998E-2</c:v>
                </c:pt>
                <c:pt idx="2450">
                  <c:v>5.2499999999999998E-2</c:v>
                </c:pt>
                <c:pt idx="2451">
                  <c:v>5.2499999999999998E-2</c:v>
                </c:pt>
                <c:pt idx="2452">
                  <c:v>5.2499999999999998E-2</c:v>
                </c:pt>
                <c:pt idx="2453">
                  <c:v>5.2499999999999998E-2</c:v>
                </c:pt>
                <c:pt idx="2454">
                  <c:v>5.2499999999999998E-2</c:v>
                </c:pt>
                <c:pt idx="2455">
                  <c:v>5.2499999999999998E-2</c:v>
                </c:pt>
                <c:pt idx="2456">
                  <c:v>5.2499999999999998E-2</c:v>
                </c:pt>
                <c:pt idx="2457">
                  <c:v>5.2499999999999998E-2</c:v>
                </c:pt>
                <c:pt idx="2458">
                  <c:v>5.2499999999999998E-2</c:v>
                </c:pt>
                <c:pt idx="2459">
                  <c:v>5.2499999999999998E-2</c:v>
                </c:pt>
                <c:pt idx="2460">
                  <c:v>5.2499999999999998E-2</c:v>
                </c:pt>
                <c:pt idx="2461">
                  <c:v>5.2499999999999998E-2</c:v>
                </c:pt>
                <c:pt idx="2462">
                  <c:v>5.2499999999999998E-2</c:v>
                </c:pt>
                <c:pt idx="2463">
                  <c:v>5.2499999999999998E-2</c:v>
                </c:pt>
                <c:pt idx="2464">
                  <c:v>5.2499999999999998E-2</c:v>
                </c:pt>
                <c:pt idx="2465">
                  <c:v>5.2499999999999998E-2</c:v>
                </c:pt>
                <c:pt idx="2466">
                  <c:v>5.2499999999999998E-2</c:v>
                </c:pt>
                <c:pt idx="2467">
                  <c:v>5.2499999999999998E-2</c:v>
                </c:pt>
                <c:pt idx="2468">
                  <c:v>5.2499999999999998E-2</c:v>
                </c:pt>
                <c:pt idx="2469">
                  <c:v>5.2499999999999998E-2</c:v>
                </c:pt>
                <c:pt idx="2470">
                  <c:v>5.2499999999999998E-2</c:v>
                </c:pt>
                <c:pt idx="2471">
                  <c:v>5.2499999999999998E-2</c:v>
                </c:pt>
                <c:pt idx="2472">
                  <c:v>5.2499999999999998E-2</c:v>
                </c:pt>
                <c:pt idx="2473">
                  <c:v>5.2499999999999998E-2</c:v>
                </c:pt>
                <c:pt idx="2474">
                  <c:v>5.2499999999999998E-2</c:v>
                </c:pt>
                <c:pt idx="2475">
                  <c:v>5.2499999999999998E-2</c:v>
                </c:pt>
                <c:pt idx="2476">
                  <c:v>5.2499999999999998E-2</c:v>
                </c:pt>
                <c:pt idx="2477">
                  <c:v>5.2499999999999998E-2</c:v>
                </c:pt>
                <c:pt idx="2478">
                  <c:v>5.2499999999999998E-2</c:v>
                </c:pt>
                <c:pt idx="2479">
                  <c:v>5.2499999999999998E-2</c:v>
                </c:pt>
                <c:pt idx="2480">
                  <c:v>5.2499999999999998E-2</c:v>
                </c:pt>
                <c:pt idx="2481">
                  <c:v>5.2499999999999998E-2</c:v>
                </c:pt>
                <c:pt idx="2482">
                  <c:v>5.2499999999999998E-2</c:v>
                </c:pt>
                <c:pt idx="2483">
                  <c:v>5.2499999999999998E-2</c:v>
                </c:pt>
                <c:pt idx="2484">
                  <c:v>5.2499999999999998E-2</c:v>
                </c:pt>
                <c:pt idx="2485">
                  <c:v>5.2499999999999998E-2</c:v>
                </c:pt>
                <c:pt idx="2486">
                  <c:v>5.2499999999999998E-2</c:v>
                </c:pt>
                <c:pt idx="2487">
                  <c:v>5.2499999999999998E-2</c:v>
                </c:pt>
                <c:pt idx="2488">
                  <c:v>5.2499999999999998E-2</c:v>
                </c:pt>
                <c:pt idx="2489">
                  <c:v>5.2499999999999998E-2</c:v>
                </c:pt>
                <c:pt idx="2490">
                  <c:v>5.2499999999999998E-2</c:v>
                </c:pt>
                <c:pt idx="2491">
                  <c:v>5.2499999999999998E-2</c:v>
                </c:pt>
                <c:pt idx="2492">
                  <c:v>5.2499999999999998E-2</c:v>
                </c:pt>
                <c:pt idx="2493">
                  <c:v>5.2499999999999998E-2</c:v>
                </c:pt>
                <c:pt idx="2494">
                  <c:v>5.2499999999999998E-2</c:v>
                </c:pt>
                <c:pt idx="2495">
                  <c:v>5.2499999999999998E-2</c:v>
                </c:pt>
                <c:pt idx="2496">
                  <c:v>5.2499999999999998E-2</c:v>
                </c:pt>
                <c:pt idx="2497">
                  <c:v>5.2499999999999998E-2</c:v>
                </c:pt>
                <c:pt idx="2498">
                  <c:v>5.2499999999999998E-2</c:v>
                </c:pt>
                <c:pt idx="2499">
                  <c:v>5.2499999999999998E-2</c:v>
                </c:pt>
                <c:pt idx="2500">
                  <c:v>5.2499999999999998E-2</c:v>
                </c:pt>
                <c:pt idx="2501">
                  <c:v>5.2499999999999998E-2</c:v>
                </c:pt>
                <c:pt idx="2502">
                  <c:v>5.2499999999999998E-2</c:v>
                </c:pt>
                <c:pt idx="2503">
                  <c:v>5.2499999999999998E-2</c:v>
                </c:pt>
                <c:pt idx="2504">
                  <c:v>5.2499999999999998E-2</c:v>
                </c:pt>
                <c:pt idx="2505">
                  <c:v>5.2499999999999998E-2</c:v>
                </c:pt>
                <c:pt idx="2506">
                  <c:v>5.2499999999999998E-2</c:v>
                </c:pt>
                <c:pt idx="2507">
                  <c:v>5.2499999999999998E-2</c:v>
                </c:pt>
                <c:pt idx="2508">
                  <c:v>5.2499999999999998E-2</c:v>
                </c:pt>
                <c:pt idx="2509">
                  <c:v>5.2499999999999998E-2</c:v>
                </c:pt>
                <c:pt idx="2510">
                  <c:v>5.2499999999999998E-2</c:v>
                </c:pt>
                <c:pt idx="2511">
                  <c:v>5.2499999999999998E-2</c:v>
                </c:pt>
                <c:pt idx="2512">
                  <c:v>5.2499999999999998E-2</c:v>
                </c:pt>
                <c:pt idx="2513">
                  <c:v>5.2499999999999998E-2</c:v>
                </c:pt>
                <c:pt idx="2514">
                  <c:v>5.2499999999999998E-2</c:v>
                </c:pt>
                <c:pt idx="2515">
                  <c:v>5.2499999999999998E-2</c:v>
                </c:pt>
                <c:pt idx="2516">
                  <c:v>5.2499999999999998E-2</c:v>
                </c:pt>
                <c:pt idx="2517">
                  <c:v>5.2499999999999998E-2</c:v>
                </c:pt>
                <c:pt idx="2518">
                  <c:v>5.2499999999999998E-2</c:v>
                </c:pt>
                <c:pt idx="2519">
                  <c:v>5.2499999999999998E-2</c:v>
                </c:pt>
                <c:pt idx="2520">
                  <c:v>5.2499999999999998E-2</c:v>
                </c:pt>
                <c:pt idx="2521">
                  <c:v>5.2499999999999998E-2</c:v>
                </c:pt>
                <c:pt idx="2522">
                  <c:v>5.2499999999999998E-2</c:v>
                </c:pt>
                <c:pt idx="2523">
                  <c:v>5.2499999999999998E-2</c:v>
                </c:pt>
                <c:pt idx="2524">
                  <c:v>5.2499999999999998E-2</c:v>
                </c:pt>
                <c:pt idx="2525">
                  <c:v>5.2499999999999998E-2</c:v>
                </c:pt>
                <c:pt idx="2526">
                  <c:v>5.2499999999999998E-2</c:v>
                </c:pt>
                <c:pt idx="2527">
                  <c:v>5.2499999999999998E-2</c:v>
                </c:pt>
                <c:pt idx="2528">
                  <c:v>5.2499999999999998E-2</c:v>
                </c:pt>
                <c:pt idx="2529">
                  <c:v>5.2499999999999998E-2</c:v>
                </c:pt>
                <c:pt idx="2530">
                  <c:v>5.2499999999999998E-2</c:v>
                </c:pt>
                <c:pt idx="2531">
                  <c:v>5.2499999999999998E-2</c:v>
                </c:pt>
                <c:pt idx="2532">
                  <c:v>5.2499999999999998E-2</c:v>
                </c:pt>
                <c:pt idx="2533">
                  <c:v>5.2499999999999998E-2</c:v>
                </c:pt>
                <c:pt idx="2534">
                  <c:v>5.2499999999999998E-2</c:v>
                </c:pt>
                <c:pt idx="2535">
                  <c:v>5.2499999999999998E-2</c:v>
                </c:pt>
                <c:pt idx="2536">
                  <c:v>5.2499999999999998E-2</c:v>
                </c:pt>
                <c:pt idx="2537">
                  <c:v>5.2499999999999998E-2</c:v>
                </c:pt>
                <c:pt idx="2538">
                  <c:v>5.2499999999999998E-2</c:v>
                </c:pt>
                <c:pt idx="2539">
                  <c:v>5.2499999999999998E-2</c:v>
                </c:pt>
                <c:pt idx="2540">
                  <c:v>5.2499999999999998E-2</c:v>
                </c:pt>
                <c:pt idx="2541">
                  <c:v>5.2499999999999998E-2</c:v>
                </c:pt>
                <c:pt idx="2542">
                  <c:v>5.2499999999999998E-2</c:v>
                </c:pt>
                <c:pt idx="2543">
                  <c:v>5.2499999999999998E-2</c:v>
                </c:pt>
                <c:pt idx="2544">
                  <c:v>5.2499999999999998E-2</c:v>
                </c:pt>
                <c:pt idx="2545">
                  <c:v>5.2499999999999998E-2</c:v>
                </c:pt>
                <c:pt idx="2546">
                  <c:v>5.2499999999999998E-2</c:v>
                </c:pt>
                <c:pt idx="2547">
                  <c:v>5.2499999999999998E-2</c:v>
                </c:pt>
                <c:pt idx="2548">
                  <c:v>5.2499999999999998E-2</c:v>
                </c:pt>
                <c:pt idx="2549">
                  <c:v>5.2499999999999998E-2</c:v>
                </c:pt>
                <c:pt idx="2550">
                  <c:v>5.2499999999999998E-2</c:v>
                </c:pt>
                <c:pt idx="2551">
                  <c:v>5.2499999999999998E-2</c:v>
                </c:pt>
                <c:pt idx="2552">
                  <c:v>5.2499999999999998E-2</c:v>
                </c:pt>
                <c:pt idx="2553">
                  <c:v>5.2499999999999998E-2</c:v>
                </c:pt>
                <c:pt idx="2554">
                  <c:v>5.2499999999999998E-2</c:v>
                </c:pt>
                <c:pt idx="2555">
                  <c:v>5.2499999999999998E-2</c:v>
                </c:pt>
                <c:pt idx="2556">
                  <c:v>5.2499999999999998E-2</c:v>
                </c:pt>
                <c:pt idx="2557">
                  <c:v>5.2499999999999998E-2</c:v>
                </c:pt>
                <c:pt idx="2558">
                  <c:v>5.2499999999999998E-2</c:v>
                </c:pt>
                <c:pt idx="2559">
                  <c:v>5.2499999999999998E-2</c:v>
                </c:pt>
                <c:pt idx="2560">
                  <c:v>5.2499999999999998E-2</c:v>
                </c:pt>
                <c:pt idx="2561">
                  <c:v>5.2499999999999998E-2</c:v>
                </c:pt>
                <c:pt idx="2562">
                  <c:v>5.2499999999999998E-2</c:v>
                </c:pt>
                <c:pt idx="2563">
                  <c:v>5.2499999999999998E-2</c:v>
                </c:pt>
                <c:pt idx="2564">
                  <c:v>5.2499999999999998E-2</c:v>
                </c:pt>
                <c:pt idx="2565">
                  <c:v>5.2499999999999998E-2</c:v>
                </c:pt>
                <c:pt idx="2566">
                  <c:v>5.2499999999999998E-2</c:v>
                </c:pt>
                <c:pt idx="2567">
                  <c:v>5.2499999999999998E-2</c:v>
                </c:pt>
                <c:pt idx="2568">
                  <c:v>5.2499999999999998E-2</c:v>
                </c:pt>
                <c:pt idx="2569">
                  <c:v>5.2499999999999998E-2</c:v>
                </c:pt>
                <c:pt idx="2570">
                  <c:v>5.2499999999999998E-2</c:v>
                </c:pt>
                <c:pt idx="2571">
                  <c:v>5.2499999999999998E-2</c:v>
                </c:pt>
                <c:pt idx="2572">
                  <c:v>5.2499999999999998E-2</c:v>
                </c:pt>
                <c:pt idx="2573">
                  <c:v>5.2499999999999998E-2</c:v>
                </c:pt>
                <c:pt idx="2574">
                  <c:v>5.2499999999999998E-2</c:v>
                </c:pt>
                <c:pt idx="2575">
                  <c:v>5.2499999999999998E-2</c:v>
                </c:pt>
                <c:pt idx="2576">
                  <c:v>5.2499999999999998E-2</c:v>
                </c:pt>
                <c:pt idx="2577">
                  <c:v>5.2499999999999998E-2</c:v>
                </c:pt>
                <c:pt idx="2578">
                  <c:v>5.2499999999999998E-2</c:v>
                </c:pt>
                <c:pt idx="2579">
                  <c:v>5.2499999999999998E-2</c:v>
                </c:pt>
                <c:pt idx="2580">
                  <c:v>5.2499999999999998E-2</c:v>
                </c:pt>
                <c:pt idx="2581">
                  <c:v>5.2499999999999998E-2</c:v>
                </c:pt>
                <c:pt idx="2582">
                  <c:v>5.2499999999999998E-2</c:v>
                </c:pt>
                <c:pt idx="2583">
                  <c:v>5.2499999999999998E-2</c:v>
                </c:pt>
                <c:pt idx="2584">
                  <c:v>5.2499999999999998E-2</c:v>
                </c:pt>
                <c:pt idx="2585">
                  <c:v>5.2499999999999998E-2</c:v>
                </c:pt>
                <c:pt idx="2586">
                  <c:v>5.2499999999999998E-2</c:v>
                </c:pt>
                <c:pt idx="2587">
                  <c:v>5.2499999999999998E-2</c:v>
                </c:pt>
                <c:pt idx="2588">
                  <c:v>5.2499999999999998E-2</c:v>
                </c:pt>
                <c:pt idx="2589">
                  <c:v>5.2499999999999998E-2</c:v>
                </c:pt>
                <c:pt idx="2590">
                  <c:v>5.2499999999999998E-2</c:v>
                </c:pt>
                <c:pt idx="2591">
                  <c:v>5.2499999999999998E-2</c:v>
                </c:pt>
                <c:pt idx="2592">
                  <c:v>5.2499999999999998E-2</c:v>
                </c:pt>
                <c:pt idx="2593">
                  <c:v>5.2499999999999998E-2</c:v>
                </c:pt>
                <c:pt idx="2594">
                  <c:v>5.2499999999999998E-2</c:v>
                </c:pt>
                <c:pt idx="2595">
                  <c:v>5.2499999999999998E-2</c:v>
                </c:pt>
                <c:pt idx="2596">
                  <c:v>5.2499999999999998E-2</c:v>
                </c:pt>
                <c:pt idx="2597">
                  <c:v>5.2499999999999998E-2</c:v>
                </c:pt>
                <c:pt idx="2598">
                  <c:v>5.2499999999999998E-2</c:v>
                </c:pt>
                <c:pt idx="2599">
                  <c:v>5.2499999999999998E-2</c:v>
                </c:pt>
                <c:pt idx="2600">
                  <c:v>5.2499999999999998E-2</c:v>
                </c:pt>
                <c:pt idx="2601">
                  <c:v>5.2499999999999998E-2</c:v>
                </c:pt>
                <c:pt idx="2602">
                  <c:v>5.2499999999999998E-2</c:v>
                </c:pt>
                <c:pt idx="2603">
                  <c:v>5.2499999999999998E-2</c:v>
                </c:pt>
                <c:pt idx="2604">
                  <c:v>5.2499999999999998E-2</c:v>
                </c:pt>
                <c:pt idx="2605">
                  <c:v>5.2499999999999998E-2</c:v>
                </c:pt>
                <c:pt idx="2606">
                  <c:v>5.2499999999999998E-2</c:v>
                </c:pt>
                <c:pt idx="2607">
                  <c:v>5.2499999999999998E-2</c:v>
                </c:pt>
                <c:pt idx="2608">
                  <c:v>5.2499999999999998E-2</c:v>
                </c:pt>
                <c:pt idx="2609">
                  <c:v>5.2499999999999998E-2</c:v>
                </c:pt>
                <c:pt idx="2610">
                  <c:v>5.2499999999999998E-2</c:v>
                </c:pt>
                <c:pt idx="2611">
                  <c:v>5.2499999999999998E-2</c:v>
                </c:pt>
                <c:pt idx="2612">
                  <c:v>5.2499999999999998E-2</c:v>
                </c:pt>
                <c:pt idx="2613">
                  <c:v>5.2499999999999998E-2</c:v>
                </c:pt>
                <c:pt idx="2614">
                  <c:v>5.2499999999999998E-2</c:v>
                </c:pt>
                <c:pt idx="2615">
                  <c:v>5.2499999999999998E-2</c:v>
                </c:pt>
                <c:pt idx="2616">
                  <c:v>5.2499999999999998E-2</c:v>
                </c:pt>
                <c:pt idx="2617">
                  <c:v>5.2499999999999998E-2</c:v>
                </c:pt>
                <c:pt idx="2618">
                  <c:v>5.2499999999999998E-2</c:v>
                </c:pt>
                <c:pt idx="2619">
                  <c:v>5.2499999999999998E-2</c:v>
                </c:pt>
                <c:pt idx="2620">
                  <c:v>5.2499999999999998E-2</c:v>
                </c:pt>
                <c:pt idx="2621">
                  <c:v>5.2499999999999998E-2</c:v>
                </c:pt>
                <c:pt idx="2622">
                  <c:v>5.2499999999999998E-2</c:v>
                </c:pt>
                <c:pt idx="2623">
                  <c:v>5.2499999999999998E-2</c:v>
                </c:pt>
                <c:pt idx="2624">
                  <c:v>5.2499999999999998E-2</c:v>
                </c:pt>
                <c:pt idx="2625">
                  <c:v>5.2499999999999998E-2</c:v>
                </c:pt>
                <c:pt idx="2626">
                  <c:v>5.2499999999999998E-2</c:v>
                </c:pt>
                <c:pt idx="2627">
                  <c:v>5.2499999999999998E-2</c:v>
                </c:pt>
                <c:pt idx="2628">
                  <c:v>5.2499999999999998E-2</c:v>
                </c:pt>
                <c:pt idx="2629">
                  <c:v>5.2499999999999998E-2</c:v>
                </c:pt>
                <c:pt idx="2630">
                  <c:v>5.2499999999999998E-2</c:v>
                </c:pt>
                <c:pt idx="2631">
                  <c:v>5.2499999999999998E-2</c:v>
                </c:pt>
                <c:pt idx="2632">
                  <c:v>5.2499999999999998E-2</c:v>
                </c:pt>
                <c:pt idx="2633">
                  <c:v>5.2499999999999998E-2</c:v>
                </c:pt>
                <c:pt idx="2634">
                  <c:v>5.2499999999999998E-2</c:v>
                </c:pt>
                <c:pt idx="2635">
                  <c:v>5.2499999999999998E-2</c:v>
                </c:pt>
                <c:pt idx="2636">
                  <c:v>5.2499999999999998E-2</c:v>
                </c:pt>
                <c:pt idx="2637">
                  <c:v>5.2499999999999998E-2</c:v>
                </c:pt>
                <c:pt idx="2638">
                  <c:v>5.2499999999999998E-2</c:v>
                </c:pt>
                <c:pt idx="2639">
                  <c:v>5.2499999999999998E-2</c:v>
                </c:pt>
                <c:pt idx="2640">
                  <c:v>5.2499999999999998E-2</c:v>
                </c:pt>
                <c:pt idx="2641">
                  <c:v>5.2499999999999998E-2</c:v>
                </c:pt>
                <c:pt idx="2642">
                  <c:v>5.2499999999999998E-2</c:v>
                </c:pt>
                <c:pt idx="2643">
                  <c:v>5.2499999999999998E-2</c:v>
                </c:pt>
                <c:pt idx="2644">
                  <c:v>5.2499999999999998E-2</c:v>
                </c:pt>
                <c:pt idx="2645">
                  <c:v>5.2499999999999998E-2</c:v>
                </c:pt>
                <c:pt idx="2646">
                  <c:v>5.2499999999999998E-2</c:v>
                </c:pt>
                <c:pt idx="2647">
                  <c:v>5.2499999999999998E-2</c:v>
                </c:pt>
                <c:pt idx="2648">
                  <c:v>5.2499999999999998E-2</c:v>
                </c:pt>
                <c:pt idx="2649">
                  <c:v>5.2499999999999998E-2</c:v>
                </c:pt>
                <c:pt idx="2650">
                  <c:v>5.2499999999999998E-2</c:v>
                </c:pt>
                <c:pt idx="2651">
                  <c:v>5.2499999999999998E-2</c:v>
                </c:pt>
                <c:pt idx="2652">
                  <c:v>5.2499999999999998E-2</c:v>
                </c:pt>
                <c:pt idx="2653">
                  <c:v>5.2499999999999998E-2</c:v>
                </c:pt>
                <c:pt idx="2654">
                  <c:v>5.2499999999999998E-2</c:v>
                </c:pt>
                <c:pt idx="2655">
                  <c:v>5.2499999999999998E-2</c:v>
                </c:pt>
                <c:pt idx="2656">
                  <c:v>5.2499999999999998E-2</c:v>
                </c:pt>
                <c:pt idx="2657">
                  <c:v>5.2499999999999998E-2</c:v>
                </c:pt>
                <c:pt idx="2658">
                  <c:v>5.2499999999999998E-2</c:v>
                </c:pt>
                <c:pt idx="2659">
                  <c:v>5.2499999999999998E-2</c:v>
                </c:pt>
                <c:pt idx="2660">
                  <c:v>5.2499999999999998E-2</c:v>
                </c:pt>
                <c:pt idx="2661">
                  <c:v>5.2499999999999998E-2</c:v>
                </c:pt>
                <c:pt idx="2662">
                  <c:v>5.2499999999999998E-2</c:v>
                </c:pt>
                <c:pt idx="2663">
                  <c:v>5.2499999999999998E-2</c:v>
                </c:pt>
                <c:pt idx="2664">
                  <c:v>5.2499999999999998E-2</c:v>
                </c:pt>
                <c:pt idx="2665">
                  <c:v>5.2499999999999998E-2</c:v>
                </c:pt>
                <c:pt idx="2666">
                  <c:v>5.2499999999999998E-2</c:v>
                </c:pt>
                <c:pt idx="2667">
                  <c:v>5.2499999999999998E-2</c:v>
                </c:pt>
                <c:pt idx="2668">
                  <c:v>5.2499999999999998E-2</c:v>
                </c:pt>
                <c:pt idx="2669">
                  <c:v>5.2499999999999998E-2</c:v>
                </c:pt>
                <c:pt idx="2670">
                  <c:v>5.2499999999999998E-2</c:v>
                </c:pt>
                <c:pt idx="2671">
                  <c:v>5.2499999999999998E-2</c:v>
                </c:pt>
                <c:pt idx="2672">
                  <c:v>5.2499999999999998E-2</c:v>
                </c:pt>
                <c:pt idx="2673">
                  <c:v>5.2499999999999998E-2</c:v>
                </c:pt>
                <c:pt idx="2674">
                  <c:v>5.2499999999999998E-2</c:v>
                </c:pt>
                <c:pt idx="2675">
                  <c:v>5.2499999999999998E-2</c:v>
                </c:pt>
                <c:pt idx="2676">
                  <c:v>5.2499999999999998E-2</c:v>
                </c:pt>
                <c:pt idx="2677">
                  <c:v>5.2499999999999998E-2</c:v>
                </c:pt>
                <c:pt idx="2678">
                  <c:v>5.2499999999999998E-2</c:v>
                </c:pt>
                <c:pt idx="2679">
                  <c:v>5.2499999999999998E-2</c:v>
                </c:pt>
                <c:pt idx="2680">
                  <c:v>5.2499999999999998E-2</c:v>
                </c:pt>
                <c:pt idx="2681">
                  <c:v>5.2499999999999998E-2</c:v>
                </c:pt>
                <c:pt idx="2682">
                  <c:v>5.2499999999999998E-2</c:v>
                </c:pt>
                <c:pt idx="2683">
                  <c:v>5.2499999999999998E-2</c:v>
                </c:pt>
                <c:pt idx="2684">
                  <c:v>5.2499999999999998E-2</c:v>
                </c:pt>
                <c:pt idx="2685">
                  <c:v>5.2499999999999998E-2</c:v>
                </c:pt>
                <c:pt idx="2686">
                  <c:v>5.2499999999999998E-2</c:v>
                </c:pt>
                <c:pt idx="2687">
                  <c:v>5.2499999999999998E-2</c:v>
                </c:pt>
                <c:pt idx="2688">
                  <c:v>5.2499999999999998E-2</c:v>
                </c:pt>
                <c:pt idx="2689">
                  <c:v>5.2499999999999998E-2</c:v>
                </c:pt>
                <c:pt idx="2690">
                  <c:v>5.2499999999999998E-2</c:v>
                </c:pt>
                <c:pt idx="2691">
                  <c:v>5.2499999999999998E-2</c:v>
                </c:pt>
                <c:pt idx="2692">
                  <c:v>5.2499999999999998E-2</c:v>
                </c:pt>
                <c:pt idx="2693">
                  <c:v>5.2499999999999998E-2</c:v>
                </c:pt>
                <c:pt idx="2694">
                  <c:v>5.2499999999999998E-2</c:v>
                </c:pt>
                <c:pt idx="2695">
                  <c:v>5.2499999999999998E-2</c:v>
                </c:pt>
                <c:pt idx="2696">
                  <c:v>5.2499999999999998E-2</c:v>
                </c:pt>
                <c:pt idx="2697">
                  <c:v>5.2499999999999998E-2</c:v>
                </c:pt>
                <c:pt idx="2698">
                  <c:v>5.2499999999999998E-2</c:v>
                </c:pt>
                <c:pt idx="2699">
                  <c:v>5.2499999999999998E-2</c:v>
                </c:pt>
                <c:pt idx="2700">
                  <c:v>5.2499999999999998E-2</c:v>
                </c:pt>
                <c:pt idx="2701">
                  <c:v>5.2499999999999998E-2</c:v>
                </c:pt>
                <c:pt idx="2702">
                  <c:v>5.2499999999999998E-2</c:v>
                </c:pt>
                <c:pt idx="2703">
                  <c:v>5.2499999999999998E-2</c:v>
                </c:pt>
                <c:pt idx="2704">
                  <c:v>5.2499999999999998E-2</c:v>
                </c:pt>
                <c:pt idx="2705">
                  <c:v>5.2499999999999998E-2</c:v>
                </c:pt>
                <c:pt idx="2706">
                  <c:v>5.2499999999999998E-2</c:v>
                </c:pt>
                <c:pt idx="2707">
                  <c:v>5.2499999999999998E-2</c:v>
                </c:pt>
                <c:pt idx="2708">
                  <c:v>5.2499999999999998E-2</c:v>
                </c:pt>
                <c:pt idx="2709">
                  <c:v>5.2499999999999998E-2</c:v>
                </c:pt>
                <c:pt idx="2710">
                  <c:v>5.2499999999999998E-2</c:v>
                </c:pt>
                <c:pt idx="2711">
                  <c:v>5.2499999999999998E-2</c:v>
                </c:pt>
                <c:pt idx="2712">
                  <c:v>5.2499999999999998E-2</c:v>
                </c:pt>
                <c:pt idx="2713">
                  <c:v>5.2499999999999998E-2</c:v>
                </c:pt>
                <c:pt idx="2714">
                  <c:v>5.2499999999999998E-2</c:v>
                </c:pt>
                <c:pt idx="2715">
                  <c:v>5.2499999999999998E-2</c:v>
                </c:pt>
                <c:pt idx="2716">
                  <c:v>5.2499999999999998E-2</c:v>
                </c:pt>
                <c:pt idx="2717">
                  <c:v>5.2499999999999998E-2</c:v>
                </c:pt>
                <c:pt idx="2718">
                  <c:v>5.2499999999999998E-2</c:v>
                </c:pt>
                <c:pt idx="2719">
                  <c:v>5.2499999999999998E-2</c:v>
                </c:pt>
                <c:pt idx="2720">
                  <c:v>5.2499999999999998E-2</c:v>
                </c:pt>
                <c:pt idx="2721">
                  <c:v>5.2499999999999998E-2</c:v>
                </c:pt>
                <c:pt idx="2722">
                  <c:v>5.2499999999999998E-2</c:v>
                </c:pt>
                <c:pt idx="2723">
                  <c:v>5.2499999999999998E-2</c:v>
                </c:pt>
                <c:pt idx="2724">
                  <c:v>5.2499999999999998E-2</c:v>
                </c:pt>
                <c:pt idx="2725">
                  <c:v>5.2499999999999998E-2</c:v>
                </c:pt>
                <c:pt idx="2726">
                  <c:v>5.2499999999999998E-2</c:v>
                </c:pt>
                <c:pt idx="2727">
                  <c:v>5.2499999999999998E-2</c:v>
                </c:pt>
                <c:pt idx="2728">
                  <c:v>5.2499999999999998E-2</c:v>
                </c:pt>
                <c:pt idx="2729">
                  <c:v>5.2499999999999998E-2</c:v>
                </c:pt>
                <c:pt idx="2730">
                  <c:v>5.2499999999999998E-2</c:v>
                </c:pt>
                <c:pt idx="2731">
                  <c:v>5.2499999999999998E-2</c:v>
                </c:pt>
                <c:pt idx="2732">
                  <c:v>5.2499999999999998E-2</c:v>
                </c:pt>
                <c:pt idx="2733">
                  <c:v>5.2499999999999998E-2</c:v>
                </c:pt>
                <c:pt idx="2734">
                  <c:v>5.2499999999999998E-2</c:v>
                </c:pt>
                <c:pt idx="2735">
                  <c:v>5.2499999999999998E-2</c:v>
                </c:pt>
                <c:pt idx="2736">
                  <c:v>5.2499999999999998E-2</c:v>
                </c:pt>
                <c:pt idx="2737">
                  <c:v>5.2499999999999998E-2</c:v>
                </c:pt>
                <c:pt idx="2738">
                  <c:v>5.2499999999999998E-2</c:v>
                </c:pt>
                <c:pt idx="2739">
                  <c:v>5.2499999999999998E-2</c:v>
                </c:pt>
                <c:pt idx="2740">
                  <c:v>5.2499999999999998E-2</c:v>
                </c:pt>
                <c:pt idx="2741">
                  <c:v>5.2499999999999998E-2</c:v>
                </c:pt>
                <c:pt idx="2742">
                  <c:v>5.2499999999999998E-2</c:v>
                </c:pt>
                <c:pt idx="2743">
                  <c:v>5.2499999999999998E-2</c:v>
                </c:pt>
                <c:pt idx="2744">
                  <c:v>5.2499999999999998E-2</c:v>
                </c:pt>
                <c:pt idx="2745">
                  <c:v>5.2499999999999998E-2</c:v>
                </c:pt>
                <c:pt idx="2746">
                  <c:v>5.2499999999999998E-2</c:v>
                </c:pt>
                <c:pt idx="2747">
                  <c:v>5.2499999999999998E-2</c:v>
                </c:pt>
                <c:pt idx="2748">
                  <c:v>5.2499999999999998E-2</c:v>
                </c:pt>
                <c:pt idx="2749">
                  <c:v>5.2499999999999998E-2</c:v>
                </c:pt>
                <c:pt idx="2750">
                  <c:v>5.2499999999999998E-2</c:v>
                </c:pt>
                <c:pt idx="2751">
                  <c:v>5.2499999999999998E-2</c:v>
                </c:pt>
                <c:pt idx="2752">
                  <c:v>5.2499999999999998E-2</c:v>
                </c:pt>
                <c:pt idx="2753">
                  <c:v>5.2499999999999998E-2</c:v>
                </c:pt>
                <c:pt idx="2754">
                  <c:v>5.2499999999999998E-2</c:v>
                </c:pt>
                <c:pt idx="2755">
                  <c:v>5.2499999999999998E-2</c:v>
                </c:pt>
                <c:pt idx="2756">
                  <c:v>5.2499999999999998E-2</c:v>
                </c:pt>
                <c:pt idx="2757">
                  <c:v>5.2499999999999998E-2</c:v>
                </c:pt>
                <c:pt idx="2758">
                  <c:v>5.2499999999999998E-2</c:v>
                </c:pt>
                <c:pt idx="2759">
                  <c:v>5.2499999999999998E-2</c:v>
                </c:pt>
                <c:pt idx="2760">
                  <c:v>5.2499999999999998E-2</c:v>
                </c:pt>
                <c:pt idx="2761">
                  <c:v>5.2499999999999998E-2</c:v>
                </c:pt>
                <c:pt idx="2762">
                  <c:v>5.2499999999999998E-2</c:v>
                </c:pt>
                <c:pt idx="2763">
                  <c:v>5.2499999999999998E-2</c:v>
                </c:pt>
                <c:pt idx="2764">
                  <c:v>5.2499999999999998E-2</c:v>
                </c:pt>
                <c:pt idx="2765">
                  <c:v>5.2499999999999998E-2</c:v>
                </c:pt>
                <c:pt idx="2766">
                  <c:v>5.2499999999999998E-2</c:v>
                </c:pt>
                <c:pt idx="2767">
                  <c:v>5.2499999999999998E-2</c:v>
                </c:pt>
                <c:pt idx="2768">
                  <c:v>5.2499999999999998E-2</c:v>
                </c:pt>
                <c:pt idx="2769">
                  <c:v>5.2499999999999998E-2</c:v>
                </c:pt>
                <c:pt idx="2770">
                  <c:v>5.2499999999999998E-2</c:v>
                </c:pt>
                <c:pt idx="2771">
                  <c:v>5.2499999999999998E-2</c:v>
                </c:pt>
                <c:pt idx="2772">
                  <c:v>5.2499999999999998E-2</c:v>
                </c:pt>
                <c:pt idx="2773">
                  <c:v>5.2499999999999998E-2</c:v>
                </c:pt>
                <c:pt idx="2774">
                  <c:v>5.2499999999999998E-2</c:v>
                </c:pt>
                <c:pt idx="2775">
                  <c:v>5.2499999999999998E-2</c:v>
                </c:pt>
                <c:pt idx="2776">
                  <c:v>5.2499999999999998E-2</c:v>
                </c:pt>
                <c:pt idx="2777">
                  <c:v>5.2499999999999998E-2</c:v>
                </c:pt>
                <c:pt idx="2778">
                  <c:v>5.2499999999999998E-2</c:v>
                </c:pt>
                <c:pt idx="2779">
                  <c:v>5.2499999999999998E-2</c:v>
                </c:pt>
                <c:pt idx="2780">
                  <c:v>5.2499999999999998E-2</c:v>
                </c:pt>
                <c:pt idx="2781">
                  <c:v>5.2499999999999998E-2</c:v>
                </c:pt>
                <c:pt idx="2782">
                  <c:v>5.2499999999999998E-2</c:v>
                </c:pt>
                <c:pt idx="2783">
                  <c:v>5.2499999999999998E-2</c:v>
                </c:pt>
                <c:pt idx="2784">
                  <c:v>5.2499999999999998E-2</c:v>
                </c:pt>
                <c:pt idx="2785">
                  <c:v>5.2499999999999998E-2</c:v>
                </c:pt>
                <c:pt idx="2786">
                  <c:v>5.2499999999999998E-2</c:v>
                </c:pt>
                <c:pt idx="2787">
                  <c:v>5.2499999999999998E-2</c:v>
                </c:pt>
                <c:pt idx="2788">
                  <c:v>5.2499999999999998E-2</c:v>
                </c:pt>
                <c:pt idx="2789">
                  <c:v>5.2499999999999998E-2</c:v>
                </c:pt>
                <c:pt idx="2790">
                  <c:v>5.2499999999999998E-2</c:v>
                </c:pt>
                <c:pt idx="2791">
                  <c:v>5.2499999999999998E-2</c:v>
                </c:pt>
                <c:pt idx="2792">
                  <c:v>5.2499999999999998E-2</c:v>
                </c:pt>
                <c:pt idx="2793">
                  <c:v>5.2499999999999998E-2</c:v>
                </c:pt>
                <c:pt idx="2794">
                  <c:v>5.2499999999999998E-2</c:v>
                </c:pt>
                <c:pt idx="2795">
                  <c:v>5.2499999999999998E-2</c:v>
                </c:pt>
                <c:pt idx="2796">
                  <c:v>5.2499999999999998E-2</c:v>
                </c:pt>
                <c:pt idx="2797">
                  <c:v>5.2499999999999998E-2</c:v>
                </c:pt>
                <c:pt idx="2798">
                  <c:v>5.2499999999999998E-2</c:v>
                </c:pt>
                <c:pt idx="2799">
                  <c:v>5.2499999999999998E-2</c:v>
                </c:pt>
                <c:pt idx="2800">
                  <c:v>5.2499999999999998E-2</c:v>
                </c:pt>
                <c:pt idx="2801">
                  <c:v>5.2499999999999998E-2</c:v>
                </c:pt>
                <c:pt idx="2802">
                  <c:v>5.2499999999999998E-2</c:v>
                </c:pt>
                <c:pt idx="2803">
                  <c:v>5.2499999999999998E-2</c:v>
                </c:pt>
                <c:pt idx="2804">
                  <c:v>5.2499999999999998E-2</c:v>
                </c:pt>
                <c:pt idx="2805">
                  <c:v>5.2499999999999998E-2</c:v>
                </c:pt>
                <c:pt idx="2806">
                  <c:v>5.2499999999999998E-2</c:v>
                </c:pt>
                <c:pt idx="2807">
                  <c:v>5.2499999999999998E-2</c:v>
                </c:pt>
                <c:pt idx="2808">
                  <c:v>5.2499999999999998E-2</c:v>
                </c:pt>
                <c:pt idx="2809">
                  <c:v>5.2499999999999998E-2</c:v>
                </c:pt>
                <c:pt idx="2810">
                  <c:v>5.2499999999999998E-2</c:v>
                </c:pt>
                <c:pt idx="2811">
                  <c:v>5.2499999999999998E-2</c:v>
                </c:pt>
                <c:pt idx="2812">
                  <c:v>5.2499999999999998E-2</c:v>
                </c:pt>
                <c:pt idx="2813">
                  <c:v>5.2499999999999998E-2</c:v>
                </c:pt>
                <c:pt idx="2814">
                  <c:v>5.2499999999999998E-2</c:v>
                </c:pt>
                <c:pt idx="2815">
                  <c:v>5.2499999999999998E-2</c:v>
                </c:pt>
                <c:pt idx="2816">
                  <c:v>5.2499999999999998E-2</c:v>
                </c:pt>
                <c:pt idx="2817">
                  <c:v>4.7500000000000001E-2</c:v>
                </c:pt>
                <c:pt idx="2818">
                  <c:v>4.7500000000000001E-2</c:v>
                </c:pt>
                <c:pt idx="2819">
                  <c:v>4.7500000000000001E-2</c:v>
                </c:pt>
                <c:pt idx="2820">
                  <c:v>4.7500000000000001E-2</c:v>
                </c:pt>
                <c:pt idx="2821">
                  <c:v>4.7500000000000001E-2</c:v>
                </c:pt>
                <c:pt idx="2822">
                  <c:v>4.7500000000000001E-2</c:v>
                </c:pt>
                <c:pt idx="2823">
                  <c:v>4.7500000000000001E-2</c:v>
                </c:pt>
                <c:pt idx="2824">
                  <c:v>4.7500000000000001E-2</c:v>
                </c:pt>
                <c:pt idx="2825">
                  <c:v>4.7500000000000001E-2</c:v>
                </c:pt>
                <c:pt idx="2826">
                  <c:v>4.7500000000000001E-2</c:v>
                </c:pt>
                <c:pt idx="2827">
                  <c:v>4.7500000000000001E-2</c:v>
                </c:pt>
                <c:pt idx="2828">
                  <c:v>4.7500000000000001E-2</c:v>
                </c:pt>
                <c:pt idx="2829">
                  <c:v>4.7500000000000001E-2</c:v>
                </c:pt>
                <c:pt idx="2830">
                  <c:v>4.7500000000000001E-2</c:v>
                </c:pt>
                <c:pt idx="2831">
                  <c:v>4.7500000000000001E-2</c:v>
                </c:pt>
                <c:pt idx="2832">
                  <c:v>4.7500000000000001E-2</c:v>
                </c:pt>
                <c:pt idx="2833">
                  <c:v>4.7500000000000001E-2</c:v>
                </c:pt>
                <c:pt idx="2834">
                  <c:v>4.7500000000000001E-2</c:v>
                </c:pt>
                <c:pt idx="2835">
                  <c:v>4.7500000000000001E-2</c:v>
                </c:pt>
                <c:pt idx="2836">
                  <c:v>4.7500000000000001E-2</c:v>
                </c:pt>
                <c:pt idx="2837">
                  <c:v>4.7500000000000001E-2</c:v>
                </c:pt>
                <c:pt idx="2838">
                  <c:v>4.7500000000000001E-2</c:v>
                </c:pt>
                <c:pt idx="2839">
                  <c:v>4.7500000000000001E-2</c:v>
                </c:pt>
                <c:pt idx="2840">
                  <c:v>4.7500000000000001E-2</c:v>
                </c:pt>
                <c:pt idx="2841">
                  <c:v>4.7500000000000001E-2</c:v>
                </c:pt>
                <c:pt idx="2842">
                  <c:v>4.7500000000000001E-2</c:v>
                </c:pt>
                <c:pt idx="2843">
                  <c:v>4.7500000000000001E-2</c:v>
                </c:pt>
                <c:pt idx="2844">
                  <c:v>4.7500000000000001E-2</c:v>
                </c:pt>
                <c:pt idx="2845">
                  <c:v>4.7500000000000001E-2</c:v>
                </c:pt>
                <c:pt idx="2846">
                  <c:v>4.7500000000000001E-2</c:v>
                </c:pt>
                <c:pt idx="2847">
                  <c:v>4.7500000000000001E-2</c:v>
                </c:pt>
                <c:pt idx="2848">
                  <c:v>4.7500000000000001E-2</c:v>
                </c:pt>
                <c:pt idx="2849">
                  <c:v>4.7500000000000001E-2</c:v>
                </c:pt>
                <c:pt idx="2850">
                  <c:v>4.7500000000000001E-2</c:v>
                </c:pt>
                <c:pt idx="2851">
                  <c:v>4.7500000000000001E-2</c:v>
                </c:pt>
                <c:pt idx="2852">
                  <c:v>4.7500000000000001E-2</c:v>
                </c:pt>
                <c:pt idx="2853">
                  <c:v>4.7500000000000001E-2</c:v>
                </c:pt>
                <c:pt idx="2854">
                  <c:v>4.7500000000000001E-2</c:v>
                </c:pt>
                <c:pt idx="2855">
                  <c:v>4.7500000000000001E-2</c:v>
                </c:pt>
                <c:pt idx="2856">
                  <c:v>4.7500000000000001E-2</c:v>
                </c:pt>
                <c:pt idx="2857">
                  <c:v>4.7500000000000001E-2</c:v>
                </c:pt>
                <c:pt idx="2858">
                  <c:v>4.7500000000000001E-2</c:v>
                </c:pt>
                <c:pt idx="2859">
                  <c:v>4.7500000000000001E-2</c:v>
                </c:pt>
                <c:pt idx="2860">
                  <c:v>4.4999999999999998E-2</c:v>
                </c:pt>
                <c:pt idx="2861">
                  <c:v>4.4999999999999998E-2</c:v>
                </c:pt>
                <c:pt idx="2862">
                  <c:v>4.4999999999999998E-2</c:v>
                </c:pt>
                <c:pt idx="2863">
                  <c:v>4.4999999999999998E-2</c:v>
                </c:pt>
                <c:pt idx="2864">
                  <c:v>4.4999999999999998E-2</c:v>
                </c:pt>
                <c:pt idx="2865">
                  <c:v>4.4999999999999998E-2</c:v>
                </c:pt>
                <c:pt idx="2866">
                  <c:v>4.4999999999999998E-2</c:v>
                </c:pt>
                <c:pt idx="2867">
                  <c:v>4.4999999999999998E-2</c:v>
                </c:pt>
                <c:pt idx="2868">
                  <c:v>4.4999999999999998E-2</c:v>
                </c:pt>
                <c:pt idx="2869">
                  <c:v>4.4999999999999998E-2</c:v>
                </c:pt>
                <c:pt idx="2870">
                  <c:v>4.4999999999999998E-2</c:v>
                </c:pt>
                <c:pt idx="2871">
                  <c:v>4.4999999999999998E-2</c:v>
                </c:pt>
                <c:pt idx="2872">
                  <c:v>4.4999999999999998E-2</c:v>
                </c:pt>
                <c:pt idx="2873">
                  <c:v>4.4999999999999998E-2</c:v>
                </c:pt>
                <c:pt idx="2874">
                  <c:v>4.4999999999999998E-2</c:v>
                </c:pt>
                <c:pt idx="2875">
                  <c:v>4.4999999999999998E-2</c:v>
                </c:pt>
                <c:pt idx="2876">
                  <c:v>4.4999999999999998E-2</c:v>
                </c:pt>
                <c:pt idx="2877">
                  <c:v>4.4999999999999998E-2</c:v>
                </c:pt>
                <c:pt idx="2878">
                  <c:v>4.4999999999999998E-2</c:v>
                </c:pt>
                <c:pt idx="2879">
                  <c:v>4.4999999999999998E-2</c:v>
                </c:pt>
                <c:pt idx="2880">
                  <c:v>4.4999999999999998E-2</c:v>
                </c:pt>
                <c:pt idx="2881">
                  <c:v>4.4999999999999998E-2</c:v>
                </c:pt>
                <c:pt idx="2882">
                  <c:v>4.4999999999999998E-2</c:v>
                </c:pt>
                <c:pt idx="2883">
                  <c:v>4.4999999999999998E-2</c:v>
                </c:pt>
                <c:pt idx="2884">
                  <c:v>4.4999999999999998E-2</c:v>
                </c:pt>
                <c:pt idx="2885">
                  <c:v>4.4999999999999998E-2</c:v>
                </c:pt>
                <c:pt idx="2886">
                  <c:v>4.4999999999999998E-2</c:v>
                </c:pt>
                <c:pt idx="2887">
                  <c:v>4.4999999999999998E-2</c:v>
                </c:pt>
                <c:pt idx="2888">
                  <c:v>4.4999999999999998E-2</c:v>
                </c:pt>
                <c:pt idx="2889">
                  <c:v>4.4999999999999998E-2</c:v>
                </c:pt>
                <c:pt idx="2890">
                  <c:v>4.4999999999999998E-2</c:v>
                </c:pt>
                <c:pt idx="2891">
                  <c:v>4.4999999999999998E-2</c:v>
                </c:pt>
                <c:pt idx="2892">
                  <c:v>4.4999999999999998E-2</c:v>
                </c:pt>
                <c:pt idx="2893">
                  <c:v>4.4999999999999998E-2</c:v>
                </c:pt>
                <c:pt idx="2894">
                  <c:v>4.4999999999999998E-2</c:v>
                </c:pt>
                <c:pt idx="2895">
                  <c:v>4.4999999999999998E-2</c:v>
                </c:pt>
                <c:pt idx="2896">
                  <c:v>4.4999999999999998E-2</c:v>
                </c:pt>
                <c:pt idx="2897">
                  <c:v>4.4999999999999998E-2</c:v>
                </c:pt>
                <c:pt idx="2898">
                  <c:v>4.4999999999999998E-2</c:v>
                </c:pt>
                <c:pt idx="2899">
                  <c:v>4.4999999999999998E-2</c:v>
                </c:pt>
                <c:pt idx="2900">
                  <c:v>4.4999999999999998E-2</c:v>
                </c:pt>
                <c:pt idx="2901">
                  <c:v>4.2500000000000003E-2</c:v>
                </c:pt>
                <c:pt idx="2902">
                  <c:v>4.2500000000000003E-2</c:v>
                </c:pt>
                <c:pt idx="2903">
                  <c:v>4.2500000000000003E-2</c:v>
                </c:pt>
                <c:pt idx="2904">
                  <c:v>4.2500000000000003E-2</c:v>
                </c:pt>
                <c:pt idx="2905">
                  <c:v>4.2500000000000003E-2</c:v>
                </c:pt>
                <c:pt idx="2906">
                  <c:v>4.2500000000000003E-2</c:v>
                </c:pt>
                <c:pt idx="2907">
                  <c:v>4.2500000000000003E-2</c:v>
                </c:pt>
                <c:pt idx="2908">
                  <c:v>4.2500000000000003E-2</c:v>
                </c:pt>
                <c:pt idx="2909">
                  <c:v>4.2500000000000003E-2</c:v>
                </c:pt>
                <c:pt idx="2910">
                  <c:v>4.2500000000000003E-2</c:v>
                </c:pt>
                <c:pt idx="2911">
                  <c:v>4.2500000000000003E-2</c:v>
                </c:pt>
                <c:pt idx="2912">
                  <c:v>4.2500000000000003E-2</c:v>
                </c:pt>
                <c:pt idx="2913">
                  <c:v>4.2500000000000003E-2</c:v>
                </c:pt>
                <c:pt idx="2914">
                  <c:v>4.2500000000000003E-2</c:v>
                </c:pt>
                <c:pt idx="2915">
                  <c:v>4.2500000000000003E-2</c:v>
                </c:pt>
                <c:pt idx="2916">
                  <c:v>4.2500000000000003E-2</c:v>
                </c:pt>
                <c:pt idx="2917">
                  <c:v>4.2500000000000003E-2</c:v>
                </c:pt>
                <c:pt idx="2918">
                  <c:v>4.2500000000000003E-2</c:v>
                </c:pt>
                <c:pt idx="2919">
                  <c:v>4.2500000000000003E-2</c:v>
                </c:pt>
                <c:pt idx="2920">
                  <c:v>4.2500000000000003E-2</c:v>
                </c:pt>
                <c:pt idx="2921">
                  <c:v>4.2500000000000003E-2</c:v>
                </c:pt>
                <c:pt idx="2922">
                  <c:v>4.2500000000000003E-2</c:v>
                </c:pt>
                <c:pt idx="2923">
                  <c:v>4.2500000000000003E-2</c:v>
                </c:pt>
                <c:pt idx="2924">
                  <c:v>4.2500000000000003E-2</c:v>
                </c:pt>
                <c:pt idx="2925">
                  <c:v>4.2500000000000003E-2</c:v>
                </c:pt>
                <c:pt idx="2926">
                  <c:v>4.2500000000000003E-2</c:v>
                </c:pt>
                <c:pt idx="2927">
                  <c:v>4.2500000000000003E-2</c:v>
                </c:pt>
                <c:pt idx="2928">
                  <c:v>4.2500000000000003E-2</c:v>
                </c:pt>
                <c:pt idx="2929">
                  <c:v>4.2500000000000003E-2</c:v>
                </c:pt>
                <c:pt idx="2930">
                  <c:v>4.2500000000000003E-2</c:v>
                </c:pt>
                <c:pt idx="2931">
                  <c:v>4.2500000000000003E-2</c:v>
                </c:pt>
                <c:pt idx="2932">
                  <c:v>4.2500000000000003E-2</c:v>
                </c:pt>
                <c:pt idx="2933">
                  <c:v>4.2500000000000003E-2</c:v>
                </c:pt>
                <c:pt idx="2934">
                  <c:v>4.2500000000000003E-2</c:v>
                </c:pt>
                <c:pt idx="2935">
                  <c:v>4.2500000000000003E-2</c:v>
                </c:pt>
                <c:pt idx="2936">
                  <c:v>4.2500000000000003E-2</c:v>
                </c:pt>
                <c:pt idx="2937">
                  <c:v>4.2500000000000003E-2</c:v>
                </c:pt>
                <c:pt idx="2938">
                  <c:v>4.2500000000000003E-2</c:v>
                </c:pt>
                <c:pt idx="2939">
                  <c:v>4.2500000000000003E-2</c:v>
                </c:pt>
                <c:pt idx="2940">
                  <c:v>4.2500000000000003E-2</c:v>
                </c:pt>
                <c:pt idx="2941">
                  <c:v>4.2500000000000003E-2</c:v>
                </c:pt>
                <c:pt idx="2942">
                  <c:v>4.2500000000000003E-2</c:v>
                </c:pt>
                <c:pt idx="2943">
                  <c:v>3.5000000000000003E-2</c:v>
                </c:pt>
                <c:pt idx="2944">
                  <c:v>3.5000000000000003E-2</c:v>
                </c:pt>
                <c:pt idx="2945">
                  <c:v>3.5000000000000003E-2</c:v>
                </c:pt>
                <c:pt idx="2946">
                  <c:v>3.5000000000000003E-2</c:v>
                </c:pt>
                <c:pt idx="2947">
                  <c:v>3.5000000000000003E-2</c:v>
                </c:pt>
                <c:pt idx="2948">
                  <c:v>3.5000000000000003E-2</c:v>
                </c:pt>
                <c:pt idx="2949">
                  <c:v>3.5000000000000003E-2</c:v>
                </c:pt>
                <c:pt idx="2950">
                  <c:v>3.5000000000000003E-2</c:v>
                </c:pt>
                <c:pt idx="2951">
                  <c:v>0.03</c:v>
                </c:pt>
                <c:pt idx="2952">
                  <c:v>0.03</c:v>
                </c:pt>
                <c:pt idx="2953">
                  <c:v>0.03</c:v>
                </c:pt>
                <c:pt idx="2954">
                  <c:v>0.03</c:v>
                </c:pt>
                <c:pt idx="2955">
                  <c:v>0.03</c:v>
                </c:pt>
                <c:pt idx="2956">
                  <c:v>0.03</c:v>
                </c:pt>
                <c:pt idx="2957">
                  <c:v>0.03</c:v>
                </c:pt>
                <c:pt idx="2958">
                  <c:v>0.03</c:v>
                </c:pt>
                <c:pt idx="2959">
                  <c:v>0.03</c:v>
                </c:pt>
                <c:pt idx="2960">
                  <c:v>0.03</c:v>
                </c:pt>
                <c:pt idx="2961">
                  <c:v>0.03</c:v>
                </c:pt>
                <c:pt idx="2962">
                  <c:v>0.03</c:v>
                </c:pt>
                <c:pt idx="2963">
                  <c:v>0.03</c:v>
                </c:pt>
                <c:pt idx="2964">
                  <c:v>0.03</c:v>
                </c:pt>
                <c:pt idx="2965">
                  <c:v>0.03</c:v>
                </c:pt>
                <c:pt idx="2966">
                  <c:v>0.03</c:v>
                </c:pt>
                <c:pt idx="2967">
                  <c:v>0.03</c:v>
                </c:pt>
                <c:pt idx="2968">
                  <c:v>0.03</c:v>
                </c:pt>
                <c:pt idx="2969">
                  <c:v>0.03</c:v>
                </c:pt>
                <c:pt idx="2970">
                  <c:v>0.03</c:v>
                </c:pt>
                <c:pt idx="2971">
                  <c:v>0.03</c:v>
                </c:pt>
                <c:pt idx="2972">
                  <c:v>0.03</c:v>
                </c:pt>
                <c:pt idx="2973">
                  <c:v>0.03</c:v>
                </c:pt>
                <c:pt idx="2974">
                  <c:v>0.03</c:v>
                </c:pt>
                <c:pt idx="2975">
                  <c:v>0.03</c:v>
                </c:pt>
                <c:pt idx="2976">
                  <c:v>0.03</c:v>
                </c:pt>
                <c:pt idx="2977">
                  <c:v>0.03</c:v>
                </c:pt>
                <c:pt idx="2978">
                  <c:v>0.03</c:v>
                </c:pt>
                <c:pt idx="2979">
                  <c:v>0.03</c:v>
                </c:pt>
                <c:pt idx="2980">
                  <c:v>0.03</c:v>
                </c:pt>
                <c:pt idx="2981">
                  <c:v>0.03</c:v>
                </c:pt>
                <c:pt idx="2982">
                  <c:v>0.03</c:v>
                </c:pt>
                <c:pt idx="2983">
                  <c:v>0.03</c:v>
                </c:pt>
                <c:pt idx="2984">
                  <c:v>0.03</c:v>
                </c:pt>
                <c:pt idx="2985">
                  <c:v>0.03</c:v>
                </c:pt>
                <c:pt idx="2986">
                  <c:v>0.03</c:v>
                </c:pt>
                <c:pt idx="2987">
                  <c:v>0.03</c:v>
                </c:pt>
                <c:pt idx="2988">
                  <c:v>0.03</c:v>
                </c:pt>
                <c:pt idx="2989">
                  <c:v>0.03</c:v>
                </c:pt>
                <c:pt idx="2990">
                  <c:v>0.03</c:v>
                </c:pt>
                <c:pt idx="2991">
                  <c:v>0.03</c:v>
                </c:pt>
                <c:pt idx="2992">
                  <c:v>0.03</c:v>
                </c:pt>
                <c:pt idx="2993">
                  <c:v>0.03</c:v>
                </c:pt>
                <c:pt idx="2994">
                  <c:v>0.03</c:v>
                </c:pt>
                <c:pt idx="2995">
                  <c:v>0.03</c:v>
                </c:pt>
                <c:pt idx="2996">
                  <c:v>0.03</c:v>
                </c:pt>
                <c:pt idx="2997">
                  <c:v>0.03</c:v>
                </c:pt>
                <c:pt idx="2998">
                  <c:v>0.03</c:v>
                </c:pt>
                <c:pt idx="2999">
                  <c:v>2.2499999999999999E-2</c:v>
                </c:pt>
                <c:pt idx="3000">
                  <c:v>2.2499999999999999E-2</c:v>
                </c:pt>
                <c:pt idx="3001">
                  <c:v>2.2499999999999999E-2</c:v>
                </c:pt>
                <c:pt idx="3002">
                  <c:v>2.2499999999999999E-2</c:v>
                </c:pt>
                <c:pt idx="3003">
                  <c:v>2.2499999999999999E-2</c:v>
                </c:pt>
                <c:pt idx="3004">
                  <c:v>2.2499999999999999E-2</c:v>
                </c:pt>
                <c:pt idx="3005">
                  <c:v>2.2499999999999999E-2</c:v>
                </c:pt>
                <c:pt idx="3006">
                  <c:v>2.2499999999999999E-2</c:v>
                </c:pt>
                <c:pt idx="3007">
                  <c:v>2.2499999999999999E-2</c:v>
                </c:pt>
                <c:pt idx="3008">
                  <c:v>2.2499999999999999E-2</c:v>
                </c:pt>
                <c:pt idx="3009">
                  <c:v>2.2499999999999999E-2</c:v>
                </c:pt>
                <c:pt idx="3010">
                  <c:v>2.2499999999999999E-2</c:v>
                </c:pt>
                <c:pt idx="3011">
                  <c:v>2.2499999999999999E-2</c:v>
                </c:pt>
                <c:pt idx="3012">
                  <c:v>2.2499999999999999E-2</c:v>
                </c:pt>
                <c:pt idx="3013">
                  <c:v>2.2499999999999999E-2</c:v>
                </c:pt>
                <c:pt idx="3014">
                  <c:v>2.2499999999999999E-2</c:v>
                </c:pt>
                <c:pt idx="3015">
                  <c:v>2.2499999999999999E-2</c:v>
                </c:pt>
                <c:pt idx="3016">
                  <c:v>2.2499999999999999E-2</c:v>
                </c:pt>
                <c:pt idx="3017">
                  <c:v>2.2499999999999999E-2</c:v>
                </c:pt>
                <c:pt idx="3018">
                  <c:v>2.2499999999999999E-2</c:v>
                </c:pt>
                <c:pt idx="3019">
                  <c:v>2.2499999999999999E-2</c:v>
                </c:pt>
                <c:pt idx="3020">
                  <c:v>2.2499999999999999E-2</c:v>
                </c:pt>
                <c:pt idx="3021">
                  <c:v>2.2499999999999999E-2</c:v>
                </c:pt>
                <c:pt idx="3022">
                  <c:v>2.2499999999999999E-2</c:v>
                </c:pt>
                <c:pt idx="3023">
                  <c:v>2.2499999999999999E-2</c:v>
                </c:pt>
                <c:pt idx="3024">
                  <c:v>2.2499999999999999E-2</c:v>
                </c:pt>
                <c:pt idx="3025">
                  <c:v>2.2499999999999999E-2</c:v>
                </c:pt>
                <c:pt idx="3026">
                  <c:v>2.2499999999999999E-2</c:v>
                </c:pt>
                <c:pt idx="3027">
                  <c:v>2.2499999999999999E-2</c:v>
                </c:pt>
                <c:pt idx="3028">
                  <c:v>2.2499999999999999E-2</c:v>
                </c:pt>
                <c:pt idx="3029">
                  <c:v>2.2499999999999999E-2</c:v>
                </c:pt>
                <c:pt idx="3030">
                  <c:v>2.2499999999999999E-2</c:v>
                </c:pt>
                <c:pt idx="3031">
                  <c:v>2.2499999999999999E-2</c:v>
                </c:pt>
                <c:pt idx="3032">
                  <c:v>2.2499999999999999E-2</c:v>
                </c:pt>
                <c:pt idx="3033">
                  <c:v>2.2499999999999999E-2</c:v>
                </c:pt>
                <c:pt idx="3034">
                  <c:v>2.2499999999999999E-2</c:v>
                </c:pt>
                <c:pt idx="3035">
                  <c:v>2.2499999999999999E-2</c:v>
                </c:pt>
                <c:pt idx="3036">
                  <c:v>2.2499999999999999E-2</c:v>
                </c:pt>
                <c:pt idx="3037">
                  <c:v>2.2499999999999999E-2</c:v>
                </c:pt>
                <c:pt idx="3038">
                  <c:v>2.2499999999999999E-2</c:v>
                </c:pt>
                <c:pt idx="3039">
                  <c:v>2.2499999999999999E-2</c:v>
                </c:pt>
                <c:pt idx="3040">
                  <c:v>2.2499999999999999E-2</c:v>
                </c:pt>
                <c:pt idx="3041">
                  <c:v>2.2499999999999999E-2</c:v>
                </c:pt>
                <c:pt idx="3042">
                  <c:v>0.02</c:v>
                </c:pt>
                <c:pt idx="3043">
                  <c:v>0.02</c:v>
                </c:pt>
                <c:pt idx="3044">
                  <c:v>0.02</c:v>
                </c:pt>
                <c:pt idx="3045">
                  <c:v>0.02</c:v>
                </c:pt>
                <c:pt idx="3046">
                  <c:v>0.02</c:v>
                </c:pt>
                <c:pt idx="3047">
                  <c:v>0.02</c:v>
                </c:pt>
                <c:pt idx="3048">
                  <c:v>0.02</c:v>
                </c:pt>
                <c:pt idx="3049">
                  <c:v>0.02</c:v>
                </c:pt>
                <c:pt idx="3050">
                  <c:v>0.02</c:v>
                </c:pt>
                <c:pt idx="3051">
                  <c:v>0.02</c:v>
                </c:pt>
                <c:pt idx="3052">
                  <c:v>0.02</c:v>
                </c:pt>
                <c:pt idx="3053">
                  <c:v>0.02</c:v>
                </c:pt>
                <c:pt idx="3054">
                  <c:v>0.02</c:v>
                </c:pt>
                <c:pt idx="3055">
                  <c:v>0.02</c:v>
                </c:pt>
                <c:pt idx="3056">
                  <c:v>0.02</c:v>
                </c:pt>
                <c:pt idx="3057">
                  <c:v>0.02</c:v>
                </c:pt>
                <c:pt idx="3058">
                  <c:v>0.02</c:v>
                </c:pt>
                <c:pt idx="3059">
                  <c:v>0.02</c:v>
                </c:pt>
                <c:pt idx="3060">
                  <c:v>0.02</c:v>
                </c:pt>
                <c:pt idx="3061">
                  <c:v>0.02</c:v>
                </c:pt>
                <c:pt idx="3062">
                  <c:v>0.02</c:v>
                </c:pt>
                <c:pt idx="3063">
                  <c:v>0.02</c:v>
                </c:pt>
                <c:pt idx="3064">
                  <c:v>0.02</c:v>
                </c:pt>
                <c:pt idx="3065">
                  <c:v>0.02</c:v>
                </c:pt>
                <c:pt idx="3066">
                  <c:v>0.02</c:v>
                </c:pt>
                <c:pt idx="3067">
                  <c:v>0.02</c:v>
                </c:pt>
                <c:pt idx="3068">
                  <c:v>0.02</c:v>
                </c:pt>
                <c:pt idx="3069">
                  <c:v>0.02</c:v>
                </c:pt>
                <c:pt idx="3070">
                  <c:v>0.02</c:v>
                </c:pt>
                <c:pt idx="3071">
                  <c:v>0.02</c:v>
                </c:pt>
                <c:pt idx="3072">
                  <c:v>0.02</c:v>
                </c:pt>
                <c:pt idx="3073">
                  <c:v>0.02</c:v>
                </c:pt>
                <c:pt idx="3074">
                  <c:v>0.02</c:v>
                </c:pt>
                <c:pt idx="3075">
                  <c:v>0.02</c:v>
                </c:pt>
                <c:pt idx="3076">
                  <c:v>0.02</c:v>
                </c:pt>
                <c:pt idx="3077">
                  <c:v>0.02</c:v>
                </c:pt>
                <c:pt idx="3078">
                  <c:v>0.02</c:v>
                </c:pt>
                <c:pt idx="3079">
                  <c:v>0.02</c:v>
                </c:pt>
                <c:pt idx="3080">
                  <c:v>0.02</c:v>
                </c:pt>
                <c:pt idx="3081">
                  <c:v>0.02</c:v>
                </c:pt>
                <c:pt idx="3082">
                  <c:v>0.02</c:v>
                </c:pt>
                <c:pt idx="3083">
                  <c:v>0.02</c:v>
                </c:pt>
                <c:pt idx="3084">
                  <c:v>0.02</c:v>
                </c:pt>
                <c:pt idx="3085">
                  <c:v>0.02</c:v>
                </c:pt>
                <c:pt idx="3086">
                  <c:v>0.02</c:v>
                </c:pt>
                <c:pt idx="3087">
                  <c:v>0.02</c:v>
                </c:pt>
                <c:pt idx="3088">
                  <c:v>0.02</c:v>
                </c:pt>
                <c:pt idx="3089">
                  <c:v>0.02</c:v>
                </c:pt>
                <c:pt idx="3090">
                  <c:v>0.02</c:v>
                </c:pt>
                <c:pt idx="3091">
                  <c:v>0.02</c:v>
                </c:pt>
                <c:pt idx="3092">
                  <c:v>0.02</c:v>
                </c:pt>
                <c:pt idx="3093">
                  <c:v>0.02</c:v>
                </c:pt>
                <c:pt idx="3094">
                  <c:v>0.02</c:v>
                </c:pt>
                <c:pt idx="3095">
                  <c:v>0.02</c:v>
                </c:pt>
                <c:pt idx="3096">
                  <c:v>0.02</c:v>
                </c:pt>
                <c:pt idx="3097">
                  <c:v>0.02</c:v>
                </c:pt>
                <c:pt idx="3098">
                  <c:v>0.02</c:v>
                </c:pt>
                <c:pt idx="3099">
                  <c:v>0.02</c:v>
                </c:pt>
                <c:pt idx="3100">
                  <c:v>0.02</c:v>
                </c:pt>
                <c:pt idx="3101">
                  <c:v>0.02</c:v>
                </c:pt>
                <c:pt idx="3102">
                  <c:v>0.02</c:v>
                </c:pt>
                <c:pt idx="3103">
                  <c:v>0.02</c:v>
                </c:pt>
                <c:pt idx="3104">
                  <c:v>0.02</c:v>
                </c:pt>
                <c:pt idx="3105">
                  <c:v>0.02</c:v>
                </c:pt>
                <c:pt idx="3106">
                  <c:v>0.02</c:v>
                </c:pt>
                <c:pt idx="3107">
                  <c:v>0.02</c:v>
                </c:pt>
                <c:pt idx="3108">
                  <c:v>0.02</c:v>
                </c:pt>
                <c:pt idx="3109">
                  <c:v>0.02</c:v>
                </c:pt>
                <c:pt idx="3110">
                  <c:v>0.02</c:v>
                </c:pt>
                <c:pt idx="3111">
                  <c:v>0.02</c:v>
                </c:pt>
                <c:pt idx="3112">
                  <c:v>0.02</c:v>
                </c:pt>
                <c:pt idx="3113">
                  <c:v>0.02</c:v>
                </c:pt>
                <c:pt idx="3114">
                  <c:v>0.02</c:v>
                </c:pt>
                <c:pt idx="3115">
                  <c:v>0.02</c:v>
                </c:pt>
                <c:pt idx="3116">
                  <c:v>0.02</c:v>
                </c:pt>
                <c:pt idx="3117">
                  <c:v>0.02</c:v>
                </c:pt>
                <c:pt idx="3118">
                  <c:v>0.02</c:v>
                </c:pt>
                <c:pt idx="3119">
                  <c:v>0.02</c:v>
                </c:pt>
                <c:pt idx="3120">
                  <c:v>0.02</c:v>
                </c:pt>
                <c:pt idx="3121">
                  <c:v>0.02</c:v>
                </c:pt>
                <c:pt idx="3122">
                  <c:v>0.02</c:v>
                </c:pt>
                <c:pt idx="3123">
                  <c:v>0.02</c:v>
                </c:pt>
                <c:pt idx="3124">
                  <c:v>0.02</c:v>
                </c:pt>
                <c:pt idx="3125">
                  <c:v>0.02</c:v>
                </c:pt>
                <c:pt idx="3126">
                  <c:v>0.02</c:v>
                </c:pt>
                <c:pt idx="3127">
                  <c:v>0.02</c:v>
                </c:pt>
                <c:pt idx="3128">
                  <c:v>0.02</c:v>
                </c:pt>
                <c:pt idx="3129">
                  <c:v>0.02</c:v>
                </c:pt>
                <c:pt idx="3130">
                  <c:v>0.02</c:v>
                </c:pt>
                <c:pt idx="3131">
                  <c:v>0.02</c:v>
                </c:pt>
                <c:pt idx="3132">
                  <c:v>0.02</c:v>
                </c:pt>
                <c:pt idx="3133">
                  <c:v>0.02</c:v>
                </c:pt>
                <c:pt idx="3134">
                  <c:v>0.02</c:v>
                </c:pt>
                <c:pt idx="3135">
                  <c:v>0.02</c:v>
                </c:pt>
                <c:pt idx="3136">
                  <c:v>0.02</c:v>
                </c:pt>
                <c:pt idx="3137">
                  <c:v>0.02</c:v>
                </c:pt>
                <c:pt idx="3138">
                  <c:v>0.02</c:v>
                </c:pt>
                <c:pt idx="3139">
                  <c:v>0.02</c:v>
                </c:pt>
                <c:pt idx="3140">
                  <c:v>0.02</c:v>
                </c:pt>
                <c:pt idx="3141">
                  <c:v>0.02</c:v>
                </c:pt>
                <c:pt idx="3142">
                  <c:v>0.02</c:v>
                </c:pt>
                <c:pt idx="3143">
                  <c:v>0.02</c:v>
                </c:pt>
                <c:pt idx="3144">
                  <c:v>0.02</c:v>
                </c:pt>
                <c:pt idx="3145">
                  <c:v>0.02</c:v>
                </c:pt>
                <c:pt idx="3146">
                  <c:v>0.02</c:v>
                </c:pt>
                <c:pt idx="3147">
                  <c:v>0.02</c:v>
                </c:pt>
                <c:pt idx="3148">
                  <c:v>0.02</c:v>
                </c:pt>
                <c:pt idx="3149">
                  <c:v>0.02</c:v>
                </c:pt>
                <c:pt idx="3150">
                  <c:v>0.02</c:v>
                </c:pt>
                <c:pt idx="3151">
                  <c:v>0.02</c:v>
                </c:pt>
                <c:pt idx="3152">
                  <c:v>0.02</c:v>
                </c:pt>
                <c:pt idx="3153">
                  <c:v>0.02</c:v>
                </c:pt>
                <c:pt idx="3154">
                  <c:v>0.02</c:v>
                </c:pt>
                <c:pt idx="3155">
                  <c:v>0.02</c:v>
                </c:pt>
                <c:pt idx="3156">
                  <c:v>0.02</c:v>
                </c:pt>
                <c:pt idx="3157">
                  <c:v>0.02</c:v>
                </c:pt>
                <c:pt idx="3158">
                  <c:v>0.02</c:v>
                </c:pt>
                <c:pt idx="3159">
                  <c:v>0.02</c:v>
                </c:pt>
                <c:pt idx="3160">
                  <c:v>0.02</c:v>
                </c:pt>
                <c:pt idx="3161">
                  <c:v>0.02</c:v>
                </c:pt>
                <c:pt idx="3162">
                  <c:v>0.02</c:v>
                </c:pt>
                <c:pt idx="3163">
                  <c:v>0.02</c:v>
                </c:pt>
                <c:pt idx="3164">
                  <c:v>0.02</c:v>
                </c:pt>
                <c:pt idx="3165">
                  <c:v>0.02</c:v>
                </c:pt>
                <c:pt idx="3166">
                  <c:v>0.02</c:v>
                </c:pt>
                <c:pt idx="3167">
                  <c:v>0.02</c:v>
                </c:pt>
                <c:pt idx="3168">
                  <c:v>0.02</c:v>
                </c:pt>
                <c:pt idx="3169">
                  <c:v>0.02</c:v>
                </c:pt>
                <c:pt idx="3170">
                  <c:v>0.02</c:v>
                </c:pt>
                <c:pt idx="3171">
                  <c:v>0.02</c:v>
                </c:pt>
                <c:pt idx="3172">
                  <c:v>0.02</c:v>
                </c:pt>
                <c:pt idx="3173">
                  <c:v>0.02</c:v>
                </c:pt>
                <c:pt idx="3174">
                  <c:v>0.02</c:v>
                </c:pt>
                <c:pt idx="3175">
                  <c:v>0.02</c:v>
                </c:pt>
                <c:pt idx="3176">
                  <c:v>0.02</c:v>
                </c:pt>
                <c:pt idx="3177">
                  <c:v>0.02</c:v>
                </c:pt>
                <c:pt idx="3178">
                  <c:v>0.02</c:v>
                </c:pt>
                <c:pt idx="3179">
                  <c:v>0.02</c:v>
                </c:pt>
                <c:pt idx="3180">
                  <c:v>0.02</c:v>
                </c:pt>
                <c:pt idx="3181">
                  <c:v>0.02</c:v>
                </c:pt>
                <c:pt idx="3182">
                  <c:v>0.02</c:v>
                </c:pt>
                <c:pt idx="3183">
                  <c:v>0.02</c:v>
                </c:pt>
                <c:pt idx="3184">
                  <c:v>0.02</c:v>
                </c:pt>
                <c:pt idx="3185">
                  <c:v>0.02</c:v>
                </c:pt>
                <c:pt idx="3186">
                  <c:v>0.02</c:v>
                </c:pt>
                <c:pt idx="3187">
                  <c:v>0.02</c:v>
                </c:pt>
                <c:pt idx="3188">
                  <c:v>0.02</c:v>
                </c:pt>
                <c:pt idx="3189">
                  <c:v>0.02</c:v>
                </c:pt>
                <c:pt idx="3190">
                  <c:v>0.02</c:v>
                </c:pt>
                <c:pt idx="3191">
                  <c:v>0.02</c:v>
                </c:pt>
                <c:pt idx="3192">
                  <c:v>0.02</c:v>
                </c:pt>
                <c:pt idx="3193">
                  <c:v>0.02</c:v>
                </c:pt>
                <c:pt idx="3194">
                  <c:v>0.02</c:v>
                </c:pt>
                <c:pt idx="3195">
                  <c:v>0.02</c:v>
                </c:pt>
                <c:pt idx="3196">
                  <c:v>0.02</c:v>
                </c:pt>
                <c:pt idx="3197">
                  <c:v>0.02</c:v>
                </c:pt>
                <c:pt idx="3198">
                  <c:v>0.02</c:v>
                </c:pt>
                <c:pt idx="3199">
                  <c:v>0.02</c:v>
                </c:pt>
                <c:pt idx="3200">
                  <c:v>0.02</c:v>
                </c:pt>
                <c:pt idx="3201">
                  <c:v>0.02</c:v>
                </c:pt>
                <c:pt idx="3202">
                  <c:v>0.02</c:v>
                </c:pt>
                <c:pt idx="3203">
                  <c:v>1.4999999999999999E-2</c:v>
                </c:pt>
                <c:pt idx="3204">
                  <c:v>1.4999999999999999E-2</c:v>
                </c:pt>
                <c:pt idx="3205">
                  <c:v>1.4999999999999999E-2</c:v>
                </c:pt>
                <c:pt idx="3206">
                  <c:v>1.4999999999999999E-2</c:v>
                </c:pt>
                <c:pt idx="3207">
                  <c:v>1.4999999999999999E-2</c:v>
                </c:pt>
                <c:pt idx="3208">
                  <c:v>1.4999999999999999E-2</c:v>
                </c:pt>
                <c:pt idx="3209">
                  <c:v>1.4999999999999999E-2</c:v>
                </c:pt>
                <c:pt idx="3210">
                  <c:v>1.4999999999999999E-2</c:v>
                </c:pt>
                <c:pt idx="3211">
                  <c:v>1.4999999999999999E-2</c:v>
                </c:pt>
                <c:pt idx="3212">
                  <c:v>1.4999999999999999E-2</c:v>
                </c:pt>
                <c:pt idx="3213">
                  <c:v>1.4999999999999999E-2</c:v>
                </c:pt>
                <c:pt idx="3214">
                  <c:v>1.4999999999999999E-2</c:v>
                </c:pt>
                <c:pt idx="3215">
                  <c:v>1.4999999999999999E-2</c:v>
                </c:pt>
                <c:pt idx="3216">
                  <c:v>1.4999999999999999E-2</c:v>
                </c:pt>
                <c:pt idx="3217">
                  <c:v>1.4999999999999999E-2</c:v>
                </c:pt>
                <c:pt idx="3218">
                  <c:v>1.4999999999999999E-2</c:v>
                </c:pt>
                <c:pt idx="3219">
                  <c:v>1.4999999999999999E-2</c:v>
                </c:pt>
                <c:pt idx="3220">
                  <c:v>1.4999999999999999E-2</c:v>
                </c:pt>
                <c:pt idx="3221">
                  <c:v>1.4999999999999999E-2</c:v>
                </c:pt>
                <c:pt idx="3222">
                  <c:v>1.4999999999999999E-2</c:v>
                </c:pt>
                <c:pt idx="3223">
                  <c:v>1.4999999999999999E-2</c:v>
                </c:pt>
                <c:pt idx="3224">
                  <c:v>0.01</c:v>
                </c:pt>
                <c:pt idx="3225">
                  <c:v>0.01</c:v>
                </c:pt>
                <c:pt idx="3226">
                  <c:v>0.01</c:v>
                </c:pt>
                <c:pt idx="3227">
                  <c:v>0.01</c:v>
                </c:pt>
                <c:pt idx="3228">
                  <c:v>0.01</c:v>
                </c:pt>
                <c:pt idx="3229">
                  <c:v>0.01</c:v>
                </c:pt>
                <c:pt idx="3230">
                  <c:v>0.01</c:v>
                </c:pt>
                <c:pt idx="3231">
                  <c:v>0.01</c:v>
                </c:pt>
                <c:pt idx="3232">
                  <c:v>0.01</c:v>
                </c:pt>
                <c:pt idx="3233">
                  <c:v>0.01</c:v>
                </c:pt>
                <c:pt idx="3234">
                  <c:v>0.01</c:v>
                </c:pt>
                <c:pt idx="3235">
                  <c:v>0.01</c:v>
                </c:pt>
                <c:pt idx="3236">
                  <c:v>0.01</c:v>
                </c:pt>
                <c:pt idx="3237">
                  <c:v>0.01</c:v>
                </c:pt>
                <c:pt idx="3238">
                  <c:v>0.01</c:v>
                </c:pt>
                <c:pt idx="3239">
                  <c:v>0.01</c:v>
                </c:pt>
                <c:pt idx="3240">
                  <c:v>0.01</c:v>
                </c:pt>
                <c:pt idx="3241">
                  <c:v>0.01</c:v>
                </c:pt>
                <c:pt idx="3242">
                  <c:v>0.01</c:v>
                </c:pt>
                <c:pt idx="3243">
                  <c:v>0.01</c:v>
                </c:pt>
                <c:pt idx="3244">
                  <c:v>0.01</c:v>
                </c:pt>
                <c:pt idx="3245">
                  <c:v>0.01</c:v>
                </c:pt>
                <c:pt idx="3246">
                  <c:v>0.01</c:v>
                </c:pt>
                <c:pt idx="3247">
                  <c:v>0.01</c:v>
                </c:pt>
                <c:pt idx="3248">
                  <c:v>0.01</c:v>
                </c:pt>
                <c:pt idx="3249">
                  <c:v>0.01</c:v>
                </c:pt>
                <c:pt idx="3250">
                  <c:v>0.01</c:v>
                </c:pt>
                <c:pt idx="3251">
                  <c:v>0.01</c:v>
                </c:pt>
                <c:pt idx="3252">
                  <c:v>0.01</c:v>
                </c:pt>
                <c:pt idx="3253">
                  <c:v>0.01</c:v>
                </c:pt>
                <c:pt idx="3254">
                  <c:v>0.01</c:v>
                </c:pt>
                <c:pt idx="3255">
                  <c:v>0.01</c:v>
                </c:pt>
                <c:pt idx="3256">
                  <c:v>0.01</c:v>
                </c:pt>
                <c:pt idx="3257">
                  <c:v>0.01</c:v>
                </c:pt>
                <c:pt idx="3258">
                  <c:v>0.01</c:v>
                </c:pt>
                <c:pt idx="3259">
                  <c:v>0.01</c:v>
                </c:pt>
                <c:pt idx="3260">
                  <c:v>0.01</c:v>
                </c:pt>
                <c:pt idx="3261">
                  <c:v>0.01</c:v>
                </c:pt>
                <c:pt idx="3262">
                  <c:v>0.01</c:v>
                </c:pt>
                <c:pt idx="3263">
                  <c:v>0.01</c:v>
                </c:pt>
                <c:pt idx="3264">
                  <c:v>0.01</c:v>
                </c:pt>
                <c:pt idx="3265">
                  <c:v>0.01</c:v>
                </c:pt>
                <c:pt idx="3266">
                  <c:v>0.01</c:v>
                </c:pt>
                <c:pt idx="3267">
                  <c:v>0.01</c:v>
                </c:pt>
                <c:pt idx="3268">
                  <c:v>0.01</c:v>
                </c:pt>
                <c:pt idx="3269">
                  <c:v>0.01</c:v>
                </c:pt>
                <c:pt idx="3270">
                  <c:v>0.01</c:v>
                </c:pt>
                <c:pt idx="3271">
                  <c:v>0.01</c:v>
                </c:pt>
                <c:pt idx="3272">
                  <c:v>2.5000000000000001E-3</c:v>
                </c:pt>
                <c:pt idx="3273">
                  <c:v>2.5000000000000001E-3</c:v>
                </c:pt>
                <c:pt idx="3274">
                  <c:v>2.5000000000000001E-3</c:v>
                </c:pt>
                <c:pt idx="3275">
                  <c:v>2.5000000000000001E-3</c:v>
                </c:pt>
                <c:pt idx="3276">
                  <c:v>2.5000000000000001E-3</c:v>
                </c:pt>
                <c:pt idx="3277">
                  <c:v>2.5000000000000001E-3</c:v>
                </c:pt>
                <c:pt idx="3278">
                  <c:v>2.5000000000000001E-3</c:v>
                </c:pt>
                <c:pt idx="3279">
                  <c:v>2.5000000000000001E-3</c:v>
                </c:pt>
                <c:pt idx="3280">
                  <c:v>2.5000000000000001E-3</c:v>
                </c:pt>
                <c:pt idx="3281">
                  <c:v>2.5000000000000001E-3</c:v>
                </c:pt>
                <c:pt idx="3282">
                  <c:v>2.5000000000000001E-3</c:v>
                </c:pt>
                <c:pt idx="3283">
                  <c:v>2.5000000000000001E-3</c:v>
                </c:pt>
                <c:pt idx="3284">
                  <c:v>2.5000000000000001E-3</c:v>
                </c:pt>
                <c:pt idx="3285">
                  <c:v>2.5000000000000001E-3</c:v>
                </c:pt>
                <c:pt idx="3286">
                  <c:v>2.5000000000000001E-3</c:v>
                </c:pt>
                <c:pt idx="3287">
                  <c:v>2.5000000000000001E-3</c:v>
                </c:pt>
                <c:pt idx="3288">
                  <c:v>2.5000000000000001E-3</c:v>
                </c:pt>
                <c:pt idx="3289">
                  <c:v>2.5000000000000001E-3</c:v>
                </c:pt>
                <c:pt idx="3290">
                  <c:v>2.5000000000000001E-3</c:v>
                </c:pt>
                <c:pt idx="3291">
                  <c:v>2.5000000000000001E-3</c:v>
                </c:pt>
                <c:pt idx="3292">
                  <c:v>2.5000000000000001E-3</c:v>
                </c:pt>
                <c:pt idx="3293">
                  <c:v>2.5000000000000001E-3</c:v>
                </c:pt>
                <c:pt idx="3294">
                  <c:v>2.5000000000000001E-3</c:v>
                </c:pt>
                <c:pt idx="3295">
                  <c:v>2.5000000000000001E-3</c:v>
                </c:pt>
                <c:pt idx="3296">
                  <c:v>2.5000000000000001E-3</c:v>
                </c:pt>
                <c:pt idx="3297">
                  <c:v>2.5000000000000001E-3</c:v>
                </c:pt>
                <c:pt idx="3298">
                  <c:v>2.5000000000000001E-3</c:v>
                </c:pt>
                <c:pt idx="3299">
                  <c:v>2.5000000000000001E-3</c:v>
                </c:pt>
                <c:pt idx="3300">
                  <c:v>2.5000000000000001E-3</c:v>
                </c:pt>
                <c:pt idx="3301">
                  <c:v>2.5000000000000001E-3</c:v>
                </c:pt>
                <c:pt idx="3302">
                  <c:v>2.5000000000000001E-3</c:v>
                </c:pt>
                <c:pt idx="3303">
                  <c:v>2.5000000000000001E-3</c:v>
                </c:pt>
                <c:pt idx="3304">
                  <c:v>2.5000000000000001E-3</c:v>
                </c:pt>
                <c:pt idx="3305">
                  <c:v>2.5000000000000001E-3</c:v>
                </c:pt>
                <c:pt idx="3306">
                  <c:v>2.5000000000000001E-3</c:v>
                </c:pt>
                <c:pt idx="3307">
                  <c:v>2.5000000000000001E-3</c:v>
                </c:pt>
                <c:pt idx="3308">
                  <c:v>2.5000000000000001E-3</c:v>
                </c:pt>
                <c:pt idx="3309">
                  <c:v>2.5000000000000001E-3</c:v>
                </c:pt>
                <c:pt idx="3310">
                  <c:v>2.5000000000000001E-3</c:v>
                </c:pt>
                <c:pt idx="3311">
                  <c:v>2.5000000000000001E-3</c:v>
                </c:pt>
                <c:pt idx="3312">
                  <c:v>2.5000000000000001E-3</c:v>
                </c:pt>
                <c:pt idx="3313">
                  <c:v>2.5000000000000001E-3</c:v>
                </c:pt>
                <c:pt idx="3314">
                  <c:v>2.5000000000000001E-3</c:v>
                </c:pt>
                <c:pt idx="3315">
                  <c:v>2.5000000000000001E-3</c:v>
                </c:pt>
                <c:pt idx="3316">
                  <c:v>2.5000000000000001E-3</c:v>
                </c:pt>
                <c:pt idx="3317">
                  <c:v>2.5000000000000001E-3</c:v>
                </c:pt>
                <c:pt idx="3318">
                  <c:v>2.5000000000000001E-3</c:v>
                </c:pt>
                <c:pt idx="3319">
                  <c:v>2.5000000000000001E-3</c:v>
                </c:pt>
                <c:pt idx="3320">
                  <c:v>2.5000000000000001E-3</c:v>
                </c:pt>
                <c:pt idx="3321">
                  <c:v>2.5000000000000001E-3</c:v>
                </c:pt>
                <c:pt idx="3322">
                  <c:v>2.5000000000000001E-3</c:v>
                </c:pt>
                <c:pt idx="3323">
                  <c:v>2.5000000000000001E-3</c:v>
                </c:pt>
                <c:pt idx="3324">
                  <c:v>2.5000000000000001E-3</c:v>
                </c:pt>
                <c:pt idx="3325">
                  <c:v>2.5000000000000001E-3</c:v>
                </c:pt>
                <c:pt idx="3326">
                  <c:v>2.5000000000000001E-3</c:v>
                </c:pt>
                <c:pt idx="3327">
                  <c:v>2.5000000000000001E-3</c:v>
                </c:pt>
                <c:pt idx="3328">
                  <c:v>2.5000000000000001E-3</c:v>
                </c:pt>
                <c:pt idx="3329">
                  <c:v>2.5000000000000001E-3</c:v>
                </c:pt>
                <c:pt idx="3330">
                  <c:v>2.5000000000000001E-3</c:v>
                </c:pt>
                <c:pt idx="3331">
                  <c:v>2.5000000000000001E-3</c:v>
                </c:pt>
                <c:pt idx="3332">
                  <c:v>2.5000000000000001E-3</c:v>
                </c:pt>
                <c:pt idx="3333">
                  <c:v>2.5000000000000001E-3</c:v>
                </c:pt>
                <c:pt idx="3334">
                  <c:v>2.5000000000000001E-3</c:v>
                </c:pt>
                <c:pt idx="3335">
                  <c:v>2.5000000000000001E-3</c:v>
                </c:pt>
                <c:pt idx="3336">
                  <c:v>2.5000000000000001E-3</c:v>
                </c:pt>
                <c:pt idx="3337">
                  <c:v>2.5000000000000001E-3</c:v>
                </c:pt>
                <c:pt idx="3338">
                  <c:v>2.5000000000000001E-3</c:v>
                </c:pt>
                <c:pt idx="3339">
                  <c:v>2.5000000000000001E-3</c:v>
                </c:pt>
                <c:pt idx="3340">
                  <c:v>2.5000000000000001E-3</c:v>
                </c:pt>
                <c:pt idx="3341">
                  <c:v>2.5000000000000001E-3</c:v>
                </c:pt>
                <c:pt idx="3342">
                  <c:v>2.5000000000000001E-3</c:v>
                </c:pt>
                <c:pt idx="3343">
                  <c:v>2.5000000000000001E-3</c:v>
                </c:pt>
                <c:pt idx="3344">
                  <c:v>2.5000000000000001E-3</c:v>
                </c:pt>
                <c:pt idx="3345">
                  <c:v>2.5000000000000001E-3</c:v>
                </c:pt>
                <c:pt idx="3346">
                  <c:v>2.5000000000000001E-3</c:v>
                </c:pt>
                <c:pt idx="3347">
                  <c:v>2.5000000000000001E-3</c:v>
                </c:pt>
                <c:pt idx="3348">
                  <c:v>2.5000000000000001E-3</c:v>
                </c:pt>
                <c:pt idx="3349">
                  <c:v>2.5000000000000001E-3</c:v>
                </c:pt>
                <c:pt idx="3350">
                  <c:v>2.5000000000000001E-3</c:v>
                </c:pt>
                <c:pt idx="3351">
                  <c:v>2.5000000000000001E-3</c:v>
                </c:pt>
                <c:pt idx="3352">
                  <c:v>2.5000000000000001E-3</c:v>
                </c:pt>
                <c:pt idx="3353">
                  <c:v>2.5000000000000001E-3</c:v>
                </c:pt>
                <c:pt idx="3354">
                  <c:v>2.5000000000000001E-3</c:v>
                </c:pt>
                <c:pt idx="3355">
                  <c:v>2.5000000000000001E-3</c:v>
                </c:pt>
                <c:pt idx="3356">
                  <c:v>2.5000000000000001E-3</c:v>
                </c:pt>
                <c:pt idx="3357">
                  <c:v>2.5000000000000001E-3</c:v>
                </c:pt>
                <c:pt idx="3358">
                  <c:v>2.5000000000000001E-3</c:v>
                </c:pt>
                <c:pt idx="3359">
                  <c:v>2.5000000000000001E-3</c:v>
                </c:pt>
                <c:pt idx="3360">
                  <c:v>2.5000000000000001E-3</c:v>
                </c:pt>
                <c:pt idx="3361">
                  <c:v>2.5000000000000001E-3</c:v>
                </c:pt>
                <c:pt idx="3362">
                  <c:v>2.5000000000000001E-3</c:v>
                </c:pt>
                <c:pt idx="3363">
                  <c:v>2.5000000000000001E-3</c:v>
                </c:pt>
                <c:pt idx="3364">
                  <c:v>2.5000000000000001E-3</c:v>
                </c:pt>
                <c:pt idx="3365">
                  <c:v>2.5000000000000001E-3</c:v>
                </c:pt>
                <c:pt idx="3366">
                  <c:v>2.5000000000000001E-3</c:v>
                </c:pt>
                <c:pt idx="3367">
                  <c:v>2.5000000000000001E-3</c:v>
                </c:pt>
                <c:pt idx="3368">
                  <c:v>2.5000000000000001E-3</c:v>
                </c:pt>
                <c:pt idx="3369">
                  <c:v>2.5000000000000001E-3</c:v>
                </c:pt>
                <c:pt idx="3370">
                  <c:v>2.5000000000000001E-3</c:v>
                </c:pt>
                <c:pt idx="3371">
                  <c:v>2.5000000000000001E-3</c:v>
                </c:pt>
                <c:pt idx="3372">
                  <c:v>2.5000000000000001E-3</c:v>
                </c:pt>
                <c:pt idx="3373">
                  <c:v>2.5000000000000001E-3</c:v>
                </c:pt>
                <c:pt idx="3374">
                  <c:v>2.5000000000000001E-3</c:v>
                </c:pt>
                <c:pt idx="3375">
                  <c:v>2.5000000000000001E-3</c:v>
                </c:pt>
                <c:pt idx="3376">
                  <c:v>2.5000000000000001E-3</c:v>
                </c:pt>
                <c:pt idx="3377">
                  <c:v>2.5000000000000001E-3</c:v>
                </c:pt>
                <c:pt idx="3378">
                  <c:v>2.5000000000000001E-3</c:v>
                </c:pt>
                <c:pt idx="3379">
                  <c:v>2.5000000000000001E-3</c:v>
                </c:pt>
                <c:pt idx="3380">
                  <c:v>2.5000000000000001E-3</c:v>
                </c:pt>
                <c:pt idx="3381">
                  <c:v>2.5000000000000001E-3</c:v>
                </c:pt>
                <c:pt idx="3382">
                  <c:v>2.5000000000000001E-3</c:v>
                </c:pt>
                <c:pt idx="3383">
                  <c:v>2.5000000000000001E-3</c:v>
                </c:pt>
                <c:pt idx="3384">
                  <c:v>2.5000000000000001E-3</c:v>
                </c:pt>
                <c:pt idx="3385">
                  <c:v>2.5000000000000001E-3</c:v>
                </c:pt>
                <c:pt idx="3386">
                  <c:v>2.5000000000000001E-3</c:v>
                </c:pt>
                <c:pt idx="3387">
                  <c:v>2.5000000000000001E-3</c:v>
                </c:pt>
                <c:pt idx="3388">
                  <c:v>2.5000000000000001E-3</c:v>
                </c:pt>
                <c:pt idx="3389">
                  <c:v>2.5000000000000001E-3</c:v>
                </c:pt>
                <c:pt idx="3390">
                  <c:v>2.5000000000000001E-3</c:v>
                </c:pt>
                <c:pt idx="3391">
                  <c:v>2.5000000000000001E-3</c:v>
                </c:pt>
                <c:pt idx="3392">
                  <c:v>2.5000000000000001E-3</c:v>
                </c:pt>
                <c:pt idx="3393">
                  <c:v>2.5000000000000001E-3</c:v>
                </c:pt>
                <c:pt idx="3394">
                  <c:v>2.5000000000000001E-3</c:v>
                </c:pt>
                <c:pt idx="3395">
                  <c:v>2.5000000000000001E-3</c:v>
                </c:pt>
                <c:pt idx="3396">
                  <c:v>2.5000000000000001E-3</c:v>
                </c:pt>
                <c:pt idx="3397">
                  <c:v>2.5000000000000001E-3</c:v>
                </c:pt>
                <c:pt idx="3398">
                  <c:v>2.5000000000000001E-3</c:v>
                </c:pt>
                <c:pt idx="3399">
                  <c:v>2.5000000000000001E-3</c:v>
                </c:pt>
                <c:pt idx="3400">
                  <c:v>2.5000000000000001E-3</c:v>
                </c:pt>
                <c:pt idx="3401">
                  <c:v>2.5000000000000001E-3</c:v>
                </c:pt>
                <c:pt idx="3402">
                  <c:v>2.5000000000000001E-3</c:v>
                </c:pt>
                <c:pt idx="3403">
                  <c:v>2.5000000000000001E-3</c:v>
                </c:pt>
                <c:pt idx="3404">
                  <c:v>2.5000000000000001E-3</c:v>
                </c:pt>
                <c:pt idx="3405">
                  <c:v>2.5000000000000001E-3</c:v>
                </c:pt>
                <c:pt idx="3406">
                  <c:v>2.5000000000000001E-3</c:v>
                </c:pt>
                <c:pt idx="3407">
                  <c:v>2.5000000000000001E-3</c:v>
                </c:pt>
                <c:pt idx="3408">
                  <c:v>2.5000000000000001E-3</c:v>
                </c:pt>
                <c:pt idx="3409">
                  <c:v>2.5000000000000001E-3</c:v>
                </c:pt>
                <c:pt idx="3410">
                  <c:v>2.5000000000000001E-3</c:v>
                </c:pt>
                <c:pt idx="3411">
                  <c:v>2.5000000000000001E-3</c:v>
                </c:pt>
                <c:pt idx="3412">
                  <c:v>2.5000000000000001E-3</c:v>
                </c:pt>
                <c:pt idx="3413">
                  <c:v>2.5000000000000001E-3</c:v>
                </c:pt>
                <c:pt idx="3414">
                  <c:v>2.5000000000000001E-3</c:v>
                </c:pt>
                <c:pt idx="3415">
                  <c:v>2.5000000000000001E-3</c:v>
                </c:pt>
                <c:pt idx="3416">
                  <c:v>2.5000000000000001E-3</c:v>
                </c:pt>
                <c:pt idx="3417">
                  <c:v>2.5000000000000001E-3</c:v>
                </c:pt>
                <c:pt idx="3418">
                  <c:v>2.5000000000000001E-3</c:v>
                </c:pt>
                <c:pt idx="3419">
                  <c:v>2.5000000000000001E-3</c:v>
                </c:pt>
                <c:pt idx="3420">
                  <c:v>2.5000000000000001E-3</c:v>
                </c:pt>
                <c:pt idx="3421">
                  <c:v>2.5000000000000001E-3</c:v>
                </c:pt>
                <c:pt idx="3422">
                  <c:v>2.5000000000000001E-3</c:v>
                </c:pt>
                <c:pt idx="3423">
                  <c:v>2.5000000000000001E-3</c:v>
                </c:pt>
                <c:pt idx="3424">
                  <c:v>2.5000000000000001E-3</c:v>
                </c:pt>
                <c:pt idx="3425">
                  <c:v>2.5000000000000001E-3</c:v>
                </c:pt>
                <c:pt idx="3426">
                  <c:v>2.5000000000000001E-3</c:v>
                </c:pt>
                <c:pt idx="3427">
                  <c:v>2.5000000000000001E-3</c:v>
                </c:pt>
                <c:pt idx="3428">
                  <c:v>2.5000000000000001E-3</c:v>
                </c:pt>
                <c:pt idx="3429">
                  <c:v>2.5000000000000001E-3</c:v>
                </c:pt>
                <c:pt idx="3430">
                  <c:v>2.5000000000000001E-3</c:v>
                </c:pt>
                <c:pt idx="3431">
                  <c:v>2.5000000000000001E-3</c:v>
                </c:pt>
                <c:pt idx="3432">
                  <c:v>2.5000000000000001E-3</c:v>
                </c:pt>
                <c:pt idx="3433">
                  <c:v>2.5000000000000001E-3</c:v>
                </c:pt>
                <c:pt idx="3434">
                  <c:v>2.5000000000000001E-3</c:v>
                </c:pt>
                <c:pt idx="3435">
                  <c:v>2.5000000000000001E-3</c:v>
                </c:pt>
                <c:pt idx="3436">
                  <c:v>2.5000000000000001E-3</c:v>
                </c:pt>
                <c:pt idx="3437">
                  <c:v>2.5000000000000001E-3</c:v>
                </c:pt>
                <c:pt idx="3438">
                  <c:v>2.5000000000000001E-3</c:v>
                </c:pt>
                <c:pt idx="3439">
                  <c:v>2.5000000000000001E-3</c:v>
                </c:pt>
                <c:pt idx="3440">
                  <c:v>2.5000000000000001E-3</c:v>
                </c:pt>
                <c:pt idx="3441">
                  <c:v>2.5000000000000001E-3</c:v>
                </c:pt>
                <c:pt idx="3442">
                  <c:v>2.5000000000000001E-3</c:v>
                </c:pt>
                <c:pt idx="3443">
                  <c:v>2.5000000000000001E-3</c:v>
                </c:pt>
                <c:pt idx="3444">
                  <c:v>2.5000000000000001E-3</c:v>
                </c:pt>
                <c:pt idx="3445">
                  <c:v>2.5000000000000001E-3</c:v>
                </c:pt>
                <c:pt idx="3446">
                  <c:v>2.5000000000000001E-3</c:v>
                </c:pt>
                <c:pt idx="3447">
                  <c:v>2.5000000000000001E-3</c:v>
                </c:pt>
                <c:pt idx="3448">
                  <c:v>2.5000000000000001E-3</c:v>
                </c:pt>
                <c:pt idx="3449">
                  <c:v>2.5000000000000001E-3</c:v>
                </c:pt>
                <c:pt idx="3450">
                  <c:v>2.5000000000000001E-3</c:v>
                </c:pt>
                <c:pt idx="3451">
                  <c:v>2.5000000000000001E-3</c:v>
                </c:pt>
                <c:pt idx="3452">
                  <c:v>2.5000000000000001E-3</c:v>
                </c:pt>
                <c:pt idx="3453">
                  <c:v>2.5000000000000001E-3</c:v>
                </c:pt>
                <c:pt idx="3454">
                  <c:v>2.5000000000000001E-3</c:v>
                </c:pt>
                <c:pt idx="3455">
                  <c:v>2.5000000000000001E-3</c:v>
                </c:pt>
                <c:pt idx="3456">
                  <c:v>2.5000000000000001E-3</c:v>
                </c:pt>
                <c:pt idx="3457">
                  <c:v>2.5000000000000001E-3</c:v>
                </c:pt>
                <c:pt idx="3458">
                  <c:v>2.5000000000000001E-3</c:v>
                </c:pt>
                <c:pt idx="3459">
                  <c:v>2.5000000000000001E-3</c:v>
                </c:pt>
                <c:pt idx="3460">
                  <c:v>2.5000000000000001E-3</c:v>
                </c:pt>
                <c:pt idx="3461">
                  <c:v>2.5000000000000001E-3</c:v>
                </c:pt>
                <c:pt idx="3462">
                  <c:v>2.5000000000000001E-3</c:v>
                </c:pt>
                <c:pt idx="3463">
                  <c:v>2.5000000000000001E-3</c:v>
                </c:pt>
                <c:pt idx="3464">
                  <c:v>2.5000000000000001E-3</c:v>
                </c:pt>
                <c:pt idx="3465">
                  <c:v>2.5000000000000001E-3</c:v>
                </c:pt>
                <c:pt idx="3466">
                  <c:v>2.5000000000000001E-3</c:v>
                </c:pt>
                <c:pt idx="3467">
                  <c:v>2.5000000000000001E-3</c:v>
                </c:pt>
                <c:pt idx="3468">
                  <c:v>2.5000000000000001E-3</c:v>
                </c:pt>
                <c:pt idx="3469">
                  <c:v>2.5000000000000001E-3</c:v>
                </c:pt>
                <c:pt idx="3470">
                  <c:v>2.5000000000000001E-3</c:v>
                </c:pt>
                <c:pt idx="3471">
                  <c:v>2.5000000000000001E-3</c:v>
                </c:pt>
                <c:pt idx="3472">
                  <c:v>2.5000000000000001E-3</c:v>
                </c:pt>
                <c:pt idx="3473">
                  <c:v>2.5000000000000001E-3</c:v>
                </c:pt>
                <c:pt idx="3474">
                  <c:v>2.5000000000000001E-3</c:v>
                </c:pt>
                <c:pt idx="3475">
                  <c:v>2.5000000000000001E-3</c:v>
                </c:pt>
                <c:pt idx="3476">
                  <c:v>2.5000000000000001E-3</c:v>
                </c:pt>
                <c:pt idx="3477">
                  <c:v>2.5000000000000001E-3</c:v>
                </c:pt>
                <c:pt idx="3478">
                  <c:v>2.5000000000000001E-3</c:v>
                </c:pt>
                <c:pt idx="3479">
                  <c:v>2.5000000000000001E-3</c:v>
                </c:pt>
                <c:pt idx="3480">
                  <c:v>2.5000000000000001E-3</c:v>
                </c:pt>
                <c:pt idx="3481">
                  <c:v>2.5000000000000001E-3</c:v>
                </c:pt>
                <c:pt idx="3482">
                  <c:v>2.5000000000000001E-3</c:v>
                </c:pt>
                <c:pt idx="3483">
                  <c:v>2.5000000000000001E-3</c:v>
                </c:pt>
                <c:pt idx="3484">
                  <c:v>2.5000000000000001E-3</c:v>
                </c:pt>
                <c:pt idx="3485">
                  <c:v>2.5000000000000001E-3</c:v>
                </c:pt>
                <c:pt idx="3486">
                  <c:v>2.5000000000000001E-3</c:v>
                </c:pt>
                <c:pt idx="3487">
                  <c:v>2.5000000000000001E-3</c:v>
                </c:pt>
                <c:pt idx="3488">
                  <c:v>2.5000000000000001E-3</c:v>
                </c:pt>
                <c:pt idx="3489">
                  <c:v>2.5000000000000001E-3</c:v>
                </c:pt>
                <c:pt idx="3490">
                  <c:v>2.5000000000000001E-3</c:v>
                </c:pt>
                <c:pt idx="3491">
                  <c:v>2.5000000000000001E-3</c:v>
                </c:pt>
                <c:pt idx="3492">
                  <c:v>2.5000000000000001E-3</c:v>
                </c:pt>
                <c:pt idx="3493">
                  <c:v>2.5000000000000001E-3</c:v>
                </c:pt>
                <c:pt idx="3494">
                  <c:v>2.5000000000000001E-3</c:v>
                </c:pt>
                <c:pt idx="3495">
                  <c:v>2.5000000000000001E-3</c:v>
                </c:pt>
                <c:pt idx="3496">
                  <c:v>2.5000000000000001E-3</c:v>
                </c:pt>
                <c:pt idx="3497">
                  <c:v>2.5000000000000001E-3</c:v>
                </c:pt>
                <c:pt idx="3498">
                  <c:v>2.5000000000000001E-3</c:v>
                </c:pt>
                <c:pt idx="3499">
                  <c:v>2.5000000000000001E-3</c:v>
                </c:pt>
                <c:pt idx="3500">
                  <c:v>2.5000000000000001E-3</c:v>
                </c:pt>
                <c:pt idx="3501">
                  <c:v>2.5000000000000001E-3</c:v>
                </c:pt>
                <c:pt idx="3502">
                  <c:v>2.5000000000000001E-3</c:v>
                </c:pt>
                <c:pt idx="3503">
                  <c:v>2.5000000000000001E-3</c:v>
                </c:pt>
                <c:pt idx="3504">
                  <c:v>2.5000000000000001E-3</c:v>
                </c:pt>
                <c:pt idx="3505">
                  <c:v>2.5000000000000001E-3</c:v>
                </c:pt>
                <c:pt idx="3506">
                  <c:v>2.5000000000000001E-3</c:v>
                </c:pt>
                <c:pt idx="3507">
                  <c:v>2.5000000000000001E-3</c:v>
                </c:pt>
                <c:pt idx="3508">
                  <c:v>2.5000000000000001E-3</c:v>
                </c:pt>
                <c:pt idx="3509">
                  <c:v>2.5000000000000001E-3</c:v>
                </c:pt>
                <c:pt idx="3510">
                  <c:v>2.5000000000000001E-3</c:v>
                </c:pt>
                <c:pt idx="3511">
                  <c:v>2.5000000000000001E-3</c:v>
                </c:pt>
                <c:pt idx="3512">
                  <c:v>2.5000000000000001E-3</c:v>
                </c:pt>
                <c:pt idx="3513">
                  <c:v>2.5000000000000001E-3</c:v>
                </c:pt>
                <c:pt idx="3514">
                  <c:v>2.5000000000000001E-3</c:v>
                </c:pt>
                <c:pt idx="3515">
                  <c:v>2.5000000000000001E-3</c:v>
                </c:pt>
                <c:pt idx="3516">
                  <c:v>2.5000000000000001E-3</c:v>
                </c:pt>
                <c:pt idx="3517">
                  <c:v>2.5000000000000001E-3</c:v>
                </c:pt>
                <c:pt idx="3518">
                  <c:v>2.5000000000000001E-3</c:v>
                </c:pt>
                <c:pt idx="3519">
                  <c:v>2.5000000000000001E-3</c:v>
                </c:pt>
                <c:pt idx="3520">
                  <c:v>2.5000000000000001E-3</c:v>
                </c:pt>
                <c:pt idx="3521">
                  <c:v>2.5000000000000001E-3</c:v>
                </c:pt>
                <c:pt idx="3522">
                  <c:v>2.5000000000000001E-3</c:v>
                </c:pt>
                <c:pt idx="3523">
                  <c:v>2.5000000000000001E-3</c:v>
                </c:pt>
                <c:pt idx="3524">
                  <c:v>2.5000000000000001E-3</c:v>
                </c:pt>
                <c:pt idx="3525">
                  <c:v>2.5000000000000001E-3</c:v>
                </c:pt>
                <c:pt idx="3526">
                  <c:v>2.5000000000000001E-3</c:v>
                </c:pt>
                <c:pt idx="3527">
                  <c:v>2.5000000000000001E-3</c:v>
                </c:pt>
                <c:pt idx="3528">
                  <c:v>2.5000000000000001E-3</c:v>
                </c:pt>
                <c:pt idx="3529">
                  <c:v>2.5000000000000001E-3</c:v>
                </c:pt>
                <c:pt idx="3530">
                  <c:v>2.5000000000000001E-3</c:v>
                </c:pt>
                <c:pt idx="3531">
                  <c:v>2.5000000000000001E-3</c:v>
                </c:pt>
                <c:pt idx="3532">
                  <c:v>2.5000000000000001E-3</c:v>
                </c:pt>
                <c:pt idx="3533">
                  <c:v>2.5000000000000001E-3</c:v>
                </c:pt>
                <c:pt idx="3534">
                  <c:v>2.5000000000000001E-3</c:v>
                </c:pt>
                <c:pt idx="3535">
                  <c:v>2.5000000000000001E-3</c:v>
                </c:pt>
                <c:pt idx="3536">
                  <c:v>2.5000000000000001E-3</c:v>
                </c:pt>
                <c:pt idx="3537">
                  <c:v>2.5000000000000001E-3</c:v>
                </c:pt>
                <c:pt idx="3538">
                  <c:v>2.5000000000000001E-3</c:v>
                </c:pt>
                <c:pt idx="3539">
                  <c:v>2.5000000000000001E-3</c:v>
                </c:pt>
                <c:pt idx="3540">
                  <c:v>2.5000000000000001E-3</c:v>
                </c:pt>
                <c:pt idx="3541">
                  <c:v>2.5000000000000001E-3</c:v>
                </c:pt>
                <c:pt idx="3542">
                  <c:v>2.5000000000000001E-3</c:v>
                </c:pt>
                <c:pt idx="3543">
                  <c:v>2.5000000000000001E-3</c:v>
                </c:pt>
                <c:pt idx="3544">
                  <c:v>2.5000000000000001E-3</c:v>
                </c:pt>
                <c:pt idx="3545">
                  <c:v>2.5000000000000001E-3</c:v>
                </c:pt>
                <c:pt idx="3546">
                  <c:v>2.5000000000000001E-3</c:v>
                </c:pt>
                <c:pt idx="3547">
                  <c:v>2.5000000000000001E-3</c:v>
                </c:pt>
                <c:pt idx="3548">
                  <c:v>2.5000000000000001E-3</c:v>
                </c:pt>
                <c:pt idx="3549">
                  <c:v>2.5000000000000001E-3</c:v>
                </c:pt>
                <c:pt idx="3550">
                  <c:v>2.5000000000000001E-3</c:v>
                </c:pt>
                <c:pt idx="3551">
                  <c:v>2.5000000000000001E-3</c:v>
                </c:pt>
                <c:pt idx="3552">
                  <c:v>2.5000000000000001E-3</c:v>
                </c:pt>
                <c:pt idx="3553">
                  <c:v>2.5000000000000001E-3</c:v>
                </c:pt>
                <c:pt idx="3554">
                  <c:v>2.5000000000000001E-3</c:v>
                </c:pt>
                <c:pt idx="3555">
                  <c:v>2.5000000000000001E-3</c:v>
                </c:pt>
                <c:pt idx="3556">
                  <c:v>2.5000000000000001E-3</c:v>
                </c:pt>
                <c:pt idx="3557">
                  <c:v>2.5000000000000001E-3</c:v>
                </c:pt>
                <c:pt idx="3558">
                  <c:v>2.5000000000000001E-3</c:v>
                </c:pt>
                <c:pt idx="3559">
                  <c:v>2.5000000000000001E-3</c:v>
                </c:pt>
                <c:pt idx="3560">
                  <c:v>2.5000000000000001E-3</c:v>
                </c:pt>
                <c:pt idx="3561">
                  <c:v>2.5000000000000001E-3</c:v>
                </c:pt>
                <c:pt idx="3562">
                  <c:v>2.5000000000000001E-3</c:v>
                </c:pt>
                <c:pt idx="3563">
                  <c:v>2.5000000000000001E-3</c:v>
                </c:pt>
                <c:pt idx="3564">
                  <c:v>2.5000000000000001E-3</c:v>
                </c:pt>
                <c:pt idx="3565">
                  <c:v>2.5000000000000001E-3</c:v>
                </c:pt>
                <c:pt idx="3566">
                  <c:v>2.5000000000000001E-3</c:v>
                </c:pt>
                <c:pt idx="3567">
                  <c:v>2.5000000000000001E-3</c:v>
                </c:pt>
                <c:pt idx="3568">
                  <c:v>2.5000000000000001E-3</c:v>
                </c:pt>
                <c:pt idx="3569">
                  <c:v>2.5000000000000001E-3</c:v>
                </c:pt>
                <c:pt idx="3570">
                  <c:v>2.5000000000000001E-3</c:v>
                </c:pt>
                <c:pt idx="3571">
                  <c:v>2.5000000000000001E-3</c:v>
                </c:pt>
                <c:pt idx="3572">
                  <c:v>2.5000000000000001E-3</c:v>
                </c:pt>
                <c:pt idx="3573">
                  <c:v>2.5000000000000001E-3</c:v>
                </c:pt>
                <c:pt idx="3574">
                  <c:v>2.5000000000000001E-3</c:v>
                </c:pt>
                <c:pt idx="3575">
                  <c:v>2.5000000000000001E-3</c:v>
                </c:pt>
                <c:pt idx="3576">
                  <c:v>2.5000000000000001E-3</c:v>
                </c:pt>
                <c:pt idx="3577">
                  <c:v>2.5000000000000001E-3</c:v>
                </c:pt>
                <c:pt idx="3578">
                  <c:v>2.5000000000000001E-3</c:v>
                </c:pt>
                <c:pt idx="3579">
                  <c:v>2.5000000000000001E-3</c:v>
                </c:pt>
                <c:pt idx="3580">
                  <c:v>2.5000000000000001E-3</c:v>
                </c:pt>
                <c:pt idx="3581">
                  <c:v>2.5000000000000001E-3</c:v>
                </c:pt>
                <c:pt idx="3582">
                  <c:v>2.5000000000000001E-3</c:v>
                </c:pt>
                <c:pt idx="3583">
                  <c:v>2.5000000000000001E-3</c:v>
                </c:pt>
                <c:pt idx="3584">
                  <c:v>2.5000000000000001E-3</c:v>
                </c:pt>
                <c:pt idx="3585">
                  <c:v>2.5000000000000001E-3</c:v>
                </c:pt>
                <c:pt idx="3586">
                  <c:v>2.5000000000000001E-3</c:v>
                </c:pt>
                <c:pt idx="3587">
                  <c:v>2.5000000000000001E-3</c:v>
                </c:pt>
                <c:pt idx="3588">
                  <c:v>2.5000000000000001E-3</c:v>
                </c:pt>
                <c:pt idx="3589">
                  <c:v>2.5000000000000001E-3</c:v>
                </c:pt>
                <c:pt idx="3590">
                  <c:v>2.5000000000000001E-3</c:v>
                </c:pt>
                <c:pt idx="3591">
                  <c:v>2.5000000000000001E-3</c:v>
                </c:pt>
                <c:pt idx="3592">
                  <c:v>2.5000000000000001E-3</c:v>
                </c:pt>
                <c:pt idx="3593">
                  <c:v>2.5000000000000001E-3</c:v>
                </c:pt>
                <c:pt idx="3594">
                  <c:v>2.5000000000000001E-3</c:v>
                </c:pt>
                <c:pt idx="3595">
                  <c:v>2.5000000000000001E-3</c:v>
                </c:pt>
                <c:pt idx="3596">
                  <c:v>2.5000000000000001E-3</c:v>
                </c:pt>
                <c:pt idx="3597">
                  <c:v>2.5000000000000001E-3</c:v>
                </c:pt>
                <c:pt idx="3598">
                  <c:v>2.5000000000000001E-3</c:v>
                </c:pt>
                <c:pt idx="3599">
                  <c:v>2.5000000000000001E-3</c:v>
                </c:pt>
                <c:pt idx="3600">
                  <c:v>2.5000000000000001E-3</c:v>
                </c:pt>
                <c:pt idx="3601">
                  <c:v>2.5000000000000001E-3</c:v>
                </c:pt>
                <c:pt idx="3602">
                  <c:v>2.5000000000000001E-3</c:v>
                </c:pt>
                <c:pt idx="3603">
                  <c:v>2.5000000000000001E-3</c:v>
                </c:pt>
                <c:pt idx="3604">
                  <c:v>2.5000000000000001E-3</c:v>
                </c:pt>
                <c:pt idx="3605">
                  <c:v>2.5000000000000001E-3</c:v>
                </c:pt>
                <c:pt idx="3606">
                  <c:v>2.5000000000000001E-3</c:v>
                </c:pt>
                <c:pt idx="3607">
                  <c:v>2.5000000000000001E-3</c:v>
                </c:pt>
                <c:pt idx="3608">
                  <c:v>2.5000000000000001E-3</c:v>
                </c:pt>
                <c:pt idx="3609">
                  <c:v>2.5000000000000001E-3</c:v>
                </c:pt>
                <c:pt idx="3610">
                  <c:v>2.5000000000000001E-3</c:v>
                </c:pt>
                <c:pt idx="3611">
                  <c:v>2.5000000000000001E-3</c:v>
                </c:pt>
                <c:pt idx="3612">
                  <c:v>2.5000000000000001E-3</c:v>
                </c:pt>
                <c:pt idx="3613">
                  <c:v>2.5000000000000001E-3</c:v>
                </c:pt>
                <c:pt idx="3614">
                  <c:v>2.5000000000000001E-3</c:v>
                </c:pt>
                <c:pt idx="3615">
                  <c:v>2.5000000000000001E-3</c:v>
                </c:pt>
                <c:pt idx="3616">
                  <c:v>2.5000000000000001E-3</c:v>
                </c:pt>
                <c:pt idx="3617">
                  <c:v>2.5000000000000001E-3</c:v>
                </c:pt>
                <c:pt idx="3618">
                  <c:v>2.5000000000000001E-3</c:v>
                </c:pt>
                <c:pt idx="3619">
                  <c:v>2.5000000000000001E-3</c:v>
                </c:pt>
                <c:pt idx="3620">
                  <c:v>2.5000000000000001E-3</c:v>
                </c:pt>
                <c:pt idx="3621">
                  <c:v>2.5000000000000001E-3</c:v>
                </c:pt>
                <c:pt idx="3622">
                  <c:v>2.5000000000000001E-3</c:v>
                </c:pt>
                <c:pt idx="3623">
                  <c:v>2.5000000000000001E-3</c:v>
                </c:pt>
                <c:pt idx="3624">
                  <c:v>2.5000000000000001E-3</c:v>
                </c:pt>
                <c:pt idx="3625">
                  <c:v>2.5000000000000001E-3</c:v>
                </c:pt>
                <c:pt idx="3626">
                  <c:v>2.5000000000000001E-3</c:v>
                </c:pt>
                <c:pt idx="3627">
                  <c:v>2.5000000000000001E-3</c:v>
                </c:pt>
                <c:pt idx="3628">
                  <c:v>2.5000000000000001E-3</c:v>
                </c:pt>
                <c:pt idx="3629">
                  <c:v>2.5000000000000001E-3</c:v>
                </c:pt>
                <c:pt idx="3630">
                  <c:v>2.5000000000000001E-3</c:v>
                </c:pt>
                <c:pt idx="3631">
                  <c:v>2.5000000000000001E-3</c:v>
                </c:pt>
                <c:pt idx="3632">
                  <c:v>2.5000000000000001E-3</c:v>
                </c:pt>
                <c:pt idx="3633">
                  <c:v>2.5000000000000001E-3</c:v>
                </c:pt>
                <c:pt idx="3634">
                  <c:v>2.5000000000000001E-3</c:v>
                </c:pt>
                <c:pt idx="3635">
                  <c:v>2.5000000000000001E-3</c:v>
                </c:pt>
                <c:pt idx="3636">
                  <c:v>2.5000000000000001E-3</c:v>
                </c:pt>
                <c:pt idx="3637">
                  <c:v>2.5000000000000001E-3</c:v>
                </c:pt>
                <c:pt idx="3638">
                  <c:v>2.5000000000000001E-3</c:v>
                </c:pt>
                <c:pt idx="3639">
                  <c:v>2.5000000000000001E-3</c:v>
                </c:pt>
                <c:pt idx="3640">
                  <c:v>2.5000000000000001E-3</c:v>
                </c:pt>
                <c:pt idx="3641">
                  <c:v>2.5000000000000001E-3</c:v>
                </c:pt>
                <c:pt idx="3642">
                  <c:v>2.5000000000000001E-3</c:v>
                </c:pt>
                <c:pt idx="3643">
                  <c:v>2.5000000000000001E-3</c:v>
                </c:pt>
                <c:pt idx="3644">
                  <c:v>2.5000000000000001E-3</c:v>
                </c:pt>
                <c:pt idx="3645">
                  <c:v>2.5000000000000001E-3</c:v>
                </c:pt>
                <c:pt idx="3646">
                  <c:v>2.5000000000000001E-3</c:v>
                </c:pt>
                <c:pt idx="3647">
                  <c:v>2.5000000000000001E-3</c:v>
                </c:pt>
                <c:pt idx="3648">
                  <c:v>2.5000000000000001E-3</c:v>
                </c:pt>
                <c:pt idx="3649">
                  <c:v>2.5000000000000001E-3</c:v>
                </c:pt>
                <c:pt idx="3650">
                  <c:v>2.5000000000000001E-3</c:v>
                </c:pt>
                <c:pt idx="3651">
                  <c:v>2.5000000000000001E-3</c:v>
                </c:pt>
                <c:pt idx="3652">
                  <c:v>2.5000000000000001E-3</c:v>
                </c:pt>
                <c:pt idx="3653">
                  <c:v>2.5000000000000001E-3</c:v>
                </c:pt>
                <c:pt idx="3654">
                  <c:v>2.5000000000000001E-3</c:v>
                </c:pt>
                <c:pt idx="3655">
                  <c:v>2.5000000000000001E-3</c:v>
                </c:pt>
                <c:pt idx="3656">
                  <c:v>2.5000000000000001E-3</c:v>
                </c:pt>
                <c:pt idx="3657">
                  <c:v>2.5000000000000001E-3</c:v>
                </c:pt>
                <c:pt idx="3658">
                  <c:v>2.5000000000000001E-3</c:v>
                </c:pt>
                <c:pt idx="3659">
                  <c:v>2.5000000000000001E-3</c:v>
                </c:pt>
                <c:pt idx="3660">
                  <c:v>2.5000000000000001E-3</c:v>
                </c:pt>
                <c:pt idx="3661">
                  <c:v>2.5000000000000001E-3</c:v>
                </c:pt>
                <c:pt idx="3662">
                  <c:v>2.5000000000000001E-3</c:v>
                </c:pt>
                <c:pt idx="3663">
                  <c:v>2.5000000000000001E-3</c:v>
                </c:pt>
                <c:pt idx="3664">
                  <c:v>2.5000000000000001E-3</c:v>
                </c:pt>
                <c:pt idx="3665">
                  <c:v>2.5000000000000001E-3</c:v>
                </c:pt>
                <c:pt idx="3666">
                  <c:v>2.5000000000000001E-3</c:v>
                </c:pt>
                <c:pt idx="3667">
                  <c:v>2.5000000000000001E-3</c:v>
                </c:pt>
                <c:pt idx="3668">
                  <c:v>2.5000000000000001E-3</c:v>
                </c:pt>
                <c:pt idx="3669">
                  <c:v>2.5000000000000001E-3</c:v>
                </c:pt>
                <c:pt idx="3670">
                  <c:v>2.5000000000000001E-3</c:v>
                </c:pt>
                <c:pt idx="3671">
                  <c:v>2.5000000000000001E-3</c:v>
                </c:pt>
                <c:pt idx="3672">
                  <c:v>2.5000000000000001E-3</c:v>
                </c:pt>
                <c:pt idx="3673">
                  <c:v>2.5000000000000001E-3</c:v>
                </c:pt>
                <c:pt idx="3674">
                  <c:v>2.5000000000000001E-3</c:v>
                </c:pt>
                <c:pt idx="3675">
                  <c:v>2.5000000000000001E-3</c:v>
                </c:pt>
                <c:pt idx="3676">
                  <c:v>2.5000000000000001E-3</c:v>
                </c:pt>
                <c:pt idx="3677">
                  <c:v>2.5000000000000001E-3</c:v>
                </c:pt>
                <c:pt idx="3678">
                  <c:v>2.5000000000000001E-3</c:v>
                </c:pt>
                <c:pt idx="3679">
                  <c:v>2.5000000000000001E-3</c:v>
                </c:pt>
                <c:pt idx="3680">
                  <c:v>2.5000000000000001E-3</c:v>
                </c:pt>
                <c:pt idx="3681">
                  <c:v>2.5000000000000001E-3</c:v>
                </c:pt>
                <c:pt idx="3682">
                  <c:v>2.5000000000000001E-3</c:v>
                </c:pt>
                <c:pt idx="3683">
                  <c:v>2.5000000000000001E-3</c:v>
                </c:pt>
                <c:pt idx="3684">
                  <c:v>2.5000000000000001E-3</c:v>
                </c:pt>
                <c:pt idx="3685">
                  <c:v>2.5000000000000001E-3</c:v>
                </c:pt>
                <c:pt idx="3686">
                  <c:v>2.5000000000000001E-3</c:v>
                </c:pt>
                <c:pt idx="3687">
                  <c:v>2.5000000000000001E-3</c:v>
                </c:pt>
                <c:pt idx="3688">
                  <c:v>2.5000000000000001E-3</c:v>
                </c:pt>
                <c:pt idx="3689">
                  <c:v>2.5000000000000001E-3</c:v>
                </c:pt>
                <c:pt idx="3690">
                  <c:v>2.5000000000000001E-3</c:v>
                </c:pt>
                <c:pt idx="3691">
                  <c:v>2.5000000000000001E-3</c:v>
                </c:pt>
                <c:pt idx="3692">
                  <c:v>2.5000000000000001E-3</c:v>
                </c:pt>
                <c:pt idx="3693">
                  <c:v>2.5000000000000001E-3</c:v>
                </c:pt>
                <c:pt idx="3694">
                  <c:v>2.5000000000000001E-3</c:v>
                </c:pt>
                <c:pt idx="3695">
                  <c:v>2.5000000000000001E-3</c:v>
                </c:pt>
                <c:pt idx="3696">
                  <c:v>2.5000000000000001E-3</c:v>
                </c:pt>
                <c:pt idx="3697">
                  <c:v>2.5000000000000001E-3</c:v>
                </c:pt>
                <c:pt idx="3698">
                  <c:v>2.5000000000000001E-3</c:v>
                </c:pt>
                <c:pt idx="3699">
                  <c:v>2.5000000000000001E-3</c:v>
                </c:pt>
                <c:pt idx="3700">
                  <c:v>2.5000000000000001E-3</c:v>
                </c:pt>
                <c:pt idx="3701">
                  <c:v>2.5000000000000001E-3</c:v>
                </c:pt>
                <c:pt idx="3702">
                  <c:v>2.5000000000000001E-3</c:v>
                </c:pt>
                <c:pt idx="3703">
                  <c:v>2.5000000000000001E-3</c:v>
                </c:pt>
                <c:pt idx="3704">
                  <c:v>2.5000000000000001E-3</c:v>
                </c:pt>
                <c:pt idx="3705">
                  <c:v>2.5000000000000001E-3</c:v>
                </c:pt>
                <c:pt idx="3706">
                  <c:v>2.5000000000000001E-3</c:v>
                </c:pt>
                <c:pt idx="3707">
                  <c:v>2.5000000000000001E-3</c:v>
                </c:pt>
                <c:pt idx="3708">
                  <c:v>2.5000000000000001E-3</c:v>
                </c:pt>
                <c:pt idx="3709">
                  <c:v>2.5000000000000001E-3</c:v>
                </c:pt>
                <c:pt idx="3710">
                  <c:v>2.5000000000000001E-3</c:v>
                </c:pt>
                <c:pt idx="3711">
                  <c:v>2.5000000000000001E-3</c:v>
                </c:pt>
                <c:pt idx="3712">
                  <c:v>2.5000000000000001E-3</c:v>
                </c:pt>
                <c:pt idx="3713">
                  <c:v>2.5000000000000001E-3</c:v>
                </c:pt>
                <c:pt idx="3714">
                  <c:v>2.5000000000000001E-3</c:v>
                </c:pt>
                <c:pt idx="3715">
                  <c:v>2.5000000000000001E-3</c:v>
                </c:pt>
                <c:pt idx="3716">
                  <c:v>2.5000000000000001E-3</c:v>
                </c:pt>
                <c:pt idx="3717">
                  <c:v>2.5000000000000001E-3</c:v>
                </c:pt>
                <c:pt idx="3718">
                  <c:v>2.5000000000000001E-3</c:v>
                </c:pt>
                <c:pt idx="3719">
                  <c:v>2.5000000000000001E-3</c:v>
                </c:pt>
                <c:pt idx="3720">
                  <c:v>2.5000000000000001E-3</c:v>
                </c:pt>
                <c:pt idx="3721">
                  <c:v>2.5000000000000001E-3</c:v>
                </c:pt>
                <c:pt idx="3722">
                  <c:v>2.5000000000000001E-3</c:v>
                </c:pt>
                <c:pt idx="3723">
                  <c:v>2.5000000000000001E-3</c:v>
                </c:pt>
                <c:pt idx="3724">
                  <c:v>2.5000000000000001E-3</c:v>
                </c:pt>
                <c:pt idx="3725">
                  <c:v>2.5000000000000001E-3</c:v>
                </c:pt>
                <c:pt idx="3726">
                  <c:v>2.5000000000000001E-3</c:v>
                </c:pt>
                <c:pt idx="3727">
                  <c:v>2.5000000000000001E-3</c:v>
                </c:pt>
                <c:pt idx="3728">
                  <c:v>2.5000000000000001E-3</c:v>
                </c:pt>
                <c:pt idx="3729">
                  <c:v>2.5000000000000001E-3</c:v>
                </c:pt>
                <c:pt idx="3730">
                  <c:v>2.5000000000000001E-3</c:v>
                </c:pt>
                <c:pt idx="3731">
                  <c:v>2.5000000000000001E-3</c:v>
                </c:pt>
                <c:pt idx="3732">
                  <c:v>2.5000000000000001E-3</c:v>
                </c:pt>
                <c:pt idx="3733">
                  <c:v>2.5000000000000001E-3</c:v>
                </c:pt>
                <c:pt idx="3734">
                  <c:v>2.5000000000000001E-3</c:v>
                </c:pt>
                <c:pt idx="3735">
                  <c:v>2.5000000000000001E-3</c:v>
                </c:pt>
                <c:pt idx="3736">
                  <c:v>2.5000000000000001E-3</c:v>
                </c:pt>
                <c:pt idx="3737">
                  <c:v>2.5000000000000001E-3</c:v>
                </c:pt>
                <c:pt idx="3738">
                  <c:v>2.5000000000000001E-3</c:v>
                </c:pt>
                <c:pt idx="3739">
                  <c:v>2.5000000000000001E-3</c:v>
                </c:pt>
                <c:pt idx="3740">
                  <c:v>2.5000000000000001E-3</c:v>
                </c:pt>
                <c:pt idx="3741">
                  <c:v>2.5000000000000001E-3</c:v>
                </c:pt>
                <c:pt idx="3742">
                  <c:v>2.5000000000000001E-3</c:v>
                </c:pt>
                <c:pt idx="3743">
                  <c:v>2.5000000000000001E-3</c:v>
                </c:pt>
                <c:pt idx="3744">
                  <c:v>2.5000000000000001E-3</c:v>
                </c:pt>
                <c:pt idx="3745">
                  <c:v>2.5000000000000001E-3</c:v>
                </c:pt>
                <c:pt idx="3746">
                  <c:v>2.5000000000000001E-3</c:v>
                </c:pt>
                <c:pt idx="3747">
                  <c:v>2.5000000000000001E-3</c:v>
                </c:pt>
                <c:pt idx="3748">
                  <c:v>2.5000000000000001E-3</c:v>
                </c:pt>
                <c:pt idx="3749">
                  <c:v>2.5000000000000001E-3</c:v>
                </c:pt>
                <c:pt idx="3750">
                  <c:v>2.5000000000000001E-3</c:v>
                </c:pt>
                <c:pt idx="3751">
                  <c:v>2.5000000000000001E-3</c:v>
                </c:pt>
                <c:pt idx="3752">
                  <c:v>2.5000000000000001E-3</c:v>
                </c:pt>
                <c:pt idx="3753">
                  <c:v>2.5000000000000001E-3</c:v>
                </c:pt>
                <c:pt idx="3754">
                  <c:v>2.5000000000000001E-3</c:v>
                </c:pt>
                <c:pt idx="3755">
                  <c:v>2.5000000000000001E-3</c:v>
                </c:pt>
                <c:pt idx="3756">
                  <c:v>2.5000000000000001E-3</c:v>
                </c:pt>
                <c:pt idx="3757">
                  <c:v>2.5000000000000001E-3</c:v>
                </c:pt>
                <c:pt idx="3758">
                  <c:v>2.5000000000000001E-3</c:v>
                </c:pt>
                <c:pt idx="3759">
                  <c:v>2.5000000000000001E-3</c:v>
                </c:pt>
                <c:pt idx="3760">
                  <c:v>2.5000000000000001E-3</c:v>
                </c:pt>
                <c:pt idx="3761">
                  <c:v>2.5000000000000001E-3</c:v>
                </c:pt>
                <c:pt idx="3762">
                  <c:v>2.5000000000000001E-3</c:v>
                </c:pt>
                <c:pt idx="3763">
                  <c:v>2.5000000000000001E-3</c:v>
                </c:pt>
                <c:pt idx="3764">
                  <c:v>2.5000000000000001E-3</c:v>
                </c:pt>
                <c:pt idx="3765">
                  <c:v>2.5000000000000001E-3</c:v>
                </c:pt>
                <c:pt idx="3766">
                  <c:v>2.5000000000000001E-3</c:v>
                </c:pt>
                <c:pt idx="3767">
                  <c:v>2.5000000000000001E-3</c:v>
                </c:pt>
                <c:pt idx="3768">
                  <c:v>2.5000000000000001E-3</c:v>
                </c:pt>
                <c:pt idx="3769">
                  <c:v>2.5000000000000001E-3</c:v>
                </c:pt>
                <c:pt idx="3770">
                  <c:v>2.5000000000000001E-3</c:v>
                </c:pt>
                <c:pt idx="3771">
                  <c:v>2.5000000000000001E-3</c:v>
                </c:pt>
                <c:pt idx="3772">
                  <c:v>2.5000000000000001E-3</c:v>
                </c:pt>
                <c:pt idx="3773">
                  <c:v>2.5000000000000001E-3</c:v>
                </c:pt>
                <c:pt idx="3774">
                  <c:v>2.5000000000000001E-3</c:v>
                </c:pt>
                <c:pt idx="3775">
                  <c:v>2.5000000000000001E-3</c:v>
                </c:pt>
                <c:pt idx="3776">
                  <c:v>2.5000000000000001E-3</c:v>
                </c:pt>
                <c:pt idx="3777">
                  <c:v>2.5000000000000001E-3</c:v>
                </c:pt>
                <c:pt idx="3778">
                  <c:v>2.5000000000000001E-3</c:v>
                </c:pt>
                <c:pt idx="3779">
                  <c:v>2.5000000000000001E-3</c:v>
                </c:pt>
                <c:pt idx="3780">
                  <c:v>2.5000000000000001E-3</c:v>
                </c:pt>
                <c:pt idx="3781">
                  <c:v>2.5000000000000001E-3</c:v>
                </c:pt>
                <c:pt idx="3782">
                  <c:v>2.5000000000000001E-3</c:v>
                </c:pt>
                <c:pt idx="3783">
                  <c:v>2.5000000000000001E-3</c:v>
                </c:pt>
                <c:pt idx="3784">
                  <c:v>2.5000000000000001E-3</c:v>
                </c:pt>
                <c:pt idx="3785">
                  <c:v>2.5000000000000001E-3</c:v>
                </c:pt>
                <c:pt idx="3786">
                  <c:v>2.5000000000000001E-3</c:v>
                </c:pt>
                <c:pt idx="3787">
                  <c:v>2.5000000000000001E-3</c:v>
                </c:pt>
                <c:pt idx="3788">
                  <c:v>2.5000000000000001E-3</c:v>
                </c:pt>
                <c:pt idx="3789">
                  <c:v>2.5000000000000001E-3</c:v>
                </c:pt>
                <c:pt idx="3790">
                  <c:v>2.5000000000000001E-3</c:v>
                </c:pt>
                <c:pt idx="3791">
                  <c:v>2.5000000000000001E-3</c:v>
                </c:pt>
                <c:pt idx="3792">
                  <c:v>2.5000000000000001E-3</c:v>
                </c:pt>
                <c:pt idx="3793">
                  <c:v>2.5000000000000001E-3</c:v>
                </c:pt>
                <c:pt idx="3794">
                  <c:v>2.5000000000000001E-3</c:v>
                </c:pt>
                <c:pt idx="3795">
                  <c:v>2.5000000000000001E-3</c:v>
                </c:pt>
                <c:pt idx="3796">
                  <c:v>2.5000000000000001E-3</c:v>
                </c:pt>
                <c:pt idx="3797">
                  <c:v>2.5000000000000001E-3</c:v>
                </c:pt>
                <c:pt idx="3798">
                  <c:v>2.5000000000000001E-3</c:v>
                </c:pt>
                <c:pt idx="3799">
                  <c:v>2.5000000000000001E-3</c:v>
                </c:pt>
                <c:pt idx="3800">
                  <c:v>2.5000000000000001E-3</c:v>
                </c:pt>
                <c:pt idx="3801">
                  <c:v>2.5000000000000001E-3</c:v>
                </c:pt>
                <c:pt idx="3802">
                  <c:v>2.5000000000000001E-3</c:v>
                </c:pt>
                <c:pt idx="3803">
                  <c:v>2.5000000000000001E-3</c:v>
                </c:pt>
                <c:pt idx="3804">
                  <c:v>2.5000000000000001E-3</c:v>
                </c:pt>
                <c:pt idx="3805">
                  <c:v>2.5000000000000001E-3</c:v>
                </c:pt>
                <c:pt idx="3806">
                  <c:v>2.5000000000000001E-3</c:v>
                </c:pt>
                <c:pt idx="3807">
                  <c:v>2.5000000000000001E-3</c:v>
                </c:pt>
                <c:pt idx="3808">
                  <c:v>2.5000000000000001E-3</c:v>
                </c:pt>
                <c:pt idx="3809">
                  <c:v>2.5000000000000001E-3</c:v>
                </c:pt>
                <c:pt idx="3810">
                  <c:v>2.5000000000000001E-3</c:v>
                </c:pt>
                <c:pt idx="3811">
                  <c:v>2.5000000000000001E-3</c:v>
                </c:pt>
                <c:pt idx="3812">
                  <c:v>2.5000000000000001E-3</c:v>
                </c:pt>
                <c:pt idx="3813">
                  <c:v>2.5000000000000001E-3</c:v>
                </c:pt>
                <c:pt idx="3814">
                  <c:v>2.5000000000000001E-3</c:v>
                </c:pt>
                <c:pt idx="3815">
                  <c:v>2.5000000000000001E-3</c:v>
                </c:pt>
                <c:pt idx="3816">
                  <c:v>2.5000000000000001E-3</c:v>
                </c:pt>
                <c:pt idx="3817">
                  <c:v>2.5000000000000001E-3</c:v>
                </c:pt>
                <c:pt idx="3818">
                  <c:v>2.5000000000000001E-3</c:v>
                </c:pt>
                <c:pt idx="3819">
                  <c:v>2.5000000000000001E-3</c:v>
                </c:pt>
                <c:pt idx="3820">
                  <c:v>2.5000000000000001E-3</c:v>
                </c:pt>
                <c:pt idx="3821">
                  <c:v>2.5000000000000001E-3</c:v>
                </c:pt>
                <c:pt idx="3822">
                  <c:v>2.5000000000000001E-3</c:v>
                </c:pt>
                <c:pt idx="3823">
                  <c:v>2.5000000000000001E-3</c:v>
                </c:pt>
                <c:pt idx="3824">
                  <c:v>2.5000000000000001E-3</c:v>
                </c:pt>
                <c:pt idx="3825">
                  <c:v>2.5000000000000001E-3</c:v>
                </c:pt>
                <c:pt idx="3826">
                  <c:v>2.5000000000000001E-3</c:v>
                </c:pt>
                <c:pt idx="3827">
                  <c:v>2.5000000000000001E-3</c:v>
                </c:pt>
                <c:pt idx="3828">
                  <c:v>2.5000000000000001E-3</c:v>
                </c:pt>
                <c:pt idx="3829">
                  <c:v>2.5000000000000001E-3</c:v>
                </c:pt>
                <c:pt idx="3830">
                  <c:v>2.5000000000000001E-3</c:v>
                </c:pt>
                <c:pt idx="3831">
                  <c:v>2.5000000000000001E-3</c:v>
                </c:pt>
                <c:pt idx="3832">
                  <c:v>2.5000000000000001E-3</c:v>
                </c:pt>
                <c:pt idx="3833">
                  <c:v>2.5000000000000001E-3</c:v>
                </c:pt>
                <c:pt idx="3834">
                  <c:v>2.5000000000000001E-3</c:v>
                </c:pt>
                <c:pt idx="3835">
                  <c:v>2.5000000000000001E-3</c:v>
                </c:pt>
                <c:pt idx="3836">
                  <c:v>2.5000000000000001E-3</c:v>
                </c:pt>
                <c:pt idx="3837">
                  <c:v>2.5000000000000001E-3</c:v>
                </c:pt>
                <c:pt idx="3838">
                  <c:v>2.5000000000000001E-3</c:v>
                </c:pt>
                <c:pt idx="3839">
                  <c:v>2.5000000000000001E-3</c:v>
                </c:pt>
                <c:pt idx="3840">
                  <c:v>2.5000000000000001E-3</c:v>
                </c:pt>
                <c:pt idx="3841">
                  <c:v>2.5000000000000001E-3</c:v>
                </c:pt>
                <c:pt idx="3842">
                  <c:v>2.5000000000000001E-3</c:v>
                </c:pt>
                <c:pt idx="3843">
                  <c:v>2.5000000000000001E-3</c:v>
                </c:pt>
                <c:pt idx="3844">
                  <c:v>2.5000000000000001E-3</c:v>
                </c:pt>
                <c:pt idx="3845">
                  <c:v>2.5000000000000001E-3</c:v>
                </c:pt>
                <c:pt idx="3846">
                  <c:v>2.5000000000000001E-3</c:v>
                </c:pt>
                <c:pt idx="3847">
                  <c:v>2.5000000000000001E-3</c:v>
                </c:pt>
                <c:pt idx="3848">
                  <c:v>2.5000000000000001E-3</c:v>
                </c:pt>
                <c:pt idx="3849">
                  <c:v>2.5000000000000001E-3</c:v>
                </c:pt>
                <c:pt idx="3850">
                  <c:v>2.5000000000000001E-3</c:v>
                </c:pt>
                <c:pt idx="3851">
                  <c:v>2.5000000000000001E-3</c:v>
                </c:pt>
                <c:pt idx="3852">
                  <c:v>2.5000000000000001E-3</c:v>
                </c:pt>
                <c:pt idx="3853">
                  <c:v>2.5000000000000001E-3</c:v>
                </c:pt>
                <c:pt idx="3854">
                  <c:v>2.5000000000000001E-3</c:v>
                </c:pt>
                <c:pt idx="3855">
                  <c:v>2.5000000000000001E-3</c:v>
                </c:pt>
                <c:pt idx="3856">
                  <c:v>2.5000000000000001E-3</c:v>
                </c:pt>
                <c:pt idx="3857">
                  <c:v>2.5000000000000001E-3</c:v>
                </c:pt>
                <c:pt idx="3858">
                  <c:v>2.5000000000000001E-3</c:v>
                </c:pt>
                <c:pt idx="3859">
                  <c:v>2.5000000000000001E-3</c:v>
                </c:pt>
                <c:pt idx="3860">
                  <c:v>2.5000000000000001E-3</c:v>
                </c:pt>
                <c:pt idx="3861">
                  <c:v>2.5000000000000001E-3</c:v>
                </c:pt>
                <c:pt idx="3862">
                  <c:v>2.5000000000000001E-3</c:v>
                </c:pt>
                <c:pt idx="3863">
                  <c:v>2.5000000000000001E-3</c:v>
                </c:pt>
                <c:pt idx="3864">
                  <c:v>2.5000000000000001E-3</c:v>
                </c:pt>
                <c:pt idx="3865">
                  <c:v>2.5000000000000001E-3</c:v>
                </c:pt>
                <c:pt idx="3866">
                  <c:v>2.5000000000000001E-3</c:v>
                </c:pt>
                <c:pt idx="3867">
                  <c:v>2.5000000000000001E-3</c:v>
                </c:pt>
                <c:pt idx="3868">
                  <c:v>2.5000000000000001E-3</c:v>
                </c:pt>
                <c:pt idx="3869">
                  <c:v>2.5000000000000001E-3</c:v>
                </c:pt>
                <c:pt idx="3870">
                  <c:v>2.5000000000000001E-3</c:v>
                </c:pt>
                <c:pt idx="3871">
                  <c:v>2.5000000000000001E-3</c:v>
                </c:pt>
                <c:pt idx="3872">
                  <c:v>2.5000000000000001E-3</c:v>
                </c:pt>
                <c:pt idx="3873">
                  <c:v>2.5000000000000001E-3</c:v>
                </c:pt>
                <c:pt idx="3874">
                  <c:v>2.5000000000000001E-3</c:v>
                </c:pt>
                <c:pt idx="3875">
                  <c:v>2.5000000000000001E-3</c:v>
                </c:pt>
                <c:pt idx="3876">
                  <c:v>2.5000000000000001E-3</c:v>
                </c:pt>
                <c:pt idx="3877">
                  <c:v>2.5000000000000001E-3</c:v>
                </c:pt>
                <c:pt idx="3878">
                  <c:v>2.5000000000000001E-3</c:v>
                </c:pt>
                <c:pt idx="3879">
                  <c:v>2.5000000000000001E-3</c:v>
                </c:pt>
                <c:pt idx="3880">
                  <c:v>2.5000000000000001E-3</c:v>
                </c:pt>
                <c:pt idx="3881">
                  <c:v>2.5000000000000001E-3</c:v>
                </c:pt>
                <c:pt idx="3882">
                  <c:v>2.5000000000000001E-3</c:v>
                </c:pt>
                <c:pt idx="3883">
                  <c:v>2.5000000000000001E-3</c:v>
                </c:pt>
                <c:pt idx="3884">
                  <c:v>2.5000000000000001E-3</c:v>
                </c:pt>
                <c:pt idx="3885">
                  <c:v>2.5000000000000001E-3</c:v>
                </c:pt>
                <c:pt idx="3886">
                  <c:v>2.5000000000000001E-3</c:v>
                </c:pt>
                <c:pt idx="3887">
                  <c:v>2.5000000000000001E-3</c:v>
                </c:pt>
                <c:pt idx="3888">
                  <c:v>2.5000000000000001E-3</c:v>
                </c:pt>
                <c:pt idx="3889">
                  <c:v>2.5000000000000001E-3</c:v>
                </c:pt>
                <c:pt idx="3890">
                  <c:v>2.5000000000000001E-3</c:v>
                </c:pt>
                <c:pt idx="3891">
                  <c:v>2.5000000000000001E-3</c:v>
                </c:pt>
                <c:pt idx="3892">
                  <c:v>2.5000000000000001E-3</c:v>
                </c:pt>
                <c:pt idx="3893">
                  <c:v>2.5000000000000001E-3</c:v>
                </c:pt>
                <c:pt idx="3894">
                  <c:v>2.5000000000000001E-3</c:v>
                </c:pt>
                <c:pt idx="3895">
                  <c:v>2.5000000000000001E-3</c:v>
                </c:pt>
                <c:pt idx="3896">
                  <c:v>2.5000000000000001E-3</c:v>
                </c:pt>
                <c:pt idx="3897">
                  <c:v>2.5000000000000001E-3</c:v>
                </c:pt>
                <c:pt idx="3898">
                  <c:v>2.5000000000000001E-3</c:v>
                </c:pt>
                <c:pt idx="3899">
                  <c:v>2.5000000000000001E-3</c:v>
                </c:pt>
                <c:pt idx="3900">
                  <c:v>2.5000000000000001E-3</c:v>
                </c:pt>
                <c:pt idx="3901">
                  <c:v>2.5000000000000001E-3</c:v>
                </c:pt>
                <c:pt idx="3902">
                  <c:v>2.5000000000000001E-3</c:v>
                </c:pt>
                <c:pt idx="3903">
                  <c:v>2.5000000000000001E-3</c:v>
                </c:pt>
                <c:pt idx="3904">
                  <c:v>2.5000000000000001E-3</c:v>
                </c:pt>
                <c:pt idx="3905">
                  <c:v>2.5000000000000001E-3</c:v>
                </c:pt>
                <c:pt idx="3906">
                  <c:v>2.5000000000000001E-3</c:v>
                </c:pt>
                <c:pt idx="3907">
                  <c:v>2.5000000000000001E-3</c:v>
                </c:pt>
                <c:pt idx="3908">
                  <c:v>2.5000000000000001E-3</c:v>
                </c:pt>
                <c:pt idx="3909">
                  <c:v>2.5000000000000001E-3</c:v>
                </c:pt>
                <c:pt idx="3910">
                  <c:v>2.5000000000000001E-3</c:v>
                </c:pt>
                <c:pt idx="3911">
                  <c:v>2.5000000000000001E-3</c:v>
                </c:pt>
                <c:pt idx="3912">
                  <c:v>2.5000000000000001E-3</c:v>
                </c:pt>
                <c:pt idx="3913">
                  <c:v>2.5000000000000001E-3</c:v>
                </c:pt>
                <c:pt idx="3914">
                  <c:v>2.5000000000000001E-3</c:v>
                </c:pt>
                <c:pt idx="3915">
                  <c:v>2.5000000000000001E-3</c:v>
                </c:pt>
                <c:pt idx="3916">
                  <c:v>2.5000000000000001E-3</c:v>
                </c:pt>
                <c:pt idx="3917">
                  <c:v>2.5000000000000001E-3</c:v>
                </c:pt>
                <c:pt idx="3918">
                  <c:v>2.5000000000000001E-3</c:v>
                </c:pt>
                <c:pt idx="3919">
                  <c:v>2.5000000000000001E-3</c:v>
                </c:pt>
                <c:pt idx="3920">
                  <c:v>2.5000000000000001E-3</c:v>
                </c:pt>
                <c:pt idx="3921">
                  <c:v>2.5000000000000001E-3</c:v>
                </c:pt>
                <c:pt idx="3922">
                  <c:v>2.5000000000000001E-3</c:v>
                </c:pt>
                <c:pt idx="3923">
                  <c:v>2.5000000000000001E-3</c:v>
                </c:pt>
                <c:pt idx="3924">
                  <c:v>2.5000000000000001E-3</c:v>
                </c:pt>
                <c:pt idx="3925">
                  <c:v>2.5000000000000001E-3</c:v>
                </c:pt>
                <c:pt idx="3926">
                  <c:v>2.5000000000000001E-3</c:v>
                </c:pt>
                <c:pt idx="3927">
                  <c:v>2.5000000000000001E-3</c:v>
                </c:pt>
                <c:pt idx="3928">
                  <c:v>2.5000000000000001E-3</c:v>
                </c:pt>
                <c:pt idx="3929">
                  <c:v>2.5000000000000001E-3</c:v>
                </c:pt>
                <c:pt idx="3930">
                  <c:v>2.5000000000000001E-3</c:v>
                </c:pt>
                <c:pt idx="3931">
                  <c:v>2.5000000000000001E-3</c:v>
                </c:pt>
                <c:pt idx="3932">
                  <c:v>2.5000000000000001E-3</c:v>
                </c:pt>
                <c:pt idx="3933">
                  <c:v>2.5000000000000001E-3</c:v>
                </c:pt>
                <c:pt idx="3934">
                  <c:v>2.5000000000000001E-3</c:v>
                </c:pt>
                <c:pt idx="3935">
                  <c:v>2.5000000000000001E-3</c:v>
                </c:pt>
                <c:pt idx="3936">
                  <c:v>2.5000000000000001E-3</c:v>
                </c:pt>
                <c:pt idx="3937">
                  <c:v>2.5000000000000001E-3</c:v>
                </c:pt>
                <c:pt idx="3938">
                  <c:v>2.5000000000000001E-3</c:v>
                </c:pt>
                <c:pt idx="3939">
                  <c:v>2.5000000000000001E-3</c:v>
                </c:pt>
                <c:pt idx="3940">
                  <c:v>2.5000000000000001E-3</c:v>
                </c:pt>
                <c:pt idx="3941">
                  <c:v>2.5000000000000001E-3</c:v>
                </c:pt>
                <c:pt idx="3942">
                  <c:v>2.5000000000000001E-3</c:v>
                </c:pt>
                <c:pt idx="3943">
                  <c:v>2.5000000000000001E-3</c:v>
                </c:pt>
                <c:pt idx="3944">
                  <c:v>2.5000000000000001E-3</c:v>
                </c:pt>
                <c:pt idx="3945">
                  <c:v>2.5000000000000001E-3</c:v>
                </c:pt>
                <c:pt idx="3946">
                  <c:v>2.5000000000000001E-3</c:v>
                </c:pt>
                <c:pt idx="3947">
                  <c:v>2.5000000000000001E-3</c:v>
                </c:pt>
                <c:pt idx="3948">
                  <c:v>2.5000000000000001E-3</c:v>
                </c:pt>
                <c:pt idx="3949">
                  <c:v>2.5000000000000001E-3</c:v>
                </c:pt>
                <c:pt idx="3950">
                  <c:v>2.5000000000000001E-3</c:v>
                </c:pt>
                <c:pt idx="3951">
                  <c:v>2.5000000000000001E-3</c:v>
                </c:pt>
                <c:pt idx="3952">
                  <c:v>2.5000000000000001E-3</c:v>
                </c:pt>
                <c:pt idx="3953">
                  <c:v>2.5000000000000001E-3</c:v>
                </c:pt>
                <c:pt idx="3954">
                  <c:v>2.5000000000000001E-3</c:v>
                </c:pt>
                <c:pt idx="3955">
                  <c:v>2.5000000000000001E-3</c:v>
                </c:pt>
                <c:pt idx="3956">
                  <c:v>2.5000000000000001E-3</c:v>
                </c:pt>
                <c:pt idx="3957">
                  <c:v>2.5000000000000001E-3</c:v>
                </c:pt>
                <c:pt idx="3958">
                  <c:v>2.5000000000000001E-3</c:v>
                </c:pt>
                <c:pt idx="3959">
                  <c:v>2.5000000000000001E-3</c:v>
                </c:pt>
                <c:pt idx="3960">
                  <c:v>2.5000000000000001E-3</c:v>
                </c:pt>
                <c:pt idx="3961">
                  <c:v>2.5000000000000001E-3</c:v>
                </c:pt>
                <c:pt idx="3962">
                  <c:v>2.5000000000000001E-3</c:v>
                </c:pt>
                <c:pt idx="3963">
                  <c:v>2.5000000000000001E-3</c:v>
                </c:pt>
                <c:pt idx="3964">
                  <c:v>2.5000000000000001E-3</c:v>
                </c:pt>
                <c:pt idx="3965">
                  <c:v>2.5000000000000001E-3</c:v>
                </c:pt>
                <c:pt idx="3966">
                  <c:v>2.5000000000000001E-3</c:v>
                </c:pt>
                <c:pt idx="3967">
                  <c:v>2.5000000000000001E-3</c:v>
                </c:pt>
                <c:pt idx="3968">
                  <c:v>2.5000000000000001E-3</c:v>
                </c:pt>
                <c:pt idx="3969">
                  <c:v>2.5000000000000001E-3</c:v>
                </c:pt>
                <c:pt idx="3970">
                  <c:v>2.5000000000000001E-3</c:v>
                </c:pt>
                <c:pt idx="3971">
                  <c:v>2.5000000000000001E-3</c:v>
                </c:pt>
                <c:pt idx="3972">
                  <c:v>2.5000000000000001E-3</c:v>
                </c:pt>
                <c:pt idx="3973">
                  <c:v>2.5000000000000001E-3</c:v>
                </c:pt>
                <c:pt idx="3974">
                  <c:v>2.5000000000000001E-3</c:v>
                </c:pt>
                <c:pt idx="3975">
                  <c:v>2.5000000000000001E-3</c:v>
                </c:pt>
                <c:pt idx="3976">
                  <c:v>2.5000000000000001E-3</c:v>
                </c:pt>
                <c:pt idx="3977">
                  <c:v>2.5000000000000001E-3</c:v>
                </c:pt>
                <c:pt idx="3978">
                  <c:v>2.5000000000000001E-3</c:v>
                </c:pt>
                <c:pt idx="3979">
                  <c:v>2.5000000000000001E-3</c:v>
                </c:pt>
                <c:pt idx="3980">
                  <c:v>2.5000000000000001E-3</c:v>
                </c:pt>
                <c:pt idx="3981">
                  <c:v>2.5000000000000001E-3</c:v>
                </c:pt>
                <c:pt idx="3982">
                  <c:v>2.5000000000000001E-3</c:v>
                </c:pt>
                <c:pt idx="3983">
                  <c:v>2.5000000000000001E-3</c:v>
                </c:pt>
                <c:pt idx="3984">
                  <c:v>2.5000000000000001E-3</c:v>
                </c:pt>
                <c:pt idx="3985">
                  <c:v>2.5000000000000001E-3</c:v>
                </c:pt>
                <c:pt idx="3986">
                  <c:v>2.5000000000000001E-3</c:v>
                </c:pt>
                <c:pt idx="3987">
                  <c:v>2.5000000000000001E-3</c:v>
                </c:pt>
                <c:pt idx="3988">
                  <c:v>2.5000000000000001E-3</c:v>
                </c:pt>
                <c:pt idx="3989">
                  <c:v>2.5000000000000001E-3</c:v>
                </c:pt>
                <c:pt idx="3990">
                  <c:v>2.5000000000000001E-3</c:v>
                </c:pt>
                <c:pt idx="3991">
                  <c:v>2.5000000000000001E-3</c:v>
                </c:pt>
                <c:pt idx="3992">
                  <c:v>2.5000000000000001E-3</c:v>
                </c:pt>
                <c:pt idx="3993">
                  <c:v>2.5000000000000001E-3</c:v>
                </c:pt>
                <c:pt idx="3994">
                  <c:v>2.5000000000000001E-3</c:v>
                </c:pt>
                <c:pt idx="3995">
                  <c:v>2.5000000000000001E-3</c:v>
                </c:pt>
                <c:pt idx="3996">
                  <c:v>2.5000000000000001E-3</c:v>
                </c:pt>
                <c:pt idx="3997">
                  <c:v>2.5000000000000001E-3</c:v>
                </c:pt>
                <c:pt idx="3998">
                  <c:v>2.5000000000000001E-3</c:v>
                </c:pt>
                <c:pt idx="3999">
                  <c:v>2.5000000000000001E-3</c:v>
                </c:pt>
                <c:pt idx="4000">
                  <c:v>2.5000000000000001E-3</c:v>
                </c:pt>
                <c:pt idx="4001">
                  <c:v>2.5000000000000001E-3</c:v>
                </c:pt>
                <c:pt idx="4002">
                  <c:v>2.5000000000000001E-3</c:v>
                </c:pt>
                <c:pt idx="4003">
                  <c:v>2.5000000000000001E-3</c:v>
                </c:pt>
                <c:pt idx="4004">
                  <c:v>2.5000000000000001E-3</c:v>
                </c:pt>
                <c:pt idx="4005">
                  <c:v>2.5000000000000001E-3</c:v>
                </c:pt>
                <c:pt idx="4006">
                  <c:v>2.5000000000000001E-3</c:v>
                </c:pt>
                <c:pt idx="4007">
                  <c:v>2.5000000000000001E-3</c:v>
                </c:pt>
                <c:pt idx="4008">
                  <c:v>2.5000000000000001E-3</c:v>
                </c:pt>
                <c:pt idx="4009">
                  <c:v>2.5000000000000001E-3</c:v>
                </c:pt>
                <c:pt idx="4010">
                  <c:v>2.5000000000000001E-3</c:v>
                </c:pt>
                <c:pt idx="4011">
                  <c:v>2.5000000000000001E-3</c:v>
                </c:pt>
                <c:pt idx="4012">
                  <c:v>2.5000000000000001E-3</c:v>
                </c:pt>
                <c:pt idx="4013">
                  <c:v>2.5000000000000001E-3</c:v>
                </c:pt>
                <c:pt idx="4014">
                  <c:v>2.5000000000000001E-3</c:v>
                </c:pt>
                <c:pt idx="4015">
                  <c:v>2.5000000000000001E-3</c:v>
                </c:pt>
                <c:pt idx="4016">
                  <c:v>2.5000000000000001E-3</c:v>
                </c:pt>
                <c:pt idx="4017">
                  <c:v>2.5000000000000001E-3</c:v>
                </c:pt>
                <c:pt idx="4018">
                  <c:v>2.5000000000000001E-3</c:v>
                </c:pt>
                <c:pt idx="4019">
                  <c:v>2.5000000000000001E-3</c:v>
                </c:pt>
                <c:pt idx="4020">
                  <c:v>2.5000000000000001E-3</c:v>
                </c:pt>
                <c:pt idx="4021">
                  <c:v>2.5000000000000001E-3</c:v>
                </c:pt>
                <c:pt idx="4022">
                  <c:v>2.5000000000000001E-3</c:v>
                </c:pt>
                <c:pt idx="4023">
                  <c:v>2.5000000000000001E-3</c:v>
                </c:pt>
                <c:pt idx="4024">
                  <c:v>2.5000000000000001E-3</c:v>
                </c:pt>
                <c:pt idx="4025">
                  <c:v>2.5000000000000001E-3</c:v>
                </c:pt>
                <c:pt idx="4026">
                  <c:v>2.5000000000000001E-3</c:v>
                </c:pt>
                <c:pt idx="4027">
                  <c:v>2.5000000000000001E-3</c:v>
                </c:pt>
                <c:pt idx="4028">
                  <c:v>2.5000000000000001E-3</c:v>
                </c:pt>
                <c:pt idx="4029">
                  <c:v>2.5000000000000001E-3</c:v>
                </c:pt>
                <c:pt idx="4030">
                  <c:v>2.5000000000000001E-3</c:v>
                </c:pt>
                <c:pt idx="4031">
                  <c:v>2.5000000000000001E-3</c:v>
                </c:pt>
                <c:pt idx="4032">
                  <c:v>2.5000000000000001E-3</c:v>
                </c:pt>
                <c:pt idx="4033">
                  <c:v>2.5000000000000001E-3</c:v>
                </c:pt>
                <c:pt idx="4034">
                  <c:v>2.5000000000000001E-3</c:v>
                </c:pt>
                <c:pt idx="4035">
                  <c:v>2.5000000000000001E-3</c:v>
                </c:pt>
                <c:pt idx="4036">
                  <c:v>2.5000000000000001E-3</c:v>
                </c:pt>
                <c:pt idx="4037">
                  <c:v>2.5000000000000001E-3</c:v>
                </c:pt>
                <c:pt idx="4038">
                  <c:v>2.5000000000000001E-3</c:v>
                </c:pt>
                <c:pt idx="4039">
                  <c:v>2.5000000000000001E-3</c:v>
                </c:pt>
                <c:pt idx="4040">
                  <c:v>2.5000000000000001E-3</c:v>
                </c:pt>
                <c:pt idx="4041">
                  <c:v>2.5000000000000001E-3</c:v>
                </c:pt>
                <c:pt idx="4042">
                  <c:v>2.5000000000000001E-3</c:v>
                </c:pt>
                <c:pt idx="4043">
                  <c:v>2.5000000000000001E-3</c:v>
                </c:pt>
                <c:pt idx="4044">
                  <c:v>2.5000000000000001E-3</c:v>
                </c:pt>
                <c:pt idx="4045">
                  <c:v>2.5000000000000001E-3</c:v>
                </c:pt>
                <c:pt idx="4046">
                  <c:v>2.5000000000000001E-3</c:v>
                </c:pt>
                <c:pt idx="4047">
                  <c:v>2.5000000000000001E-3</c:v>
                </c:pt>
                <c:pt idx="4048">
                  <c:v>2.5000000000000001E-3</c:v>
                </c:pt>
                <c:pt idx="4049">
                  <c:v>2.5000000000000001E-3</c:v>
                </c:pt>
                <c:pt idx="4050">
                  <c:v>2.5000000000000001E-3</c:v>
                </c:pt>
                <c:pt idx="4051">
                  <c:v>2.5000000000000001E-3</c:v>
                </c:pt>
                <c:pt idx="4052">
                  <c:v>2.5000000000000001E-3</c:v>
                </c:pt>
                <c:pt idx="4053">
                  <c:v>2.5000000000000001E-3</c:v>
                </c:pt>
                <c:pt idx="4054">
                  <c:v>2.5000000000000001E-3</c:v>
                </c:pt>
                <c:pt idx="4055">
                  <c:v>2.5000000000000001E-3</c:v>
                </c:pt>
                <c:pt idx="4056">
                  <c:v>2.5000000000000001E-3</c:v>
                </c:pt>
                <c:pt idx="4057">
                  <c:v>2.5000000000000001E-3</c:v>
                </c:pt>
                <c:pt idx="4058">
                  <c:v>2.5000000000000001E-3</c:v>
                </c:pt>
                <c:pt idx="4059">
                  <c:v>2.5000000000000001E-3</c:v>
                </c:pt>
                <c:pt idx="4060">
                  <c:v>2.5000000000000001E-3</c:v>
                </c:pt>
                <c:pt idx="4061">
                  <c:v>2.5000000000000001E-3</c:v>
                </c:pt>
                <c:pt idx="4062">
                  <c:v>2.5000000000000001E-3</c:v>
                </c:pt>
                <c:pt idx="4063">
                  <c:v>2.5000000000000001E-3</c:v>
                </c:pt>
                <c:pt idx="4064">
                  <c:v>2.5000000000000001E-3</c:v>
                </c:pt>
                <c:pt idx="4065">
                  <c:v>2.5000000000000001E-3</c:v>
                </c:pt>
                <c:pt idx="4066">
                  <c:v>2.5000000000000001E-3</c:v>
                </c:pt>
                <c:pt idx="4067">
                  <c:v>2.5000000000000001E-3</c:v>
                </c:pt>
                <c:pt idx="4068">
                  <c:v>2.5000000000000001E-3</c:v>
                </c:pt>
                <c:pt idx="4069">
                  <c:v>2.5000000000000001E-3</c:v>
                </c:pt>
                <c:pt idx="4070">
                  <c:v>2.5000000000000001E-3</c:v>
                </c:pt>
                <c:pt idx="4071">
                  <c:v>2.5000000000000001E-3</c:v>
                </c:pt>
                <c:pt idx="4072">
                  <c:v>2.5000000000000001E-3</c:v>
                </c:pt>
                <c:pt idx="4073">
                  <c:v>2.5000000000000001E-3</c:v>
                </c:pt>
                <c:pt idx="4074">
                  <c:v>2.5000000000000001E-3</c:v>
                </c:pt>
                <c:pt idx="4075">
                  <c:v>2.5000000000000001E-3</c:v>
                </c:pt>
                <c:pt idx="4076">
                  <c:v>2.5000000000000001E-3</c:v>
                </c:pt>
                <c:pt idx="4077">
                  <c:v>2.5000000000000001E-3</c:v>
                </c:pt>
                <c:pt idx="4078">
                  <c:v>2.5000000000000001E-3</c:v>
                </c:pt>
                <c:pt idx="4079">
                  <c:v>2.5000000000000001E-3</c:v>
                </c:pt>
                <c:pt idx="4080">
                  <c:v>2.5000000000000001E-3</c:v>
                </c:pt>
                <c:pt idx="4081">
                  <c:v>2.5000000000000001E-3</c:v>
                </c:pt>
                <c:pt idx="4082">
                  <c:v>2.5000000000000001E-3</c:v>
                </c:pt>
                <c:pt idx="4083">
                  <c:v>2.5000000000000001E-3</c:v>
                </c:pt>
                <c:pt idx="4084">
                  <c:v>2.5000000000000001E-3</c:v>
                </c:pt>
                <c:pt idx="4085">
                  <c:v>2.5000000000000001E-3</c:v>
                </c:pt>
                <c:pt idx="4086">
                  <c:v>2.5000000000000001E-3</c:v>
                </c:pt>
                <c:pt idx="4087">
                  <c:v>2.5000000000000001E-3</c:v>
                </c:pt>
                <c:pt idx="4088">
                  <c:v>2.5000000000000001E-3</c:v>
                </c:pt>
                <c:pt idx="4089">
                  <c:v>2.5000000000000001E-3</c:v>
                </c:pt>
                <c:pt idx="4090">
                  <c:v>2.5000000000000001E-3</c:v>
                </c:pt>
                <c:pt idx="4091">
                  <c:v>2.5000000000000001E-3</c:v>
                </c:pt>
                <c:pt idx="4092">
                  <c:v>2.5000000000000001E-3</c:v>
                </c:pt>
                <c:pt idx="4093">
                  <c:v>2.5000000000000001E-3</c:v>
                </c:pt>
                <c:pt idx="4094">
                  <c:v>2.5000000000000001E-3</c:v>
                </c:pt>
                <c:pt idx="4095">
                  <c:v>2.5000000000000001E-3</c:v>
                </c:pt>
                <c:pt idx="4096">
                  <c:v>2.5000000000000001E-3</c:v>
                </c:pt>
                <c:pt idx="4097">
                  <c:v>2.5000000000000001E-3</c:v>
                </c:pt>
                <c:pt idx="4098">
                  <c:v>2.5000000000000001E-3</c:v>
                </c:pt>
                <c:pt idx="4099">
                  <c:v>2.5000000000000001E-3</c:v>
                </c:pt>
                <c:pt idx="4100">
                  <c:v>2.5000000000000001E-3</c:v>
                </c:pt>
                <c:pt idx="4101">
                  <c:v>2.5000000000000001E-3</c:v>
                </c:pt>
                <c:pt idx="4102">
                  <c:v>2.5000000000000001E-3</c:v>
                </c:pt>
                <c:pt idx="4103">
                  <c:v>2.5000000000000001E-3</c:v>
                </c:pt>
                <c:pt idx="4104">
                  <c:v>2.5000000000000001E-3</c:v>
                </c:pt>
                <c:pt idx="4105">
                  <c:v>2.5000000000000001E-3</c:v>
                </c:pt>
                <c:pt idx="4106">
                  <c:v>2.5000000000000001E-3</c:v>
                </c:pt>
                <c:pt idx="4107">
                  <c:v>2.5000000000000001E-3</c:v>
                </c:pt>
                <c:pt idx="4108">
                  <c:v>2.5000000000000001E-3</c:v>
                </c:pt>
                <c:pt idx="4109">
                  <c:v>2.5000000000000001E-3</c:v>
                </c:pt>
                <c:pt idx="4110">
                  <c:v>2.5000000000000001E-3</c:v>
                </c:pt>
                <c:pt idx="4111">
                  <c:v>2.5000000000000001E-3</c:v>
                </c:pt>
                <c:pt idx="4112">
                  <c:v>2.5000000000000001E-3</c:v>
                </c:pt>
                <c:pt idx="4113">
                  <c:v>2.5000000000000001E-3</c:v>
                </c:pt>
                <c:pt idx="4114">
                  <c:v>2.5000000000000001E-3</c:v>
                </c:pt>
                <c:pt idx="4115">
                  <c:v>2.5000000000000001E-3</c:v>
                </c:pt>
                <c:pt idx="4116">
                  <c:v>2.5000000000000001E-3</c:v>
                </c:pt>
                <c:pt idx="4117">
                  <c:v>2.5000000000000001E-3</c:v>
                </c:pt>
                <c:pt idx="4118">
                  <c:v>2.5000000000000001E-3</c:v>
                </c:pt>
                <c:pt idx="4119">
                  <c:v>2.5000000000000001E-3</c:v>
                </c:pt>
                <c:pt idx="4120">
                  <c:v>2.5000000000000001E-3</c:v>
                </c:pt>
                <c:pt idx="4121">
                  <c:v>2.5000000000000001E-3</c:v>
                </c:pt>
                <c:pt idx="4122">
                  <c:v>2.5000000000000001E-3</c:v>
                </c:pt>
                <c:pt idx="4123">
                  <c:v>2.5000000000000001E-3</c:v>
                </c:pt>
                <c:pt idx="4124">
                  <c:v>2.5000000000000001E-3</c:v>
                </c:pt>
                <c:pt idx="4125">
                  <c:v>2.5000000000000001E-3</c:v>
                </c:pt>
                <c:pt idx="4126">
                  <c:v>2.5000000000000001E-3</c:v>
                </c:pt>
                <c:pt idx="4127">
                  <c:v>2.5000000000000001E-3</c:v>
                </c:pt>
                <c:pt idx="4128">
                  <c:v>2.5000000000000001E-3</c:v>
                </c:pt>
                <c:pt idx="4129">
                  <c:v>2.5000000000000001E-3</c:v>
                </c:pt>
                <c:pt idx="4130">
                  <c:v>2.5000000000000001E-3</c:v>
                </c:pt>
                <c:pt idx="4131">
                  <c:v>2.5000000000000001E-3</c:v>
                </c:pt>
                <c:pt idx="4132">
                  <c:v>2.5000000000000001E-3</c:v>
                </c:pt>
                <c:pt idx="4133">
                  <c:v>2.5000000000000001E-3</c:v>
                </c:pt>
                <c:pt idx="4134">
                  <c:v>2.5000000000000001E-3</c:v>
                </c:pt>
                <c:pt idx="4135">
                  <c:v>2.5000000000000001E-3</c:v>
                </c:pt>
                <c:pt idx="4136">
                  <c:v>2.5000000000000001E-3</c:v>
                </c:pt>
                <c:pt idx="4137">
                  <c:v>2.5000000000000001E-3</c:v>
                </c:pt>
                <c:pt idx="4138">
                  <c:v>2.5000000000000001E-3</c:v>
                </c:pt>
                <c:pt idx="4139">
                  <c:v>2.5000000000000001E-3</c:v>
                </c:pt>
                <c:pt idx="4140">
                  <c:v>2.5000000000000001E-3</c:v>
                </c:pt>
                <c:pt idx="4141">
                  <c:v>2.5000000000000001E-3</c:v>
                </c:pt>
                <c:pt idx="4142">
                  <c:v>2.5000000000000001E-3</c:v>
                </c:pt>
                <c:pt idx="4143">
                  <c:v>2.5000000000000001E-3</c:v>
                </c:pt>
                <c:pt idx="4144">
                  <c:v>2.5000000000000001E-3</c:v>
                </c:pt>
                <c:pt idx="4145">
                  <c:v>2.5000000000000001E-3</c:v>
                </c:pt>
                <c:pt idx="4146">
                  <c:v>2.5000000000000001E-3</c:v>
                </c:pt>
                <c:pt idx="4147">
                  <c:v>2.5000000000000001E-3</c:v>
                </c:pt>
                <c:pt idx="4148">
                  <c:v>2.5000000000000001E-3</c:v>
                </c:pt>
                <c:pt idx="4149">
                  <c:v>2.5000000000000001E-3</c:v>
                </c:pt>
                <c:pt idx="4150">
                  <c:v>2.5000000000000001E-3</c:v>
                </c:pt>
                <c:pt idx="4151">
                  <c:v>2.5000000000000001E-3</c:v>
                </c:pt>
                <c:pt idx="4152">
                  <c:v>2.5000000000000001E-3</c:v>
                </c:pt>
                <c:pt idx="4153">
                  <c:v>2.5000000000000001E-3</c:v>
                </c:pt>
                <c:pt idx="4154">
                  <c:v>2.5000000000000001E-3</c:v>
                </c:pt>
                <c:pt idx="4155">
                  <c:v>2.5000000000000001E-3</c:v>
                </c:pt>
                <c:pt idx="4156">
                  <c:v>2.5000000000000001E-3</c:v>
                </c:pt>
                <c:pt idx="4157">
                  <c:v>2.5000000000000001E-3</c:v>
                </c:pt>
                <c:pt idx="4158">
                  <c:v>2.5000000000000001E-3</c:v>
                </c:pt>
                <c:pt idx="4159">
                  <c:v>2.5000000000000001E-3</c:v>
                </c:pt>
                <c:pt idx="4160">
                  <c:v>2.5000000000000001E-3</c:v>
                </c:pt>
                <c:pt idx="4161">
                  <c:v>2.5000000000000001E-3</c:v>
                </c:pt>
                <c:pt idx="4162">
                  <c:v>2.5000000000000001E-3</c:v>
                </c:pt>
                <c:pt idx="4163">
                  <c:v>2.5000000000000001E-3</c:v>
                </c:pt>
                <c:pt idx="4164">
                  <c:v>2.5000000000000001E-3</c:v>
                </c:pt>
                <c:pt idx="4165">
                  <c:v>2.5000000000000001E-3</c:v>
                </c:pt>
                <c:pt idx="4166">
                  <c:v>2.5000000000000001E-3</c:v>
                </c:pt>
                <c:pt idx="4167">
                  <c:v>2.5000000000000001E-3</c:v>
                </c:pt>
                <c:pt idx="4168">
                  <c:v>2.5000000000000001E-3</c:v>
                </c:pt>
                <c:pt idx="4169">
                  <c:v>2.5000000000000001E-3</c:v>
                </c:pt>
                <c:pt idx="4170">
                  <c:v>2.5000000000000001E-3</c:v>
                </c:pt>
                <c:pt idx="4171">
                  <c:v>2.5000000000000001E-3</c:v>
                </c:pt>
                <c:pt idx="4172">
                  <c:v>2.5000000000000001E-3</c:v>
                </c:pt>
                <c:pt idx="4173">
                  <c:v>2.5000000000000001E-3</c:v>
                </c:pt>
                <c:pt idx="4174">
                  <c:v>2.5000000000000001E-3</c:v>
                </c:pt>
                <c:pt idx="4175">
                  <c:v>2.5000000000000001E-3</c:v>
                </c:pt>
                <c:pt idx="4176">
                  <c:v>2.5000000000000001E-3</c:v>
                </c:pt>
                <c:pt idx="4177">
                  <c:v>2.5000000000000001E-3</c:v>
                </c:pt>
                <c:pt idx="4178">
                  <c:v>2.5000000000000001E-3</c:v>
                </c:pt>
                <c:pt idx="4179">
                  <c:v>2.5000000000000001E-3</c:v>
                </c:pt>
                <c:pt idx="4180">
                  <c:v>2.5000000000000001E-3</c:v>
                </c:pt>
                <c:pt idx="4181">
                  <c:v>2.5000000000000001E-3</c:v>
                </c:pt>
                <c:pt idx="4182">
                  <c:v>2.5000000000000001E-3</c:v>
                </c:pt>
                <c:pt idx="4183">
                  <c:v>2.5000000000000001E-3</c:v>
                </c:pt>
                <c:pt idx="4184">
                  <c:v>2.5000000000000001E-3</c:v>
                </c:pt>
                <c:pt idx="4185">
                  <c:v>2.5000000000000001E-3</c:v>
                </c:pt>
                <c:pt idx="4186">
                  <c:v>2.5000000000000001E-3</c:v>
                </c:pt>
                <c:pt idx="4187">
                  <c:v>2.5000000000000001E-3</c:v>
                </c:pt>
                <c:pt idx="4188">
                  <c:v>2.5000000000000001E-3</c:v>
                </c:pt>
                <c:pt idx="4189">
                  <c:v>2.5000000000000001E-3</c:v>
                </c:pt>
                <c:pt idx="4190">
                  <c:v>2.5000000000000001E-3</c:v>
                </c:pt>
                <c:pt idx="4191">
                  <c:v>2.5000000000000001E-3</c:v>
                </c:pt>
                <c:pt idx="4192">
                  <c:v>2.5000000000000001E-3</c:v>
                </c:pt>
                <c:pt idx="4193">
                  <c:v>2.5000000000000001E-3</c:v>
                </c:pt>
                <c:pt idx="4194">
                  <c:v>2.5000000000000001E-3</c:v>
                </c:pt>
                <c:pt idx="4195">
                  <c:v>2.5000000000000001E-3</c:v>
                </c:pt>
                <c:pt idx="4196">
                  <c:v>2.5000000000000001E-3</c:v>
                </c:pt>
                <c:pt idx="4197">
                  <c:v>2.5000000000000001E-3</c:v>
                </c:pt>
                <c:pt idx="4198">
                  <c:v>2.5000000000000001E-3</c:v>
                </c:pt>
                <c:pt idx="4199">
                  <c:v>2.5000000000000001E-3</c:v>
                </c:pt>
                <c:pt idx="4200">
                  <c:v>2.5000000000000001E-3</c:v>
                </c:pt>
                <c:pt idx="4201">
                  <c:v>2.5000000000000001E-3</c:v>
                </c:pt>
                <c:pt idx="4202">
                  <c:v>2.5000000000000001E-3</c:v>
                </c:pt>
                <c:pt idx="4203">
                  <c:v>2.5000000000000001E-3</c:v>
                </c:pt>
                <c:pt idx="4204">
                  <c:v>2.5000000000000001E-3</c:v>
                </c:pt>
                <c:pt idx="4205">
                  <c:v>2.5000000000000001E-3</c:v>
                </c:pt>
                <c:pt idx="4206">
                  <c:v>2.5000000000000001E-3</c:v>
                </c:pt>
                <c:pt idx="4207">
                  <c:v>2.5000000000000001E-3</c:v>
                </c:pt>
                <c:pt idx="4208">
                  <c:v>2.5000000000000001E-3</c:v>
                </c:pt>
                <c:pt idx="4209">
                  <c:v>2.5000000000000001E-3</c:v>
                </c:pt>
                <c:pt idx="4210">
                  <c:v>2.5000000000000001E-3</c:v>
                </c:pt>
                <c:pt idx="4211">
                  <c:v>2.5000000000000001E-3</c:v>
                </c:pt>
                <c:pt idx="4212">
                  <c:v>2.5000000000000001E-3</c:v>
                </c:pt>
                <c:pt idx="4213">
                  <c:v>2.5000000000000001E-3</c:v>
                </c:pt>
                <c:pt idx="4214">
                  <c:v>2.5000000000000001E-3</c:v>
                </c:pt>
                <c:pt idx="4215">
                  <c:v>2.5000000000000001E-3</c:v>
                </c:pt>
                <c:pt idx="4216">
                  <c:v>2.5000000000000001E-3</c:v>
                </c:pt>
                <c:pt idx="4217">
                  <c:v>2.5000000000000001E-3</c:v>
                </c:pt>
                <c:pt idx="4218">
                  <c:v>2.5000000000000001E-3</c:v>
                </c:pt>
                <c:pt idx="4219">
                  <c:v>2.5000000000000001E-3</c:v>
                </c:pt>
                <c:pt idx="4220">
                  <c:v>2.5000000000000001E-3</c:v>
                </c:pt>
                <c:pt idx="4221">
                  <c:v>2.5000000000000001E-3</c:v>
                </c:pt>
                <c:pt idx="4222">
                  <c:v>2.5000000000000001E-3</c:v>
                </c:pt>
                <c:pt idx="4223">
                  <c:v>2.5000000000000001E-3</c:v>
                </c:pt>
                <c:pt idx="4224">
                  <c:v>2.5000000000000001E-3</c:v>
                </c:pt>
                <c:pt idx="4225">
                  <c:v>2.5000000000000001E-3</c:v>
                </c:pt>
                <c:pt idx="4226">
                  <c:v>2.5000000000000001E-3</c:v>
                </c:pt>
                <c:pt idx="4227">
                  <c:v>2.5000000000000001E-3</c:v>
                </c:pt>
                <c:pt idx="4228">
                  <c:v>2.5000000000000001E-3</c:v>
                </c:pt>
                <c:pt idx="4229">
                  <c:v>2.5000000000000001E-3</c:v>
                </c:pt>
                <c:pt idx="4230">
                  <c:v>2.5000000000000001E-3</c:v>
                </c:pt>
                <c:pt idx="4231">
                  <c:v>2.5000000000000001E-3</c:v>
                </c:pt>
                <c:pt idx="4232">
                  <c:v>2.5000000000000001E-3</c:v>
                </c:pt>
                <c:pt idx="4233">
                  <c:v>2.5000000000000001E-3</c:v>
                </c:pt>
                <c:pt idx="4234">
                  <c:v>2.5000000000000001E-3</c:v>
                </c:pt>
                <c:pt idx="4235">
                  <c:v>2.5000000000000001E-3</c:v>
                </c:pt>
                <c:pt idx="4236">
                  <c:v>2.5000000000000001E-3</c:v>
                </c:pt>
                <c:pt idx="4237">
                  <c:v>2.5000000000000001E-3</c:v>
                </c:pt>
                <c:pt idx="4238">
                  <c:v>2.5000000000000001E-3</c:v>
                </c:pt>
                <c:pt idx="4239">
                  <c:v>2.5000000000000001E-3</c:v>
                </c:pt>
                <c:pt idx="4240">
                  <c:v>2.5000000000000001E-3</c:v>
                </c:pt>
                <c:pt idx="4241">
                  <c:v>2.5000000000000001E-3</c:v>
                </c:pt>
                <c:pt idx="4242">
                  <c:v>2.5000000000000001E-3</c:v>
                </c:pt>
                <c:pt idx="4243">
                  <c:v>2.5000000000000001E-3</c:v>
                </c:pt>
                <c:pt idx="4244">
                  <c:v>2.5000000000000001E-3</c:v>
                </c:pt>
                <c:pt idx="4245">
                  <c:v>2.5000000000000001E-3</c:v>
                </c:pt>
                <c:pt idx="4246">
                  <c:v>2.5000000000000001E-3</c:v>
                </c:pt>
                <c:pt idx="4247">
                  <c:v>2.5000000000000001E-3</c:v>
                </c:pt>
                <c:pt idx="4248">
                  <c:v>2.5000000000000001E-3</c:v>
                </c:pt>
                <c:pt idx="4249">
                  <c:v>2.5000000000000001E-3</c:v>
                </c:pt>
                <c:pt idx="4250">
                  <c:v>2.5000000000000001E-3</c:v>
                </c:pt>
                <c:pt idx="4251">
                  <c:v>2.5000000000000001E-3</c:v>
                </c:pt>
                <c:pt idx="4252">
                  <c:v>2.5000000000000001E-3</c:v>
                </c:pt>
                <c:pt idx="4253">
                  <c:v>2.5000000000000001E-3</c:v>
                </c:pt>
                <c:pt idx="4254">
                  <c:v>2.5000000000000001E-3</c:v>
                </c:pt>
                <c:pt idx="4255">
                  <c:v>2.5000000000000001E-3</c:v>
                </c:pt>
                <c:pt idx="4256">
                  <c:v>2.5000000000000001E-3</c:v>
                </c:pt>
                <c:pt idx="4257">
                  <c:v>2.5000000000000001E-3</c:v>
                </c:pt>
                <c:pt idx="4258">
                  <c:v>2.5000000000000001E-3</c:v>
                </c:pt>
                <c:pt idx="4259">
                  <c:v>2.5000000000000001E-3</c:v>
                </c:pt>
                <c:pt idx="4260">
                  <c:v>2.5000000000000001E-3</c:v>
                </c:pt>
                <c:pt idx="4261">
                  <c:v>2.5000000000000001E-3</c:v>
                </c:pt>
                <c:pt idx="4262">
                  <c:v>2.5000000000000001E-3</c:v>
                </c:pt>
                <c:pt idx="4263">
                  <c:v>2.5000000000000001E-3</c:v>
                </c:pt>
                <c:pt idx="4264">
                  <c:v>2.5000000000000001E-3</c:v>
                </c:pt>
                <c:pt idx="4265">
                  <c:v>2.5000000000000001E-3</c:v>
                </c:pt>
                <c:pt idx="4266">
                  <c:v>2.5000000000000001E-3</c:v>
                </c:pt>
                <c:pt idx="4267">
                  <c:v>2.5000000000000001E-3</c:v>
                </c:pt>
                <c:pt idx="4268">
                  <c:v>2.5000000000000001E-3</c:v>
                </c:pt>
                <c:pt idx="4269">
                  <c:v>2.5000000000000001E-3</c:v>
                </c:pt>
                <c:pt idx="4270">
                  <c:v>2.5000000000000001E-3</c:v>
                </c:pt>
                <c:pt idx="4271">
                  <c:v>2.5000000000000001E-3</c:v>
                </c:pt>
                <c:pt idx="4272">
                  <c:v>2.5000000000000001E-3</c:v>
                </c:pt>
                <c:pt idx="4273">
                  <c:v>2.5000000000000001E-3</c:v>
                </c:pt>
                <c:pt idx="4274">
                  <c:v>2.5000000000000001E-3</c:v>
                </c:pt>
                <c:pt idx="4275">
                  <c:v>2.5000000000000001E-3</c:v>
                </c:pt>
                <c:pt idx="4276">
                  <c:v>2.5000000000000001E-3</c:v>
                </c:pt>
                <c:pt idx="4277">
                  <c:v>2.5000000000000001E-3</c:v>
                </c:pt>
                <c:pt idx="4278">
                  <c:v>2.5000000000000001E-3</c:v>
                </c:pt>
                <c:pt idx="4279">
                  <c:v>2.5000000000000001E-3</c:v>
                </c:pt>
                <c:pt idx="4280">
                  <c:v>2.5000000000000001E-3</c:v>
                </c:pt>
                <c:pt idx="4281">
                  <c:v>2.5000000000000001E-3</c:v>
                </c:pt>
                <c:pt idx="4282">
                  <c:v>2.5000000000000001E-3</c:v>
                </c:pt>
                <c:pt idx="4283">
                  <c:v>2.5000000000000001E-3</c:v>
                </c:pt>
                <c:pt idx="4284">
                  <c:v>2.5000000000000001E-3</c:v>
                </c:pt>
                <c:pt idx="4285">
                  <c:v>2.5000000000000001E-3</c:v>
                </c:pt>
                <c:pt idx="4286">
                  <c:v>2.5000000000000001E-3</c:v>
                </c:pt>
                <c:pt idx="4287">
                  <c:v>2.5000000000000001E-3</c:v>
                </c:pt>
                <c:pt idx="4288">
                  <c:v>2.5000000000000001E-3</c:v>
                </c:pt>
                <c:pt idx="4289">
                  <c:v>2.5000000000000001E-3</c:v>
                </c:pt>
                <c:pt idx="4290">
                  <c:v>2.5000000000000001E-3</c:v>
                </c:pt>
                <c:pt idx="4291">
                  <c:v>2.5000000000000001E-3</c:v>
                </c:pt>
                <c:pt idx="4292">
                  <c:v>2.5000000000000001E-3</c:v>
                </c:pt>
                <c:pt idx="4293">
                  <c:v>2.5000000000000001E-3</c:v>
                </c:pt>
                <c:pt idx="4294">
                  <c:v>2.5000000000000001E-3</c:v>
                </c:pt>
                <c:pt idx="4295">
                  <c:v>2.5000000000000001E-3</c:v>
                </c:pt>
                <c:pt idx="4296">
                  <c:v>2.5000000000000001E-3</c:v>
                </c:pt>
                <c:pt idx="4297">
                  <c:v>2.5000000000000001E-3</c:v>
                </c:pt>
                <c:pt idx="4298">
                  <c:v>2.5000000000000001E-3</c:v>
                </c:pt>
                <c:pt idx="4299">
                  <c:v>2.5000000000000001E-3</c:v>
                </c:pt>
                <c:pt idx="4300">
                  <c:v>2.5000000000000001E-3</c:v>
                </c:pt>
                <c:pt idx="4301">
                  <c:v>2.5000000000000001E-3</c:v>
                </c:pt>
                <c:pt idx="4302">
                  <c:v>2.5000000000000001E-3</c:v>
                </c:pt>
                <c:pt idx="4303">
                  <c:v>2.5000000000000001E-3</c:v>
                </c:pt>
                <c:pt idx="4304">
                  <c:v>2.5000000000000001E-3</c:v>
                </c:pt>
                <c:pt idx="4305">
                  <c:v>2.5000000000000001E-3</c:v>
                </c:pt>
                <c:pt idx="4306">
                  <c:v>2.5000000000000001E-3</c:v>
                </c:pt>
                <c:pt idx="4307">
                  <c:v>2.5000000000000001E-3</c:v>
                </c:pt>
                <c:pt idx="4308">
                  <c:v>2.5000000000000001E-3</c:v>
                </c:pt>
                <c:pt idx="4309">
                  <c:v>2.5000000000000001E-3</c:v>
                </c:pt>
                <c:pt idx="4310">
                  <c:v>2.5000000000000001E-3</c:v>
                </c:pt>
                <c:pt idx="4311">
                  <c:v>2.5000000000000001E-3</c:v>
                </c:pt>
                <c:pt idx="4312">
                  <c:v>2.5000000000000001E-3</c:v>
                </c:pt>
                <c:pt idx="4313">
                  <c:v>2.5000000000000001E-3</c:v>
                </c:pt>
                <c:pt idx="4314">
                  <c:v>2.5000000000000001E-3</c:v>
                </c:pt>
                <c:pt idx="4315">
                  <c:v>2.5000000000000001E-3</c:v>
                </c:pt>
                <c:pt idx="4316">
                  <c:v>2.5000000000000001E-3</c:v>
                </c:pt>
                <c:pt idx="4317">
                  <c:v>2.5000000000000001E-3</c:v>
                </c:pt>
                <c:pt idx="4318">
                  <c:v>2.5000000000000001E-3</c:v>
                </c:pt>
                <c:pt idx="4319">
                  <c:v>2.5000000000000001E-3</c:v>
                </c:pt>
                <c:pt idx="4320">
                  <c:v>2.5000000000000001E-3</c:v>
                </c:pt>
                <c:pt idx="4321">
                  <c:v>2.5000000000000001E-3</c:v>
                </c:pt>
                <c:pt idx="4322">
                  <c:v>2.5000000000000001E-3</c:v>
                </c:pt>
                <c:pt idx="4323">
                  <c:v>2.5000000000000001E-3</c:v>
                </c:pt>
                <c:pt idx="4324">
                  <c:v>2.5000000000000001E-3</c:v>
                </c:pt>
                <c:pt idx="4325">
                  <c:v>2.5000000000000001E-3</c:v>
                </c:pt>
                <c:pt idx="4326">
                  <c:v>2.5000000000000001E-3</c:v>
                </c:pt>
                <c:pt idx="4327">
                  <c:v>2.5000000000000001E-3</c:v>
                </c:pt>
                <c:pt idx="4328">
                  <c:v>2.5000000000000001E-3</c:v>
                </c:pt>
                <c:pt idx="4329">
                  <c:v>2.5000000000000001E-3</c:v>
                </c:pt>
                <c:pt idx="4330">
                  <c:v>2.5000000000000001E-3</c:v>
                </c:pt>
                <c:pt idx="4331">
                  <c:v>2.5000000000000001E-3</c:v>
                </c:pt>
                <c:pt idx="4332">
                  <c:v>2.5000000000000001E-3</c:v>
                </c:pt>
                <c:pt idx="4333">
                  <c:v>2.5000000000000001E-3</c:v>
                </c:pt>
                <c:pt idx="4334">
                  <c:v>2.5000000000000001E-3</c:v>
                </c:pt>
                <c:pt idx="4335">
                  <c:v>2.5000000000000001E-3</c:v>
                </c:pt>
                <c:pt idx="4336">
                  <c:v>2.5000000000000001E-3</c:v>
                </c:pt>
                <c:pt idx="4337">
                  <c:v>2.5000000000000001E-3</c:v>
                </c:pt>
                <c:pt idx="4338">
                  <c:v>2.5000000000000001E-3</c:v>
                </c:pt>
                <c:pt idx="4339">
                  <c:v>2.5000000000000001E-3</c:v>
                </c:pt>
                <c:pt idx="4340">
                  <c:v>2.5000000000000001E-3</c:v>
                </c:pt>
                <c:pt idx="4341">
                  <c:v>2.5000000000000001E-3</c:v>
                </c:pt>
                <c:pt idx="4342">
                  <c:v>2.5000000000000001E-3</c:v>
                </c:pt>
                <c:pt idx="4343">
                  <c:v>2.5000000000000001E-3</c:v>
                </c:pt>
                <c:pt idx="4344">
                  <c:v>2.5000000000000001E-3</c:v>
                </c:pt>
                <c:pt idx="4345">
                  <c:v>2.5000000000000001E-3</c:v>
                </c:pt>
                <c:pt idx="4346">
                  <c:v>2.5000000000000001E-3</c:v>
                </c:pt>
                <c:pt idx="4347">
                  <c:v>2.5000000000000001E-3</c:v>
                </c:pt>
                <c:pt idx="4348">
                  <c:v>2.5000000000000001E-3</c:v>
                </c:pt>
                <c:pt idx="4349">
                  <c:v>2.5000000000000001E-3</c:v>
                </c:pt>
                <c:pt idx="4350">
                  <c:v>2.5000000000000001E-3</c:v>
                </c:pt>
                <c:pt idx="4351">
                  <c:v>2.5000000000000001E-3</c:v>
                </c:pt>
                <c:pt idx="4352">
                  <c:v>2.5000000000000001E-3</c:v>
                </c:pt>
                <c:pt idx="4353">
                  <c:v>2.5000000000000001E-3</c:v>
                </c:pt>
                <c:pt idx="4354">
                  <c:v>2.5000000000000001E-3</c:v>
                </c:pt>
                <c:pt idx="4355">
                  <c:v>2.5000000000000001E-3</c:v>
                </c:pt>
                <c:pt idx="4356">
                  <c:v>2.5000000000000001E-3</c:v>
                </c:pt>
                <c:pt idx="4357">
                  <c:v>2.5000000000000001E-3</c:v>
                </c:pt>
                <c:pt idx="4358">
                  <c:v>2.5000000000000001E-3</c:v>
                </c:pt>
                <c:pt idx="4359">
                  <c:v>2.5000000000000001E-3</c:v>
                </c:pt>
                <c:pt idx="4360">
                  <c:v>2.5000000000000001E-3</c:v>
                </c:pt>
                <c:pt idx="4361">
                  <c:v>2.5000000000000001E-3</c:v>
                </c:pt>
                <c:pt idx="4362">
                  <c:v>2.5000000000000001E-3</c:v>
                </c:pt>
                <c:pt idx="4363">
                  <c:v>2.5000000000000001E-3</c:v>
                </c:pt>
                <c:pt idx="4364">
                  <c:v>2.5000000000000001E-3</c:v>
                </c:pt>
                <c:pt idx="4365">
                  <c:v>2.5000000000000001E-3</c:v>
                </c:pt>
                <c:pt idx="4366">
                  <c:v>2.5000000000000001E-3</c:v>
                </c:pt>
                <c:pt idx="4367">
                  <c:v>2.5000000000000001E-3</c:v>
                </c:pt>
                <c:pt idx="4368">
                  <c:v>2.5000000000000001E-3</c:v>
                </c:pt>
                <c:pt idx="4369">
                  <c:v>2.5000000000000001E-3</c:v>
                </c:pt>
                <c:pt idx="4370">
                  <c:v>2.5000000000000001E-3</c:v>
                </c:pt>
                <c:pt idx="4371">
                  <c:v>2.5000000000000001E-3</c:v>
                </c:pt>
                <c:pt idx="4372">
                  <c:v>2.5000000000000001E-3</c:v>
                </c:pt>
                <c:pt idx="4373">
                  <c:v>2.5000000000000001E-3</c:v>
                </c:pt>
                <c:pt idx="4374">
                  <c:v>2.5000000000000001E-3</c:v>
                </c:pt>
                <c:pt idx="4375">
                  <c:v>2.5000000000000001E-3</c:v>
                </c:pt>
                <c:pt idx="4376">
                  <c:v>2.5000000000000001E-3</c:v>
                </c:pt>
                <c:pt idx="4377">
                  <c:v>2.5000000000000001E-3</c:v>
                </c:pt>
                <c:pt idx="4378">
                  <c:v>2.5000000000000001E-3</c:v>
                </c:pt>
                <c:pt idx="4379">
                  <c:v>2.5000000000000001E-3</c:v>
                </c:pt>
                <c:pt idx="4380">
                  <c:v>2.5000000000000001E-3</c:v>
                </c:pt>
                <c:pt idx="4381">
                  <c:v>2.5000000000000001E-3</c:v>
                </c:pt>
                <c:pt idx="4382">
                  <c:v>2.5000000000000001E-3</c:v>
                </c:pt>
                <c:pt idx="4383">
                  <c:v>2.5000000000000001E-3</c:v>
                </c:pt>
                <c:pt idx="4384">
                  <c:v>2.5000000000000001E-3</c:v>
                </c:pt>
                <c:pt idx="4385">
                  <c:v>2.5000000000000001E-3</c:v>
                </c:pt>
                <c:pt idx="4386">
                  <c:v>2.5000000000000001E-3</c:v>
                </c:pt>
                <c:pt idx="4387">
                  <c:v>2.5000000000000001E-3</c:v>
                </c:pt>
                <c:pt idx="4388">
                  <c:v>2.5000000000000001E-3</c:v>
                </c:pt>
                <c:pt idx="4389">
                  <c:v>2.5000000000000001E-3</c:v>
                </c:pt>
                <c:pt idx="4390">
                  <c:v>2.5000000000000001E-3</c:v>
                </c:pt>
                <c:pt idx="4391">
                  <c:v>2.5000000000000001E-3</c:v>
                </c:pt>
                <c:pt idx="4392">
                  <c:v>2.5000000000000001E-3</c:v>
                </c:pt>
                <c:pt idx="4393">
                  <c:v>2.5000000000000001E-3</c:v>
                </c:pt>
                <c:pt idx="4394">
                  <c:v>2.5000000000000001E-3</c:v>
                </c:pt>
                <c:pt idx="4395">
                  <c:v>2.5000000000000001E-3</c:v>
                </c:pt>
                <c:pt idx="4396">
                  <c:v>2.5000000000000001E-3</c:v>
                </c:pt>
                <c:pt idx="4397">
                  <c:v>2.5000000000000001E-3</c:v>
                </c:pt>
                <c:pt idx="4398">
                  <c:v>2.5000000000000001E-3</c:v>
                </c:pt>
                <c:pt idx="4399">
                  <c:v>2.5000000000000001E-3</c:v>
                </c:pt>
                <c:pt idx="4400">
                  <c:v>2.5000000000000001E-3</c:v>
                </c:pt>
                <c:pt idx="4401">
                  <c:v>2.5000000000000001E-3</c:v>
                </c:pt>
                <c:pt idx="4402">
                  <c:v>2.5000000000000001E-3</c:v>
                </c:pt>
                <c:pt idx="4403">
                  <c:v>2.5000000000000001E-3</c:v>
                </c:pt>
                <c:pt idx="4404">
                  <c:v>2.5000000000000001E-3</c:v>
                </c:pt>
                <c:pt idx="4405">
                  <c:v>2.5000000000000001E-3</c:v>
                </c:pt>
                <c:pt idx="4406">
                  <c:v>2.5000000000000001E-3</c:v>
                </c:pt>
                <c:pt idx="4407">
                  <c:v>2.5000000000000001E-3</c:v>
                </c:pt>
                <c:pt idx="4408">
                  <c:v>2.5000000000000001E-3</c:v>
                </c:pt>
                <c:pt idx="4409">
                  <c:v>2.5000000000000001E-3</c:v>
                </c:pt>
                <c:pt idx="4410">
                  <c:v>2.5000000000000001E-3</c:v>
                </c:pt>
                <c:pt idx="4411">
                  <c:v>2.5000000000000001E-3</c:v>
                </c:pt>
                <c:pt idx="4412">
                  <c:v>2.5000000000000001E-3</c:v>
                </c:pt>
                <c:pt idx="4413">
                  <c:v>2.5000000000000001E-3</c:v>
                </c:pt>
                <c:pt idx="4414">
                  <c:v>2.5000000000000001E-3</c:v>
                </c:pt>
                <c:pt idx="4415">
                  <c:v>2.5000000000000001E-3</c:v>
                </c:pt>
                <c:pt idx="4416">
                  <c:v>2.5000000000000001E-3</c:v>
                </c:pt>
                <c:pt idx="4417">
                  <c:v>2.5000000000000001E-3</c:v>
                </c:pt>
                <c:pt idx="4418">
                  <c:v>2.5000000000000001E-3</c:v>
                </c:pt>
                <c:pt idx="4419">
                  <c:v>2.5000000000000001E-3</c:v>
                </c:pt>
                <c:pt idx="4420">
                  <c:v>2.5000000000000001E-3</c:v>
                </c:pt>
                <c:pt idx="4421">
                  <c:v>2.5000000000000001E-3</c:v>
                </c:pt>
                <c:pt idx="4422">
                  <c:v>2.5000000000000001E-3</c:v>
                </c:pt>
                <c:pt idx="4423">
                  <c:v>2.5000000000000001E-3</c:v>
                </c:pt>
                <c:pt idx="4424">
                  <c:v>2.5000000000000001E-3</c:v>
                </c:pt>
                <c:pt idx="4425">
                  <c:v>2.5000000000000001E-3</c:v>
                </c:pt>
                <c:pt idx="4426">
                  <c:v>2.5000000000000001E-3</c:v>
                </c:pt>
                <c:pt idx="4427">
                  <c:v>2.5000000000000001E-3</c:v>
                </c:pt>
                <c:pt idx="4428">
                  <c:v>2.5000000000000001E-3</c:v>
                </c:pt>
                <c:pt idx="4429">
                  <c:v>2.5000000000000001E-3</c:v>
                </c:pt>
                <c:pt idx="4430">
                  <c:v>2.5000000000000001E-3</c:v>
                </c:pt>
                <c:pt idx="4431">
                  <c:v>2.5000000000000001E-3</c:v>
                </c:pt>
                <c:pt idx="4432">
                  <c:v>2.5000000000000001E-3</c:v>
                </c:pt>
                <c:pt idx="4433">
                  <c:v>2.5000000000000001E-3</c:v>
                </c:pt>
                <c:pt idx="4434">
                  <c:v>2.5000000000000001E-3</c:v>
                </c:pt>
                <c:pt idx="4435">
                  <c:v>2.5000000000000001E-3</c:v>
                </c:pt>
                <c:pt idx="4436">
                  <c:v>2.5000000000000001E-3</c:v>
                </c:pt>
                <c:pt idx="4437">
                  <c:v>2.5000000000000001E-3</c:v>
                </c:pt>
                <c:pt idx="4438">
                  <c:v>2.5000000000000001E-3</c:v>
                </c:pt>
                <c:pt idx="4439">
                  <c:v>2.5000000000000001E-3</c:v>
                </c:pt>
                <c:pt idx="4440">
                  <c:v>2.5000000000000001E-3</c:v>
                </c:pt>
                <c:pt idx="4441">
                  <c:v>2.5000000000000001E-3</c:v>
                </c:pt>
                <c:pt idx="4442">
                  <c:v>2.5000000000000001E-3</c:v>
                </c:pt>
                <c:pt idx="4443">
                  <c:v>2.5000000000000001E-3</c:v>
                </c:pt>
                <c:pt idx="4444">
                  <c:v>2.5000000000000001E-3</c:v>
                </c:pt>
                <c:pt idx="4445">
                  <c:v>2.5000000000000001E-3</c:v>
                </c:pt>
                <c:pt idx="4446">
                  <c:v>2.5000000000000001E-3</c:v>
                </c:pt>
                <c:pt idx="4447">
                  <c:v>2.5000000000000001E-3</c:v>
                </c:pt>
                <c:pt idx="4448">
                  <c:v>2.5000000000000001E-3</c:v>
                </c:pt>
                <c:pt idx="4449">
                  <c:v>2.5000000000000001E-3</c:v>
                </c:pt>
                <c:pt idx="4450">
                  <c:v>2.5000000000000001E-3</c:v>
                </c:pt>
                <c:pt idx="4451">
                  <c:v>2.5000000000000001E-3</c:v>
                </c:pt>
                <c:pt idx="4452">
                  <c:v>2.5000000000000001E-3</c:v>
                </c:pt>
                <c:pt idx="4453">
                  <c:v>2.5000000000000001E-3</c:v>
                </c:pt>
                <c:pt idx="4454">
                  <c:v>2.5000000000000001E-3</c:v>
                </c:pt>
                <c:pt idx="4455">
                  <c:v>2.5000000000000001E-3</c:v>
                </c:pt>
                <c:pt idx="4456">
                  <c:v>2.5000000000000001E-3</c:v>
                </c:pt>
                <c:pt idx="4457">
                  <c:v>2.5000000000000001E-3</c:v>
                </c:pt>
                <c:pt idx="4458">
                  <c:v>2.5000000000000001E-3</c:v>
                </c:pt>
                <c:pt idx="4459">
                  <c:v>2.5000000000000001E-3</c:v>
                </c:pt>
                <c:pt idx="4460">
                  <c:v>2.5000000000000001E-3</c:v>
                </c:pt>
                <c:pt idx="4461">
                  <c:v>2.5000000000000001E-3</c:v>
                </c:pt>
                <c:pt idx="4462">
                  <c:v>2.5000000000000001E-3</c:v>
                </c:pt>
                <c:pt idx="4463">
                  <c:v>2.5000000000000001E-3</c:v>
                </c:pt>
                <c:pt idx="4464">
                  <c:v>2.5000000000000001E-3</c:v>
                </c:pt>
                <c:pt idx="4465">
                  <c:v>2.5000000000000001E-3</c:v>
                </c:pt>
                <c:pt idx="4466">
                  <c:v>2.5000000000000001E-3</c:v>
                </c:pt>
                <c:pt idx="4467">
                  <c:v>2.5000000000000001E-3</c:v>
                </c:pt>
                <c:pt idx="4468">
                  <c:v>2.5000000000000001E-3</c:v>
                </c:pt>
                <c:pt idx="4469">
                  <c:v>2.5000000000000001E-3</c:v>
                </c:pt>
                <c:pt idx="4470">
                  <c:v>2.5000000000000001E-3</c:v>
                </c:pt>
                <c:pt idx="4471">
                  <c:v>2.5000000000000001E-3</c:v>
                </c:pt>
                <c:pt idx="4472">
                  <c:v>2.5000000000000001E-3</c:v>
                </c:pt>
                <c:pt idx="4473">
                  <c:v>2.5000000000000001E-3</c:v>
                </c:pt>
                <c:pt idx="4474">
                  <c:v>2.5000000000000001E-3</c:v>
                </c:pt>
                <c:pt idx="4475">
                  <c:v>2.5000000000000001E-3</c:v>
                </c:pt>
                <c:pt idx="4476">
                  <c:v>2.5000000000000001E-3</c:v>
                </c:pt>
                <c:pt idx="4477">
                  <c:v>2.5000000000000001E-3</c:v>
                </c:pt>
                <c:pt idx="4478">
                  <c:v>2.5000000000000001E-3</c:v>
                </c:pt>
                <c:pt idx="4479">
                  <c:v>2.5000000000000001E-3</c:v>
                </c:pt>
                <c:pt idx="4480">
                  <c:v>2.5000000000000001E-3</c:v>
                </c:pt>
                <c:pt idx="4481">
                  <c:v>2.5000000000000001E-3</c:v>
                </c:pt>
                <c:pt idx="4482">
                  <c:v>2.5000000000000001E-3</c:v>
                </c:pt>
                <c:pt idx="4483">
                  <c:v>2.5000000000000001E-3</c:v>
                </c:pt>
                <c:pt idx="4484">
                  <c:v>2.5000000000000001E-3</c:v>
                </c:pt>
                <c:pt idx="4485">
                  <c:v>2.5000000000000001E-3</c:v>
                </c:pt>
                <c:pt idx="4486">
                  <c:v>2.5000000000000001E-3</c:v>
                </c:pt>
                <c:pt idx="4487">
                  <c:v>2.5000000000000001E-3</c:v>
                </c:pt>
                <c:pt idx="4488">
                  <c:v>2.5000000000000001E-3</c:v>
                </c:pt>
                <c:pt idx="4489">
                  <c:v>2.5000000000000001E-3</c:v>
                </c:pt>
                <c:pt idx="4490">
                  <c:v>2.5000000000000001E-3</c:v>
                </c:pt>
                <c:pt idx="4491">
                  <c:v>2.5000000000000001E-3</c:v>
                </c:pt>
                <c:pt idx="4492">
                  <c:v>2.5000000000000001E-3</c:v>
                </c:pt>
                <c:pt idx="4493">
                  <c:v>2.5000000000000001E-3</c:v>
                </c:pt>
                <c:pt idx="4494">
                  <c:v>2.5000000000000001E-3</c:v>
                </c:pt>
                <c:pt idx="4495">
                  <c:v>2.5000000000000001E-3</c:v>
                </c:pt>
                <c:pt idx="4496">
                  <c:v>2.5000000000000001E-3</c:v>
                </c:pt>
                <c:pt idx="4497">
                  <c:v>2.5000000000000001E-3</c:v>
                </c:pt>
                <c:pt idx="4498">
                  <c:v>2.5000000000000001E-3</c:v>
                </c:pt>
                <c:pt idx="4499">
                  <c:v>2.5000000000000001E-3</c:v>
                </c:pt>
                <c:pt idx="4500">
                  <c:v>2.5000000000000001E-3</c:v>
                </c:pt>
                <c:pt idx="4501">
                  <c:v>2.5000000000000001E-3</c:v>
                </c:pt>
                <c:pt idx="4502">
                  <c:v>2.5000000000000001E-3</c:v>
                </c:pt>
                <c:pt idx="4503">
                  <c:v>2.5000000000000001E-3</c:v>
                </c:pt>
                <c:pt idx="4504">
                  <c:v>2.5000000000000001E-3</c:v>
                </c:pt>
                <c:pt idx="4505">
                  <c:v>2.5000000000000001E-3</c:v>
                </c:pt>
                <c:pt idx="4506">
                  <c:v>2.5000000000000001E-3</c:v>
                </c:pt>
                <c:pt idx="4507">
                  <c:v>2.5000000000000001E-3</c:v>
                </c:pt>
                <c:pt idx="4508">
                  <c:v>2.5000000000000001E-3</c:v>
                </c:pt>
                <c:pt idx="4509">
                  <c:v>2.5000000000000001E-3</c:v>
                </c:pt>
                <c:pt idx="4510">
                  <c:v>2.5000000000000001E-3</c:v>
                </c:pt>
                <c:pt idx="4511">
                  <c:v>2.5000000000000001E-3</c:v>
                </c:pt>
                <c:pt idx="4512">
                  <c:v>2.5000000000000001E-3</c:v>
                </c:pt>
                <c:pt idx="4513">
                  <c:v>2.5000000000000001E-3</c:v>
                </c:pt>
                <c:pt idx="4514">
                  <c:v>2.5000000000000001E-3</c:v>
                </c:pt>
                <c:pt idx="4515">
                  <c:v>2.5000000000000001E-3</c:v>
                </c:pt>
                <c:pt idx="4516">
                  <c:v>2.5000000000000001E-3</c:v>
                </c:pt>
                <c:pt idx="4517">
                  <c:v>2.5000000000000001E-3</c:v>
                </c:pt>
                <c:pt idx="4518">
                  <c:v>2.5000000000000001E-3</c:v>
                </c:pt>
                <c:pt idx="4519">
                  <c:v>2.5000000000000001E-3</c:v>
                </c:pt>
                <c:pt idx="4520">
                  <c:v>2.5000000000000001E-3</c:v>
                </c:pt>
                <c:pt idx="4521">
                  <c:v>2.5000000000000001E-3</c:v>
                </c:pt>
                <c:pt idx="4522">
                  <c:v>2.5000000000000001E-3</c:v>
                </c:pt>
                <c:pt idx="4523">
                  <c:v>2.5000000000000001E-3</c:v>
                </c:pt>
                <c:pt idx="4524">
                  <c:v>2.5000000000000001E-3</c:v>
                </c:pt>
                <c:pt idx="4525">
                  <c:v>2.5000000000000001E-3</c:v>
                </c:pt>
                <c:pt idx="4526">
                  <c:v>2.5000000000000001E-3</c:v>
                </c:pt>
                <c:pt idx="4527">
                  <c:v>2.5000000000000001E-3</c:v>
                </c:pt>
                <c:pt idx="4528">
                  <c:v>2.5000000000000001E-3</c:v>
                </c:pt>
                <c:pt idx="4529">
                  <c:v>2.5000000000000001E-3</c:v>
                </c:pt>
                <c:pt idx="4530">
                  <c:v>2.5000000000000001E-3</c:v>
                </c:pt>
                <c:pt idx="4531">
                  <c:v>2.5000000000000001E-3</c:v>
                </c:pt>
                <c:pt idx="4532">
                  <c:v>2.5000000000000001E-3</c:v>
                </c:pt>
                <c:pt idx="4533">
                  <c:v>2.5000000000000001E-3</c:v>
                </c:pt>
                <c:pt idx="4534">
                  <c:v>2.5000000000000001E-3</c:v>
                </c:pt>
                <c:pt idx="4535">
                  <c:v>2.5000000000000001E-3</c:v>
                </c:pt>
                <c:pt idx="4536">
                  <c:v>2.5000000000000001E-3</c:v>
                </c:pt>
                <c:pt idx="4537">
                  <c:v>2.5000000000000001E-3</c:v>
                </c:pt>
                <c:pt idx="4538">
                  <c:v>2.5000000000000001E-3</c:v>
                </c:pt>
                <c:pt idx="4539">
                  <c:v>2.5000000000000001E-3</c:v>
                </c:pt>
                <c:pt idx="4540">
                  <c:v>2.5000000000000001E-3</c:v>
                </c:pt>
                <c:pt idx="4541">
                  <c:v>2.5000000000000001E-3</c:v>
                </c:pt>
                <c:pt idx="4542">
                  <c:v>2.5000000000000001E-3</c:v>
                </c:pt>
                <c:pt idx="4543">
                  <c:v>2.5000000000000001E-3</c:v>
                </c:pt>
                <c:pt idx="4544">
                  <c:v>2.5000000000000001E-3</c:v>
                </c:pt>
                <c:pt idx="4545">
                  <c:v>2.5000000000000001E-3</c:v>
                </c:pt>
                <c:pt idx="4546">
                  <c:v>2.5000000000000001E-3</c:v>
                </c:pt>
                <c:pt idx="4547">
                  <c:v>2.5000000000000001E-3</c:v>
                </c:pt>
                <c:pt idx="4548">
                  <c:v>2.5000000000000001E-3</c:v>
                </c:pt>
                <c:pt idx="4549">
                  <c:v>2.5000000000000001E-3</c:v>
                </c:pt>
                <c:pt idx="4550">
                  <c:v>2.5000000000000001E-3</c:v>
                </c:pt>
                <c:pt idx="4551">
                  <c:v>2.5000000000000001E-3</c:v>
                </c:pt>
                <c:pt idx="4552">
                  <c:v>2.5000000000000001E-3</c:v>
                </c:pt>
                <c:pt idx="4553">
                  <c:v>2.5000000000000001E-3</c:v>
                </c:pt>
                <c:pt idx="4554">
                  <c:v>2.5000000000000001E-3</c:v>
                </c:pt>
                <c:pt idx="4555">
                  <c:v>2.5000000000000001E-3</c:v>
                </c:pt>
                <c:pt idx="4556">
                  <c:v>2.5000000000000001E-3</c:v>
                </c:pt>
                <c:pt idx="4557">
                  <c:v>2.5000000000000001E-3</c:v>
                </c:pt>
                <c:pt idx="4558">
                  <c:v>2.5000000000000001E-3</c:v>
                </c:pt>
                <c:pt idx="4559">
                  <c:v>2.5000000000000001E-3</c:v>
                </c:pt>
                <c:pt idx="4560">
                  <c:v>2.5000000000000001E-3</c:v>
                </c:pt>
                <c:pt idx="4561">
                  <c:v>2.5000000000000001E-3</c:v>
                </c:pt>
                <c:pt idx="4562">
                  <c:v>2.5000000000000001E-3</c:v>
                </c:pt>
                <c:pt idx="4563">
                  <c:v>2.5000000000000001E-3</c:v>
                </c:pt>
                <c:pt idx="4564">
                  <c:v>2.5000000000000001E-3</c:v>
                </c:pt>
                <c:pt idx="4565">
                  <c:v>2.5000000000000001E-3</c:v>
                </c:pt>
                <c:pt idx="4566">
                  <c:v>2.5000000000000001E-3</c:v>
                </c:pt>
                <c:pt idx="4567">
                  <c:v>2.5000000000000001E-3</c:v>
                </c:pt>
                <c:pt idx="4568">
                  <c:v>2.5000000000000001E-3</c:v>
                </c:pt>
                <c:pt idx="4569">
                  <c:v>2.5000000000000001E-3</c:v>
                </c:pt>
                <c:pt idx="4570">
                  <c:v>2.5000000000000001E-3</c:v>
                </c:pt>
                <c:pt idx="4571">
                  <c:v>2.5000000000000001E-3</c:v>
                </c:pt>
                <c:pt idx="4572">
                  <c:v>2.5000000000000001E-3</c:v>
                </c:pt>
                <c:pt idx="4573">
                  <c:v>2.5000000000000001E-3</c:v>
                </c:pt>
                <c:pt idx="4574">
                  <c:v>2.5000000000000001E-3</c:v>
                </c:pt>
                <c:pt idx="4575">
                  <c:v>2.5000000000000001E-3</c:v>
                </c:pt>
                <c:pt idx="4576">
                  <c:v>2.5000000000000001E-3</c:v>
                </c:pt>
                <c:pt idx="4577">
                  <c:v>2.5000000000000001E-3</c:v>
                </c:pt>
                <c:pt idx="4578">
                  <c:v>2.5000000000000001E-3</c:v>
                </c:pt>
                <c:pt idx="4579">
                  <c:v>2.5000000000000001E-3</c:v>
                </c:pt>
                <c:pt idx="4580">
                  <c:v>2.5000000000000001E-3</c:v>
                </c:pt>
                <c:pt idx="4581">
                  <c:v>2.5000000000000001E-3</c:v>
                </c:pt>
                <c:pt idx="4582">
                  <c:v>2.5000000000000001E-3</c:v>
                </c:pt>
                <c:pt idx="4583">
                  <c:v>2.5000000000000001E-3</c:v>
                </c:pt>
                <c:pt idx="4584">
                  <c:v>2.5000000000000001E-3</c:v>
                </c:pt>
                <c:pt idx="4585">
                  <c:v>2.5000000000000001E-3</c:v>
                </c:pt>
                <c:pt idx="4586">
                  <c:v>2.5000000000000001E-3</c:v>
                </c:pt>
                <c:pt idx="4587">
                  <c:v>2.5000000000000001E-3</c:v>
                </c:pt>
                <c:pt idx="4588">
                  <c:v>2.5000000000000001E-3</c:v>
                </c:pt>
                <c:pt idx="4589">
                  <c:v>2.5000000000000001E-3</c:v>
                </c:pt>
                <c:pt idx="4590">
                  <c:v>2.5000000000000001E-3</c:v>
                </c:pt>
                <c:pt idx="4591">
                  <c:v>2.5000000000000001E-3</c:v>
                </c:pt>
                <c:pt idx="4592">
                  <c:v>2.5000000000000001E-3</c:v>
                </c:pt>
                <c:pt idx="4593">
                  <c:v>2.5000000000000001E-3</c:v>
                </c:pt>
                <c:pt idx="4594">
                  <c:v>2.5000000000000001E-3</c:v>
                </c:pt>
                <c:pt idx="4595">
                  <c:v>2.5000000000000001E-3</c:v>
                </c:pt>
                <c:pt idx="4596">
                  <c:v>2.5000000000000001E-3</c:v>
                </c:pt>
                <c:pt idx="4597">
                  <c:v>2.5000000000000001E-3</c:v>
                </c:pt>
                <c:pt idx="4598">
                  <c:v>2.5000000000000001E-3</c:v>
                </c:pt>
                <c:pt idx="4599">
                  <c:v>2.5000000000000001E-3</c:v>
                </c:pt>
                <c:pt idx="4600">
                  <c:v>2.5000000000000001E-3</c:v>
                </c:pt>
                <c:pt idx="4601">
                  <c:v>2.5000000000000001E-3</c:v>
                </c:pt>
                <c:pt idx="4602">
                  <c:v>2.5000000000000001E-3</c:v>
                </c:pt>
                <c:pt idx="4603">
                  <c:v>2.5000000000000001E-3</c:v>
                </c:pt>
                <c:pt idx="4604">
                  <c:v>2.5000000000000001E-3</c:v>
                </c:pt>
                <c:pt idx="4605">
                  <c:v>2.5000000000000001E-3</c:v>
                </c:pt>
                <c:pt idx="4606">
                  <c:v>2.5000000000000001E-3</c:v>
                </c:pt>
                <c:pt idx="4607">
                  <c:v>2.5000000000000001E-3</c:v>
                </c:pt>
                <c:pt idx="4608">
                  <c:v>2.5000000000000001E-3</c:v>
                </c:pt>
                <c:pt idx="4609">
                  <c:v>2.5000000000000001E-3</c:v>
                </c:pt>
                <c:pt idx="4610">
                  <c:v>2.5000000000000001E-3</c:v>
                </c:pt>
                <c:pt idx="4611">
                  <c:v>2.5000000000000001E-3</c:v>
                </c:pt>
                <c:pt idx="4612">
                  <c:v>2.5000000000000001E-3</c:v>
                </c:pt>
                <c:pt idx="4613">
                  <c:v>2.5000000000000001E-3</c:v>
                </c:pt>
                <c:pt idx="4614">
                  <c:v>2.5000000000000001E-3</c:v>
                </c:pt>
                <c:pt idx="4615">
                  <c:v>2.5000000000000001E-3</c:v>
                </c:pt>
                <c:pt idx="4616">
                  <c:v>2.5000000000000001E-3</c:v>
                </c:pt>
                <c:pt idx="4617">
                  <c:v>2.5000000000000001E-3</c:v>
                </c:pt>
                <c:pt idx="4618">
                  <c:v>2.5000000000000001E-3</c:v>
                </c:pt>
                <c:pt idx="4619">
                  <c:v>2.5000000000000001E-3</c:v>
                </c:pt>
                <c:pt idx="4620">
                  <c:v>2.5000000000000001E-3</c:v>
                </c:pt>
                <c:pt idx="4621">
                  <c:v>2.5000000000000001E-3</c:v>
                </c:pt>
                <c:pt idx="4622">
                  <c:v>2.5000000000000001E-3</c:v>
                </c:pt>
                <c:pt idx="4623">
                  <c:v>2.5000000000000001E-3</c:v>
                </c:pt>
                <c:pt idx="4624">
                  <c:v>2.5000000000000001E-3</c:v>
                </c:pt>
                <c:pt idx="4625">
                  <c:v>2.5000000000000001E-3</c:v>
                </c:pt>
                <c:pt idx="4626">
                  <c:v>2.5000000000000001E-3</c:v>
                </c:pt>
                <c:pt idx="4627">
                  <c:v>2.5000000000000001E-3</c:v>
                </c:pt>
                <c:pt idx="4628">
                  <c:v>2.5000000000000001E-3</c:v>
                </c:pt>
                <c:pt idx="4629">
                  <c:v>2.5000000000000001E-3</c:v>
                </c:pt>
                <c:pt idx="4630">
                  <c:v>2.5000000000000001E-3</c:v>
                </c:pt>
                <c:pt idx="4631">
                  <c:v>2.5000000000000001E-3</c:v>
                </c:pt>
                <c:pt idx="4632">
                  <c:v>2.5000000000000001E-3</c:v>
                </c:pt>
                <c:pt idx="4633">
                  <c:v>2.5000000000000001E-3</c:v>
                </c:pt>
                <c:pt idx="4634">
                  <c:v>2.5000000000000001E-3</c:v>
                </c:pt>
                <c:pt idx="4635">
                  <c:v>2.5000000000000001E-3</c:v>
                </c:pt>
                <c:pt idx="4636">
                  <c:v>2.5000000000000001E-3</c:v>
                </c:pt>
                <c:pt idx="4637">
                  <c:v>2.5000000000000001E-3</c:v>
                </c:pt>
                <c:pt idx="4638">
                  <c:v>2.5000000000000001E-3</c:v>
                </c:pt>
                <c:pt idx="4639">
                  <c:v>2.5000000000000001E-3</c:v>
                </c:pt>
                <c:pt idx="4640">
                  <c:v>2.5000000000000001E-3</c:v>
                </c:pt>
                <c:pt idx="4641">
                  <c:v>2.5000000000000001E-3</c:v>
                </c:pt>
                <c:pt idx="4642">
                  <c:v>2.5000000000000001E-3</c:v>
                </c:pt>
                <c:pt idx="4643">
                  <c:v>2.5000000000000001E-3</c:v>
                </c:pt>
                <c:pt idx="4644">
                  <c:v>2.5000000000000001E-3</c:v>
                </c:pt>
                <c:pt idx="4645">
                  <c:v>2.5000000000000001E-3</c:v>
                </c:pt>
                <c:pt idx="4646">
                  <c:v>2.5000000000000001E-3</c:v>
                </c:pt>
                <c:pt idx="4647">
                  <c:v>2.5000000000000001E-3</c:v>
                </c:pt>
                <c:pt idx="4648">
                  <c:v>2.5000000000000001E-3</c:v>
                </c:pt>
                <c:pt idx="4649">
                  <c:v>2.5000000000000001E-3</c:v>
                </c:pt>
                <c:pt idx="4650">
                  <c:v>2.5000000000000001E-3</c:v>
                </c:pt>
                <c:pt idx="4651">
                  <c:v>2.5000000000000001E-3</c:v>
                </c:pt>
                <c:pt idx="4652">
                  <c:v>2.5000000000000001E-3</c:v>
                </c:pt>
                <c:pt idx="4653">
                  <c:v>2.5000000000000001E-3</c:v>
                </c:pt>
                <c:pt idx="4654">
                  <c:v>2.5000000000000001E-3</c:v>
                </c:pt>
                <c:pt idx="4655">
                  <c:v>2.5000000000000001E-3</c:v>
                </c:pt>
                <c:pt idx="4656">
                  <c:v>2.5000000000000001E-3</c:v>
                </c:pt>
                <c:pt idx="4657">
                  <c:v>2.5000000000000001E-3</c:v>
                </c:pt>
                <c:pt idx="4658">
                  <c:v>2.5000000000000001E-3</c:v>
                </c:pt>
                <c:pt idx="4659">
                  <c:v>2.5000000000000001E-3</c:v>
                </c:pt>
                <c:pt idx="4660">
                  <c:v>2.5000000000000001E-3</c:v>
                </c:pt>
                <c:pt idx="4661">
                  <c:v>2.5000000000000001E-3</c:v>
                </c:pt>
                <c:pt idx="4662">
                  <c:v>2.5000000000000001E-3</c:v>
                </c:pt>
                <c:pt idx="4663">
                  <c:v>2.5000000000000001E-3</c:v>
                </c:pt>
                <c:pt idx="4664">
                  <c:v>2.5000000000000001E-3</c:v>
                </c:pt>
                <c:pt idx="4665">
                  <c:v>2.5000000000000001E-3</c:v>
                </c:pt>
                <c:pt idx="4666">
                  <c:v>2.5000000000000001E-3</c:v>
                </c:pt>
                <c:pt idx="4667">
                  <c:v>2.5000000000000001E-3</c:v>
                </c:pt>
                <c:pt idx="4668">
                  <c:v>2.5000000000000001E-3</c:v>
                </c:pt>
                <c:pt idx="4669">
                  <c:v>2.5000000000000001E-3</c:v>
                </c:pt>
                <c:pt idx="4670">
                  <c:v>2.5000000000000001E-3</c:v>
                </c:pt>
                <c:pt idx="4671">
                  <c:v>2.5000000000000001E-3</c:v>
                </c:pt>
                <c:pt idx="4672">
                  <c:v>2.5000000000000001E-3</c:v>
                </c:pt>
                <c:pt idx="4673">
                  <c:v>2.5000000000000001E-3</c:v>
                </c:pt>
                <c:pt idx="4674">
                  <c:v>2.5000000000000001E-3</c:v>
                </c:pt>
                <c:pt idx="4675">
                  <c:v>2.5000000000000001E-3</c:v>
                </c:pt>
                <c:pt idx="4676">
                  <c:v>2.5000000000000001E-3</c:v>
                </c:pt>
                <c:pt idx="4677">
                  <c:v>2.5000000000000001E-3</c:v>
                </c:pt>
                <c:pt idx="4678">
                  <c:v>2.5000000000000001E-3</c:v>
                </c:pt>
                <c:pt idx="4679">
                  <c:v>2.5000000000000001E-3</c:v>
                </c:pt>
                <c:pt idx="4680">
                  <c:v>2.5000000000000001E-3</c:v>
                </c:pt>
                <c:pt idx="4681">
                  <c:v>2.5000000000000001E-3</c:v>
                </c:pt>
                <c:pt idx="4682">
                  <c:v>2.5000000000000001E-3</c:v>
                </c:pt>
                <c:pt idx="4683">
                  <c:v>2.5000000000000001E-3</c:v>
                </c:pt>
                <c:pt idx="4684">
                  <c:v>2.5000000000000001E-3</c:v>
                </c:pt>
                <c:pt idx="4685">
                  <c:v>2.5000000000000001E-3</c:v>
                </c:pt>
                <c:pt idx="4686">
                  <c:v>2.5000000000000001E-3</c:v>
                </c:pt>
                <c:pt idx="4687">
                  <c:v>2.5000000000000001E-3</c:v>
                </c:pt>
                <c:pt idx="4688">
                  <c:v>2.5000000000000001E-3</c:v>
                </c:pt>
                <c:pt idx="4689">
                  <c:v>2.5000000000000001E-3</c:v>
                </c:pt>
                <c:pt idx="4690">
                  <c:v>2.5000000000000001E-3</c:v>
                </c:pt>
                <c:pt idx="4691">
                  <c:v>2.5000000000000001E-3</c:v>
                </c:pt>
                <c:pt idx="4692">
                  <c:v>2.5000000000000001E-3</c:v>
                </c:pt>
                <c:pt idx="4693">
                  <c:v>2.5000000000000001E-3</c:v>
                </c:pt>
                <c:pt idx="4694">
                  <c:v>2.5000000000000001E-3</c:v>
                </c:pt>
                <c:pt idx="4695">
                  <c:v>2.5000000000000001E-3</c:v>
                </c:pt>
                <c:pt idx="4696">
                  <c:v>2.5000000000000001E-3</c:v>
                </c:pt>
                <c:pt idx="4697">
                  <c:v>2.5000000000000001E-3</c:v>
                </c:pt>
                <c:pt idx="4698">
                  <c:v>2.5000000000000001E-3</c:v>
                </c:pt>
                <c:pt idx="4699">
                  <c:v>2.5000000000000001E-3</c:v>
                </c:pt>
                <c:pt idx="4700">
                  <c:v>2.5000000000000001E-3</c:v>
                </c:pt>
                <c:pt idx="4701">
                  <c:v>2.5000000000000001E-3</c:v>
                </c:pt>
                <c:pt idx="4702">
                  <c:v>2.5000000000000001E-3</c:v>
                </c:pt>
                <c:pt idx="4703">
                  <c:v>2.5000000000000001E-3</c:v>
                </c:pt>
                <c:pt idx="4704">
                  <c:v>2.5000000000000001E-3</c:v>
                </c:pt>
                <c:pt idx="4705">
                  <c:v>2.5000000000000001E-3</c:v>
                </c:pt>
                <c:pt idx="4706">
                  <c:v>2.5000000000000001E-3</c:v>
                </c:pt>
                <c:pt idx="4707">
                  <c:v>2.5000000000000001E-3</c:v>
                </c:pt>
                <c:pt idx="4708">
                  <c:v>2.5000000000000001E-3</c:v>
                </c:pt>
                <c:pt idx="4709">
                  <c:v>2.5000000000000001E-3</c:v>
                </c:pt>
                <c:pt idx="4710">
                  <c:v>2.5000000000000001E-3</c:v>
                </c:pt>
                <c:pt idx="4711">
                  <c:v>2.5000000000000001E-3</c:v>
                </c:pt>
                <c:pt idx="4712">
                  <c:v>2.5000000000000001E-3</c:v>
                </c:pt>
                <c:pt idx="4713">
                  <c:v>2.5000000000000001E-3</c:v>
                </c:pt>
                <c:pt idx="4714">
                  <c:v>2.5000000000000001E-3</c:v>
                </c:pt>
                <c:pt idx="4715">
                  <c:v>2.5000000000000001E-3</c:v>
                </c:pt>
                <c:pt idx="4716">
                  <c:v>2.5000000000000001E-3</c:v>
                </c:pt>
                <c:pt idx="4717">
                  <c:v>2.5000000000000001E-3</c:v>
                </c:pt>
                <c:pt idx="4718">
                  <c:v>2.5000000000000001E-3</c:v>
                </c:pt>
                <c:pt idx="4719">
                  <c:v>2.5000000000000001E-3</c:v>
                </c:pt>
                <c:pt idx="4720">
                  <c:v>2.5000000000000001E-3</c:v>
                </c:pt>
                <c:pt idx="4721">
                  <c:v>2.5000000000000001E-3</c:v>
                </c:pt>
                <c:pt idx="4722">
                  <c:v>2.5000000000000001E-3</c:v>
                </c:pt>
                <c:pt idx="4723">
                  <c:v>2.5000000000000001E-3</c:v>
                </c:pt>
                <c:pt idx="4724">
                  <c:v>2.5000000000000001E-3</c:v>
                </c:pt>
                <c:pt idx="4725">
                  <c:v>2.5000000000000001E-3</c:v>
                </c:pt>
                <c:pt idx="4726">
                  <c:v>2.5000000000000001E-3</c:v>
                </c:pt>
                <c:pt idx="4727">
                  <c:v>2.5000000000000001E-3</c:v>
                </c:pt>
                <c:pt idx="4728">
                  <c:v>2.5000000000000001E-3</c:v>
                </c:pt>
                <c:pt idx="4729">
                  <c:v>2.5000000000000001E-3</c:v>
                </c:pt>
                <c:pt idx="4730">
                  <c:v>2.5000000000000001E-3</c:v>
                </c:pt>
                <c:pt idx="4731">
                  <c:v>2.5000000000000001E-3</c:v>
                </c:pt>
                <c:pt idx="4732">
                  <c:v>2.5000000000000001E-3</c:v>
                </c:pt>
                <c:pt idx="4733">
                  <c:v>2.5000000000000001E-3</c:v>
                </c:pt>
                <c:pt idx="4734">
                  <c:v>2.5000000000000001E-3</c:v>
                </c:pt>
                <c:pt idx="4735">
                  <c:v>2.5000000000000001E-3</c:v>
                </c:pt>
                <c:pt idx="4736">
                  <c:v>2.5000000000000001E-3</c:v>
                </c:pt>
                <c:pt idx="4737">
                  <c:v>2.5000000000000001E-3</c:v>
                </c:pt>
                <c:pt idx="4738">
                  <c:v>2.5000000000000001E-3</c:v>
                </c:pt>
                <c:pt idx="4739">
                  <c:v>2.5000000000000001E-3</c:v>
                </c:pt>
                <c:pt idx="4740">
                  <c:v>2.5000000000000001E-3</c:v>
                </c:pt>
                <c:pt idx="4741">
                  <c:v>2.5000000000000001E-3</c:v>
                </c:pt>
                <c:pt idx="4742">
                  <c:v>2.5000000000000001E-3</c:v>
                </c:pt>
                <c:pt idx="4743">
                  <c:v>2.5000000000000001E-3</c:v>
                </c:pt>
                <c:pt idx="4744">
                  <c:v>2.5000000000000001E-3</c:v>
                </c:pt>
                <c:pt idx="4745">
                  <c:v>2.5000000000000001E-3</c:v>
                </c:pt>
                <c:pt idx="4746">
                  <c:v>2.5000000000000001E-3</c:v>
                </c:pt>
                <c:pt idx="4747">
                  <c:v>2.5000000000000001E-3</c:v>
                </c:pt>
                <c:pt idx="4748">
                  <c:v>2.5000000000000001E-3</c:v>
                </c:pt>
                <c:pt idx="4749">
                  <c:v>2.5000000000000001E-3</c:v>
                </c:pt>
                <c:pt idx="4750">
                  <c:v>2.5000000000000001E-3</c:v>
                </c:pt>
                <c:pt idx="4751">
                  <c:v>2.5000000000000001E-3</c:v>
                </c:pt>
                <c:pt idx="4752">
                  <c:v>2.5000000000000001E-3</c:v>
                </c:pt>
                <c:pt idx="4753">
                  <c:v>2.5000000000000001E-3</c:v>
                </c:pt>
                <c:pt idx="4754">
                  <c:v>2.5000000000000001E-3</c:v>
                </c:pt>
                <c:pt idx="4755">
                  <c:v>2.5000000000000001E-3</c:v>
                </c:pt>
                <c:pt idx="4756">
                  <c:v>2.5000000000000001E-3</c:v>
                </c:pt>
                <c:pt idx="4757">
                  <c:v>2.5000000000000001E-3</c:v>
                </c:pt>
                <c:pt idx="4758">
                  <c:v>2.5000000000000001E-3</c:v>
                </c:pt>
                <c:pt idx="4759">
                  <c:v>2.5000000000000001E-3</c:v>
                </c:pt>
                <c:pt idx="4760">
                  <c:v>2.5000000000000001E-3</c:v>
                </c:pt>
                <c:pt idx="4761">
                  <c:v>2.5000000000000001E-3</c:v>
                </c:pt>
                <c:pt idx="4762">
                  <c:v>2.5000000000000001E-3</c:v>
                </c:pt>
                <c:pt idx="4763">
                  <c:v>2.5000000000000001E-3</c:v>
                </c:pt>
                <c:pt idx="4764">
                  <c:v>2.5000000000000001E-3</c:v>
                </c:pt>
                <c:pt idx="4765">
                  <c:v>2.5000000000000001E-3</c:v>
                </c:pt>
                <c:pt idx="4766">
                  <c:v>2.5000000000000001E-3</c:v>
                </c:pt>
                <c:pt idx="4767">
                  <c:v>2.5000000000000001E-3</c:v>
                </c:pt>
                <c:pt idx="4768">
                  <c:v>2.5000000000000001E-3</c:v>
                </c:pt>
                <c:pt idx="4769">
                  <c:v>2.5000000000000001E-3</c:v>
                </c:pt>
                <c:pt idx="4770">
                  <c:v>2.5000000000000001E-3</c:v>
                </c:pt>
                <c:pt idx="4771">
                  <c:v>2.5000000000000001E-3</c:v>
                </c:pt>
                <c:pt idx="4772">
                  <c:v>2.5000000000000001E-3</c:v>
                </c:pt>
                <c:pt idx="4773">
                  <c:v>2.5000000000000001E-3</c:v>
                </c:pt>
                <c:pt idx="4774">
                  <c:v>2.5000000000000001E-3</c:v>
                </c:pt>
                <c:pt idx="4775">
                  <c:v>2.5000000000000001E-3</c:v>
                </c:pt>
                <c:pt idx="4776">
                  <c:v>2.5000000000000001E-3</c:v>
                </c:pt>
                <c:pt idx="4777">
                  <c:v>2.5000000000000001E-3</c:v>
                </c:pt>
                <c:pt idx="4778">
                  <c:v>2.5000000000000001E-3</c:v>
                </c:pt>
                <c:pt idx="4779">
                  <c:v>2.5000000000000001E-3</c:v>
                </c:pt>
                <c:pt idx="4780">
                  <c:v>2.5000000000000001E-3</c:v>
                </c:pt>
                <c:pt idx="4781">
                  <c:v>2.5000000000000001E-3</c:v>
                </c:pt>
                <c:pt idx="4782">
                  <c:v>2.5000000000000001E-3</c:v>
                </c:pt>
                <c:pt idx="4783">
                  <c:v>2.5000000000000001E-3</c:v>
                </c:pt>
                <c:pt idx="4784">
                  <c:v>2.5000000000000001E-3</c:v>
                </c:pt>
                <c:pt idx="4785">
                  <c:v>2.5000000000000001E-3</c:v>
                </c:pt>
                <c:pt idx="4786">
                  <c:v>2.5000000000000001E-3</c:v>
                </c:pt>
                <c:pt idx="4787">
                  <c:v>2.5000000000000001E-3</c:v>
                </c:pt>
                <c:pt idx="4788">
                  <c:v>2.5000000000000001E-3</c:v>
                </c:pt>
                <c:pt idx="4789">
                  <c:v>2.5000000000000001E-3</c:v>
                </c:pt>
                <c:pt idx="4790">
                  <c:v>2.5000000000000001E-3</c:v>
                </c:pt>
                <c:pt idx="4791">
                  <c:v>2.5000000000000001E-3</c:v>
                </c:pt>
                <c:pt idx="4792">
                  <c:v>2.5000000000000001E-3</c:v>
                </c:pt>
                <c:pt idx="4793">
                  <c:v>2.5000000000000001E-3</c:v>
                </c:pt>
                <c:pt idx="4794">
                  <c:v>2.5000000000000001E-3</c:v>
                </c:pt>
                <c:pt idx="4795">
                  <c:v>2.5000000000000001E-3</c:v>
                </c:pt>
                <c:pt idx="4796">
                  <c:v>2.5000000000000001E-3</c:v>
                </c:pt>
                <c:pt idx="4797">
                  <c:v>2.5000000000000001E-3</c:v>
                </c:pt>
                <c:pt idx="4798">
                  <c:v>2.5000000000000001E-3</c:v>
                </c:pt>
                <c:pt idx="4799">
                  <c:v>2.5000000000000001E-3</c:v>
                </c:pt>
                <c:pt idx="4800">
                  <c:v>2.5000000000000001E-3</c:v>
                </c:pt>
                <c:pt idx="4801">
                  <c:v>2.5000000000000001E-3</c:v>
                </c:pt>
                <c:pt idx="4802">
                  <c:v>2.5000000000000001E-3</c:v>
                </c:pt>
                <c:pt idx="4803">
                  <c:v>2.5000000000000001E-3</c:v>
                </c:pt>
                <c:pt idx="4804">
                  <c:v>2.5000000000000001E-3</c:v>
                </c:pt>
                <c:pt idx="4805">
                  <c:v>2.5000000000000001E-3</c:v>
                </c:pt>
                <c:pt idx="4806">
                  <c:v>2.5000000000000001E-3</c:v>
                </c:pt>
                <c:pt idx="4807">
                  <c:v>2.5000000000000001E-3</c:v>
                </c:pt>
                <c:pt idx="4808">
                  <c:v>2.5000000000000001E-3</c:v>
                </c:pt>
                <c:pt idx="4809">
                  <c:v>2.5000000000000001E-3</c:v>
                </c:pt>
                <c:pt idx="4810">
                  <c:v>2.5000000000000001E-3</c:v>
                </c:pt>
                <c:pt idx="4811">
                  <c:v>2.5000000000000001E-3</c:v>
                </c:pt>
                <c:pt idx="4812">
                  <c:v>2.5000000000000001E-3</c:v>
                </c:pt>
                <c:pt idx="4813">
                  <c:v>2.5000000000000001E-3</c:v>
                </c:pt>
                <c:pt idx="4814">
                  <c:v>2.5000000000000001E-3</c:v>
                </c:pt>
                <c:pt idx="4815">
                  <c:v>2.5000000000000001E-3</c:v>
                </c:pt>
                <c:pt idx="4816">
                  <c:v>2.5000000000000001E-3</c:v>
                </c:pt>
                <c:pt idx="4817">
                  <c:v>2.5000000000000001E-3</c:v>
                </c:pt>
                <c:pt idx="4818">
                  <c:v>2.5000000000000001E-3</c:v>
                </c:pt>
                <c:pt idx="4819">
                  <c:v>2.5000000000000001E-3</c:v>
                </c:pt>
                <c:pt idx="4820">
                  <c:v>2.5000000000000001E-3</c:v>
                </c:pt>
                <c:pt idx="4821">
                  <c:v>2.5000000000000001E-3</c:v>
                </c:pt>
                <c:pt idx="4822">
                  <c:v>2.5000000000000001E-3</c:v>
                </c:pt>
                <c:pt idx="4823">
                  <c:v>2.5000000000000001E-3</c:v>
                </c:pt>
                <c:pt idx="4824">
                  <c:v>2.5000000000000001E-3</c:v>
                </c:pt>
                <c:pt idx="4825">
                  <c:v>2.5000000000000001E-3</c:v>
                </c:pt>
                <c:pt idx="4826">
                  <c:v>2.5000000000000001E-3</c:v>
                </c:pt>
                <c:pt idx="4827">
                  <c:v>2.5000000000000001E-3</c:v>
                </c:pt>
                <c:pt idx="4828">
                  <c:v>2.5000000000000001E-3</c:v>
                </c:pt>
                <c:pt idx="4829">
                  <c:v>2.5000000000000001E-3</c:v>
                </c:pt>
                <c:pt idx="4830">
                  <c:v>2.5000000000000001E-3</c:v>
                </c:pt>
                <c:pt idx="4831">
                  <c:v>2.5000000000000001E-3</c:v>
                </c:pt>
                <c:pt idx="4832">
                  <c:v>2.5000000000000001E-3</c:v>
                </c:pt>
                <c:pt idx="4833">
                  <c:v>2.5000000000000001E-3</c:v>
                </c:pt>
                <c:pt idx="4834">
                  <c:v>2.5000000000000001E-3</c:v>
                </c:pt>
                <c:pt idx="4835">
                  <c:v>2.5000000000000001E-3</c:v>
                </c:pt>
                <c:pt idx="4836">
                  <c:v>2.5000000000000001E-3</c:v>
                </c:pt>
                <c:pt idx="4837">
                  <c:v>2.5000000000000001E-3</c:v>
                </c:pt>
                <c:pt idx="4838">
                  <c:v>2.5000000000000001E-3</c:v>
                </c:pt>
                <c:pt idx="4839">
                  <c:v>2.5000000000000001E-3</c:v>
                </c:pt>
                <c:pt idx="4840">
                  <c:v>2.5000000000000001E-3</c:v>
                </c:pt>
                <c:pt idx="4841">
                  <c:v>2.5000000000000001E-3</c:v>
                </c:pt>
                <c:pt idx="4842">
                  <c:v>2.5000000000000001E-3</c:v>
                </c:pt>
                <c:pt idx="4843">
                  <c:v>2.5000000000000001E-3</c:v>
                </c:pt>
                <c:pt idx="4844">
                  <c:v>2.5000000000000001E-3</c:v>
                </c:pt>
                <c:pt idx="4845">
                  <c:v>2.5000000000000001E-3</c:v>
                </c:pt>
                <c:pt idx="4846">
                  <c:v>2.5000000000000001E-3</c:v>
                </c:pt>
                <c:pt idx="4847">
                  <c:v>2.5000000000000001E-3</c:v>
                </c:pt>
                <c:pt idx="4848">
                  <c:v>2.5000000000000001E-3</c:v>
                </c:pt>
                <c:pt idx="4849">
                  <c:v>2.5000000000000001E-3</c:v>
                </c:pt>
                <c:pt idx="4850">
                  <c:v>2.5000000000000001E-3</c:v>
                </c:pt>
                <c:pt idx="4851">
                  <c:v>2.5000000000000001E-3</c:v>
                </c:pt>
                <c:pt idx="4852">
                  <c:v>2.5000000000000001E-3</c:v>
                </c:pt>
                <c:pt idx="4853">
                  <c:v>2.5000000000000001E-3</c:v>
                </c:pt>
                <c:pt idx="4854">
                  <c:v>2.5000000000000001E-3</c:v>
                </c:pt>
                <c:pt idx="4855">
                  <c:v>2.5000000000000001E-3</c:v>
                </c:pt>
                <c:pt idx="4856">
                  <c:v>2.5000000000000001E-3</c:v>
                </c:pt>
                <c:pt idx="4857">
                  <c:v>2.5000000000000001E-3</c:v>
                </c:pt>
                <c:pt idx="4858">
                  <c:v>2.5000000000000001E-3</c:v>
                </c:pt>
                <c:pt idx="4859">
                  <c:v>2.5000000000000001E-3</c:v>
                </c:pt>
                <c:pt idx="4860">
                  <c:v>2.5000000000000001E-3</c:v>
                </c:pt>
                <c:pt idx="4861">
                  <c:v>2.5000000000000001E-3</c:v>
                </c:pt>
                <c:pt idx="4862">
                  <c:v>2.5000000000000001E-3</c:v>
                </c:pt>
                <c:pt idx="4863">
                  <c:v>2.5000000000000001E-3</c:v>
                </c:pt>
                <c:pt idx="4864">
                  <c:v>2.5000000000000001E-3</c:v>
                </c:pt>
                <c:pt idx="4865">
                  <c:v>2.5000000000000001E-3</c:v>
                </c:pt>
                <c:pt idx="4866">
                  <c:v>2.5000000000000001E-3</c:v>
                </c:pt>
                <c:pt idx="4867">
                  <c:v>2.5000000000000001E-3</c:v>
                </c:pt>
                <c:pt idx="4868">
                  <c:v>2.5000000000000001E-3</c:v>
                </c:pt>
                <c:pt idx="4869">
                  <c:v>2.5000000000000001E-3</c:v>
                </c:pt>
                <c:pt idx="4870">
                  <c:v>2.5000000000000001E-3</c:v>
                </c:pt>
                <c:pt idx="4871">
                  <c:v>2.5000000000000001E-3</c:v>
                </c:pt>
                <c:pt idx="4872">
                  <c:v>2.5000000000000001E-3</c:v>
                </c:pt>
                <c:pt idx="4873">
                  <c:v>2.5000000000000001E-3</c:v>
                </c:pt>
                <c:pt idx="4874">
                  <c:v>2.5000000000000001E-3</c:v>
                </c:pt>
                <c:pt idx="4875">
                  <c:v>2.5000000000000001E-3</c:v>
                </c:pt>
                <c:pt idx="4876">
                  <c:v>2.5000000000000001E-3</c:v>
                </c:pt>
                <c:pt idx="4877">
                  <c:v>2.5000000000000001E-3</c:v>
                </c:pt>
                <c:pt idx="4878">
                  <c:v>2.5000000000000001E-3</c:v>
                </c:pt>
                <c:pt idx="4879">
                  <c:v>2.5000000000000001E-3</c:v>
                </c:pt>
                <c:pt idx="4880">
                  <c:v>2.5000000000000001E-3</c:v>
                </c:pt>
                <c:pt idx="4881">
                  <c:v>2.5000000000000001E-3</c:v>
                </c:pt>
                <c:pt idx="4882">
                  <c:v>2.5000000000000001E-3</c:v>
                </c:pt>
                <c:pt idx="4883">
                  <c:v>2.5000000000000001E-3</c:v>
                </c:pt>
                <c:pt idx="4884">
                  <c:v>2.5000000000000001E-3</c:v>
                </c:pt>
                <c:pt idx="4885">
                  <c:v>2.5000000000000001E-3</c:v>
                </c:pt>
                <c:pt idx="4886">
                  <c:v>2.5000000000000001E-3</c:v>
                </c:pt>
                <c:pt idx="4887">
                  <c:v>2.5000000000000001E-3</c:v>
                </c:pt>
                <c:pt idx="4888">
                  <c:v>2.5000000000000001E-3</c:v>
                </c:pt>
                <c:pt idx="4889">
                  <c:v>2.5000000000000001E-3</c:v>
                </c:pt>
                <c:pt idx="4890">
                  <c:v>2.5000000000000001E-3</c:v>
                </c:pt>
                <c:pt idx="4891">
                  <c:v>2.5000000000000001E-3</c:v>
                </c:pt>
                <c:pt idx="4892">
                  <c:v>2.5000000000000001E-3</c:v>
                </c:pt>
                <c:pt idx="4893">
                  <c:v>2.5000000000000001E-3</c:v>
                </c:pt>
                <c:pt idx="4894">
                  <c:v>2.5000000000000001E-3</c:v>
                </c:pt>
                <c:pt idx="4895">
                  <c:v>2.5000000000000001E-3</c:v>
                </c:pt>
                <c:pt idx="4896">
                  <c:v>2.5000000000000001E-3</c:v>
                </c:pt>
                <c:pt idx="4897">
                  <c:v>2.5000000000000001E-3</c:v>
                </c:pt>
                <c:pt idx="4898">
                  <c:v>2.5000000000000001E-3</c:v>
                </c:pt>
                <c:pt idx="4899">
                  <c:v>2.5000000000000001E-3</c:v>
                </c:pt>
                <c:pt idx="4900">
                  <c:v>2.5000000000000001E-3</c:v>
                </c:pt>
                <c:pt idx="4901">
                  <c:v>2.5000000000000001E-3</c:v>
                </c:pt>
                <c:pt idx="4902">
                  <c:v>2.5000000000000001E-3</c:v>
                </c:pt>
                <c:pt idx="4903">
                  <c:v>2.5000000000000001E-3</c:v>
                </c:pt>
                <c:pt idx="4904">
                  <c:v>2.5000000000000001E-3</c:v>
                </c:pt>
                <c:pt idx="4905">
                  <c:v>2.5000000000000001E-3</c:v>
                </c:pt>
                <c:pt idx="4906">
                  <c:v>2.5000000000000001E-3</c:v>
                </c:pt>
                <c:pt idx="4907">
                  <c:v>2.5000000000000001E-3</c:v>
                </c:pt>
                <c:pt idx="4908">
                  <c:v>2.5000000000000001E-3</c:v>
                </c:pt>
                <c:pt idx="4909">
                  <c:v>2.5000000000000001E-3</c:v>
                </c:pt>
                <c:pt idx="4910">
                  <c:v>2.5000000000000001E-3</c:v>
                </c:pt>
                <c:pt idx="4911">
                  <c:v>2.5000000000000001E-3</c:v>
                </c:pt>
                <c:pt idx="4912">
                  <c:v>2.5000000000000001E-3</c:v>
                </c:pt>
                <c:pt idx="4913">
                  <c:v>2.5000000000000001E-3</c:v>
                </c:pt>
                <c:pt idx="4914">
                  <c:v>2.5000000000000001E-3</c:v>
                </c:pt>
                <c:pt idx="4915">
                  <c:v>2.5000000000000001E-3</c:v>
                </c:pt>
                <c:pt idx="4916">
                  <c:v>2.5000000000000001E-3</c:v>
                </c:pt>
                <c:pt idx="4917">
                  <c:v>2.5000000000000001E-3</c:v>
                </c:pt>
                <c:pt idx="4918">
                  <c:v>2.5000000000000001E-3</c:v>
                </c:pt>
                <c:pt idx="4919">
                  <c:v>2.5000000000000001E-3</c:v>
                </c:pt>
                <c:pt idx="4920">
                  <c:v>2.5000000000000001E-3</c:v>
                </c:pt>
                <c:pt idx="4921">
                  <c:v>2.5000000000000001E-3</c:v>
                </c:pt>
                <c:pt idx="4922">
                  <c:v>2.5000000000000001E-3</c:v>
                </c:pt>
                <c:pt idx="4923">
                  <c:v>2.5000000000000001E-3</c:v>
                </c:pt>
                <c:pt idx="4924">
                  <c:v>2.5000000000000001E-3</c:v>
                </c:pt>
                <c:pt idx="4925">
                  <c:v>2.5000000000000001E-3</c:v>
                </c:pt>
                <c:pt idx="4926">
                  <c:v>2.5000000000000001E-3</c:v>
                </c:pt>
                <c:pt idx="4927">
                  <c:v>2.5000000000000001E-3</c:v>
                </c:pt>
                <c:pt idx="4928">
                  <c:v>2.5000000000000001E-3</c:v>
                </c:pt>
                <c:pt idx="4929">
                  <c:v>2.5000000000000001E-3</c:v>
                </c:pt>
                <c:pt idx="4930">
                  <c:v>2.5000000000000001E-3</c:v>
                </c:pt>
                <c:pt idx="4931">
                  <c:v>2.5000000000000001E-3</c:v>
                </c:pt>
                <c:pt idx="4932">
                  <c:v>2.5000000000000001E-3</c:v>
                </c:pt>
                <c:pt idx="4933">
                  <c:v>2.5000000000000001E-3</c:v>
                </c:pt>
                <c:pt idx="4934">
                  <c:v>2.5000000000000001E-3</c:v>
                </c:pt>
                <c:pt idx="4935">
                  <c:v>2.5000000000000001E-3</c:v>
                </c:pt>
                <c:pt idx="4936">
                  <c:v>2.5000000000000001E-3</c:v>
                </c:pt>
                <c:pt idx="4937">
                  <c:v>2.5000000000000001E-3</c:v>
                </c:pt>
                <c:pt idx="4938">
                  <c:v>2.5000000000000001E-3</c:v>
                </c:pt>
                <c:pt idx="4939">
                  <c:v>2.5000000000000001E-3</c:v>
                </c:pt>
                <c:pt idx="4940">
                  <c:v>2.5000000000000001E-3</c:v>
                </c:pt>
                <c:pt idx="4941">
                  <c:v>2.5000000000000001E-3</c:v>
                </c:pt>
                <c:pt idx="4942">
                  <c:v>2.5000000000000001E-3</c:v>
                </c:pt>
                <c:pt idx="4943">
                  <c:v>2.5000000000000001E-3</c:v>
                </c:pt>
                <c:pt idx="4944">
                  <c:v>2.5000000000000001E-3</c:v>
                </c:pt>
                <c:pt idx="4945">
                  <c:v>2.5000000000000001E-3</c:v>
                </c:pt>
                <c:pt idx="4946">
                  <c:v>2.5000000000000001E-3</c:v>
                </c:pt>
                <c:pt idx="4947">
                  <c:v>2.5000000000000001E-3</c:v>
                </c:pt>
                <c:pt idx="4948">
                  <c:v>2.5000000000000001E-3</c:v>
                </c:pt>
                <c:pt idx="4949">
                  <c:v>2.5000000000000001E-3</c:v>
                </c:pt>
                <c:pt idx="4950">
                  <c:v>2.5000000000000001E-3</c:v>
                </c:pt>
                <c:pt idx="4951">
                  <c:v>2.5000000000000001E-3</c:v>
                </c:pt>
                <c:pt idx="4952">
                  <c:v>2.5000000000000001E-3</c:v>
                </c:pt>
                <c:pt idx="4953">
                  <c:v>2.5000000000000001E-3</c:v>
                </c:pt>
                <c:pt idx="4954">
                  <c:v>2.5000000000000001E-3</c:v>
                </c:pt>
                <c:pt idx="4955">
                  <c:v>2.5000000000000001E-3</c:v>
                </c:pt>
                <c:pt idx="4956">
                  <c:v>2.5000000000000001E-3</c:v>
                </c:pt>
                <c:pt idx="4957">
                  <c:v>2.5000000000000001E-3</c:v>
                </c:pt>
                <c:pt idx="4958">
                  <c:v>2.5000000000000001E-3</c:v>
                </c:pt>
                <c:pt idx="4959">
                  <c:v>2.5000000000000001E-3</c:v>
                </c:pt>
                <c:pt idx="4960">
                  <c:v>2.5000000000000001E-3</c:v>
                </c:pt>
                <c:pt idx="4961">
                  <c:v>2.5000000000000001E-3</c:v>
                </c:pt>
                <c:pt idx="4962">
                  <c:v>2.5000000000000001E-3</c:v>
                </c:pt>
                <c:pt idx="4963">
                  <c:v>2.5000000000000001E-3</c:v>
                </c:pt>
                <c:pt idx="4964">
                  <c:v>2.5000000000000001E-3</c:v>
                </c:pt>
                <c:pt idx="4965">
                  <c:v>2.5000000000000001E-3</c:v>
                </c:pt>
                <c:pt idx="4966">
                  <c:v>2.5000000000000001E-3</c:v>
                </c:pt>
                <c:pt idx="4967">
                  <c:v>2.5000000000000001E-3</c:v>
                </c:pt>
                <c:pt idx="4968">
                  <c:v>2.5000000000000001E-3</c:v>
                </c:pt>
                <c:pt idx="4969">
                  <c:v>2.5000000000000001E-3</c:v>
                </c:pt>
                <c:pt idx="4970">
                  <c:v>2.5000000000000001E-3</c:v>
                </c:pt>
                <c:pt idx="4971">
                  <c:v>2.5000000000000001E-3</c:v>
                </c:pt>
                <c:pt idx="4972">
                  <c:v>2.5000000000000001E-3</c:v>
                </c:pt>
                <c:pt idx="4973">
                  <c:v>2.5000000000000001E-3</c:v>
                </c:pt>
                <c:pt idx="4974">
                  <c:v>2.5000000000000001E-3</c:v>
                </c:pt>
                <c:pt idx="4975">
                  <c:v>2.5000000000000001E-3</c:v>
                </c:pt>
                <c:pt idx="4976">
                  <c:v>2.5000000000000001E-3</c:v>
                </c:pt>
                <c:pt idx="4977">
                  <c:v>2.5000000000000001E-3</c:v>
                </c:pt>
                <c:pt idx="4978">
                  <c:v>2.5000000000000001E-3</c:v>
                </c:pt>
                <c:pt idx="4979">
                  <c:v>2.5000000000000001E-3</c:v>
                </c:pt>
                <c:pt idx="4980">
                  <c:v>2.5000000000000001E-3</c:v>
                </c:pt>
                <c:pt idx="4981">
                  <c:v>2.5000000000000001E-3</c:v>
                </c:pt>
                <c:pt idx="4982">
                  <c:v>2.5000000000000001E-3</c:v>
                </c:pt>
                <c:pt idx="4983">
                  <c:v>2.5000000000000001E-3</c:v>
                </c:pt>
                <c:pt idx="4984">
                  <c:v>2.5000000000000001E-3</c:v>
                </c:pt>
                <c:pt idx="4985">
                  <c:v>2.5000000000000001E-3</c:v>
                </c:pt>
                <c:pt idx="4986">
                  <c:v>2.5000000000000001E-3</c:v>
                </c:pt>
                <c:pt idx="4987">
                  <c:v>2.5000000000000001E-3</c:v>
                </c:pt>
                <c:pt idx="4988">
                  <c:v>2.5000000000000001E-3</c:v>
                </c:pt>
                <c:pt idx="4989">
                  <c:v>2.5000000000000001E-3</c:v>
                </c:pt>
                <c:pt idx="4990">
                  <c:v>2.5000000000000001E-3</c:v>
                </c:pt>
                <c:pt idx="4991">
                  <c:v>2.5000000000000001E-3</c:v>
                </c:pt>
                <c:pt idx="4992">
                  <c:v>2.5000000000000001E-3</c:v>
                </c:pt>
                <c:pt idx="4993">
                  <c:v>2.5000000000000001E-3</c:v>
                </c:pt>
                <c:pt idx="4994">
                  <c:v>2.5000000000000001E-3</c:v>
                </c:pt>
                <c:pt idx="4995">
                  <c:v>2.5000000000000001E-3</c:v>
                </c:pt>
                <c:pt idx="4996">
                  <c:v>2.5000000000000001E-3</c:v>
                </c:pt>
                <c:pt idx="4997">
                  <c:v>2.5000000000000001E-3</c:v>
                </c:pt>
                <c:pt idx="4998">
                  <c:v>2.5000000000000001E-3</c:v>
                </c:pt>
                <c:pt idx="4999">
                  <c:v>2.5000000000000001E-3</c:v>
                </c:pt>
                <c:pt idx="5000">
                  <c:v>2.5000000000000001E-3</c:v>
                </c:pt>
                <c:pt idx="5001">
                  <c:v>2.5000000000000001E-3</c:v>
                </c:pt>
                <c:pt idx="5002">
                  <c:v>2.5000000000000001E-3</c:v>
                </c:pt>
                <c:pt idx="5003">
                  <c:v>2.5000000000000001E-3</c:v>
                </c:pt>
                <c:pt idx="5004">
                  <c:v>2.5000000000000001E-3</c:v>
                </c:pt>
                <c:pt idx="5005">
                  <c:v>2.5000000000000001E-3</c:v>
                </c:pt>
                <c:pt idx="5006">
                  <c:v>2.5000000000000001E-3</c:v>
                </c:pt>
                <c:pt idx="5007">
                  <c:v>2.5000000000000001E-3</c:v>
                </c:pt>
                <c:pt idx="5008">
                  <c:v>2.5000000000000001E-3</c:v>
                </c:pt>
                <c:pt idx="5009">
                  <c:v>2.5000000000000001E-3</c:v>
                </c:pt>
                <c:pt idx="5010">
                  <c:v>2.5000000000000001E-3</c:v>
                </c:pt>
                <c:pt idx="5011">
                  <c:v>2.5000000000000001E-3</c:v>
                </c:pt>
                <c:pt idx="5012">
                  <c:v>2.5000000000000001E-3</c:v>
                </c:pt>
                <c:pt idx="5013">
                  <c:v>2.5000000000000001E-3</c:v>
                </c:pt>
                <c:pt idx="5014">
                  <c:v>2.5000000000000001E-3</c:v>
                </c:pt>
                <c:pt idx="5015">
                  <c:v>2.5000000000000001E-3</c:v>
                </c:pt>
                <c:pt idx="5016">
                  <c:v>2.5000000000000001E-3</c:v>
                </c:pt>
                <c:pt idx="5017">
                  <c:v>2.5000000000000001E-3</c:v>
                </c:pt>
                <c:pt idx="5018">
                  <c:v>2.5000000000000001E-3</c:v>
                </c:pt>
                <c:pt idx="5019">
                  <c:v>2.5000000000000001E-3</c:v>
                </c:pt>
                <c:pt idx="5020">
                  <c:v>2.5000000000000001E-3</c:v>
                </c:pt>
                <c:pt idx="5021">
                  <c:v>2.5000000000000001E-3</c:v>
                </c:pt>
                <c:pt idx="5022">
                  <c:v>2.5000000000000001E-3</c:v>
                </c:pt>
                <c:pt idx="5023">
                  <c:v>2.5000000000000001E-3</c:v>
                </c:pt>
                <c:pt idx="5024">
                  <c:v>2.5000000000000001E-3</c:v>
                </c:pt>
                <c:pt idx="5025">
                  <c:v>2.5000000000000001E-3</c:v>
                </c:pt>
                <c:pt idx="5026">
                  <c:v>2.5000000000000001E-3</c:v>
                </c:pt>
                <c:pt idx="5027">
                  <c:v>2.5000000000000001E-3</c:v>
                </c:pt>
                <c:pt idx="5028">
                  <c:v>2.5000000000000001E-3</c:v>
                </c:pt>
                <c:pt idx="5029">
                  <c:v>2.5000000000000001E-3</c:v>
                </c:pt>
                <c:pt idx="5030">
                  <c:v>2.5000000000000001E-3</c:v>
                </c:pt>
                <c:pt idx="5031">
                  <c:v>2.5000000000000001E-3</c:v>
                </c:pt>
                <c:pt idx="5032">
                  <c:v>2.5000000000000001E-3</c:v>
                </c:pt>
                <c:pt idx="5033">
                  <c:v>2.5000000000000001E-3</c:v>
                </c:pt>
                <c:pt idx="5034">
                  <c:v>2.5000000000000001E-3</c:v>
                </c:pt>
                <c:pt idx="5035">
                  <c:v>2.5000000000000001E-3</c:v>
                </c:pt>
                <c:pt idx="5036">
                  <c:v>2.5000000000000001E-3</c:v>
                </c:pt>
                <c:pt idx="5037">
                  <c:v>2.5000000000000001E-3</c:v>
                </c:pt>
                <c:pt idx="5038">
                  <c:v>2.5000000000000001E-3</c:v>
                </c:pt>
                <c:pt idx="5039">
                  <c:v>2.5000000000000001E-3</c:v>
                </c:pt>
                <c:pt idx="5040">
                  <c:v>2.5000000000000001E-3</c:v>
                </c:pt>
                <c:pt idx="5041">
                  <c:v>2.5000000000000001E-3</c:v>
                </c:pt>
                <c:pt idx="5042">
                  <c:v>2.5000000000000001E-3</c:v>
                </c:pt>
                <c:pt idx="5043">
                  <c:v>2.5000000000000001E-3</c:v>
                </c:pt>
                <c:pt idx="5044">
                  <c:v>2.5000000000000001E-3</c:v>
                </c:pt>
                <c:pt idx="5045">
                  <c:v>2.5000000000000001E-3</c:v>
                </c:pt>
                <c:pt idx="5046">
                  <c:v>2.5000000000000001E-3</c:v>
                </c:pt>
                <c:pt idx="5047">
                  <c:v>2.5000000000000001E-3</c:v>
                </c:pt>
                <c:pt idx="5048">
                  <c:v>2.5000000000000001E-3</c:v>
                </c:pt>
                <c:pt idx="5049">
                  <c:v>2.5000000000000001E-3</c:v>
                </c:pt>
                <c:pt idx="5050">
                  <c:v>2.5000000000000001E-3</c:v>
                </c:pt>
                <c:pt idx="5051">
                  <c:v>2.5000000000000001E-3</c:v>
                </c:pt>
                <c:pt idx="5052">
                  <c:v>2.5000000000000001E-3</c:v>
                </c:pt>
                <c:pt idx="5053">
                  <c:v>2.5000000000000001E-3</c:v>
                </c:pt>
                <c:pt idx="5054">
                  <c:v>2.5000000000000001E-3</c:v>
                </c:pt>
                <c:pt idx="5055">
                  <c:v>2.5000000000000001E-3</c:v>
                </c:pt>
                <c:pt idx="5056">
                  <c:v>2.5000000000000001E-3</c:v>
                </c:pt>
                <c:pt idx="5057">
                  <c:v>2.5000000000000001E-3</c:v>
                </c:pt>
                <c:pt idx="5058">
                  <c:v>2.5000000000000001E-3</c:v>
                </c:pt>
                <c:pt idx="5059">
                  <c:v>2.5000000000000001E-3</c:v>
                </c:pt>
                <c:pt idx="5060">
                  <c:v>2.5000000000000001E-3</c:v>
                </c:pt>
                <c:pt idx="5061">
                  <c:v>2.5000000000000001E-3</c:v>
                </c:pt>
                <c:pt idx="5062">
                  <c:v>2.5000000000000001E-3</c:v>
                </c:pt>
                <c:pt idx="5063">
                  <c:v>2.5000000000000001E-3</c:v>
                </c:pt>
                <c:pt idx="5064">
                  <c:v>2.5000000000000001E-3</c:v>
                </c:pt>
                <c:pt idx="5065">
                  <c:v>2.5000000000000001E-3</c:v>
                </c:pt>
                <c:pt idx="5066">
                  <c:v>2.5000000000000001E-3</c:v>
                </c:pt>
                <c:pt idx="5067">
                  <c:v>2.5000000000000001E-3</c:v>
                </c:pt>
                <c:pt idx="5068">
                  <c:v>2.5000000000000001E-3</c:v>
                </c:pt>
                <c:pt idx="5069">
                  <c:v>2.5000000000000001E-3</c:v>
                </c:pt>
                <c:pt idx="5070">
                  <c:v>2.5000000000000001E-3</c:v>
                </c:pt>
                <c:pt idx="5071">
                  <c:v>2.5000000000000001E-3</c:v>
                </c:pt>
                <c:pt idx="5072">
                  <c:v>2.5000000000000001E-3</c:v>
                </c:pt>
                <c:pt idx="5073">
                  <c:v>2.5000000000000001E-3</c:v>
                </c:pt>
                <c:pt idx="5074">
                  <c:v>2.5000000000000001E-3</c:v>
                </c:pt>
                <c:pt idx="5075">
                  <c:v>2.5000000000000001E-3</c:v>
                </c:pt>
                <c:pt idx="5076">
                  <c:v>2.5000000000000001E-3</c:v>
                </c:pt>
                <c:pt idx="5077">
                  <c:v>2.5000000000000001E-3</c:v>
                </c:pt>
                <c:pt idx="5078">
                  <c:v>2.5000000000000001E-3</c:v>
                </c:pt>
                <c:pt idx="5079">
                  <c:v>2.5000000000000001E-3</c:v>
                </c:pt>
                <c:pt idx="5080">
                  <c:v>2.5000000000000001E-3</c:v>
                </c:pt>
                <c:pt idx="5081">
                  <c:v>2.5000000000000001E-3</c:v>
                </c:pt>
                <c:pt idx="5082">
                  <c:v>2.5000000000000001E-3</c:v>
                </c:pt>
                <c:pt idx="5083">
                  <c:v>2.5000000000000001E-3</c:v>
                </c:pt>
                <c:pt idx="5084">
                  <c:v>2.5000000000000001E-3</c:v>
                </c:pt>
                <c:pt idx="5085">
                  <c:v>2.5000000000000001E-3</c:v>
                </c:pt>
                <c:pt idx="5086">
                  <c:v>2.5000000000000001E-3</c:v>
                </c:pt>
                <c:pt idx="5087">
                  <c:v>2.5000000000000001E-3</c:v>
                </c:pt>
                <c:pt idx="5088">
                  <c:v>2.5000000000000001E-3</c:v>
                </c:pt>
                <c:pt idx="5089">
                  <c:v>2.5000000000000001E-3</c:v>
                </c:pt>
                <c:pt idx="5090">
                  <c:v>2.5000000000000001E-3</c:v>
                </c:pt>
                <c:pt idx="5091">
                  <c:v>2.5000000000000001E-3</c:v>
                </c:pt>
                <c:pt idx="5092">
                  <c:v>2.5000000000000001E-3</c:v>
                </c:pt>
                <c:pt idx="5093">
                  <c:v>2.5000000000000001E-3</c:v>
                </c:pt>
                <c:pt idx="5094">
                  <c:v>2.5000000000000001E-3</c:v>
                </c:pt>
                <c:pt idx="5095">
                  <c:v>2.5000000000000001E-3</c:v>
                </c:pt>
                <c:pt idx="5096">
                  <c:v>2.5000000000000001E-3</c:v>
                </c:pt>
                <c:pt idx="5097">
                  <c:v>2.5000000000000001E-3</c:v>
                </c:pt>
                <c:pt idx="5098">
                  <c:v>2.5000000000000001E-3</c:v>
                </c:pt>
                <c:pt idx="5099">
                  <c:v>2.5000000000000001E-3</c:v>
                </c:pt>
                <c:pt idx="5100">
                  <c:v>2.5000000000000001E-3</c:v>
                </c:pt>
                <c:pt idx="5101">
                  <c:v>2.5000000000000001E-3</c:v>
                </c:pt>
                <c:pt idx="5102">
                  <c:v>2.5000000000000001E-3</c:v>
                </c:pt>
                <c:pt idx="5103">
                  <c:v>2.5000000000000001E-3</c:v>
                </c:pt>
                <c:pt idx="5104">
                  <c:v>2.5000000000000001E-3</c:v>
                </c:pt>
                <c:pt idx="5105">
                  <c:v>2.5000000000000001E-3</c:v>
                </c:pt>
                <c:pt idx="5106">
                  <c:v>2.5000000000000001E-3</c:v>
                </c:pt>
                <c:pt idx="5107">
                  <c:v>2.5000000000000001E-3</c:v>
                </c:pt>
                <c:pt idx="5108">
                  <c:v>2.5000000000000001E-3</c:v>
                </c:pt>
                <c:pt idx="5109">
                  <c:v>2.5000000000000001E-3</c:v>
                </c:pt>
                <c:pt idx="5110">
                  <c:v>2.5000000000000001E-3</c:v>
                </c:pt>
                <c:pt idx="5111">
                  <c:v>2.5000000000000001E-3</c:v>
                </c:pt>
                <c:pt idx="5112">
                  <c:v>2.5000000000000001E-3</c:v>
                </c:pt>
                <c:pt idx="5113">
                  <c:v>2.5000000000000001E-3</c:v>
                </c:pt>
                <c:pt idx="5114">
                  <c:v>2.5000000000000001E-3</c:v>
                </c:pt>
                <c:pt idx="5115">
                  <c:v>2.5000000000000001E-3</c:v>
                </c:pt>
                <c:pt idx="5116">
                  <c:v>2.5000000000000001E-3</c:v>
                </c:pt>
                <c:pt idx="5117">
                  <c:v>2.5000000000000001E-3</c:v>
                </c:pt>
                <c:pt idx="5118">
                  <c:v>2.5000000000000001E-3</c:v>
                </c:pt>
                <c:pt idx="5119">
                  <c:v>2.5000000000000001E-3</c:v>
                </c:pt>
                <c:pt idx="5120">
                  <c:v>2.5000000000000001E-3</c:v>
                </c:pt>
                <c:pt idx="5121">
                  <c:v>2.5000000000000001E-3</c:v>
                </c:pt>
                <c:pt idx="5122">
                  <c:v>2.5000000000000001E-3</c:v>
                </c:pt>
                <c:pt idx="5123">
                  <c:v>2.5000000000000001E-3</c:v>
                </c:pt>
                <c:pt idx="5124">
                  <c:v>2.5000000000000001E-3</c:v>
                </c:pt>
                <c:pt idx="5125">
                  <c:v>2.5000000000000001E-3</c:v>
                </c:pt>
                <c:pt idx="5126">
                  <c:v>2.5000000000000001E-3</c:v>
                </c:pt>
                <c:pt idx="5127">
                  <c:v>2.5000000000000001E-3</c:v>
                </c:pt>
                <c:pt idx="5128">
                  <c:v>2.5000000000000001E-3</c:v>
                </c:pt>
                <c:pt idx="5129">
                  <c:v>2.5000000000000001E-3</c:v>
                </c:pt>
                <c:pt idx="5130">
                  <c:v>2.5000000000000001E-3</c:v>
                </c:pt>
                <c:pt idx="5131">
                  <c:v>2.5000000000000001E-3</c:v>
                </c:pt>
                <c:pt idx="5132">
                  <c:v>2.5000000000000001E-3</c:v>
                </c:pt>
                <c:pt idx="5133">
                  <c:v>2.5000000000000001E-3</c:v>
                </c:pt>
                <c:pt idx="5134">
                  <c:v>2.5000000000000001E-3</c:v>
                </c:pt>
                <c:pt idx="5135">
                  <c:v>2.5000000000000001E-3</c:v>
                </c:pt>
                <c:pt idx="5136">
                  <c:v>2.5000000000000001E-3</c:v>
                </c:pt>
                <c:pt idx="5137">
                  <c:v>2.5000000000000001E-3</c:v>
                </c:pt>
                <c:pt idx="5138">
                  <c:v>2.5000000000000001E-3</c:v>
                </c:pt>
                <c:pt idx="5139">
                  <c:v>2.5000000000000001E-3</c:v>
                </c:pt>
                <c:pt idx="5140">
                  <c:v>2.5000000000000001E-3</c:v>
                </c:pt>
                <c:pt idx="5141">
                  <c:v>2.5000000000000001E-3</c:v>
                </c:pt>
                <c:pt idx="5142">
                  <c:v>2.5000000000000001E-3</c:v>
                </c:pt>
                <c:pt idx="5143">
                  <c:v>2.5000000000000001E-3</c:v>
                </c:pt>
                <c:pt idx="5144">
                  <c:v>2.5000000000000001E-3</c:v>
                </c:pt>
                <c:pt idx="5145">
                  <c:v>2.5000000000000001E-3</c:v>
                </c:pt>
                <c:pt idx="5146">
                  <c:v>2.5000000000000001E-3</c:v>
                </c:pt>
                <c:pt idx="5147">
                  <c:v>2.5000000000000001E-3</c:v>
                </c:pt>
                <c:pt idx="5148">
                  <c:v>2.5000000000000001E-3</c:v>
                </c:pt>
                <c:pt idx="5149">
                  <c:v>2.5000000000000001E-3</c:v>
                </c:pt>
                <c:pt idx="5150">
                  <c:v>2.5000000000000001E-3</c:v>
                </c:pt>
                <c:pt idx="5151">
                  <c:v>2.5000000000000001E-3</c:v>
                </c:pt>
                <c:pt idx="5152">
                  <c:v>2.5000000000000001E-3</c:v>
                </c:pt>
                <c:pt idx="5153">
                  <c:v>2.5000000000000001E-3</c:v>
                </c:pt>
                <c:pt idx="5154">
                  <c:v>2.5000000000000001E-3</c:v>
                </c:pt>
                <c:pt idx="5155">
                  <c:v>2.5000000000000001E-3</c:v>
                </c:pt>
                <c:pt idx="5156">
                  <c:v>2.5000000000000001E-3</c:v>
                </c:pt>
                <c:pt idx="5157">
                  <c:v>2.5000000000000001E-3</c:v>
                </c:pt>
                <c:pt idx="5158">
                  <c:v>2.5000000000000001E-3</c:v>
                </c:pt>
                <c:pt idx="5159">
                  <c:v>2.5000000000000001E-3</c:v>
                </c:pt>
                <c:pt idx="5160">
                  <c:v>2.5000000000000001E-3</c:v>
                </c:pt>
                <c:pt idx="5161">
                  <c:v>2.5000000000000001E-3</c:v>
                </c:pt>
                <c:pt idx="5162">
                  <c:v>2.5000000000000001E-3</c:v>
                </c:pt>
                <c:pt idx="5163">
                  <c:v>2.5000000000000001E-3</c:v>
                </c:pt>
                <c:pt idx="5164">
                  <c:v>2.5000000000000001E-3</c:v>
                </c:pt>
                <c:pt idx="5165">
                  <c:v>2.5000000000000001E-3</c:v>
                </c:pt>
                <c:pt idx="5166">
                  <c:v>2.5000000000000001E-3</c:v>
                </c:pt>
                <c:pt idx="5167">
                  <c:v>2.5000000000000001E-3</c:v>
                </c:pt>
                <c:pt idx="5168">
                  <c:v>2.5000000000000001E-3</c:v>
                </c:pt>
                <c:pt idx="5169">
                  <c:v>2.5000000000000001E-3</c:v>
                </c:pt>
                <c:pt idx="5170">
                  <c:v>2.5000000000000001E-3</c:v>
                </c:pt>
                <c:pt idx="5171">
                  <c:v>2.5000000000000001E-3</c:v>
                </c:pt>
                <c:pt idx="5172">
                  <c:v>2.5000000000000001E-3</c:v>
                </c:pt>
                <c:pt idx="5173">
                  <c:v>2.5000000000000001E-3</c:v>
                </c:pt>
                <c:pt idx="5174">
                  <c:v>2.5000000000000001E-3</c:v>
                </c:pt>
                <c:pt idx="5175">
                  <c:v>2.5000000000000001E-3</c:v>
                </c:pt>
                <c:pt idx="5176">
                  <c:v>2.5000000000000001E-3</c:v>
                </c:pt>
                <c:pt idx="5177">
                  <c:v>2.5000000000000001E-3</c:v>
                </c:pt>
                <c:pt idx="5178">
                  <c:v>2.5000000000000001E-3</c:v>
                </c:pt>
                <c:pt idx="5179">
                  <c:v>2.5000000000000001E-3</c:v>
                </c:pt>
                <c:pt idx="5180">
                  <c:v>2.5000000000000001E-3</c:v>
                </c:pt>
                <c:pt idx="5181">
                  <c:v>2.5000000000000001E-3</c:v>
                </c:pt>
                <c:pt idx="5182">
                  <c:v>2.5000000000000001E-3</c:v>
                </c:pt>
                <c:pt idx="5183">
                  <c:v>2.5000000000000001E-3</c:v>
                </c:pt>
                <c:pt idx="5184">
                  <c:v>2.5000000000000001E-3</c:v>
                </c:pt>
                <c:pt idx="5185">
                  <c:v>2.5000000000000001E-3</c:v>
                </c:pt>
                <c:pt idx="5186">
                  <c:v>2.5000000000000001E-3</c:v>
                </c:pt>
                <c:pt idx="5187">
                  <c:v>2.5000000000000001E-3</c:v>
                </c:pt>
                <c:pt idx="5188">
                  <c:v>2.5000000000000001E-3</c:v>
                </c:pt>
                <c:pt idx="5189">
                  <c:v>2.5000000000000001E-3</c:v>
                </c:pt>
                <c:pt idx="5190">
                  <c:v>2.5000000000000001E-3</c:v>
                </c:pt>
                <c:pt idx="5191">
                  <c:v>2.5000000000000001E-3</c:v>
                </c:pt>
                <c:pt idx="5192">
                  <c:v>2.5000000000000001E-3</c:v>
                </c:pt>
                <c:pt idx="5193">
                  <c:v>2.5000000000000001E-3</c:v>
                </c:pt>
                <c:pt idx="5194">
                  <c:v>2.5000000000000001E-3</c:v>
                </c:pt>
                <c:pt idx="5195">
                  <c:v>2.5000000000000001E-3</c:v>
                </c:pt>
                <c:pt idx="5196">
                  <c:v>2.5000000000000001E-3</c:v>
                </c:pt>
                <c:pt idx="5197">
                  <c:v>2.5000000000000001E-3</c:v>
                </c:pt>
                <c:pt idx="5198">
                  <c:v>2.5000000000000001E-3</c:v>
                </c:pt>
                <c:pt idx="5199">
                  <c:v>2.5000000000000001E-3</c:v>
                </c:pt>
                <c:pt idx="5200">
                  <c:v>2.5000000000000001E-3</c:v>
                </c:pt>
                <c:pt idx="5201">
                  <c:v>2.5000000000000001E-3</c:v>
                </c:pt>
                <c:pt idx="5202">
                  <c:v>2.5000000000000001E-3</c:v>
                </c:pt>
                <c:pt idx="5203">
                  <c:v>2.5000000000000001E-3</c:v>
                </c:pt>
                <c:pt idx="5204">
                  <c:v>2.5000000000000001E-3</c:v>
                </c:pt>
                <c:pt idx="5205">
                  <c:v>2.5000000000000001E-3</c:v>
                </c:pt>
                <c:pt idx="5206">
                  <c:v>2.5000000000000001E-3</c:v>
                </c:pt>
                <c:pt idx="5207">
                  <c:v>2.5000000000000001E-3</c:v>
                </c:pt>
                <c:pt idx="5208">
                  <c:v>2.5000000000000001E-3</c:v>
                </c:pt>
                <c:pt idx="5209">
                  <c:v>2.5000000000000001E-3</c:v>
                </c:pt>
                <c:pt idx="5210">
                  <c:v>2.5000000000000001E-3</c:v>
                </c:pt>
                <c:pt idx="5211">
                  <c:v>2.5000000000000001E-3</c:v>
                </c:pt>
                <c:pt idx="5212">
                  <c:v>2.5000000000000001E-3</c:v>
                </c:pt>
                <c:pt idx="5213">
                  <c:v>2.5000000000000001E-3</c:v>
                </c:pt>
                <c:pt idx="5214">
                  <c:v>2.5000000000000001E-3</c:v>
                </c:pt>
                <c:pt idx="5215">
                  <c:v>2.5000000000000001E-3</c:v>
                </c:pt>
                <c:pt idx="5216">
                  <c:v>2.5000000000000001E-3</c:v>
                </c:pt>
                <c:pt idx="5217">
                  <c:v>2.5000000000000001E-3</c:v>
                </c:pt>
                <c:pt idx="5218">
                  <c:v>2.5000000000000001E-3</c:v>
                </c:pt>
                <c:pt idx="5219">
                  <c:v>2.5000000000000001E-3</c:v>
                </c:pt>
                <c:pt idx="5220">
                  <c:v>2.5000000000000001E-3</c:v>
                </c:pt>
                <c:pt idx="5221">
                  <c:v>2.5000000000000001E-3</c:v>
                </c:pt>
                <c:pt idx="5222">
                  <c:v>2.5000000000000001E-3</c:v>
                </c:pt>
                <c:pt idx="5223">
                  <c:v>2.5000000000000001E-3</c:v>
                </c:pt>
                <c:pt idx="5224">
                  <c:v>2.5000000000000001E-3</c:v>
                </c:pt>
                <c:pt idx="5225">
                  <c:v>2.5000000000000001E-3</c:v>
                </c:pt>
                <c:pt idx="5226">
                  <c:v>2.5000000000000001E-3</c:v>
                </c:pt>
                <c:pt idx="5227">
                  <c:v>2.5000000000000001E-3</c:v>
                </c:pt>
                <c:pt idx="5228">
                  <c:v>2.5000000000000001E-3</c:v>
                </c:pt>
                <c:pt idx="5229">
                  <c:v>2.5000000000000001E-3</c:v>
                </c:pt>
                <c:pt idx="5230">
                  <c:v>2.5000000000000001E-3</c:v>
                </c:pt>
                <c:pt idx="5231">
                  <c:v>2.5000000000000001E-3</c:v>
                </c:pt>
                <c:pt idx="5232">
                  <c:v>2.5000000000000001E-3</c:v>
                </c:pt>
                <c:pt idx="5233">
                  <c:v>2.5000000000000001E-3</c:v>
                </c:pt>
                <c:pt idx="5234">
                  <c:v>2.5000000000000001E-3</c:v>
                </c:pt>
                <c:pt idx="5235">
                  <c:v>2.5000000000000001E-3</c:v>
                </c:pt>
                <c:pt idx="5236">
                  <c:v>2.5000000000000001E-3</c:v>
                </c:pt>
                <c:pt idx="5237">
                  <c:v>2.5000000000000001E-3</c:v>
                </c:pt>
                <c:pt idx="5238">
                  <c:v>2.5000000000000001E-3</c:v>
                </c:pt>
                <c:pt idx="5239">
                  <c:v>2.5000000000000001E-3</c:v>
                </c:pt>
                <c:pt idx="5240">
                  <c:v>2.5000000000000001E-3</c:v>
                </c:pt>
                <c:pt idx="5241">
                  <c:v>2.5000000000000001E-3</c:v>
                </c:pt>
                <c:pt idx="5242">
                  <c:v>2.5000000000000001E-3</c:v>
                </c:pt>
                <c:pt idx="5243">
                  <c:v>2.5000000000000001E-3</c:v>
                </c:pt>
                <c:pt idx="5244">
                  <c:v>2.5000000000000001E-3</c:v>
                </c:pt>
                <c:pt idx="5245">
                  <c:v>2.5000000000000001E-3</c:v>
                </c:pt>
                <c:pt idx="5246">
                  <c:v>2.5000000000000001E-3</c:v>
                </c:pt>
                <c:pt idx="5247">
                  <c:v>2.5000000000000001E-3</c:v>
                </c:pt>
                <c:pt idx="5248">
                  <c:v>2.5000000000000001E-3</c:v>
                </c:pt>
                <c:pt idx="5249">
                  <c:v>2.5000000000000001E-3</c:v>
                </c:pt>
                <c:pt idx="5250">
                  <c:v>2.5000000000000001E-3</c:v>
                </c:pt>
                <c:pt idx="5251">
                  <c:v>2.5000000000000001E-3</c:v>
                </c:pt>
                <c:pt idx="5252">
                  <c:v>2.5000000000000001E-3</c:v>
                </c:pt>
                <c:pt idx="5253">
                  <c:v>2.5000000000000001E-3</c:v>
                </c:pt>
                <c:pt idx="5254">
                  <c:v>2.5000000000000001E-3</c:v>
                </c:pt>
                <c:pt idx="5255">
                  <c:v>2.5000000000000001E-3</c:v>
                </c:pt>
                <c:pt idx="5256">
                  <c:v>2.5000000000000001E-3</c:v>
                </c:pt>
                <c:pt idx="5257">
                  <c:v>2.5000000000000001E-3</c:v>
                </c:pt>
                <c:pt idx="5258">
                  <c:v>2.5000000000000001E-3</c:v>
                </c:pt>
                <c:pt idx="5259">
                  <c:v>2.5000000000000001E-3</c:v>
                </c:pt>
                <c:pt idx="5260">
                  <c:v>2.5000000000000001E-3</c:v>
                </c:pt>
                <c:pt idx="5261">
                  <c:v>2.5000000000000001E-3</c:v>
                </c:pt>
                <c:pt idx="5262">
                  <c:v>2.5000000000000001E-3</c:v>
                </c:pt>
                <c:pt idx="5263">
                  <c:v>2.5000000000000001E-3</c:v>
                </c:pt>
                <c:pt idx="5264">
                  <c:v>2.5000000000000001E-3</c:v>
                </c:pt>
                <c:pt idx="5265">
                  <c:v>2.5000000000000001E-3</c:v>
                </c:pt>
                <c:pt idx="5266">
                  <c:v>2.5000000000000001E-3</c:v>
                </c:pt>
                <c:pt idx="5267">
                  <c:v>2.5000000000000001E-3</c:v>
                </c:pt>
                <c:pt idx="5268">
                  <c:v>2.5000000000000001E-3</c:v>
                </c:pt>
                <c:pt idx="5269">
                  <c:v>2.5000000000000001E-3</c:v>
                </c:pt>
                <c:pt idx="5270">
                  <c:v>2.5000000000000001E-3</c:v>
                </c:pt>
                <c:pt idx="5271">
                  <c:v>2.5000000000000001E-3</c:v>
                </c:pt>
                <c:pt idx="5272">
                  <c:v>2.5000000000000001E-3</c:v>
                </c:pt>
                <c:pt idx="5273">
                  <c:v>2.5000000000000001E-3</c:v>
                </c:pt>
                <c:pt idx="5274">
                  <c:v>2.5000000000000001E-3</c:v>
                </c:pt>
                <c:pt idx="5275">
                  <c:v>2.5000000000000001E-3</c:v>
                </c:pt>
                <c:pt idx="5276">
                  <c:v>2.5000000000000001E-3</c:v>
                </c:pt>
                <c:pt idx="5277">
                  <c:v>2.5000000000000001E-3</c:v>
                </c:pt>
                <c:pt idx="5278">
                  <c:v>2.5000000000000001E-3</c:v>
                </c:pt>
                <c:pt idx="5279">
                  <c:v>2.5000000000000001E-3</c:v>
                </c:pt>
                <c:pt idx="5280">
                  <c:v>2.5000000000000001E-3</c:v>
                </c:pt>
                <c:pt idx="5281">
                  <c:v>2.5000000000000001E-3</c:v>
                </c:pt>
                <c:pt idx="5282">
                  <c:v>2.5000000000000001E-3</c:v>
                </c:pt>
                <c:pt idx="5283">
                  <c:v>2.5000000000000001E-3</c:v>
                </c:pt>
                <c:pt idx="5284">
                  <c:v>2.5000000000000001E-3</c:v>
                </c:pt>
                <c:pt idx="5285">
                  <c:v>2.5000000000000001E-3</c:v>
                </c:pt>
                <c:pt idx="5286">
                  <c:v>2.5000000000000001E-3</c:v>
                </c:pt>
                <c:pt idx="5287">
                  <c:v>2.5000000000000001E-3</c:v>
                </c:pt>
                <c:pt idx="5288">
                  <c:v>2.5000000000000001E-3</c:v>
                </c:pt>
                <c:pt idx="5289">
                  <c:v>2.5000000000000001E-3</c:v>
                </c:pt>
                <c:pt idx="5290">
                  <c:v>2.5000000000000001E-3</c:v>
                </c:pt>
                <c:pt idx="5291">
                  <c:v>2.5000000000000001E-3</c:v>
                </c:pt>
                <c:pt idx="5292">
                  <c:v>2.5000000000000001E-3</c:v>
                </c:pt>
                <c:pt idx="5293">
                  <c:v>2.5000000000000001E-3</c:v>
                </c:pt>
                <c:pt idx="5294">
                  <c:v>2.5000000000000001E-3</c:v>
                </c:pt>
                <c:pt idx="5295">
                  <c:v>2.5000000000000001E-3</c:v>
                </c:pt>
                <c:pt idx="5296">
                  <c:v>2.5000000000000001E-3</c:v>
                </c:pt>
                <c:pt idx="5297">
                  <c:v>2.5000000000000001E-3</c:v>
                </c:pt>
                <c:pt idx="5298">
                  <c:v>2.5000000000000001E-3</c:v>
                </c:pt>
                <c:pt idx="5299">
                  <c:v>2.5000000000000001E-3</c:v>
                </c:pt>
                <c:pt idx="5300">
                  <c:v>2.5000000000000001E-3</c:v>
                </c:pt>
                <c:pt idx="5301">
                  <c:v>2.5000000000000001E-3</c:v>
                </c:pt>
                <c:pt idx="5302">
                  <c:v>2.5000000000000001E-3</c:v>
                </c:pt>
                <c:pt idx="5303">
                  <c:v>2.5000000000000001E-3</c:v>
                </c:pt>
                <c:pt idx="5304">
                  <c:v>2.5000000000000001E-3</c:v>
                </c:pt>
                <c:pt idx="5305">
                  <c:v>2.5000000000000001E-3</c:v>
                </c:pt>
                <c:pt idx="5306">
                  <c:v>2.5000000000000001E-3</c:v>
                </c:pt>
                <c:pt idx="5307">
                  <c:v>2.5000000000000001E-3</c:v>
                </c:pt>
                <c:pt idx="5308">
                  <c:v>2.5000000000000001E-3</c:v>
                </c:pt>
                <c:pt idx="5309">
                  <c:v>2.5000000000000001E-3</c:v>
                </c:pt>
                <c:pt idx="5310">
                  <c:v>2.5000000000000001E-3</c:v>
                </c:pt>
                <c:pt idx="5311">
                  <c:v>2.5000000000000001E-3</c:v>
                </c:pt>
                <c:pt idx="5312">
                  <c:v>2.5000000000000001E-3</c:v>
                </c:pt>
                <c:pt idx="5313">
                  <c:v>2.5000000000000001E-3</c:v>
                </c:pt>
                <c:pt idx="5314">
                  <c:v>2.5000000000000001E-3</c:v>
                </c:pt>
                <c:pt idx="5315">
                  <c:v>2.5000000000000001E-3</c:v>
                </c:pt>
                <c:pt idx="5316">
                  <c:v>2.5000000000000001E-3</c:v>
                </c:pt>
                <c:pt idx="5317">
                  <c:v>2.5000000000000001E-3</c:v>
                </c:pt>
                <c:pt idx="5318">
                  <c:v>2.5000000000000001E-3</c:v>
                </c:pt>
                <c:pt idx="5319">
                  <c:v>2.5000000000000001E-3</c:v>
                </c:pt>
                <c:pt idx="5320">
                  <c:v>2.5000000000000001E-3</c:v>
                </c:pt>
                <c:pt idx="5321">
                  <c:v>2.5000000000000001E-3</c:v>
                </c:pt>
                <c:pt idx="5322">
                  <c:v>2.5000000000000001E-3</c:v>
                </c:pt>
                <c:pt idx="5323">
                  <c:v>2.5000000000000001E-3</c:v>
                </c:pt>
                <c:pt idx="5324">
                  <c:v>2.5000000000000001E-3</c:v>
                </c:pt>
                <c:pt idx="5325">
                  <c:v>2.5000000000000001E-3</c:v>
                </c:pt>
                <c:pt idx="5326">
                  <c:v>2.5000000000000001E-3</c:v>
                </c:pt>
                <c:pt idx="5327">
                  <c:v>2.5000000000000001E-3</c:v>
                </c:pt>
                <c:pt idx="5328">
                  <c:v>2.5000000000000001E-3</c:v>
                </c:pt>
                <c:pt idx="5329">
                  <c:v>2.5000000000000001E-3</c:v>
                </c:pt>
                <c:pt idx="5330">
                  <c:v>2.5000000000000001E-3</c:v>
                </c:pt>
                <c:pt idx="5331">
                  <c:v>2.5000000000000001E-3</c:v>
                </c:pt>
                <c:pt idx="5332">
                  <c:v>2.5000000000000001E-3</c:v>
                </c:pt>
                <c:pt idx="5333">
                  <c:v>2.5000000000000001E-3</c:v>
                </c:pt>
                <c:pt idx="5334">
                  <c:v>2.5000000000000001E-3</c:v>
                </c:pt>
                <c:pt idx="5335">
                  <c:v>2.5000000000000001E-3</c:v>
                </c:pt>
                <c:pt idx="5336">
                  <c:v>2.5000000000000001E-3</c:v>
                </c:pt>
                <c:pt idx="5337">
                  <c:v>2.5000000000000001E-3</c:v>
                </c:pt>
                <c:pt idx="5338">
                  <c:v>2.5000000000000001E-3</c:v>
                </c:pt>
                <c:pt idx="5339">
                  <c:v>2.5000000000000001E-3</c:v>
                </c:pt>
                <c:pt idx="5340">
                  <c:v>2.5000000000000001E-3</c:v>
                </c:pt>
                <c:pt idx="5341">
                  <c:v>2.5000000000000001E-3</c:v>
                </c:pt>
                <c:pt idx="5342">
                  <c:v>2.5000000000000001E-3</c:v>
                </c:pt>
                <c:pt idx="5343">
                  <c:v>2.5000000000000001E-3</c:v>
                </c:pt>
                <c:pt idx="5344">
                  <c:v>2.5000000000000001E-3</c:v>
                </c:pt>
                <c:pt idx="5345">
                  <c:v>2.5000000000000001E-3</c:v>
                </c:pt>
                <c:pt idx="5346">
                  <c:v>2.5000000000000001E-3</c:v>
                </c:pt>
                <c:pt idx="5347">
                  <c:v>2.5000000000000001E-3</c:v>
                </c:pt>
                <c:pt idx="5348">
                  <c:v>2.5000000000000001E-3</c:v>
                </c:pt>
                <c:pt idx="5349">
                  <c:v>2.5000000000000001E-3</c:v>
                </c:pt>
                <c:pt idx="5350">
                  <c:v>2.5000000000000001E-3</c:v>
                </c:pt>
                <c:pt idx="5351">
                  <c:v>2.5000000000000001E-3</c:v>
                </c:pt>
                <c:pt idx="5352">
                  <c:v>2.5000000000000001E-3</c:v>
                </c:pt>
                <c:pt idx="5353">
                  <c:v>2.5000000000000001E-3</c:v>
                </c:pt>
                <c:pt idx="5354">
                  <c:v>2.5000000000000001E-3</c:v>
                </c:pt>
                <c:pt idx="5355">
                  <c:v>2.5000000000000001E-3</c:v>
                </c:pt>
                <c:pt idx="5356">
                  <c:v>2.5000000000000001E-3</c:v>
                </c:pt>
                <c:pt idx="5357">
                  <c:v>2.5000000000000001E-3</c:v>
                </c:pt>
                <c:pt idx="5358">
                  <c:v>2.5000000000000001E-3</c:v>
                </c:pt>
                <c:pt idx="5359">
                  <c:v>2.5000000000000001E-3</c:v>
                </c:pt>
                <c:pt idx="5360">
                  <c:v>2.5000000000000001E-3</c:v>
                </c:pt>
                <c:pt idx="5361">
                  <c:v>2.5000000000000001E-3</c:v>
                </c:pt>
                <c:pt idx="5362">
                  <c:v>2.5000000000000001E-3</c:v>
                </c:pt>
                <c:pt idx="5363">
                  <c:v>2.5000000000000001E-3</c:v>
                </c:pt>
                <c:pt idx="5364">
                  <c:v>2.5000000000000001E-3</c:v>
                </c:pt>
                <c:pt idx="5365">
                  <c:v>2.5000000000000001E-3</c:v>
                </c:pt>
                <c:pt idx="5366">
                  <c:v>2.5000000000000001E-3</c:v>
                </c:pt>
                <c:pt idx="5367">
                  <c:v>2.5000000000000001E-3</c:v>
                </c:pt>
                <c:pt idx="5368">
                  <c:v>2.5000000000000001E-3</c:v>
                </c:pt>
                <c:pt idx="5369">
                  <c:v>2.5000000000000001E-3</c:v>
                </c:pt>
                <c:pt idx="5370">
                  <c:v>2.5000000000000001E-3</c:v>
                </c:pt>
                <c:pt idx="5371">
                  <c:v>2.5000000000000001E-3</c:v>
                </c:pt>
                <c:pt idx="5372">
                  <c:v>2.5000000000000001E-3</c:v>
                </c:pt>
                <c:pt idx="5373">
                  <c:v>2.5000000000000001E-3</c:v>
                </c:pt>
                <c:pt idx="5374">
                  <c:v>2.5000000000000001E-3</c:v>
                </c:pt>
                <c:pt idx="5375">
                  <c:v>2.5000000000000001E-3</c:v>
                </c:pt>
                <c:pt idx="5376">
                  <c:v>2.5000000000000001E-3</c:v>
                </c:pt>
                <c:pt idx="5377">
                  <c:v>2.5000000000000001E-3</c:v>
                </c:pt>
                <c:pt idx="5378">
                  <c:v>2.5000000000000001E-3</c:v>
                </c:pt>
                <c:pt idx="5379">
                  <c:v>2.5000000000000001E-3</c:v>
                </c:pt>
                <c:pt idx="5380">
                  <c:v>2.5000000000000001E-3</c:v>
                </c:pt>
                <c:pt idx="5381">
                  <c:v>2.5000000000000001E-3</c:v>
                </c:pt>
                <c:pt idx="5382">
                  <c:v>2.5000000000000001E-3</c:v>
                </c:pt>
                <c:pt idx="5383">
                  <c:v>2.5000000000000001E-3</c:v>
                </c:pt>
                <c:pt idx="5384">
                  <c:v>2.5000000000000001E-3</c:v>
                </c:pt>
                <c:pt idx="5385">
                  <c:v>2.5000000000000001E-3</c:v>
                </c:pt>
                <c:pt idx="5386">
                  <c:v>2.5000000000000001E-3</c:v>
                </c:pt>
                <c:pt idx="5387">
                  <c:v>2.5000000000000001E-3</c:v>
                </c:pt>
                <c:pt idx="5388">
                  <c:v>2.5000000000000001E-3</c:v>
                </c:pt>
                <c:pt idx="5389">
                  <c:v>2.5000000000000001E-3</c:v>
                </c:pt>
                <c:pt idx="5390">
                  <c:v>2.5000000000000001E-3</c:v>
                </c:pt>
                <c:pt idx="5391">
                  <c:v>2.5000000000000001E-3</c:v>
                </c:pt>
                <c:pt idx="5392">
                  <c:v>2.5000000000000001E-3</c:v>
                </c:pt>
                <c:pt idx="5393">
                  <c:v>2.5000000000000001E-3</c:v>
                </c:pt>
                <c:pt idx="5394">
                  <c:v>2.5000000000000001E-3</c:v>
                </c:pt>
                <c:pt idx="5395">
                  <c:v>2.5000000000000001E-3</c:v>
                </c:pt>
                <c:pt idx="5396">
                  <c:v>2.5000000000000001E-3</c:v>
                </c:pt>
                <c:pt idx="5397">
                  <c:v>2.5000000000000001E-3</c:v>
                </c:pt>
                <c:pt idx="5398">
                  <c:v>2.5000000000000001E-3</c:v>
                </c:pt>
                <c:pt idx="5399">
                  <c:v>2.5000000000000001E-3</c:v>
                </c:pt>
                <c:pt idx="5400">
                  <c:v>2.5000000000000001E-3</c:v>
                </c:pt>
                <c:pt idx="5401">
                  <c:v>2.5000000000000001E-3</c:v>
                </c:pt>
                <c:pt idx="5402">
                  <c:v>2.5000000000000001E-3</c:v>
                </c:pt>
                <c:pt idx="5403">
                  <c:v>2.5000000000000001E-3</c:v>
                </c:pt>
                <c:pt idx="5404">
                  <c:v>2.5000000000000001E-3</c:v>
                </c:pt>
                <c:pt idx="5405">
                  <c:v>2.5000000000000001E-3</c:v>
                </c:pt>
                <c:pt idx="5406">
                  <c:v>2.5000000000000001E-3</c:v>
                </c:pt>
                <c:pt idx="5407">
                  <c:v>2.5000000000000001E-3</c:v>
                </c:pt>
                <c:pt idx="5408">
                  <c:v>2.5000000000000001E-3</c:v>
                </c:pt>
                <c:pt idx="5409">
                  <c:v>2.5000000000000001E-3</c:v>
                </c:pt>
                <c:pt idx="5410">
                  <c:v>2.5000000000000001E-3</c:v>
                </c:pt>
                <c:pt idx="5411">
                  <c:v>2.5000000000000001E-3</c:v>
                </c:pt>
                <c:pt idx="5412">
                  <c:v>2.5000000000000001E-3</c:v>
                </c:pt>
                <c:pt idx="5413">
                  <c:v>2.5000000000000001E-3</c:v>
                </c:pt>
                <c:pt idx="5414">
                  <c:v>2.5000000000000001E-3</c:v>
                </c:pt>
                <c:pt idx="5415">
                  <c:v>2.5000000000000001E-3</c:v>
                </c:pt>
                <c:pt idx="5416">
                  <c:v>2.5000000000000001E-3</c:v>
                </c:pt>
                <c:pt idx="5417">
                  <c:v>2.5000000000000001E-3</c:v>
                </c:pt>
                <c:pt idx="5418">
                  <c:v>2.5000000000000001E-3</c:v>
                </c:pt>
                <c:pt idx="5419">
                  <c:v>2.5000000000000001E-3</c:v>
                </c:pt>
                <c:pt idx="5420">
                  <c:v>2.5000000000000001E-3</c:v>
                </c:pt>
                <c:pt idx="5421">
                  <c:v>2.5000000000000001E-3</c:v>
                </c:pt>
                <c:pt idx="5422">
                  <c:v>2.5000000000000001E-3</c:v>
                </c:pt>
                <c:pt idx="5423">
                  <c:v>2.5000000000000001E-3</c:v>
                </c:pt>
                <c:pt idx="5424">
                  <c:v>2.5000000000000001E-3</c:v>
                </c:pt>
                <c:pt idx="5425">
                  <c:v>2.5000000000000001E-3</c:v>
                </c:pt>
                <c:pt idx="5426">
                  <c:v>2.5000000000000001E-3</c:v>
                </c:pt>
                <c:pt idx="5427">
                  <c:v>2.5000000000000001E-3</c:v>
                </c:pt>
                <c:pt idx="5428">
                  <c:v>2.5000000000000001E-3</c:v>
                </c:pt>
                <c:pt idx="5429">
                  <c:v>2.5000000000000001E-3</c:v>
                </c:pt>
                <c:pt idx="5430">
                  <c:v>2.5000000000000001E-3</c:v>
                </c:pt>
                <c:pt idx="5431">
                  <c:v>2.5000000000000001E-3</c:v>
                </c:pt>
                <c:pt idx="5432">
                  <c:v>2.5000000000000001E-3</c:v>
                </c:pt>
                <c:pt idx="5433">
                  <c:v>2.5000000000000001E-3</c:v>
                </c:pt>
                <c:pt idx="5434">
                  <c:v>2.5000000000000001E-3</c:v>
                </c:pt>
                <c:pt idx="5435">
                  <c:v>2.5000000000000001E-3</c:v>
                </c:pt>
                <c:pt idx="5436">
                  <c:v>2.5000000000000001E-3</c:v>
                </c:pt>
                <c:pt idx="5437">
                  <c:v>2.5000000000000001E-3</c:v>
                </c:pt>
                <c:pt idx="5438">
                  <c:v>2.5000000000000001E-3</c:v>
                </c:pt>
                <c:pt idx="5439">
                  <c:v>2.5000000000000001E-3</c:v>
                </c:pt>
                <c:pt idx="5440">
                  <c:v>2.5000000000000001E-3</c:v>
                </c:pt>
                <c:pt idx="5441">
                  <c:v>2.5000000000000001E-3</c:v>
                </c:pt>
                <c:pt idx="5442">
                  <c:v>2.5000000000000001E-3</c:v>
                </c:pt>
                <c:pt idx="5443">
                  <c:v>2.5000000000000001E-3</c:v>
                </c:pt>
                <c:pt idx="5444">
                  <c:v>2.5000000000000001E-3</c:v>
                </c:pt>
                <c:pt idx="5445">
                  <c:v>2.5000000000000001E-3</c:v>
                </c:pt>
                <c:pt idx="5446">
                  <c:v>2.5000000000000001E-3</c:v>
                </c:pt>
                <c:pt idx="5447">
                  <c:v>2.5000000000000001E-3</c:v>
                </c:pt>
                <c:pt idx="5448">
                  <c:v>2.5000000000000001E-3</c:v>
                </c:pt>
                <c:pt idx="5449">
                  <c:v>2.5000000000000001E-3</c:v>
                </c:pt>
                <c:pt idx="5450">
                  <c:v>2.5000000000000001E-3</c:v>
                </c:pt>
                <c:pt idx="5451">
                  <c:v>2.5000000000000001E-3</c:v>
                </c:pt>
                <c:pt idx="5452">
                  <c:v>2.5000000000000001E-3</c:v>
                </c:pt>
                <c:pt idx="5453">
                  <c:v>2.5000000000000001E-3</c:v>
                </c:pt>
                <c:pt idx="5454">
                  <c:v>2.5000000000000001E-3</c:v>
                </c:pt>
                <c:pt idx="5455">
                  <c:v>2.5000000000000001E-3</c:v>
                </c:pt>
                <c:pt idx="5456">
                  <c:v>2.5000000000000001E-3</c:v>
                </c:pt>
                <c:pt idx="5457">
                  <c:v>2.5000000000000001E-3</c:v>
                </c:pt>
                <c:pt idx="5458">
                  <c:v>2.5000000000000001E-3</c:v>
                </c:pt>
                <c:pt idx="5459">
                  <c:v>2.5000000000000001E-3</c:v>
                </c:pt>
                <c:pt idx="5460">
                  <c:v>2.5000000000000001E-3</c:v>
                </c:pt>
                <c:pt idx="5461">
                  <c:v>2.5000000000000001E-3</c:v>
                </c:pt>
                <c:pt idx="5462">
                  <c:v>2.5000000000000001E-3</c:v>
                </c:pt>
                <c:pt idx="5463">
                  <c:v>2.5000000000000001E-3</c:v>
                </c:pt>
                <c:pt idx="5464">
                  <c:v>2.5000000000000001E-3</c:v>
                </c:pt>
                <c:pt idx="5465">
                  <c:v>2.5000000000000001E-3</c:v>
                </c:pt>
                <c:pt idx="5466">
                  <c:v>2.5000000000000001E-3</c:v>
                </c:pt>
                <c:pt idx="5467">
                  <c:v>2.5000000000000001E-3</c:v>
                </c:pt>
                <c:pt idx="5468">
                  <c:v>2.5000000000000001E-3</c:v>
                </c:pt>
                <c:pt idx="5469">
                  <c:v>2.5000000000000001E-3</c:v>
                </c:pt>
                <c:pt idx="5470">
                  <c:v>2.5000000000000001E-3</c:v>
                </c:pt>
                <c:pt idx="5471">
                  <c:v>2.5000000000000001E-3</c:v>
                </c:pt>
                <c:pt idx="5472">
                  <c:v>2.5000000000000001E-3</c:v>
                </c:pt>
                <c:pt idx="5473">
                  <c:v>2.5000000000000001E-3</c:v>
                </c:pt>
                <c:pt idx="5474">
                  <c:v>2.5000000000000001E-3</c:v>
                </c:pt>
                <c:pt idx="5475">
                  <c:v>2.5000000000000001E-3</c:v>
                </c:pt>
                <c:pt idx="5476">
                  <c:v>2.5000000000000001E-3</c:v>
                </c:pt>
                <c:pt idx="5477">
                  <c:v>2.5000000000000001E-3</c:v>
                </c:pt>
                <c:pt idx="5478">
                  <c:v>2.5000000000000001E-3</c:v>
                </c:pt>
                <c:pt idx="5479">
                  <c:v>2.5000000000000001E-3</c:v>
                </c:pt>
                <c:pt idx="5480">
                  <c:v>2.5000000000000001E-3</c:v>
                </c:pt>
                <c:pt idx="5481">
                  <c:v>2.5000000000000001E-3</c:v>
                </c:pt>
                <c:pt idx="5482">
                  <c:v>2.5000000000000001E-3</c:v>
                </c:pt>
                <c:pt idx="5483">
                  <c:v>2.5000000000000001E-3</c:v>
                </c:pt>
                <c:pt idx="5484">
                  <c:v>2.5000000000000001E-3</c:v>
                </c:pt>
                <c:pt idx="5485">
                  <c:v>2.5000000000000001E-3</c:v>
                </c:pt>
                <c:pt idx="5486">
                  <c:v>2.5000000000000001E-3</c:v>
                </c:pt>
                <c:pt idx="5487">
                  <c:v>2.5000000000000001E-3</c:v>
                </c:pt>
                <c:pt idx="5488">
                  <c:v>2.5000000000000001E-3</c:v>
                </c:pt>
                <c:pt idx="5489">
                  <c:v>2.5000000000000001E-3</c:v>
                </c:pt>
                <c:pt idx="5490">
                  <c:v>2.5000000000000001E-3</c:v>
                </c:pt>
                <c:pt idx="5491">
                  <c:v>2.5000000000000001E-3</c:v>
                </c:pt>
                <c:pt idx="5492">
                  <c:v>2.5000000000000001E-3</c:v>
                </c:pt>
                <c:pt idx="5493">
                  <c:v>2.5000000000000001E-3</c:v>
                </c:pt>
                <c:pt idx="5494">
                  <c:v>2.5000000000000001E-3</c:v>
                </c:pt>
                <c:pt idx="5495">
                  <c:v>2.5000000000000001E-3</c:v>
                </c:pt>
                <c:pt idx="5496">
                  <c:v>2.5000000000000001E-3</c:v>
                </c:pt>
                <c:pt idx="5497">
                  <c:v>2.5000000000000001E-3</c:v>
                </c:pt>
                <c:pt idx="5498">
                  <c:v>2.5000000000000001E-3</c:v>
                </c:pt>
                <c:pt idx="5499">
                  <c:v>2.5000000000000001E-3</c:v>
                </c:pt>
                <c:pt idx="5500">
                  <c:v>2.5000000000000001E-3</c:v>
                </c:pt>
                <c:pt idx="5501">
                  <c:v>2.5000000000000001E-3</c:v>
                </c:pt>
                <c:pt idx="5502">
                  <c:v>2.5000000000000001E-3</c:v>
                </c:pt>
                <c:pt idx="5503">
                  <c:v>2.5000000000000001E-3</c:v>
                </c:pt>
                <c:pt idx="5504">
                  <c:v>2.5000000000000001E-3</c:v>
                </c:pt>
                <c:pt idx="5505">
                  <c:v>2.5000000000000001E-3</c:v>
                </c:pt>
                <c:pt idx="5506">
                  <c:v>2.5000000000000001E-3</c:v>
                </c:pt>
                <c:pt idx="5507">
                  <c:v>2.5000000000000001E-3</c:v>
                </c:pt>
                <c:pt idx="5508">
                  <c:v>2.5000000000000001E-3</c:v>
                </c:pt>
                <c:pt idx="5509">
                  <c:v>2.5000000000000001E-3</c:v>
                </c:pt>
                <c:pt idx="5510">
                  <c:v>2.5000000000000001E-3</c:v>
                </c:pt>
                <c:pt idx="5511">
                  <c:v>2.5000000000000001E-3</c:v>
                </c:pt>
                <c:pt idx="5512">
                  <c:v>2.5000000000000001E-3</c:v>
                </c:pt>
                <c:pt idx="5513">
                  <c:v>2.5000000000000001E-3</c:v>
                </c:pt>
                <c:pt idx="5514">
                  <c:v>2.5000000000000001E-3</c:v>
                </c:pt>
                <c:pt idx="5515">
                  <c:v>2.5000000000000001E-3</c:v>
                </c:pt>
                <c:pt idx="5516">
                  <c:v>2.5000000000000001E-3</c:v>
                </c:pt>
                <c:pt idx="5517">
                  <c:v>2.5000000000000001E-3</c:v>
                </c:pt>
                <c:pt idx="5518">
                  <c:v>2.5000000000000001E-3</c:v>
                </c:pt>
                <c:pt idx="5519">
                  <c:v>2.5000000000000001E-3</c:v>
                </c:pt>
                <c:pt idx="5520">
                  <c:v>2.5000000000000001E-3</c:v>
                </c:pt>
                <c:pt idx="5521">
                  <c:v>2.5000000000000001E-3</c:v>
                </c:pt>
                <c:pt idx="5522">
                  <c:v>2.5000000000000001E-3</c:v>
                </c:pt>
                <c:pt idx="5523">
                  <c:v>2.5000000000000001E-3</c:v>
                </c:pt>
                <c:pt idx="5524">
                  <c:v>2.5000000000000001E-3</c:v>
                </c:pt>
                <c:pt idx="5525">
                  <c:v>2.5000000000000001E-3</c:v>
                </c:pt>
                <c:pt idx="5526">
                  <c:v>2.5000000000000001E-3</c:v>
                </c:pt>
                <c:pt idx="5527">
                  <c:v>2.5000000000000001E-3</c:v>
                </c:pt>
                <c:pt idx="5528">
                  <c:v>2.5000000000000001E-3</c:v>
                </c:pt>
                <c:pt idx="5529">
                  <c:v>2.5000000000000001E-3</c:v>
                </c:pt>
                <c:pt idx="5530">
                  <c:v>2.5000000000000001E-3</c:v>
                </c:pt>
                <c:pt idx="5531">
                  <c:v>2.5000000000000001E-3</c:v>
                </c:pt>
                <c:pt idx="5532">
                  <c:v>2.5000000000000001E-3</c:v>
                </c:pt>
                <c:pt idx="5533">
                  <c:v>2.5000000000000001E-3</c:v>
                </c:pt>
                <c:pt idx="5534">
                  <c:v>2.5000000000000001E-3</c:v>
                </c:pt>
                <c:pt idx="5535">
                  <c:v>2.5000000000000001E-3</c:v>
                </c:pt>
                <c:pt idx="5536">
                  <c:v>2.5000000000000001E-3</c:v>
                </c:pt>
                <c:pt idx="5537">
                  <c:v>2.5000000000000001E-3</c:v>
                </c:pt>
                <c:pt idx="5538">
                  <c:v>2.5000000000000001E-3</c:v>
                </c:pt>
                <c:pt idx="5539">
                  <c:v>2.5000000000000001E-3</c:v>
                </c:pt>
                <c:pt idx="5540">
                  <c:v>2.5000000000000001E-3</c:v>
                </c:pt>
                <c:pt idx="5541">
                  <c:v>2.5000000000000001E-3</c:v>
                </c:pt>
                <c:pt idx="5542">
                  <c:v>2.5000000000000001E-3</c:v>
                </c:pt>
                <c:pt idx="5543">
                  <c:v>2.5000000000000001E-3</c:v>
                </c:pt>
                <c:pt idx="5544">
                  <c:v>2.5000000000000001E-3</c:v>
                </c:pt>
                <c:pt idx="5545">
                  <c:v>2.5000000000000001E-3</c:v>
                </c:pt>
                <c:pt idx="5546">
                  <c:v>2.5000000000000001E-3</c:v>
                </c:pt>
                <c:pt idx="5547">
                  <c:v>2.5000000000000001E-3</c:v>
                </c:pt>
                <c:pt idx="5548">
                  <c:v>2.5000000000000001E-3</c:v>
                </c:pt>
                <c:pt idx="5549">
                  <c:v>2.5000000000000001E-3</c:v>
                </c:pt>
                <c:pt idx="5550">
                  <c:v>2.5000000000000001E-3</c:v>
                </c:pt>
                <c:pt idx="5551">
                  <c:v>2.5000000000000001E-3</c:v>
                </c:pt>
                <c:pt idx="5552">
                  <c:v>2.5000000000000001E-3</c:v>
                </c:pt>
                <c:pt idx="5553">
                  <c:v>2.5000000000000001E-3</c:v>
                </c:pt>
                <c:pt idx="5554">
                  <c:v>2.5000000000000001E-3</c:v>
                </c:pt>
                <c:pt idx="5555">
                  <c:v>2.5000000000000001E-3</c:v>
                </c:pt>
                <c:pt idx="5556">
                  <c:v>2.5000000000000001E-3</c:v>
                </c:pt>
                <c:pt idx="5557">
                  <c:v>2.5000000000000001E-3</c:v>
                </c:pt>
                <c:pt idx="5558">
                  <c:v>2.5000000000000001E-3</c:v>
                </c:pt>
                <c:pt idx="5559">
                  <c:v>2.5000000000000001E-3</c:v>
                </c:pt>
                <c:pt idx="5560">
                  <c:v>2.5000000000000001E-3</c:v>
                </c:pt>
                <c:pt idx="5561">
                  <c:v>2.5000000000000001E-3</c:v>
                </c:pt>
                <c:pt idx="5562">
                  <c:v>2.5000000000000001E-3</c:v>
                </c:pt>
                <c:pt idx="5563">
                  <c:v>2.5000000000000001E-3</c:v>
                </c:pt>
                <c:pt idx="5564">
                  <c:v>2.5000000000000001E-3</c:v>
                </c:pt>
                <c:pt idx="5565">
                  <c:v>2.5000000000000001E-3</c:v>
                </c:pt>
                <c:pt idx="5566">
                  <c:v>2.5000000000000001E-3</c:v>
                </c:pt>
                <c:pt idx="5567">
                  <c:v>2.5000000000000001E-3</c:v>
                </c:pt>
                <c:pt idx="5568">
                  <c:v>2.5000000000000001E-3</c:v>
                </c:pt>
                <c:pt idx="5569">
                  <c:v>2.5000000000000001E-3</c:v>
                </c:pt>
                <c:pt idx="5570">
                  <c:v>2.5000000000000001E-3</c:v>
                </c:pt>
                <c:pt idx="5571">
                  <c:v>2.5000000000000001E-3</c:v>
                </c:pt>
                <c:pt idx="5572">
                  <c:v>2.5000000000000001E-3</c:v>
                </c:pt>
                <c:pt idx="5573">
                  <c:v>2.5000000000000001E-3</c:v>
                </c:pt>
                <c:pt idx="5574">
                  <c:v>2.5000000000000001E-3</c:v>
                </c:pt>
                <c:pt idx="5575">
                  <c:v>2.5000000000000001E-3</c:v>
                </c:pt>
                <c:pt idx="5576">
                  <c:v>2.5000000000000001E-3</c:v>
                </c:pt>
                <c:pt idx="5577">
                  <c:v>2.5000000000000001E-3</c:v>
                </c:pt>
                <c:pt idx="5578">
                  <c:v>2.5000000000000001E-3</c:v>
                </c:pt>
                <c:pt idx="5579">
                  <c:v>2.5000000000000001E-3</c:v>
                </c:pt>
                <c:pt idx="5580">
                  <c:v>2.5000000000000001E-3</c:v>
                </c:pt>
                <c:pt idx="5581">
                  <c:v>2.5000000000000001E-3</c:v>
                </c:pt>
                <c:pt idx="5582">
                  <c:v>2.5000000000000001E-3</c:v>
                </c:pt>
                <c:pt idx="5583">
                  <c:v>2.5000000000000001E-3</c:v>
                </c:pt>
                <c:pt idx="5584">
                  <c:v>2.5000000000000001E-3</c:v>
                </c:pt>
                <c:pt idx="5585">
                  <c:v>2.5000000000000001E-3</c:v>
                </c:pt>
                <c:pt idx="5586">
                  <c:v>2.5000000000000001E-3</c:v>
                </c:pt>
                <c:pt idx="5587">
                  <c:v>2.5000000000000001E-3</c:v>
                </c:pt>
                <c:pt idx="5588">
                  <c:v>2.5000000000000001E-3</c:v>
                </c:pt>
                <c:pt idx="5589">
                  <c:v>2.5000000000000001E-3</c:v>
                </c:pt>
                <c:pt idx="5590">
                  <c:v>2.5000000000000001E-3</c:v>
                </c:pt>
                <c:pt idx="5591">
                  <c:v>2.5000000000000001E-3</c:v>
                </c:pt>
                <c:pt idx="5592">
                  <c:v>2.5000000000000001E-3</c:v>
                </c:pt>
                <c:pt idx="5593">
                  <c:v>2.5000000000000001E-3</c:v>
                </c:pt>
                <c:pt idx="5594">
                  <c:v>2.5000000000000001E-3</c:v>
                </c:pt>
                <c:pt idx="5595">
                  <c:v>2.5000000000000001E-3</c:v>
                </c:pt>
                <c:pt idx="5596">
                  <c:v>2.5000000000000001E-3</c:v>
                </c:pt>
                <c:pt idx="5597">
                  <c:v>2.5000000000000001E-3</c:v>
                </c:pt>
                <c:pt idx="5598">
                  <c:v>2.5000000000000001E-3</c:v>
                </c:pt>
                <c:pt idx="5599">
                  <c:v>2.5000000000000001E-3</c:v>
                </c:pt>
                <c:pt idx="5600">
                  <c:v>2.5000000000000001E-3</c:v>
                </c:pt>
                <c:pt idx="5601">
                  <c:v>2.5000000000000001E-3</c:v>
                </c:pt>
                <c:pt idx="5602">
                  <c:v>2.5000000000000001E-3</c:v>
                </c:pt>
                <c:pt idx="5603">
                  <c:v>2.5000000000000001E-3</c:v>
                </c:pt>
                <c:pt idx="5604">
                  <c:v>2.5000000000000001E-3</c:v>
                </c:pt>
                <c:pt idx="5605">
                  <c:v>2.5000000000000001E-3</c:v>
                </c:pt>
                <c:pt idx="5606">
                  <c:v>2.5000000000000001E-3</c:v>
                </c:pt>
                <c:pt idx="5607">
                  <c:v>2.5000000000000001E-3</c:v>
                </c:pt>
                <c:pt idx="5608">
                  <c:v>2.5000000000000001E-3</c:v>
                </c:pt>
                <c:pt idx="5609">
                  <c:v>2.5000000000000001E-3</c:v>
                </c:pt>
                <c:pt idx="5610">
                  <c:v>2.5000000000000001E-3</c:v>
                </c:pt>
                <c:pt idx="5611">
                  <c:v>2.5000000000000001E-3</c:v>
                </c:pt>
                <c:pt idx="5612">
                  <c:v>2.5000000000000001E-3</c:v>
                </c:pt>
                <c:pt idx="5613">
                  <c:v>2.5000000000000001E-3</c:v>
                </c:pt>
                <c:pt idx="5614">
                  <c:v>2.5000000000000001E-3</c:v>
                </c:pt>
                <c:pt idx="5615">
                  <c:v>2.5000000000000001E-3</c:v>
                </c:pt>
                <c:pt idx="5616">
                  <c:v>2.5000000000000001E-3</c:v>
                </c:pt>
                <c:pt idx="5617">
                  <c:v>2.5000000000000001E-3</c:v>
                </c:pt>
                <c:pt idx="5618">
                  <c:v>2.5000000000000001E-3</c:v>
                </c:pt>
                <c:pt idx="5619">
                  <c:v>2.5000000000000001E-3</c:v>
                </c:pt>
                <c:pt idx="5620">
                  <c:v>2.5000000000000001E-3</c:v>
                </c:pt>
                <c:pt idx="5621">
                  <c:v>2.5000000000000001E-3</c:v>
                </c:pt>
                <c:pt idx="5622">
                  <c:v>2.5000000000000001E-3</c:v>
                </c:pt>
                <c:pt idx="5623">
                  <c:v>2.5000000000000001E-3</c:v>
                </c:pt>
                <c:pt idx="5624">
                  <c:v>2.5000000000000001E-3</c:v>
                </c:pt>
                <c:pt idx="5625">
                  <c:v>2.5000000000000001E-3</c:v>
                </c:pt>
                <c:pt idx="5626">
                  <c:v>2.5000000000000001E-3</c:v>
                </c:pt>
                <c:pt idx="5627">
                  <c:v>2.5000000000000001E-3</c:v>
                </c:pt>
                <c:pt idx="5628">
                  <c:v>2.5000000000000001E-3</c:v>
                </c:pt>
                <c:pt idx="5629">
                  <c:v>2.5000000000000001E-3</c:v>
                </c:pt>
                <c:pt idx="5630">
                  <c:v>2.5000000000000001E-3</c:v>
                </c:pt>
                <c:pt idx="5631">
                  <c:v>2.5000000000000001E-3</c:v>
                </c:pt>
                <c:pt idx="5632">
                  <c:v>2.5000000000000001E-3</c:v>
                </c:pt>
                <c:pt idx="5633">
                  <c:v>2.5000000000000001E-3</c:v>
                </c:pt>
                <c:pt idx="5634">
                  <c:v>2.5000000000000001E-3</c:v>
                </c:pt>
                <c:pt idx="5635">
                  <c:v>2.5000000000000001E-3</c:v>
                </c:pt>
                <c:pt idx="5636">
                  <c:v>2.5000000000000001E-3</c:v>
                </c:pt>
                <c:pt idx="5637">
                  <c:v>2.5000000000000001E-3</c:v>
                </c:pt>
                <c:pt idx="5638">
                  <c:v>2.5000000000000001E-3</c:v>
                </c:pt>
                <c:pt idx="5639">
                  <c:v>2.5000000000000001E-3</c:v>
                </c:pt>
                <c:pt idx="5640">
                  <c:v>2.5000000000000001E-3</c:v>
                </c:pt>
                <c:pt idx="5641">
                  <c:v>2.5000000000000001E-3</c:v>
                </c:pt>
                <c:pt idx="5642">
                  <c:v>2.5000000000000001E-3</c:v>
                </c:pt>
                <c:pt idx="5643">
                  <c:v>2.5000000000000001E-3</c:v>
                </c:pt>
                <c:pt idx="5644">
                  <c:v>2.5000000000000001E-3</c:v>
                </c:pt>
                <c:pt idx="5645">
                  <c:v>2.5000000000000001E-3</c:v>
                </c:pt>
                <c:pt idx="5646">
                  <c:v>2.5000000000000001E-3</c:v>
                </c:pt>
                <c:pt idx="5647">
                  <c:v>2.5000000000000001E-3</c:v>
                </c:pt>
                <c:pt idx="5648">
                  <c:v>2.5000000000000001E-3</c:v>
                </c:pt>
                <c:pt idx="5649">
                  <c:v>2.5000000000000001E-3</c:v>
                </c:pt>
                <c:pt idx="5650">
                  <c:v>2.5000000000000001E-3</c:v>
                </c:pt>
                <c:pt idx="5651">
                  <c:v>2.5000000000000001E-3</c:v>
                </c:pt>
                <c:pt idx="5652">
                  <c:v>2.5000000000000001E-3</c:v>
                </c:pt>
                <c:pt idx="5653">
                  <c:v>2.5000000000000001E-3</c:v>
                </c:pt>
                <c:pt idx="5654">
                  <c:v>2.5000000000000001E-3</c:v>
                </c:pt>
                <c:pt idx="5655">
                  <c:v>2.5000000000000001E-3</c:v>
                </c:pt>
                <c:pt idx="5656">
                  <c:v>2.5000000000000001E-3</c:v>
                </c:pt>
                <c:pt idx="5657">
                  <c:v>2.5000000000000001E-3</c:v>
                </c:pt>
                <c:pt idx="5658">
                  <c:v>2.5000000000000001E-3</c:v>
                </c:pt>
                <c:pt idx="5659">
                  <c:v>2.5000000000000001E-3</c:v>
                </c:pt>
                <c:pt idx="5660">
                  <c:v>2.5000000000000001E-3</c:v>
                </c:pt>
                <c:pt idx="5661">
                  <c:v>2.5000000000000001E-3</c:v>
                </c:pt>
                <c:pt idx="5662">
                  <c:v>2.5000000000000001E-3</c:v>
                </c:pt>
                <c:pt idx="5663">
                  <c:v>2.5000000000000001E-3</c:v>
                </c:pt>
                <c:pt idx="5664">
                  <c:v>2.5000000000000001E-3</c:v>
                </c:pt>
                <c:pt idx="5665">
                  <c:v>2.5000000000000001E-3</c:v>
                </c:pt>
                <c:pt idx="5666">
                  <c:v>2.5000000000000001E-3</c:v>
                </c:pt>
                <c:pt idx="5667">
                  <c:v>2.5000000000000001E-3</c:v>
                </c:pt>
                <c:pt idx="5668">
                  <c:v>2.5000000000000001E-3</c:v>
                </c:pt>
                <c:pt idx="5669">
                  <c:v>2.5000000000000001E-3</c:v>
                </c:pt>
                <c:pt idx="5670">
                  <c:v>2.5000000000000001E-3</c:v>
                </c:pt>
                <c:pt idx="5671">
                  <c:v>2.5000000000000001E-3</c:v>
                </c:pt>
                <c:pt idx="5672">
                  <c:v>2.5000000000000001E-3</c:v>
                </c:pt>
                <c:pt idx="5673">
                  <c:v>2.5000000000000001E-3</c:v>
                </c:pt>
                <c:pt idx="5674">
                  <c:v>2.5000000000000001E-3</c:v>
                </c:pt>
                <c:pt idx="5675">
                  <c:v>2.5000000000000001E-3</c:v>
                </c:pt>
                <c:pt idx="5676">
                  <c:v>2.5000000000000001E-3</c:v>
                </c:pt>
                <c:pt idx="5677">
                  <c:v>2.5000000000000001E-3</c:v>
                </c:pt>
                <c:pt idx="5678">
                  <c:v>2.5000000000000001E-3</c:v>
                </c:pt>
                <c:pt idx="5679">
                  <c:v>2.5000000000000001E-3</c:v>
                </c:pt>
                <c:pt idx="5680">
                  <c:v>2.5000000000000001E-3</c:v>
                </c:pt>
                <c:pt idx="5681">
                  <c:v>2.5000000000000001E-3</c:v>
                </c:pt>
                <c:pt idx="5682">
                  <c:v>2.5000000000000001E-3</c:v>
                </c:pt>
                <c:pt idx="5683">
                  <c:v>2.5000000000000001E-3</c:v>
                </c:pt>
                <c:pt idx="5684">
                  <c:v>2.5000000000000001E-3</c:v>
                </c:pt>
                <c:pt idx="5685">
                  <c:v>2.5000000000000001E-3</c:v>
                </c:pt>
                <c:pt idx="5686">
                  <c:v>2.5000000000000001E-3</c:v>
                </c:pt>
                <c:pt idx="5687">
                  <c:v>2.5000000000000001E-3</c:v>
                </c:pt>
                <c:pt idx="5688">
                  <c:v>2.5000000000000001E-3</c:v>
                </c:pt>
                <c:pt idx="5689">
                  <c:v>2.5000000000000001E-3</c:v>
                </c:pt>
                <c:pt idx="5690">
                  <c:v>2.5000000000000001E-3</c:v>
                </c:pt>
                <c:pt idx="5691">
                  <c:v>2.5000000000000001E-3</c:v>
                </c:pt>
                <c:pt idx="5692">
                  <c:v>2.5000000000000001E-3</c:v>
                </c:pt>
                <c:pt idx="5693">
                  <c:v>2.5000000000000001E-3</c:v>
                </c:pt>
                <c:pt idx="5694">
                  <c:v>2.5000000000000001E-3</c:v>
                </c:pt>
                <c:pt idx="5695">
                  <c:v>2.5000000000000001E-3</c:v>
                </c:pt>
                <c:pt idx="5696">
                  <c:v>2.5000000000000001E-3</c:v>
                </c:pt>
                <c:pt idx="5697">
                  <c:v>2.5000000000000001E-3</c:v>
                </c:pt>
                <c:pt idx="5698">
                  <c:v>2.5000000000000001E-3</c:v>
                </c:pt>
                <c:pt idx="5699">
                  <c:v>2.5000000000000001E-3</c:v>
                </c:pt>
                <c:pt idx="5700">
                  <c:v>2.5000000000000001E-3</c:v>
                </c:pt>
                <c:pt idx="5701">
                  <c:v>2.5000000000000001E-3</c:v>
                </c:pt>
                <c:pt idx="5702">
                  <c:v>2.5000000000000001E-3</c:v>
                </c:pt>
                <c:pt idx="5703">
                  <c:v>2.5000000000000001E-3</c:v>
                </c:pt>
                <c:pt idx="5704">
                  <c:v>2.5000000000000001E-3</c:v>
                </c:pt>
                <c:pt idx="5705">
                  <c:v>2.5000000000000001E-3</c:v>
                </c:pt>
                <c:pt idx="5706">
                  <c:v>2.5000000000000001E-3</c:v>
                </c:pt>
                <c:pt idx="5707">
                  <c:v>2.5000000000000001E-3</c:v>
                </c:pt>
                <c:pt idx="5708">
                  <c:v>2.5000000000000001E-3</c:v>
                </c:pt>
                <c:pt idx="5709">
                  <c:v>2.5000000000000001E-3</c:v>
                </c:pt>
                <c:pt idx="5710">
                  <c:v>2.5000000000000001E-3</c:v>
                </c:pt>
                <c:pt idx="5711">
                  <c:v>2.5000000000000001E-3</c:v>
                </c:pt>
                <c:pt idx="5712">
                  <c:v>2.5000000000000001E-3</c:v>
                </c:pt>
                <c:pt idx="5713">
                  <c:v>2.5000000000000001E-3</c:v>
                </c:pt>
                <c:pt idx="5714">
                  <c:v>2.5000000000000001E-3</c:v>
                </c:pt>
                <c:pt idx="5715">
                  <c:v>2.5000000000000001E-3</c:v>
                </c:pt>
                <c:pt idx="5716">
                  <c:v>2.5000000000000001E-3</c:v>
                </c:pt>
                <c:pt idx="5717">
                  <c:v>2.5000000000000001E-3</c:v>
                </c:pt>
                <c:pt idx="5718">
                  <c:v>2.5000000000000001E-3</c:v>
                </c:pt>
                <c:pt idx="5719">
                  <c:v>2.5000000000000001E-3</c:v>
                </c:pt>
                <c:pt idx="5720">
                  <c:v>2.5000000000000001E-3</c:v>
                </c:pt>
                <c:pt idx="5721">
                  <c:v>2.5000000000000001E-3</c:v>
                </c:pt>
                <c:pt idx="5722">
                  <c:v>2.5000000000000001E-3</c:v>
                </c:pt>
                <c:pt idx="5723">
                  <c:v>2.5000000000000001E-3</c:v>
                </c:pt>
                <c:pt idx="5724">
                  <c:v>2.5000000000000001E-3</c:v>
                </c:pt>
                <c:pt idx="5725">
                  <c:v>2.5000000000000001E-3</c:v>
                </c:pt>
                <c:pt idx="5726">
                  <c:v>2.5000000000000001E-3</c:v>
                </c:pt>
                <c:pt idx="5727">
                  <c:v>2.5000000000000001E-3</c:v>
                </c:pt>
                <c:pt idx="5728">
                  <c:v>2.5000000000000001E-3</c:v>
                </c:pt>
                <c:pt idx="5729">
                  <c:v>2.5000000000000001E-3</c:v>
                </c:pt>
                <c:pt idx="5730">
                  <c:v>2.5000000000000001E-3</c:v>
                </c:pt>
                <c:pt idx="5731">
                  <c:v>2.5000000000000001E-3</c:v>
                </c:pt>
                <c:pt idx="5732">
                  <c:v>2.5000000000000001E-3</c:v>
                </c:pt>
                <c:pt idx="5733">
                  <c:v>2.5000000000000001E-3</c:v>
                </c:pt>
                <c:pt idx="5734">
                  <c:v>2.5000000000000001E-3</c:v>
                </c:pt>
                <c:pt idx="5735">
                  <c:v>2.5000000000000001E-3</c:v>
                </c:pt>
                <c:pt idx="5736">
                  <c:v>2.5000000000000001E-3</c:v>
                </c:pt>
                <c:pt idx="5737">
                  <c:v>2.5000000000000001E-3</c:v>
                </c:pt>
                <c:pt idx="5738">
                  <c:v>2.5000000000000001E-3</c:v>
                </c:pt>
                <c:pt idx="5739">
                  <c:v>2.5000000000000001E-3</c:v>
                </c:pt>
                <c:pt idx="5740">
                  <c:v>2.5000000000000001E-3</c:v>
                </c:pt>
                <c:pt idx="5741">
                  <c:v>2.5000000000000001E-3</c:v>
                </c:pt>
                <c:pt idx="5742">
                  <c:v>2.5000000000000001E-3</c:v>
                </c:pt>
                <c:pt idx="5743">
                  <c:v>2.5000000000000001E-3</c:v>
                </c:pt>
                <c:pt idx="5744">
                  <c:v>2.5000000000000001E-3</c:v>
                </c:pt>
                <c:pt idx="5745">
                  <c:v>2.5000000000000001E-3</c:v>
                </c:pt>
                <c:pt idx="5746">
                  <c:v>2.5000000000000001E-3</c:v>
                </c:pt>
                <c:pt idx="5747">
                  <c:v>2.5000000000000001E-3</c:v>
                </c:pt>
                <c:pt idx="5748">
                  <c:v>2.5000000000000001E-3</c:v>
                </c:pt>
                <c:pt idx="5749">
                  <c:v>2.5000000000000001E-3</c:v>
                </c:pt>
                <c:pt idx="5750">
                  <c:v>2.5000000000000001E-3</c:v>
                </c:pt>
                <c:pt idx="5751">
                  <c:v>2.5000000000000001E-3</c:v>
                </c:pt>
                <c:pt idx="5752">
                  <c:v>2.5000000000000001E-3</c:v>
                </c:pt>
                <c:pt idx="5753">
                  <c:v>2.5000000000000001E-3</c:v>
                </c:pt>
                <c:pt idx="5754">
                  <c:v>2.5000000000000001E-3</c:v>
                </c:pt>
                <c:pt idx="5755">
                  <c:v>2.5000000000000001E-3</c:v>
                </c:pt>
                <c:pt idx="5756">
                  <c:v>2.5000000000000001E-3</c:v>
                </c:pt>
                <c:pt idx="5757">
                  <c:v>2.5000000000000001E-3</c:v>
                </c:pt>
                <c:pt idx="5758">
                  <c:v>2.5000000000000001E-3</c:v>
                </c:pt>
                <c:pt idx="5759">
                  <c:v>2.5000000000000001E-3</c:v>
                </c:pt>
                <c:pt idx="5760">
                  <c:v>2.5000000000000001E-3</c:v>
                </c:pt>
                <c:pt idx="5761">
                  <c:v>2.5000000000000001E-3</c:v>
                </c:pt>
                <c:pt idx="5762">
                  <c:v>2.5000000000000001E-3</c:v>
                </c:pt>
                <c:pt idx="5763">
                  <c:v>2.5000000000000001E-3</c:v>
                </c:pt>
                <c:pt idx="5764">
                  <c:v>2.5000000000000001E-3</c:v>
                </c:pt>
                <c:pt idx="5765">
                  <c:v>2.5000000000000001E-3</c:v>
                </c:pt>
                <c:pt idx="5766">
                  <c:v>2.5000000000000001E-3</c:v>
                </c:pt>
                <c:pt idx="5767">
                  <c:v>2.5000000000000001E-3</c:v>
                </c:pt>
                <c:pt idx="5768">
                  <c:v>2.5000000000000001E-3</c:v>
                </c:pt>
                <c:pt idx="5769">
                  <c:v>2.5000000000000001E-3</c:v>
                </c:pt>
                <c:pt idx="5770">
                  <c:v>2.5000000000000001E-3</c:v>
                </c:pt>
                <c:pt idx="5771">
                  <c:v>2.5000000000000001E-3</c:v>
                </c:pt>
                <c:pt idx="5772">
                  <c:v>2.5000000000000001E-3</c:v>
                </c:pt>
                <c:pt idx="5773">
                  <c:v>2.5000000000000001E-3</c:v>
                </c:pt>
                <c:pt idx="5774">
                  <c:v>2.5000000000000001E-3</c:v>
                </c:pt>
                <c:pt idx="5775">
                  <c:v>2.5000000000000001E-3</c:v>
                </c:pt>
                <c:pt idx="5776">
                  <c:v>2.5000000000000001E-3</c:v>
                </c:pt>
                <c:pt idx="5777">
                  <c:v>2.5000000000000001E-3</c:v>
                </c:pt>
                <c:pt idx="5778">
                  <c:v>2.5000000000000001E-3</c:v>
                </c:pt>
                <c:pt idx="5779">
                  <c:v>2.5000000000000001E-3</c:v>
                </c:pt>
                <c:pt idx="5780">
                  <c:v>2.5000000000000001E-3</c:v>
                </c:pt>
                <c:pt idx="5781">
                  <c:v>2.5000000000000001E-3</c:v>
                </c:pt>
                <c:pt idx="5782">
                  <c:v>2.5000000000000001E-3</c:v>
                </c:pt>
                <c:pt idx="5783">
                  <c:v>2.5000000000000001E-3</c:v>
                </c:pt>
                <c:pt idx="5784">
                  <c:v>2.5000000000000001E-3</c:v>
                </c:pt>
                <c:pt idx="5785">
                  <c:v>2.5000000000000001E-3</c:v>
                </c:pt>
                <c:pt idx="5786">
                  <c:v>2.5000000000000001E-3</c:v>
                </c:pt>
                <c:pt idx="5787">
                  <c:v>2.5000000000000001E-3</c:v>
                </c:pt>
                <c:pt idx="5788">
                  <c:v>2.5000000000000001E-3</c:v>
                </c:pt>
                <c:pt idx="5789">
                  <c:v>2.5000000000000001E-3</c:v>
                </c:pt>
                <c:pt idx="5790">
                  <c:v>2.5000000000000001E-3</c:v>
                </c:pt>
                <c:pt idx="5791">
                  <c:v>2.5000000000000001E-3</c:v>
                </c:pt>
                <c:pt idx="5792">
                  <c:v>2.5000000000000001E-3</c:v>
                </c:pt>
                <c:pt idx="5793">
                  <c:v>2.5000000000000001E-3</c:v>
                </c:pt>
                <c:pt idx="5794">
                  <c:v>2.5000000000000001E-3</c:v>
                </c:pt>
                <c:pt idx="5795">
                  <c:v>2.5000000000000001E-3</c:v>
                </c:pt>
                <c:pt idx="5796">
                  <c:v>2.5000000000000001E-3</c:v>
                </c:pt>
                <c:pt idx="5797">
                  <c:v>2.5000000000000001E-3</c:v>
                </c:pt>
                <c:pt idx="5798">
                  <c:v>2.5000000000000001E-3</c:v>
                </c:pt>
                <c:pt idx="5799">
                  <c:v>2.5000000000000001E-3</c:v>
                </c:pt>
                <c:pt idx="5800">
                  <c:v>2.5000000000000001E-3</c:v>
                </c:pt>
                <c:pt idx="5801">
                  <c:v>2.5000000000000001E-3</c:v>
                </c:pt>
                <c:pt idx="5802">
                  <c:v>2.5000000000000001E-3</c:v>
                </c:pt>
                <c:pt idx="5803">
                  <c:v>2.5000000000000001E-3</c:v>
                </c:pt>
                <c:pt idx="5804">
                  <c:v>2.5000000000000001E-3</c:v>
                </c:pt>
                <c:pt idx="5805">
                  <c:v>2.5000000000000001E-3</c:v>
                </c:pt>
                <c:pt idx="5806">
                  <c:v>2.5000000000000001E-3</c:v>
                </c:pt>
                <c:pt idx="5807">
                  <c:v>2.5000000000000001E-3</c:v>
                </c:pt>
                <c:pt idx="5808">
                  <c:v>2.5000000000000001E-3</c:v>
                </c:pt>
                <c:pt idx="5809">
                  <c:v>2.5000000000000001E-3</c:v>
                </c:pt>
                <c:pt idx="5810">
                  <c:v>2.5000000000000001E-3</c:v>
                </c:pt>
                <c:pt idx="5811">
                  <c:v>2.5000000000000001E-3</c:v>
                </c:pt>
                <c:pt idx="5812">
                  <c:v>2.5000000000000001E-3</c:v>
                </c:pt>
                <c:pt idx="5813">
                  <c:v>2.5000000000000001E-3</c:v>
                </c:pt>
                <c:pt idx="5814">
                  <c:v>2.5000000000000001E-3</c:v>
                </c:pt>
                <c:pt idx="5815">
                  <c:v>2.5000000000000001E-3</c:v>
                </c:pt>
                <c:pt idx="5816">
                  <c:v>2.5000000000000001E-3</c:v>
                </c:pt>
                <c:pt idx="5817">
                  <c:v>2.5000000000000001E-3</c:v>
                </c:pt>
                <c:pt idx="5818">
                  <c:v>2.5000000000000001E-3</c:v>
                </c:pt>
                <c:pt idx="5819">
                  <c:v>2.5000000000000001E-3</c:v>
                </c:pt>
                <c:pt idx="5820">
                  <c:v>2.5000000000000001E-3</c:v>
                </c:pt>
                <c:pt idx="5821">
                  <c:v>2.5000000000000001E-3</c:v>
                </c:pt>
                <c:pt idx="5822">
                  <c:v>2.5000000000000001E-3</c:v>
                </c:pt>
                <c:pt idx="5823">
                  <c:v>2.5000000000000001E-3</c:v>
                </c:pt>
                <c:pt idx="5824">
                  <c:v>2.5000000000000001E-3</c:v>
                </c:pt>
                <c:pt idx="5825">
                  <c:v>2.5000000000000001E-3</c:v>
                </c:pt>
                <c:pt idx="5826">
                  <c:v>2.5000000000000001E-3</c:v>
                </c:pt>
                <c:pt idx="5827">
                  <c:v>2.5000000000000001E-3</c:v>
                </c:pt>
                <c:pt idx="5828">
                  <c:v>2.5000000000000001E-3</c:v>
                </c:pt>
                <c:pt idx="5829">
                  <c:v>5.0000000000000001E-3</c:v>
                </c:pt>
                <c:pt idx="5830">
                  <c:v>5.0000000000000001E-3</c:v>
                </c:pt>
                <c:pt idx="5831">
                  <c:v>5.0000000000000001E-3</c:v>
                </c:pt>
                <c:pt idx="5832">
                  <c:v>5.0000000000000001E-3</c:v>
                </c:pt>
                <c:pt idx="5833">
                  <c:v>5.0000000000000001E-3</c:v>
                </c:pt>
                <c:pt idx="5834">
                  <c:v>5.0000000000000001E-3</c:v>
                </c:pt>
                <c:pt idx="5835">
                  <c:v>5.0000000000000001E-3</c:v>
                </c:pt>
                <c:pt idx="5836">
                  <c:v>5.0000000000000001E-3</c:v>
                </c:pt>
                <c:pt idx="5837">
                  <c:v>5.0000000000000001E-3</c:v>
                </c:pt>
                <c:pt idx="5838">
                  <c:v>5.0000000000000001E-3</c:v>
                </c:pt>
                <c:pt idx="5839">
                  <c:v>5.0000000000000001E-3</c:v>
                </c:pt>
                <c:pt idx="5840">
                  <c:v>5.0000000000000001E-3</c:v>
                </c:pt>
                <c:pt idx="5841">
                  <c:v>5.0000000000000001E-3</c:v>
                </c:pt>
                <c:pt idx="5842">
                  <c:v>5.0000000000000001E-3</c:v>
                </c:pt>
                <c:pt idx="5843">
                  <c:v>5.0000000000000001E-3</c:v>
                </c:pt>
                <c:pt idx="5844">
                  <c:v>5.0000000000000001E-3</c:v>
                </c:pt>
                <c:pt idx="5845">
                  <c:v>5.0000000000000001E-3</c:v>
                </c:pt>
                <c:pt idx="5846">
                  <c:v>5.0000000000000001E-3</c:v>
                </c:pt>
                <c:pt idx="5847">
                  <c:v>5.0000000000000001E-3</c:v>
                </c:pt>
                <c:pt idx="5848">
                  <c:v>5.0000000000000001E-3</c:v>
                </c:pt>
                <c:pt idx="5849">
                  <c:v>5.0000000000000001E-3</c:v>
                </c:pt>
                <c:pt idx="5850">
                  <c:v>5.0000000000000001E-3</c:v>
                </c:pt>
                <c:pt idx="5851">
                  <c:v>5.0000000000000001E-3</c:v>
                </c:pt>
                <c:pt idx="5852">
                  <c:v>5.0000000000000001E-3</c:v>
                </c:pt>
                <c:pt idx="5853">
                  <c:v>5.0000000000000001E-3</c:v>
                </c:pt>
                <c:pt idx="5854">
                  <c:v>5.0000000000000001E-3</c:v>
                </c:pt>
                <c:pt idx="5855">
                  <c:v>5.0000000000000001E-3</c:v>
                </c:pt>
                <c:pt idx="5856">
                  <c:v>5.0000000000000001E-3</c:v>
                </c:pt>
                <c:pt idx="5857">
                  <c:v>5.0000000000000001E-3</c:v>
                </c:pt>
                <c:pt idx="5858">
                  <c:v>5.0000000000000001E-3</c:v>
                </c:pt>
                <c:pt idx="5859">
                  <c:v>5.0000000000000001E-3</c:v>
                </c:pt>
                <c:pt idx="5860">
                  <c:v>5.0000000000000001E-3</c:v>
                </c:pt>
                <c:pt idx="5861">
                  <c:v>5.0000000000000001E-3</c:v>
                </c:pt>
                <c:pt idx="5862">
                  <c:v>5.0000000000000001E-3</c:v>
                </c:pt>
                <c:pt idx="5863">
                  <c:v>5.0000000000000001E-3</c:v>
                </c:pt>
                <c:pt idx="5864">
                  <c:v>5.0000000000000001E-3</c:v>
                </c:pt>
                <c:pt idx="5865">
                  <c:v>5.0000000000000001E-3</c:v>
                </c:pt>
                <c:pt idx="5866">
                  <c:v>5.0000000000000001E-3</c:v>
                </c:pt>
                <c:pt idx="5867">
                  <c:v>5.0000000000000001E-3</c:v>
                </c:pt>
                <c:pt idx="5868">
                  <c:v>5.0000000000000001E-3</c:v>
                </c:pt>
                <c:pt idx="5869">
                  <c:v>5.0000000000000001E-3</c:v>
                </c:pt>
                <c:pt idx="5870">
                  <c:v>5.0000000000000001E-3</c:v>
                </c:pt>
                <c:pt idx="5871">
                  <c:v>5.0000000000000001E-3</c:v>
                </c:pt>
                <c:pt idx="5872">
                  <c:v>5.0000000000000001E-3</c:v>
                </c:pt>
                <c:pt idx="5873">
                  <c:v>5.0000000000000001E-3</c:v>
                </c:pt>
                <c:pt idx="5874">
                  <c:v>5.0000000000000001E-3</c:v>
                </c:pt>
                <c:pt idx="5875">
                  <c:v>5.0000000000000001E-3</c:v>
                </c:pt>
                <c:pt idx="5876">
                  <c:v>5.0000000000000001E-3</c:v>
                </c:pt>
                <c:pt idx="5877">
                  <c:v>5.0000000000000001E-3</c:v>
                </c:pt>
                <c:pt idx="5878">
                  <c:v>5.0000000000000001E-3</c:v>
                </c:pt>
                <c:pt idx="5879">
                  <c:v>5.0000000000000001E-3</c:v>
                </c:pt>
                <c:pt idx="5880">
                  <c:v>5.0000000000000001E-3</c:v>
                </c:pt>
                <c:pt idx="5881">
                  <c:v>5.0000000000000001E-3</c:v>
                </c:pt>
                <c:pt idx="5882">
                  <c:v>5.0000000000000001E-3</c:v>
                </c:pt>
                <c:pt idx="5883">
                  <c:v>5.0000000000000001E-3</c:v>
                </c:pt>
                <c:pt idx="5884">
                  <c:v>5.0000000000000001E-3</c:v>
                </c:pt>
                <c:pt idx="5885">
                  <c:v>5.0000000000000001E-3</c:v>
                </c:pt>
                <c:pt idx="5886">
                  <c:v>5.0000000000000001E-3</c:v>
                </c:pt>
                <c:pt idx="5887">
                  <c:v>5.0000000000000001E-3</c:v>
                </c:pt>
                <c:pt idx="5888">
                  <c:v>5.0000000000000001E-3</c:v>
                </c:pt>
                <c:pt idx="5889">
                  <c:v>5.0000000000000001E-3</c:v>
                </c:pt>
                <c:pt idx="5890">
                  <c:v>5.0000000000000001E-3</c:v>
                </c:pt>
                <c:pt idx="5891">
                  <c:v>5.0000000000000001E-3</c:v>
                </c:pt>
                <c:pt idx="5892">
                  <c:v>5.0000000000000001E-3</c:v>
                </c:pt>
                <c:pt idx="5893">
                  <c:v>5.0000000000000001E-3</c:v>
                </c:pt>
                <c:pt idx="5894">
                  <c:v>5.0000000000000001E-3</c:v>
                </c:pt>
                <c:pt idx="5895">
                  <c:v>5.0000000000000001E-3</c:v>
                </c:pt>
                <c:pt idx="5896">
                  <c:v>5.0000000000000001E-3</c:v>
                </c:pt>
                <c:pt idx="5897">
                  <c:v>5.0000000000000001E-3</c:v>
                </c:pt>
                <c:pt idx="5898">
                  <c:v>5.0000000000000001E-3</c:v>
                </c:pt>
                <c:pt idx="5899">
                  <c:v>5.0000000000000001E-3</c:v>
                </c:pt>
                <c:pt idx="5900">
                  <c:v>5.0000000000000001E-3</c:v>
                </c:pt>
                <c:pt idx="5901">
                  <c:v>5.0000000000000001E-3</c:v>
                </c:pt>
                <c:pt idx="5902">
                  <c:v>5.0000000000000001E-3</c:v>
                </c:pt>
                <c:pt idx="5903">
                  <c:v>5.0000000000000001E-3</c:v>
                </c:pt>
                <c:pt idx="5904">
                  <c:v>5.0000000000000001E-3</c:v>
                </c:pt>
                <c:pt idx="5905">
                  <c:v>5.0000000000000001E-3</c:v>
                </c:pt>
                <c:pt idx="5906">
                  <c:v>5.0000000000000001E-3</c:v>
                </c:pt>
                <c:pt idx="5907">
                  <c:v>5.0000000000000001E-3</c:v>
                </c:pt>
                <c:pt idx="5908">
                  <c:v>5.0000000000000001E-3</c:v>
                </c:pt>
                <c:pt idx="5909">
                  <c:v>5.0000000000000001E-3</c:v>
                </c:pt>
                <c:pt idx="5910">
                  <c:v>5.0000000000000001E-3</c:v>
                </c:pt>
                <c:pt idx="5911">
                  <c:v>5.0000000000000001E-3</c:v>
                </c:pt>
                <c:pt idx="5912">
                  <c:v>5.0000000000000001E-3</c:v>
                </c:pt>
                <c:pt idx="5913">
                  <c:v>5.0000000000000001E-3</c:v>
                </c:pt>
                <c:pt idx="5914">
                  <c:v>5.0000000000000001E-3</c:v>
                </c:pt>
                <c:pt idx="5915">
                  <c:v>5.0000000000000001E-3</c:v>
                </c:pt>
                <c:pt idx="5916">
                  <c:v>5.0000000000000001E-3</c:v>
                </c:pt>
                <c:pt idx="5917">
                  <c:v>5.0000000000000001E-3</c:v>
                </c:pt>
                <c:pt idx="5918">
                  <c:v>5.0000000000000001E-3</c:v>
                </c:pt>
                <c:pt idx="5919">
                  <c:v>5.0000000000000001E-3</c:v>
                </c:pt>
                <c:pt idx="5920">
                  <c:v>5.0000000000000001E-3</c:v>
                </c:pt>
                <c:pt idx="5921">
                  <c:v>5.0000000000000001E-3</c:v>
                </c:pt>
                <c:pt idx="5922">
                  <c:v>5.0000000000000001E-3</c:v>
                </c:pt>
                <c:pt idx="5923">
                  <c:v>5.0000000000000001E-3</c:v>
                </c:pt>
                <c:pt idx="5924">
                  <c:v>5.0000000000000001E-3</c:v>
                </c:pt>
                <c:pt idx="5925">
                  <c:v>5.0000000000000001E-3</c:v>
                </c:pt>
                <c:pt idx="5926">
                  <c:v>5.0000000000000001E-3</c:v>
                </c:pt>
                <c:pt idx="5927">
                  <c:v>5.0000000000000001E-3</c:v>
                </c:pt>
                <c:pt idx="5928">
                  <c:v>5.0000000000000001E-3</c:v>
                </c:pt>
                <c:pt idx="5929">
                  <c:v>5.0000000000000001E-3</c:v>
                </c:pt>
                <c:pt idx="5930">
                  <c:v>5.0000000000000001E-3</c:v>
                </c:pt>
                <c:pt idx="5931">
                  <c:v>5.0000000000000001E-3</c:v>
                </c:pt>
                <c:pt idx="5932">
                  <c:v>5.0000000000000001E-3</c:v>
                </c:pt>
                <c:pt idx="5933">
                  <c:v>5.0000000000000001E-3</c:v>
                </c:pt>
                <c:pt idx="5934">
                  <c:v>5.0000000000000001E-3</c:v>
                </c:pt>
                <c:pt idx="5935">
                  <c:v>5.0000000000000001E-3</c:v>
                </c:pt>
                <c:pt idx="5936">
                  <c:v>5.0000000000000001E-3</c:v>
                </c:pt>
                <c:pt idx="5937">
                  <c:v>5.0000000000000001E-3</c:v>
                </c:pt>
                <c:pt idx="5938">
                  <c:v>5.0000000000000001E-3</c:v>
                </c:pt>
                <c:pt idx="5939">
                  <c:v>5.0000000000000001E-3</c:v>
                </c:pt>
                <c:pt idx="5940">
                  <c:v>5.0000000000000001E-3</c:v>
                </c:pt>
                <c:pt idx="5941">
                  <c:v>5.0000000000000001E-3</c:v>
                </c:pt>
                <c:pt idx="5942">
                  <c:v>5.0000000000000001E-3</c:v>
                </c:pt>
                <c:pt idx="5943">
                  <c:v>5.0000000000000001E-3</c:v>
                </c:pt>
                <c:pt idx="5944">
                  <c:v>5.0000000000000001E-3</c:v>
                </c:pt>
                <c:pt idx="5945">
                  <c:v>5.0000000000000001E-3</c:v>
                </c:pt>
                <c:pt idx="5946">
                  <c:v>5.0000000000000001E-3</c:v>
                </c:pt>
                <c:pt idx="5947">
                  <c:v>5.0000000000000001E-3</c:v>
                </c:pt>
                <c:pt idx="5948">
                  <c:v>5.0000000000000001E-3</c:v>
                </c:pt>
                <c:pt idx="5949">
                  <c:v>5.0000000000000001E-3</c:v>
                </c:pt>
                <c:pt idx="5950">
                  <c:v>5.0000000000000001E-3</c:v>
                </c:pt>
                <c:pt idx="5951">
                  <c:v>5.0000000000000001E-3</c:v>
                </c:pt>
                <c:pt idx="5952">
                  <c:v>5.0000000000000001E-3</c:v>
                </c:pt>
                <c:pt idx="5953">
                  <c:v>5.0000000000000001E-3</c:v>
                </c:pt>
                <c:pt idx="5954">
                  <c:v>5.0000000000000001E-3</c:v>
                </c:pt>
                <c:pt idx="5955">
                  <c:v>5.0000000000000001E-3</c:v>
                </c:pt>
                <c:pt idx="5956">
                  <c:v>5.0000000000000001E-3</c:v>
                </c:pt>
                <c:pt idx="5957">
                  <c:v>5.0000000000000001E-3</c:v>
                </c:pt>
                <c:pt idx="5958">
                  <c:v>5.0000000000000001E-3</c:v>
                </c:pt>
                <c:pt idx="5959">
                  <c:v>5.0000000000000001E-3</c:v>
                </c:pt>
                <c:pt idx="5960">
                  <c:v>5.0000000000000001E-3</c:v>
                </c:pt>
                <c:pt idx="5961">
                  <c:v>5.0000000000000001E-3</c:v>
                </c:pt>
                <c:pt idx="5962">
                  <c:v>5.0000000000000001E-3</c:v>
                </c:pt>
                <c:pt idx="5963">
                  <c:v>5.0000000000000001E-3</c:v>
                </c:pt>
                <c:pt idx="5964">
                  <c:v>5.0000000000000001E-3</c:v>
                </c:pt>
                <c:pt idx="5965">
                  <c:v>5.0000000000000001E-3</c:v>
                </c:pt>
                <c:pt idx="5966">
                  <c:v>5.0000000000000001E-3</c:v>
                </c:pt>
                <c:pt idx="5967">
                  <c:v>5.0000000000000001E-3</c:v>
                </c:pt>
                <c:pt idx="5968">
                  <c:v>5.0000000000000001E-3</c:v>
                </c:pt>
                <c:pt idx="5969">
                  <c:v>5.0000000000000001E-3</c:v>
                </c:pt>
                <c:pt idx="5970">
                  <c:v>5.0000000000000001E-3</c:v>
                </c:pt>
                <c:pt idx="5971">
                  <c:v>5.0000000000000001E-3</c:v>
                </c:pt>
                <c:pt idx="5972">
                  <c:v>5.0000000000000001E-3</c:v>
                </c:pt>
                <c:pt idx="5973">
                  <c:v>5.0000000000000001E-3</c:v>
                </c:pt>
                <c:pt idx="5974">
                  <c:v>5.0000000000000001E-3</c:v>
                </c:pt>
                <c:pt idx="5975">
                  <c:v>5.0000000000000001E-3</c:v>
                </c:pt>
                <c:pt idx="5976">
                  <c:v>5.0000000000000001E-3</c:v>
                </c:pt>
                <c:pt idx="5977">
                  <c:v>5.0000000000000001E-3</c:v>
                </c:pt>
                <c:pt idx="5978">
                  <c:v>5.0000000000000001E-3</c:v>
                </c:pt>
                <c:pt idx="5979">
                  <c:v>5.0000000000000001E-3</c:v>
                </c:pt>
                <c:pt idx="5980">
                  <c:v>5.0000000000000001E-3</c:v>
                </c:pt>
                <c:pt idx="5981">
                  <c:v>5.0000000000000001E-3</c:v>
                </c:pt>
                <c:pt idx="5982">
                  <c:v>5.0000000000000001E-3</c:v>
                </c:pt>
                <c:pt idx="5983">
                  <c:v>5.0000000000000001E-3</c:v>
                </c:pt>
                <c:pt idx="5984">
                  <c:v>5.0000000000000001E-3</c:v>
                </c:pt>
                <c:pt idx="5985">
                  <c:v>5.0000000000000001E-3</c:v>
                </c:pt>
                <c:pt idx="5986">
                  <c:v>5.0000000000000001E-3</c:v>
                </c:pt>
                <c:pt idx="5987">
                  <c:v>5.0000000000000001E-3</c:v>
                </c:pt>
                <c:pt idx="5988">
                  <c:v>5.0000000000000001E-3</c:v>
                </c:pt>
                <c:pt idx="5989">
                  <c:v>5.0000000000000001E-3</c:v>
                </c:pt>
                <c:pt idx="5990">
                  <c:v>5.0000000000000001E-3</c:v>
                </c:pt>
                <c:pt idx="5991">
                  <c:v>5.0000000000000001E-3</c:v>
                </c:pt>
                <c:pt idx="5992">
                  <c:v>5.0000000000000001E-3</c:v>
                </c:pt>
                <c:pt idx="5993">
                  <c:v>5.0000000000000001E-3</c:v>
                </c:pt>
                <c:pt idx="5994">
                  <c:v>5.0000000000000001E-3</c:v>
                </c:pt>
                <c:pt idx="5995">
                  <c:v>5.0000000000000001E-3</c:v>
                </c:pt>
                <c:pt idx="5996">
                  <c:v>5.0000000000000001E-3</c:v>
                </c:pt>
                <c:pt idx="5997">
                  <c:v>5.0000000000000001E-3</c:v>
                </c:pt>
                <c:pt idx="5998">
                  <c:v>5.0000000000000001E-3</c:v>
                </c:pt>
                <c:pt idx="5999">
                  <c:v>5.0000000000000001E-3</c:v>
                </c:pt>
                <c:pt idx="6000">
                  <c:v>5.0000000000000001E-3</c:v>
                </c:pt>
                <c:pt idx="6001">
                  <c:v>5.0000000000000001E-3</c:v>
                </c:pt>
                <c:pt idx="6002">
                  <c:v>5.0000000000000001E-3</c:v>
                </c:pt>
                <c:pt idx="6003">
                  <c:v>5.0000000000000001E-3</c:v>
                </c:pt>
                <c:pt idx="6004">
                  <c:v>5.0000000000000001E-3</c:v>
                </c:pt>
                <c:pt idx="6005">
                  <c:v>5.0000000000000001E-3</c:v>
                </c:pt>
                <c:pt idx="6006">
                  <c:v>5.0000000000000001E-3</c:v>
                </c:pt>
                <c:pt idx="6007">
                  <c:v>5.0000000000000001E-3</c:v>
                </c:pt>
                <c:pt idx="6008">
                  <c:v>5.0000000000000001E-3</c:v>
                </c:pt>
                <c:pt idx="6009">
                  <c:v>5.0000000000000001E-3</c:v>
                </c:pt>
                <c:pt idx="6010">
                  <c:v>5.0000000000000001E-3</c:v>
                </c:pt>
                <c:pt idx="6011">
                  <c:v>5.0000000000000001E-3</c:v>
                </c:pt>
                <c:pt idx="6012">
                  <c:v>5.0000000000000001E-3</c:v>
                </c:pt>
                <c:pt idx="6013">
                  <c:v>5.0000000000000001E-3</c:v>
                </c:pt>
                <c:pt idx="6014">
                  <c:v>5.0000000000000001E-3</c:v>
                </c:pt>
                <c:pt idx="6015">
                  <c:v>5.0000000000000001E-3</c:v>
                </c:pt>
                <c:pt idx="6016">
                  <c:v>5.0000000000000001E-3</c:v>
                </c:pt>
                <c:pt idx="6017">
                  <c:v>5.0000000000000001E-3</c:v>
                </c:pt>
                <c:pt idx="6018">
                  <c:v>5.0000000000000001E-3</c:v>
                </c:pt>
                <c:pt idx="6019">
                  <c:v>5.0000000000000001E-3</c:v>
                </c:pt>
                <c:pt idx="6020">
                  <c:v>5.0000000000000001E-3</c:v>
                </c:pt>
                <c:pt idx="6021">
                  <c:v>5.0000000000000001E-3</c:v>
                </c:pt>
                <c:pt idx="6022">
                  <c:v>5.0000000000000001E-3</c:v>
                </c:pt>
                <c:pt idx="6023">
                  <c:v>5.0000000000000001E-3</c:v>
                </c:pt>
                <c:pt idx="6024">
                  <c:v>5.0000000000000001E-3</c:v>
                </c:pt>
                <c:pt idx="6025">
                  <c:v>5.0000000000000001E-3</c:v>
                </c:pt>
                <c:pt idx="6026">
                  <c:v>5.0000000000000001E-3</c:v>
                </c:pt>
                <c:pt idx="6027">
                  <c:v>5.0000000000000001E-3</c:v>
                </c:pt>
                <c:pt idx="6028">
                  <c:v>5.0000000000000001E-3</c:v>
                </c:pt>
                <c:pt idx="6029">
                  <c:v>5.0000000000000001E-3</c:v>
                </c:pt>
                <c:pt idx="6030">
                  <c:v>5.0000000000000001E-3</c:v>
                </c:pt>
                <c:pt idx="6031">
                  <c:v>5.0000000000000001E-3</c:v>
                </c:pt>
                <c:pt idx="6032">
                  <c:v>5.0000000000000001E-3</c:v>
                </c:pt>
                <c:pt idx="6033">
                  <c:v>5.0000000000000001E-3</c:v>
                </c:pt>
                <c:pt idx="6034">
                  <c:v>5.0000000000000001E-3</c:v>
                </c:pt>
                <c:pt idx="6035">
                  <c:v>5.0000000000000001E-3</c:v>
                </c:pt>
                <c:pt idx="6036">
                  <c:v>5.0000000000000001E-3</c:v>
                </c:pt>
                <c:pt idx="6037">
                  <c:v>5.0000000000000001E-3</c:v>
                </c:pt>
                <c:pt idx="6038">
                  <c:v>5.0000000000000001E-3</c:v>
                </c:pt>
                <c:pt idx="6039">
                  <c:v>5.0000000000000001E-3</c:v>
                </c:pt>
                <c:pt idx="6040">
                  <c:v>5.0000000000000001E-3</c:v>
                </c:pt>
                <c:pt idx="6041">
                  <c:v>5.0000000000000001E-3</c:v>
                </c:pt>
                <c:pt idx="6042">
                  <c:v>5.0000000000000001E-3</c:v>
                </c:pt>
                <c:pt idx="6043">
                  <c:v>5.0000000000000001E-3</c:v>
                </c:pt>
                <c:pt idx="6044">
                  <c:v>5.0000000000000001E-3</c:v>
                </c:pt>
                <c:pt idx="6045">
                  <c:v>5.0000000000000001E-3</c:v>
                </c:pt>
                <c:pt idx="6046">
                  <c:v>5.0000000000000001E-3</c:v>
                </c:pt>
                <c:pt idx="6047">
                  <c:v>5.0000000000000001E-3</c:v>
                </c:pt>
                <c:pt idx="6048">
                  <c:v>5.0000000000000001E-3</c:v>
                </c:pt>
                <c:pt idx="6049">
                  <c:v>5.0000000000000001E-3</c:v>
                </c:pt>
                <c:pt idx="6050">
                  <c:v>5.0000000000000001E-3</c:v>
                </c:pt>
                <c:pt idx="6051">
                  <c:v>5.0000000000000001E-3</c:v>
                </c:pt>
                <c:pt idx="6052">
                  <c:v>5.0000000000000001E-3</c:v>
                </c:pt>
                <c:pt idx="6053">
                  <c:v>5.0000000000000001E-3</c:v>
                </c:pt>
                <c:pt idx="6054">
                  <c:v>5.0000000000000001E-3</c:v>
                </c:pt>
                <c:pt idx="6055">
                  <c:v>5.0000000000000001E-3</c:v>
                </c:pt>
                <c:pt idx="6056">
                  <c:v>5.0000000000000001E-3</c:v>
                </c:pt>
                <c:pt idx="6057">
                  <c:v>5.0000000000000001E-3</c:v>
                </c:pt>
                <c:pt idx="6058">
                  <c:v>5.0000000000000001E-3</c:v>
                </c:pt>
                <c:pt idx="6059">
                  <c:v>5.0000000000000001E-3</c:v>
                </c:pt>
                <c:pt idx="6060">
                  <c:v>5.0000000000000001E-3</c:v>
                </c:pt>
                <c:pt idx="6061">
                  <c:v>5.0000000000000001E-3</c:v>
                </c:pt>
                <c:pt idx="6062">
                  <c:v>5.0000000000000001E-3</c:v>
                </c:pt>
                <c:pt idx="6063">
                  <c:v>5.0000000000000001E-3</c:v>
                </c:pt>
                <c:pt idx="6064">
                  <c:v>5.0000000000000001E-3</c:v>
                </c:pt>
                <c:pt idx="6065">
                  <c:v>5.0000000000000001E-3</c:v>
                </c:pt>
                <c:pt idx="6066">
                  <c:v>5.0000000000000001E-3</c:v>
                </c:pt>
                <c:pt idx="6067">
                  <c:v>5.0000000000000001E-3</c:v>
                </c:pt>
                <c:pt idx="6068">
                  <c:v>5.0000000000000001E-3</c:v>
                </c:pt>
                <c:pt idx="6069">
                  <c:v>5.0000000000000001E-3</c:v>
                </c:pt>
                <c:pt idx="6070">
                  <c:v>5.0000000000000001E-3</c:v>
                </c:pt>
                <c:pt idx="6071">
                  <c:v>5.0000000000000001E-3</c:v>
                </c:pt>
                <c:pt idx="6072">
                  <c:v>5.0000000000000001E-3</c:v>
                </c:pt>
                <c:pt idx="6073">
                  <c:v>5.0000000000000001E-3</c:v>
                </c:pt>
                <c:pt idx="6074">
                  <c:v>5.0000000000000001E-3</c:v>
                </c:pt>
                <c:pt idx="6075">
                  <c:v>5.0000000000000001E-3</c:v>
                </c:pt>
                <c:pt idx="6076">
                  <c:v>5.0000000000000001E-3</c:v>
                </c:pt>
                <c:pt idx="6077">
                  <c:v>5.0000000000000001E-3</c:v>
                </c:pt>
                <c:pt idx="6078">
                  <c:v>5.0000000000000001E-3</c:v>
                </c:pt>
                <c:pt idx="6079">
                  <c:v>5.0000000000000001E-3</c:v>
                </c:pt>
                <c:pt idx="6080">
                  <c:v>5.0000000000000001E-3</c:v>
                </c:pt>
                <c:pt idx="6081">
                  <c:v>5.0000000000000001E-3</c:v>
                </c:pt>
                <c:pt idx="6082">
                  <c:v>5.0000000000000001E-3</c:v>
                </c:pt>
                <c:pt idx="6083">
                  <c:v>5.0000000000000001E-3</c:v>
                </c:pt>
                <c:pt idx="6084">
                  <c:v>5.0000000000000001E-3</c:v>
                </c:pt>
                <c:pt idx="6085">
                  <c:v>5.0000000000000001E-3</c:v>
                </c:pt>
                <c:pt idx="6086">
                  <c:v>5.0000000000000001E-3</c:v>
                </c:pt>
                <c:pt idx="6087">
                  <c:v>5.0000000000000001E-3</c:v>
                </c:pt>
                <c:pt idx="6088">
                  <c:v>5.0000000000000001E-3</c:v>
                </c:pt>
                <c:pt idx="6089">
                  <c:v>5.0000000000000001E-3</c:v>
                </c:pt>
                <c:pt idx="6090">
                  <c:v>5.0000000000000001E-3</c:v>
                </c:pt>
                <c:pt idx="6091">
                  <c:v>5.0000000000000001E-3</c:v>
                </c:pt>
                <c:pt idx="6092">
                  <c:v>5.0000000000000001E-3</c:v>
                </c:pt>
                <c:pt idx="6093">
                  <c:v>5.0000000000000001E-3</c:v>
                </c:pt>
                <c:pt idx="6094">
                  <c:v>5.0000000000000001E-3</c:v>
                </c:pt>
                <c:pt idx="6095">
                  <c:v>5.0000000000000001E-3</c:v>
                </c:pt>
                <c:pt idx="6096">
                  <c:v>5.0000000000000001E-3</c:v>
                </c:pt>
                <c:pt idx="6097">
                  <c:v>5.0000000000000001E-3</c:v>
                </c:pt>
                <c:pt idx="6098">
                  <c:v>5.0000000000000001E-3</c:v>
                </c:pt>
                <c:pt idx="6099">
                  <c:v>5.0000000000000001E-3</c:v>
                </c:pt>
                <c:pt idx="6100">
                  <c:v>5.0000000000000001E-3</c:v>
                </c:pt>
                <c:pt idx="6101">
                  <c:v>5.0000000000000001E-3</c:v>
                </c:pt>
                <c:pt idx="6102">
                  <c:v>5.0000000000000001E-3</c:v>
                </c:pt>
                <c:pt idx="6103">
                  <c:v>5.0000000000000001E-3</c:v>
                </c:pt>
                <c:pt idx="6104">
                  <c:v>5.0000000000000001E-3</c:v>
                </c:pt>
                <c:pt idx="6105">
                  <c:v>5.0000000000000001E-3</c:v>
                </c:pt>
                <c:pt idx="6106">
                  <c:v>5.0000000000000001E-3</c:v>
                </c:pt>
                <c:pt idx="6107">
                  <c:v>5.0000000000000001E-3</c:v>
                </c:pt>
                <c:pt idx="6108">
                  <c:v>5.0000000000000001E-3</c:v>
                </c:pt>
                <c:pt idx="6109">
                  <c:v>5.0000000000000001E-3</c:v>
                </c:pt>
                <c:pt idx="6110">
                  <c:v>5.0000000000000001E-3</c:v>
                </c:pt>
                <c:pt idx="6111">
                  <c:v>5.0000000000000001E-3</c:v>
                </c:pt>
                <c:pt idx="6112">
                  <c:v>5.0000000000000001E-3</c:v>
                </c:pt>
                <c:pt idx="6113">
                  <c:v>5.0000000000000001E-3</c:v>
                </c:pt>
                <c:pt idx="6114">
                  <c:v>5.0000000000000001E-3</c:v>
                </c:pt>
                <c:pt idx="6115">
                  <c:v>5.0000000000000001E-3</c:v>
                </c:pt>
                <c:pt idx="6116">
                  <c:v>5.0000000000000001E-3</c:v>
                </c:pt>
                <c:pt idx="6117">
                  <c:v>5.0000000000000001E-3</c:v>
                </c:pt>
                <c:pt idx="6118">
                  <c:v>5.0000000000000001E-3</c:v>
                </c:pt>
                <c:pt idx="6119">
                  <c:v>5.0000000000000001E-3</c:v>
                </c:pt>
                <c:pt idx="6120">
                  <c:v>5.0000000000000001E-3</c:v>
                </c:pt>
                <c:pt idx="6121">
                  <c:v>5.0000000000000001E-3</c:v>
                </c:pt>
                <c:pt idx="6122">
                  <c:v>5.0000000000000001E-3</c:v>
                </c:pt>
                <c:pt idx="6123">
                  <c:v>5.0000000000000001E-3</c:v>
                </c:pt>
                <c:pt idx="6124">
                  <c:v>5.0000000000000001E-3</c:v>
                </c:pt>
                <c:pt idx="6125">
                  <c:v>5.0000000000000001E-3</c:v>
                </c:pt>
                <c:pt idx="6126">
                  <c:v>5.0000000000000001E-3</c:v>
                </c:pt>
                <c:pt idx="6127">
                  <c:v>5.0000000000000001E-3</c:v>
                </c:pt>
                <c:pt idx="6128">
                  <c:v>5.0000000000000001E-3</c:v>
                </c:pt>
                <c:pt idx="6129">
                  <c:v>5.0000000000000001E-3</c:v>
                </c:pt>
                <c:pt idx="6130">
                  <c:v>5.0000000000000001E-3</c:v>
                </c:pt>
                <c:pt idx="6131">
                  <c:v>5.0000000000000001E-3</c:v>
                </c:pt>
                <c:pt idx="6132">
                  <c:v>5.0000000000000001E-3</c:v>
                </c:pt>
                <c:pt idx="6133">
                  <c:v>5.0000000000000001E-3</c:v>
                </c:pt>
                <c:pt idx="6134">
                  <c:v>5.0000000000000001E-3</c:v>
                </c:pt>
                <c:pt idx="6135">
                  <c:v>5.0000000000000001E-3</c:v>
                </c:pt>
                <c:pt idx="6136">
                  <c:v>5.0000000000000001E-3</c:v>
                </c:pt>
                <c:pt idx="6137">
                  <c:v>5.0000000000000001E-3</c:v>
                </c:pt>
                <c:pt idx="6138">
                  <c:v>5.0000000000000001E-3</c:v>
                </c:pt>
                <c:pt idx="6139">
                  <c:v>5.0000000000000001E-3</c:v>
                </c:pt>
                <c:pt idx="6140">
                  <c:v>5.0000000000000001E-3</c:v>
                </c:pt>
                <c:pt idx="6141">
                  <c:v>5.0000000000000001E-3</c:v>
                </c:pt>
                <c:pt idx="6142">
                  <c:v>5.0000000000000001E-3</c:v>
                </c:pt>
                <c:pt idx="6143">
                  <c:v>5.0000000000000001E-3</c:v>
                </c:pt>
                <c:pt idx="6144">
                  <c:v>5.0000000000000001E-3</c:v>
                </c:pt>
                <c:pt idx="6145">
                  <c:v>5.0000000000000001E-3</c:v>
                </c:pt>
                <c:pt idx="6146">
                  <c:v>5.0000000000000001E-3</c:v>
                </c:pt>
                <c:pt idx="6147">
                  <c:v>5.0000000000000001E-3</c:v>
                </c:pt>
                <c:pt idx="6148">
                  <c:v>5.0000000000000001E-3</c:v>
                </c:pt>
                <c:pt idx="6149">
                  <c:v>5.0000000000000001E-3</c:v>
                </c:pt>
                <c:pt idx="6150">
                  <c:v>5.0000000000000001E-3</c:v>
                </c:pt>
                <c:pt idx="6151">
                  <c:v>5.0000000000000001E-3</c:v>
                </c:pt>
                <c:pt idx="6152">
                  <c:v>5.0000000000000001E-3</c:v>
                </c:pt>
                <c:pt idx="6153">
                  <c:v>5.0000000000000001E-3</c:v>
                </c:pt>
                <c:pt idx="6154">
                  <c:v>5.0000000000000001E-3</c:v>
                </c:pt>
                <c:pt idx="6155">
                  <c:v>5.0000000000000001E-3</c:v>
                </c:pt>
                <c:pt idx="6156">
                  <c:v>5.0000000000000001E-3</c:v>
                </c:pt>
                <c:pt idx="6157">
                  <c:v>5.0000000000000001E-3</c:v>
                </c:pt>
                <c:pt idx="6158">
                  <c:v>5.0000000000000001E-3</c:v>
                </c:pt>
                <c:pt idx="6159">
                  <c:v>5.0000000000000001E-3</c:v>
                </c:pt>
                <c:pt idx="6160">
                  <c:v>5.0000000000000001E-3</c:v>
                </c:pt>
                <c:pt idx="6161">
                  <c:v>5.0000000000000001E-3</c:v>
                </c:pt>
                <c:pt idx="6162">
                  <c:v>5.0000000000000001E-3</c:v>
                </c:pt>
                <c:pt idx="6163">
                  <c:v>5.0000000000000001E-3</c:v>
                </c:pt>
                <c:pt idx="6164">
                  <c:v>5.0000000000000001E-3</c:v>
                </c:pt>
                <c:pt idx="6165">
                  <c:v>5.0000000000000001E-3</c:v>
                </c:pt>
                <c:pt idx="6166">
                  <c:v>5.0000000000000001E-3</c:v>
                </c:pt>
                <c:pt idx="6167">
                  <c:v>5.0000000000000001E-3</c:v>
                </c:pt>
                <c:pt idx="6168">
                  <c:v>5.0000000000000001E-3</c:v>
                </c:pt>
                <c:pt idx="6169">
                  <c:v>5.0000000000000001E-3</c:v>
                </c:pt>
                <c:pt idx="6170">
                  <c:v>5.0000000000000001E-3</c:v>
                </c:pt>
                <c:pt idx="6171">
                  <c:v>5.0000000000000001E-3</c:v>
                </c:pt>
                <c:pt idx="6172">
                  <c:v>5.0000000000000001E-3</c:v>
                </c:pt>
                <c:pt idx="6173">
                  <c:v>5.0000000000000001E-3</c:v>
                </c:pt>
                <c:pt idx="6174">
                  <c:v>5.0000000000000001E-3</c:v>
                </c:pt>
                <c:pt idx="6175">
                  <c:v>5.0000000000000001E-3</c:v>
                </c:pt>
                <c:pt idx="6176">
                  <c:v>5.0000000000000001E-3</c:v>
                </c:pt>
                <c:pt idx="6177">
                  <c:v>5.0000000000000001E-3</c:v>
                </c:pt>
                <c:pt idx="6178">
                  <c:v>5.0000000000000001E-3</c:v>
                </c:pt>
                <c:pt idx="6179">
                  <c:v>5.0000000000000001E-3</c:v>
                </c:pt>
                <c:pt idx="6180">
                  <c:v>5.0000000000000001E-3</c:v>
                </c:pt>
                <c:pt idx="6181">
                  <c:v>5.0000000000000001E-3</c:v>
                </c:pt>
                <c:pt idx="6182">
                  <c:v>5.0000000000000001E-3</c:v>
                </c:pt>
                <c:pt idx="6183">
                  <c:v>5.0000000000000001E-3</c:v>
                </c:pt>
                <c:pt idx="6184">
                  <c:v>5.0000000000000001E-3</c:v>
                </c:pt>
                <c:pt idx="6185">
                  <c:v>5.0000000000000001E-3</c:v>
                </c:pt>
                <c:pt idx="6186">
                  <c:v>5.0000000000000001E-3</c:v>
                </c:pt>
                <c:pt idx="6187">
                  <c:v>5.0000000000000001E-3</c:v>
                </c:pt>
                <c:pt idx="6188">
                  <c:v>5.0000000000000001E-3</c:v>
                </c:pt>
                <c:pt idx="6189">
                  <c:v>5.0000000000000001E-3</c:v>
                </c:pt>
                <c:pt idx="6190">
                  <c:v>5.0000000000000001E-3</c:v>
                </c:pt>
                <c:pt idx="6191">
                  <c:v>5.0000000000000001E-3</c:v>
                </c:pt>
                <c:pt idx="6192">
                  <c:v>5.0000000000000001E-3</c:v>
                </c:pt>
                <c:pt idx="6193">
                  <c:v>7.4999999999999997E-3</c:v>
                </c:pt>
                <c:pt idx="6194">
                  <c:v>7.4999999999999997E-3</c:v>
                </c:pt>
                <c:pt idx="6195">
                  <c:v>7.4999999999999997E-3</c:v>
                </c:pt>
                <c:pt idx="6196">
                  <c:v>7.4999999999999997E-3</c:v>
                </c:pt>
                <c:pt idx="6197">
                  <c:v>7.4999999999999997E-3</c:v>
                </c:pt>
                <c:pt idx="6198">
                  <c:v>7.4999999999999997E-3</c:v>
                </c:pt>
                <c:pt idx="6199">
                  <c:v>7.4999999999999997E-3</c:v>
                </c:pt>
                <c:pt idx="6200">
                  <c:v>7.4999999999999997E-3</c:v>
                </c:pt>
                <c:pt idx="6201">
                  <c:v>7.4999999999999997E-3</c:v>
                </c:pt>
                <c:pt idx="6202">
                  <c:v>7.4999999999999997E-3</c:v>
                </c:pt>
                <c:pt idx="6203">
                  <c:v>7.4999999999999997E-3</c:v>
                </c:pt>
                <c:pt idx="6204">
                  <c:v>7.4999999999999997E-3</c:v>
                </c:pt>
                <c:pt idx="6205">
                  <c:v>7.4999999999999997E-3</c:v>
                </c:pt>
                <c:pt idx="6206">
                  <c:v>7.4999999999999997E-3</c:v>
                </c:pt>
                <c:pt idx="6207">
                  <c:v>7.4999999999999997E-3</c:v>
                </c:pt>
                <c:pt idx="6208">
                  <c:v>7.4999999999999997E-3</c:v>
                </c:pt>
                <c:pt idx="6209">
                  <c:v>7.4999999999999997E-3</c:v>
                </c:pt>
                <c:pt idx="6210">
                  <c:v>7.4999999999999997E-3</c:v>
                </c:pt>
                <c:pt idx="6211">
                  <c:v>7.4999999999999997E-3</c:v>
                </c:pt>
                <c:pt idx="6212">
                  <c:v>7.4999999999999997E-3</c:v>
                </c:pt>
                <c:pt idx="6213">
                  <c:v>7.4999999999999997E-3</c:v>
                </c:pt>
                <c:pt idx="6214">
                  <c:v>7.4999999999999997E-3</c:v>
                </c:pt>
                <c:pt idx="6215">
                  <c:v>7.4999999999999997E-3</c:v>
                </c:pt>
                <c:pt idx="6216">
                  <c:v>7.4999999999999997E-3</c:v>
                </c:pt>
                <c:pt idx="6217">
                  <c:v>7.4999999999999997E-3</c:v>
                </c:pt>
                <c:pt idx="6218">
                  <c:v>7.4999999999999997E-3</c:v>
                </c:pt>
                <c:pt idx="6219">
                  <c:v>7.4999999999999997E-3</c:v>
                </c:pt>
                <c:pt idx="6220">
                  <c:v>7.4999999999999997E-3</c:v>
                </c:pt>
                <c:pt idx="6221">
                  <c:v>7.4999999999999997E-3</c:v>
                </c:pt>
                <c:pt idx="6222">
                  <c:v>7.4999999999999997E-3</c:v>
                </c:pt>
                <c:pt idx="6223">
                  <c:v>7.4999999999999997E-3</c:v>
                </c:pt>
                <c:pt idx="6224">
                  <c:v>7.4999999999999997E-3</c:v>
                </c:pt>
                <c:pt idx="6225">
                  <c:v>7.4999999999999997E-3</c:v>
                </c:pt>
                <c:pt idx="6226">
                  <c:v>7.4999999999999997E-3</c:v>
                </c:pt>
                <c:pt idx="6227">
                  <c:v>7.4999999999999997E-3</c:v>
                </c:pt>
                <c:pt idx="6228">
                  <c:v>7.4999999999999997E-3</c:v>
                </c:pt>
                <c:pt idx="6229">
                  <c:v>7.4999999999999997E-3</c:v>
                </c:pt>
                <c:pt idx="6230">
                  <c:v>7.4999999999999997E-3</c:v>
                </c:pt>
                <c:pt idx="6231">
                  <c:v>7.4999999999999997E-3</c:v>
                </c:pt>
                <c:pt idx="6232">
                  <c:v>7.4999999999999997E-3</c:v>
                </c:pt>
                <c:pt idx="6233">
                  <c:v>7.4999999999999997E-3</c:v>
                </c:pt>
                <c:pt idx="6234">
                  <c:v>7.4999999999999997E-3</c:v>
                </c:pt>
                <c:pt idx="6235">
                  <c:v>7.4999999999999997E-3</c:v>
                </c:pt>
                <c:pt idx="6236">
                  <c:v>7.4999999999999997E-3</c:v>
                </c:pt>
                <c:pt idx="6237">
                  <c:v>7.4999999999999997E-3</c:v>
                </c:pt>
                <c:pt idx="6238">
                  <c:v>7.4999999999999997E-3</c:v>
                </c:pt>
                <c:pt idx="6239">
                  <c:v>7.4999999999999997E-3</c:v>
                </c:pt>
                <c:pt idx="6240">
                  <c:v>7.4999999999999997E-3</c:v>
                </c:pt>
                <c:pt idx="6241">
                  <c:v>7.4999999999999997E-3</c:v>
                </c:pt>
                <c:pt idx="6242">
                  <c:v>7.4999999999999997E-3</c:v>
                </c:pt>
                <c:pt idx="6243">
                  <c:v>7.4999999999999997E-3</c:v>
                </c:pt>
                <c:pt idx="6244">
                  <c:v>7.4999999999999997E-3</c:v>
                </c:pt>
                <c:pt idx="6245">
                  <c:v>7.4999999999999997E-3</c:v>
                </c:pt>
                <c:pt idx="6246">
                  <c:v>7.4999999999999997E-3</c:v>
                </c:pt>
                <c:pt idx="6247">
                  <c:v>7.4999999999999997E-3</c:v>
                </c:pt>
                <c:pt idx="6248">
                  <c:v>7.4999999999999997E-3</c:v>
                </c:pt>
                <c:pt idx="6249">
                  <c:v>7.4999999999999997E-3</c:v>
                </c:pt>
                <c:pt idx="6250">
                  <c:v>7.4999999999999997E-3</c:v>
                </c:pt>
                <c:pt idx="6251">
                  <c:v>7.4999999999999997E-3</c:v>
                </c:pt>
                <c:pt idx="6252">
                  <c:v>7.4999999999999997E-3</c:v>
                </c:pt>
                <c:pt idx="6253">
                  <c:v>7.4999999999999997E-3</c:v>
                </c:pt>
                <c:pt idx="6254">
                  <c:v>7.4999999999999997E-3</c:v>
                </c:pt>
                <c:pt idx="6255">
                  <c:v>7.4999999999999997E-3</c:v>
                </c:pt>
                <c:pt idx="6256">
                  <c:v>7.4999999999999997E-3</c:v>
                </c:pt>
                <c:pt idx="6257">
                  <c:v>7.4999999999999997E-3</c:v>
                </c:pt>
                <c:pt idx="6258">
                  <c:v>7.4999999999999997E-3</c:v>
                </c:pt>
                <c:pt idx="6259">
                  <c:v>7.4999999999999997E-3</c:v>
                </c:pt>
                <c:pt idx="6260">
                  <c:v>7.4999999999999997E-3</c:v>
                </c:pt>
                <c:pt idx="6261">
                  <c:v>7.4999999999999997E-3</c:v>
                </c:pt>
                <c:pt idx="6262">
                  <c:v>7.4999999999999997E-3</c:v>
                </c:pt>
                <c:pt idx="6263">
                  <c:v>7.4999999999999997E-3</c:v>
                </c:pt>
                <c:pt idx="6264">
                  <c:v>7.4999999999999997E-3</c:v>
                </c:pt>
                <c:pt idx="6265">
                  <c:v>7.4999999999999997E-3</c:v>
                </c:pt>
                <c:pt idx="6266">
                  <c:v>7.4999999999999997E-3</c:v>
                </c:pt>
                <c:pt idx="6267">
                  <c:v>7.4999999999999997E-3</c:v>
                </c:pt>
                <c:pt idx="6268">
                  <c:v>7.4999999999999997E-3</c:v>
                </c:pt>
                <c:pt idx="6269">
                  <c:v>7.4999999999999997E-3</c:v>
                </c:pt>
                <c:pt idx="6270">
                  <c:v>7.4999999999999997E-3</c:v>
                </c:pt>
                <c:pt idx="6271">
                  <c:v>7.4999999999999997E-3</c:v>
                </c:pt>
                <c:pt idx="6272">
                  <c:v>7.4999999999999997E-3</c:v>
                </c:pt>
                <c:pt idx="6273">
                  <c:v>7.4999999999999997E-3</c:v>
                </c:pt>
                <c:pt idx="6274">
                  <c:v>7.4999999999999997E-3</c:v>
                </c:pt>
                <c:pt idx="6275">
                  <c:v>7.4999999999999997E-3</c:v>
                </c:pt>
                <c:pt idx="6276">
                  <c:v>7.4999999999999997E-3</c:v>
                </c:pt>
                <c:pt idx="6277">
                  <c:v>7.4999999999999997E-3</c:v>
                </c:pt>
                <c:pt idx="6278">
                  <c:v>7.4999999999999997E-3</c:v>
                </c:pt>
                <c:pt idx="6279">
                  <c:v>7.4999999999999997E-3</c:v>
                </c:pt>
                <c:pt idx="6280">
                  <c:v>7.4999999999999997E-3</c:v>
                </c:pt>
                <c:pt idx="6281">
                  <c:v>7.4999999999999997E-3</c:v>
                </c:pt>
                <c:pt idx="6282">
                  <c:v>7.4999999999999997E-3</c:v>
                </c:pt>
                <c:pt idx="6283">
                  <c:v>7.4999999999999997E-3</c:v>
                </c:pt>
                <c:pt idx="6284">
                  <c:v>0.01</c:v>
                </c:pt>
                <c:pt idx="6285">
                  <c:v>0.01</c:v>
                </c:pt>
                <c:pt idx="6286">
                  <c:v>0.01</c:v>
                </c:pt>
                <c:pt idx="6287">
                  <c:v>0.01</c:v>
                </c:pt>
                <c:pt idx="6288">
                  <c:v>0.01</c:v>
                </c:pt>
                <c:pt idx="6289">
                  <c:v>0.01</c:v>
                </c:pt>
                <c:pt idx="6290">
                  <c:v>0.01</c:v>
                </c:pt>
                <c:pt idx="6291">
                  <c:v>0.01</c:v>
                </c:pt>
                <c:pt idx="6292">
                  <c:v>0.01</c:v>
                </c:pt>
                <c:pt idx="6293">
                  <c:v>0.01</c:v>
                </c:pt>
                <c:pt idx="6294">
                  <c:v>0.01</c:v>
                </c:pt>
                <c:pt idx="6295">
                  <c:v>0.01</c:v>
                </c:pt>
                <c:pt idx="6296">
                  <c:v>0.01</c:v>
                </c:pt>
                <c:pt idx="6297">
                  <c:v>0.01</c:v>
                </c:pt>
                <c:pt idx="6298">
                  <c:v>0.01</c:v>
                </c:pt>
                <c:pt idx="6299">
                  <c:v>0.01</c:v>
                </c:pt>
                <c:pt idx="6300">
                  <c:v>0.01</c:v>
                </c:pt>
                <c:pt idx="6301">
                  <c:v>0.01</c:v>
                </c:pt>
                <c:pt idx="6302">
                  <c:v>0.01</c:v>
                </c:pt>
                <c:pt idx="6303">
                  <c:v>0.01</c:v>
                </c:pt>
                <c:pt idx="6304">
                  <c:v>0.01</c:v>
                </c:pt>
                <c:pt idx="6305">
                  <c:v>0.01</c:v>
                </c:pt>
                <c:pt idx="6306">
                  <c:v>0.01</c:v>
                </c:pt>
                <c:pt idx="6307">
                  <c:v>0.01</c:v>
                </c:pt>
                <c:pt idx="6308">
                  <c:v>0.01</c:v>
                </c:pt>
                <c:pt idx="6309">
                  <c:v>0.01</c:v>
                </c:pt>
                <c:pt idx="6310">
                  <c:v>0.01</c:v>
                </c:pt>
                <c:pt idx="6311">
                  <c:v>0.01</c:v>
                </c:pt>
                <c:pt idx="6312">
                  <c:v>0.01</c:v>
                </c:pt>
                <c:pt idx="6313">
                  <c:v>0.01</c:v>
                </c:pt>
                <c:pt idx="6314">
                  <c:v>0.01</c:v>
                </c:pt>
                <c:pt idx="6315">
                  <c:v>0.01</c:v>
                </c:pt>
                <c:pt idx="6316">
                  <c:v>0.01</c:v>
                </c:pt>
                <c:pt idx="6317">
                  <c:v>0.01</c:v>
                </c:pt>
                <c:pt idx="6318">
                  <c:v>0.01</c:v>
                </c:pt>
                <c:pt idx="6319">
                  <c:v>0.01</c:v>
                </c:pt>
                <c:pt idx="6320">
                  <c:v>0.01</c:v>
                </c:pt>
                <c:pt idx="6321">
                  <c:v>0.01</c:v>
                </c:pt>
                <c:pt idx="6322">
                  <c:v>0.01</c:v>
                </c:pt>
                <c:pt idx="6323">
                  <c:v>0.01</c:v>
                </c:pt>
                <c:pt idx="6324">
                  <c:v>0.01</c:v>
                </c:pt>
                <c:pt idx="6325">
                  <c:v>0.01</c:v>
                </c:pt>
                <c:pt idx="6326">
                  <c:v>0.01</c:v>
                </c:pt>
                <c:pt idx="6327">
                  <c:v>0.01</c:v>
                </c:pt>
                <c:pt idx="6328">
                  <c:v>0.01</c:v>
                </c:pt>
                <c:pt idx="6329">
                  <c:v>0.01</c:v>
                </c:pt>
                <c:pt idx="6330">
                  <c:v>0.01</c:v>
                </c:pt>
                <c:pt idx="6331">
                  <c:v>0.01</c:v>
                </c:pt>
                <c:pt idx="6332">
                  <c:v>0.01</c:v>
                </c:pt>
                <c:pt idx="6333">
                  <c:v>0.01</c:v>
                </c:pt>
                <c:pt idx="6334">
                  <c:v>0.01</c:v>
                </c:pt>
                <c:pt idx="6335">
                  <c:v>0.01</c:v>
                </c:pt>
                <c:pt idx="6336">
                  <c:v>0.01</c:v>
                </c:pt>
                <c:pt idx="6337">
                  <c:v>0.01</c:v>
                </c:pt>
                <c:pt idx="6338">
                  <c:v>0.01</c:v>
                </c:pt>
                <c:pt idx="6339">
                  <c:v>0.01</c:v>
                </c:pt>
                <c:pt idx="6340">
                  <c:v>0.01</c:v>
                </c:pt>
                <c:pt idx="6341">
                  <c:v>0.01</c:v>
                </c:pt>
                <c:pt idx="6342">
                  <c:v>0.01</c:v>
                </c:pt>
                <c:pt idx="6343">
                  <c:v>0.01</c:v>
                </c:pt>
                <c:pt idx="6344">
                  <c:v>0.01</c:v>
                </c:pt>
                <c:pt idx="6345">
                  <c:v>0.01</c:v>
                </c:pt>
                <c:pt idx="6346">
                  <c:v>0.01</c:v>
                </c:pt>
                <c:pt idx="6347">
                  <c:v>0.01</c:v>
                </c:pt>
                <c:pt idx="6348">
                  <c:v>0.01</c:v>
                </c:pt>
                <c:pt idx="6349">
                  <c:v>0.01</c:v>
                </c:pt>
                <c:pt idx="6350">
                  <c:v>0.01</c:v>
                </c:pt>
                <c:pt idx="6351">
                  <c:v>0.01</c:v>
                </c:pt>
                <c:pt idx="6352">
                  <c:v>0.01</c:v>
                </c:pt>
                <c:pt idx="6353">
                  <c:v>0.01</c:v>
                </c:pt>
                <c:pt idx="6354">
                  <c:v>0.01</c:v>
                </c:pt>
                <c:pt idx="6355">
                  <c:v>0.01</c:v>
                </c:pt>
                <c:pt idx="6356">
                  <c:v>0.01</c:v>
                </c:pt>
                <c:pt idx="6357">
                  <c:v>0.01</c:v>
                </c:pt>
                <c:pt idx="6358">
                  <c:v>0.01</c:v>
                </c:pt>
                <c:pt idx="6359">
                  <c:v>0.01</c:v>
                </c:pt>
                <c:pt idx="6360">
                  <c:v>0.01</c:v>
                </c:pt>
                <c:pt idx="6361">
                  <c:v>0.01</c:v>
                </c:pt>
                <c:pt idx="6362">
                  <c:v>0.01</c:v>
                </c:pt>
                <c:pt idx="6363">
                  <c:v>0.01</c:v>
                </c:pt>
                <c:pt idx="6364">
                  <c:v>0.01</c:v>
                </c:pt>
                <c:pt idx="6365">
                  <c:v>0.01</c:v>
                </c:pt>
                <c:pt idx="6366">
                  <c:v>0.01</c:v>
                </c:pt>
                <c:pt idx="6367">
                  <c:v>0.01</c:v>
                </c:pt>
                <c:pt idx="6368">
                  <c:v>0.01</c:v>
                </c:pt>
                <c:pt idx="6369">
                  <c:v>0.01</c:v>
                </c:pt>
                <c:pt idx="6370">
                  <c:v>0.01</c:v>
                </c:pt>
                <c:pt idx="6371">
                  <c:v>0.01</c:v>
                </c:pt>
                <c:pt idx="6372">
                  <c:v>0.01</c:v>
                </c:pt>
                <c:pt idx="6373">
                  <c:v>0.01</c:v>
                </c:pt>
                <c:pt idx="6374">
                  <c:v>0.01</c:v>
                </c:pt>
                <c:pt idx="6375">
                  <c:v>1.2500000000000001E-2</c:v>
                </c:pt>
                <c:pt idx="6376">
                  <c:v>1.2500000000000001E-2</c:v>
                </c:pt>
                <c:pt idx="6377">
                  <c:v>1.2500000000000001E-2</c:v>
                </c:pt>
                <c:pt idx="6378">
                  <c:v>1.2500000000000001E-2</c:v>
                </c:pt>
                <c:pt idx="6379">
                  <c:v>1.2500000000000001E-2</c:v>
                </c:pt>
                <c:pt idx="6380">
                  <c:v>1.2500000000000001E-2</c:v>
                </c:pt>
                <c:pt idx="6381">
                  <c:v>1.2500000000000001E-2</c:v>
                </c:pt>
                <c:pt idx="6382">
                  <c:v>1.2500000000000001E-2</c:v>
                </c:pt>
                <c:pt idx="6383">
                  <c:v>1.2500000000000001E-2</c:v>
                </c:pt>
                <c:pt idx="6384">
                  <c:v>1.2500000000000001E-2</c:v>
                </c:pt>
                <c:pt idx="6385">
                  <c:v>1.2500000000000001E-2</c:v>
                </c:pt>
                <c:pt idx="6386">
                  <c:v>1.2500000000000001E-2</c:v>
                </c:pt>
                <c:pt idx="6387">
                  <c:v>1.2500000000000001E-2</c:v>
                </c:pt>
                <c:pt idx="6388">
                  <c:v>1.2500000000000001E-2</c:v>
                </c:pt>
                <c:pt idx="6389">
                  <c:v>1.2500000000000001E-2</c:v>
                </c:pt>
                <c:pt idx="6390">
                  <c:v>1.2500000000000001E-2</c:v>
                </c:pt>
                <c:pt idx="6391">
                  <c:v>1.2500000000000001E-2</c:v>
                </c:pt>
                <c:pt idx="6392">
                  <c:v>1.2500000000000001E-2</c:v>
                </c:pt>
                <c:pt idx="6393">
                  <c:v>1.2500000000000001E-2</c:v>
                </c:pt>
                <c:pt idx="6394">
                  <c:v>1.2500000000000001E-2</c:v>
                </c:pt>
                <c:pt idx="6395">
                  <c:v>1.2500000000000001E-2</c:v>
                </c:pt>
                <c:pt idx="6396">
                  <c:v>1.2500000000000001E-2</c:v>
                </c:pt>
                <c:pt idx="6397">
                  <c:v>1.2500000000000001E-2</c:v>
                </c:pt>
                <c:pt idx="6398">
                  <c:v>1.2500000000000001E-2</c:v>
                </c:pt>
                <c:pt idx="6399">
                  <c:v>1.2500000000000001E-2</c:v>
                </c:pt>
                <c:pt idx="6400">
                  <c:v>1.2500000000000001E-2</c:v>
                </c:pt>
                <c:pt idx="6401">
                  <c:v>1.2500000000000001E-2</c:v>
                </c:pt>
                <c:pt idx="6402">
                  <c:v>1.2500000000000001E-2</c:v>
                </c:pt>
                <c:pt idx="6403">
                  <c:v>1.2500000000000001E-2</c:v>
                </c:pt>
                <c:pt idx="6404">
                  <c:v>1.2500000000000001E-2</c:v>
                </c:pt>
                <c:pt idx="6405">
                  <c:v>1.2500000000000001E-2</c:v>
                </c:pt>
                <c:pt idx="6406">
                  <c:v>1.2500000000000001E-2</c:v>
                </c:pt>
                <c:pt idx="6407">
                  <c:v>1.2500000000000001E-2</c:v>
                </c:pt>
                <c:pt idx="6408">
                  <c:v>1.2500000000000001E-2</c:v>
                </c:pt>
                <c:pt idx="6409">
                  <c:v>1.2500000000000001E-2</c:v>
                </c:pt>
                <c:pt idx="6410">
                  <c:v>1.2500000000000001E-2</c:v>
                </c:pt>
                <c:pt idx="6411">
                  <c:v>1.2500000000000001E-2</c:v>
                </c:pt>
                <c:pt idx="6412">
                  <c:v>1.2500000000000001E-2</c:v>
                </c:pt>
                <c:pt idx="6413">
                  <c:v>1.2500000000000001E-2</c:v>
                </c:pt>
                <c:pt idx="6414">
                  <c:v>1.2500000000000001E-2</c:v>
                </c:pt>
                <c:pt idx="6415">
                  <c:v>1.2500000000000001E-2</c:v>
                </c:pt>
                <c:pt idx="6416">
                  <c:v>1.2500000000000001E-2</c:v>
                </c:pt>
                <c:pt idx="6417">
                  <c:v>1.2500000000000001E-2</c:v>
                </c:pt>
                <c:pt idx="6418">
                  <c:v>1.2500000000000001E-2</c:v>
                </c:pt>
                <c:pt idx="6419">
                  <c:v>1.2500000000000001E-2</c:v>
                </c:pt>
                <c:pt idx="6420">
                  <c:v>1.2500000000000001E-2</c:v>
                </c:pt>
                <c:pt idx="6421">
                  <c:v>1.2500000000000001E-2</c:v>
                </c:pt>
                <c:pt idx="6422">
                  <c:v>1.2500000000000001E-2</c:v>
                </c:pt>
                <c:pt idx="6423">
                  <c:v>1.2500000000000001E-2</c:v>
                </c:pt>
                <c:pt idx="6424">
                  <c:v>1.2500000000000001E-2</c:v>
                </c:pt>
                <c:pt idx="6425">
                  <c:v>1.2500000000000001E-2</c:v>
                </c:pt>
                <c:pt idx="6426">
                  <c:v>1.2500000000000001E-2</c:v>
                </c:pt>
                <c:pt idx="6427">
                  <c:v>1.2500000000000001E-2</c:v>
                </c:pt>
                <c:pt idx="6428">
                  <c:v>1.2500000000000001E-2</c:v>
                </c:pt>
                <c:pt idx="6429">
                  <c:v>1.2500000000000001E-2</c:v>
                </c:pt>
                <c:pt idx="6430">
                  <c:v>1.2500000000000001E-2</c:v>
                </c:pt>
                <c:pt idx="6431">
                  <c:v>1.2500000000000001E-2</c:v>
                </c:pt>
                <c:pt idx="6432">
                  <c:v>1.2500000000000001E-2</c:v>
                </c:pt>
                <c:pt idx="6433">
                  <c:v>1.2500000000000001E-2</c:v>
                </c:pt>
                <c:pt idx="6434">
                  <c:v>1.2500000000000001E-2</c:v>
                </c:pt>
                <c:pt idx="6435">
                  <c:v>1.2500000000000001E-2</c:v>
                </c:pt>
                <c:pt idx="6436">
                  <c:v>1.2500000000000001E-2</c:v>
                </c:pt>
                <c:pt idx="6437">
                  <c:v>1.2500000000000001E-2</c:v>
                </c:pt>
                <c:pt idx="6438">
                  <c:v>1.2500000000000001E-2</c:v>
                </c:pt>
                <c:pt idx="6439">
                  <c:v>1.2500000000000001E-2</c:v>
                </c:pt>
                <c:pt idx="6440">
                  <c:v>1.2500000000000001E-2</c:v>
                </c:pt>
                <c:pt idx="6441">
                  <c:v>1.2500000000000001E-2</c:v>
                </c:pt>
                <c:pt idx="6442">
                  <c:v>1.2500000000000001E-2</c:v>
                </c:pt>
                <c:pt idx="6443">
                  <c:v>1.2500000000000001E-2</c:v>
                </c:pt>
                <c:pt idx="6444">
                  <c:v>1.2500000000000001E-2</c:v>
                </c:pt>
                <c:pt idx="6445">
                  <c:v>1.2500000000000001E-2</c:v>
                </c:pt>
                <c:pt idx="6446">
                  <c:v>1.2500000000000001E-2</c:v>
                </c:pt>
                <c:pt idx="6447">
                  <c:v>1.2500000000000001E-2</c:v>
                </c:pt>
                <c:pt idx="6448">
                  <c:v>1.2500000000000001E-2</c:v>
                </c:pt>
                <c:pt idx="6449">
                  <c:v>1.2500000000000001E-2</c:v>
                </c:pt>
                <c:pt idx="6450">
                  <c:v>1.2500000000000001E-2</c:v>
                </c:pt>
                <c:pt idx="6451">
                  <c:v>1.2500000000000001E-2</c:v>
                </c:pt>
                <c:pt idx="6452">
                  <c:v>1.2500000000000001E-2</c:v>
                </c:pt>
                <c:pt idx="6453">
                  <c:v>1.2500000000000001E-2</c:v>
                </c:pt>
                <c:pt idx="6454">
                  <c:v>1.2500000000000001E-2</c:v>
                </c:pt>
                <c:pt idx="6455">
                  <c:v>1.2500000000000001E-2</c:v>
                </c:pt>
                <c:pt idx="6456">
                  <c:v>1.2500000000000001E-2</c:v>
                </c:pt>
                <c:pt idx="6457">
                  <c:v>1.2500000000000001E-2</c:v>
                </c:pt>
                <c:pt idx="6458">
                  <c:v>1.2500000000000001E-2</c:v>
                </c:pt>
                <c:pt idx="6459">
                  <c:v>1.2500000000000001E-2</c:v>
                </c:pt>
                <c:pt idx="6460">
                  <c:v>1.2500000000000001E-2</c:v>
                </c:pt>
                <c:pt idx="6461">
                  <c:v>1.2500000000000001E-2</c:v>
                </c:pt>
                <c:pt idx="6462">
                  <c:v>1.2500000000000001E-2</c:v>
                </c:pt>
                <c:pt idx="6463">
                  <c:v>1.2500000000000001E-2</c:v>
                </c:pt>
                <c:pt idx="6464">
                  <c:v>1.2500000000000001E-2</c:v>
                </c:pt>
                <c:pt idx="6465">
                  <c:v>1.2500000000000001E-2</c:v>
                </c:pt>
                <c:pt idx="6466">
                  <c:v>1.2500000000000001E-2</c:v>
                </c:pt>
                <c:pt idx="6467">
                  <c:v>1.2500000000000001E-2</c:v>
                </c:pt>
                <c:pt idx="6468">
                  <c:v>1.2500000000000001E-2</c:v>
                </c:pt>
                <c:pt idx="6469">
                  <c:v>1.2500000000000001E-2</c:v>
                </c:pt>
                <c:pt idx="6470">
                  <c:v>1.2500000000000001E-2</c:v>
                </c:pt>
                <c:pt idx="6471">
                  <c:v>1.2500000000000001E-2</c:v>
                </c:pt>
                <c:pt idx="6472">
                  <c:v>1.2500000000000001E-2</c:v>
                </c:pt>
                <c:pt idx="6473">
                  <c:v>1.2500000000000001E-2</c:v>
                </c:pt>
                <c:pt idx="6474">
                  <c:v>1.2500000000000001E-2</c:v>
                </c:pt>
                <c:pt idx="6475">
                  <c:v>1.2500000000000001E-2</c:v>
                </c:pt>
                <c:pt idx="6476">
                  <c:v>1.2500000000000001E-2</c:v>
                </c:pt>
                <c:pt idx="6477">
                  <c:v>1.2500000000000001E-2</c:v>
                </c:pt>
                <c:pt idx="6478">
                  <c:v>1.2500000000000001E-2</c:v>
                </c:pt>
                <c:pt idx="6479">
                  <c:v>1.2500000000000001E-2</c:v>
                </c:pt>
                <c:pt idx="6480">
                  <c:v>1.2500000000000001E-2</c:v>
                </c:pt>
                <c:pt idx="6481">
                  <c:v>1.2500000000000001E-2</c:v>
                </c:pt>
                <c:pt idx="6482">
                  <c:v>1.2500000000000001E-2</c:v>
                </c:pt>
                <c:pt idx="6483">
                  <c:v>1.2500000000000001E-2</c:v>
                </c:pt>
                <c:pt idx="6484">
                  <c:v>1.2500000000000001E-2</c:v>
                </c:pt>
                <c:pt idx="6485">
                  <c:v>1.2500000000000001E-2</c:v>
                </c:pt>
                <c:pt idx="6486">
                  <c:v>1.2500000000000001E-2</c:v>
                </c:pt>
                <c:pt idx="6487">
                  <c:v>1.2500000000000001E-2</c:v>
                </c:pt>
                <c:pt idx="6488">
                  <c:v>1.2500000000000001E-2</c:v>
                </c:pt>
                <c:pt idx="6489">
                  <c:v>1.2500000000000001E-2</c:v>
                </c:pt>
                <c:pt idx="6490">
                  <c:v>1.2500000000000001E-2</c:v>
                </c:pt>
                <c:pt idx="6491">
                  <c:v>1.2500000000000001E-2</c:v>
                </c:pt>
                <c:pt idx="6492">
                  <c:v>1.2500000000000001E-2</c:v>
                </c:pt>
                <c:pt idx="6493">
                  <c:v>1.2500000000000001E-2</c:v>
                </c:pt>
                <c:pt idx="6494">
                  <c:v>1.2500000000000001E-2</c:v>
                </c:pt>
                <c:pt idx="6495">
                  <c:v>1.2500000000000001E-2</c:v>
                </c:pt>
                <c:pt idx="6496">
                  <c:v>1.2500000000000001E-2</c:v>
                </c:pt>
                <c:pt idx="6497">
                  <c:v>1.2500000000000001E-2</c:v>
                </c:pt>
                <c:pt idx="6498">
                  <c:v>1.2500000000000001E-2</c:v>
                </c:pt>
                <c:pt idx="6499">
                  <c:v>1.2500000000000001E-2</c:v>
                </c:pt>
                <c:pt idx="6500">
                  <c:v>1.2500000000000001E-2</c:v>
                </c:pt>
                <c:pt idx="6501">
                  <c:v>1.2500000000000001E-2</c:v>
                </c:pt>
                <c:pt idx="6502">
                  <c:v>1.2500000000000001E-2</c:v>
                </c:pt>
                <c:pt idx="6503">
                  <c:v>1.2500000000000001E-2</c:v>
                </c:pt>
                <c:pt idx="6504">
                  <c:v>1.2500000000000001E-2</c:v>
                </c:pt>
                <c:pt idx="6505">
                  <c:v>1.2500000000000001E-2</c:v>
                </c:pt>
                <c:pt idx="6506">
                  <c:v>1.2500000000000001E-2</c:v>
                </c:pt>
                <c:pt idx="6507">
                  <c:v>1.2500000000000001E-2</c:v>
                </c:pt>
                <c:pt idx="6508">
                  <c:v>1.2500000000000001E-2</c:v>
                </c:pt>
                <c:pt idx="6509">
                  <c:v>1.2500000000000001E-2</c:v>
                </c:pt>
                <c:pt idx="6510">
                  <c:v>1.2500000000000001E-2</c:v>
                </c:pt>
                <c:pt idx="6511">
                  <c:v>1.2500000000000001E-2</c:v>
                </c:pt>
                <c:pt idx="6512">
                  <c:v>1.2500000000000001E-2</c:v>
                </c:pt>
                <c:pt idx="6513">
                  <c:v>1.2500000000000001E-2</c:v>
                </c:pt>
                <c:pt idx="6514">
                  <c:v>1.2500000000000001E-2</c:v>
                </c:pt>
                <c:pt idx="6515">
                  <c:v>1.2500000000000001E-2</c:v>
                </c:pt>
                <c:pt idx="6516">
                  <c:v>1.2500000000000001E-2</c:v>
                </c:pt>
                <c:pt idx="6517">
                  <c:v>1.2500000000000001E-2</c:v>
                </c:pt>
                <c:pt idx="6518">
                  <c:v>1.2500000000000001E-2</c:v>
                </c:pt>
                <c:pt idx="6519">
                  <c:v>1.2500000000000001E-2</c:v>
                </c:pt>
                <c:pt idx="6520">
                  <c:v>1.2500000000000001E-2</c:v>
                </c:pt>
                <c:pt idx="6521">
                  <c:v>1.2500000000000001E-2</c:v>
                </c:pt>
                <c:pt idx="6522">
                  <c:v>1.2500000000000001E-2</c:v>
                </c:pt>
                <c:pt idx="6523">
                  <c:v>1.2500000000000001E-2</c:v>
                </c:pt>
                <c:pt idx="6524">
                  <c:v>1.2500000000000001E-2</c:v>
                </c:pt>
                <c:pt idx="6525">
                  <c:v>1.2500000000000001E-2</c:v>
                </c:pt>
                <c:pt idx="6526">
                  <c:v>1.2500000000000001E-2</c:v>
                </c:pt>
                <c:pt idx="6527">
                  <c:v>1.2500000000000001E-2</c:v>
                </c:pt>
                <c:pt idx="6528">
                  <c:v>1.2500000000000001E-2</c:v>
                </c:pt>
                <c:pt idx="6529">
                  <c:v>1.2500000000000001E-2</c:v>
                </c:pt>
                <c:pt idx="6530">
                  <c:v>1.2500000000000001E-2</c:v>
                </c:pt>
                <c:pt idx="6531">
                  <c:v>1.2500000000000001E-2</c:v>
                </c:pt>
                <c:pt idx="6532">
                  <c:v>1.2500000000000001E-2</c:v>
                </c:pt>
                <c:pt idx="6533">
                  <c:v>1.2500000000000001E-2</c:v>
                </c:pt>
                <c:pt idx="6534">
                  <c:v>1.2500000000000001E-2</c:v>
                </c:pt>
                <c:pt idx="6535">
                  <c:v>1.2500000000000001E-2</c:v>
                </c:pt>
                <c:pt idx="6536">
                  <c:v>1.2500000000000001E-2</c:v>
                </c:pt>
                <c:pt idx="6537">
                  <c:v>1.2500000000000001E-2</c:v>
                </c:pt>
                <c:pt idx="6538">
                  <c:v>1.2500000000000001E-2</c:v>
                </c:pt>
                <c:pt idx="6539">
                  <c:v>1.2500000000000001E-2</c:v>
                </c:pt>
                <c:pt idx="6540">
                  <c:v>1.2500000000000001E-2</c:v>
                </c:pt>
                <c:pt idx="6541">
                  <c:v>1.2500000000000001E-2</c:v>
                </c:pt>
                <c:pt idx="6542">
                  <c:v>1.2500000000000001E-2</c:v>
                </c:pt>
                <c:pt idx="6543">
                  <c:v>1.2500000000000001E-2</c:v>
                </c:pt>
                <c:pt idx="6544">
                  <c:v>1.2500000000000001E-2</c:v>
                </c:pt>
                <c:pt idx="6545">
                  <c:v>1.2500000000000001E-2</c:v>
                </c:pt>
                <c:pt idx="6546">
                  <c:v>1.2500000000000001E-2</c:v>
                </c:pt>
                <c:pt idx="6547">
                  <c:v>1.2500000000000001E-2</c:v>
                </c:pt>
                <c:pt idx="6548">
                  <c:v>1.2500000000000001E-2</c:v>
                </c:pt>
                <c:pt idx="6549">
                  <c:v>1.2500000000000001E-2</c:v>
                </c:pt>
                <c:pt idx="6550">
                  <c:v>1.2500000000000001E-2</c:v>
                </c:pt>
                <c:pt idx="6551">
                  <c:v>1.2500000000000001E-2</c:v>
                </c:pt>
                <c:pt idx="6552">
                  <c:v>1.2500000000000001E-2</c:v>
                </c:pt>
                <c:pt idx="6553">
                  <c:v>1.2500000000000001E-2</c:v>
                </c:pt>
                <c:pt idx="6554">
                  <c:v>1.2500000000000001E-2</c:v>
                </c:pt>
                <c:pt idx="6555">
                  <c:v>1.2500000000000001E-2</c:v>
                </c:pt>
                <c:pt idx="6556">
                  <c:v>1.2500000000000001E-2</c:v>
                </c:pt>
                <c:pt idx="6557">
                  <c:v>1.4999999999999999E-2</c:v>
                </c:pt>
                <c:pt idx="6558">
                  <c:v>1.4999999999999999E-2</c:v>
                </c:pt>
                <c:pt idx="6559">
                  <c:v>1.4999999999999999E-2</c:v>
                </c:pt>
                <c:pt idx="6560">
                  <c:v>1.4999999999999999E-2</c:v>
                </c:pt>
                <c:pt idx="6561">
                  <c:v>1.4999999999999999E-2</c:v>
                </c:pt>
                <c:pt idx="6562">
                  <c:v>1.4999999999999999E-2</c:v>
                </c:pt>
                <c:pt idx="6563">
                  <c:v>1.4999999999999999E-2</c:v>
                </c:pt>
                <c:pt idx="6564">
                  <c:v>1.4999999999999999E-2</c:v>
                </c:pt>
                <c:pt idx="6565">
                  <c:v>1.4999999999999999E-2</c:v>
                </c:pt>
                <c:pt idx="6566">
                  <c:v>1.4999999999999999E-2</c:v>
                </c:pt>
                <c:pt idx="6567">
                  <c:v>1.4999999999999999E-2</c:v>
                </c:pt>
                <c:pt idx="6568">
                  <c:v>1.4999999999999999E-2</c:v>
                </c:pt>
                <c:pt idx="6569">
                  <c:v>1.4999999999999999E-2</c:v>
                </c:pt>
                <c:pt idx="6570">
                  <c:v>1.4999999999999999E-2</c:v>
                </c:pt>
                <c:pt idx="6571">
                  <c:v>1.4999999999999999E-2</c:v>
                </c:pt>
                <c:pt idx="6572">
                  <c:v>1.4999999999999999E-2</c:v>
                </c:pt>
                <c:pt idx="6573">
                  <c:v>1.4999999999999999E-2</c:v>
                </c:pt>
                <c:pt idx="6574">
                  <c:v>1.4999999999999999E-2</c:v>
                </c:pt>
                <c:pt idx="6575">
                  <c:v>1.4999999999999999E-2</c:v>
                </c:pt>
                <c:pt idx="6576">
                  <c:v>1.4999999999999999E-2</c:v>
                </c:pt>
                <c:pt idx="6577">
                  <c:v>1.4999999999999999E-2</c:v>
                </c:pt>
                <c:pt idx="6578">
                  <c:v>1.4999999999999999E-2</c:v>
                </c:pt>
                <c:pt idx="6579">
                  <c:v>1.4999999999999999E-2</c:v>
                </c:pt>
                <c:pt idx="6580">
                  <c:v>1.4999999999999999E-2</c:v>
                </c:pt>
                <c:pt idx="6581">
                  <c:v>1.4999999999999999E-2</c:v>
                </c:pt>
                <c:pt idx="6582">
                  <c:v>1.4999999999999999E-2</c:v>
                </c:pt>
                <c:pt idx="6583">
                  <c:v>1.4999999999999999E-2</c:v>
                </c:pt>
                <c:pt idx="6584">
                  <c:v>1.4999999999999999E-2</c:v>
                </c:pt>
                <c:pt idx="6585">
                  <c:v>1.4999999999999999E-2</c:v>
                </c:pt>
                <c:pt idx="6586">
                  <c:v>1.4999999999999999E-2</c:v>
                </c:pt>
                <c:pt idx="6587">
                  <c:v>1.4999999999999999E-2</c:v>
                </c:pt>
                <c:pt idx="6588">
                  <c:v>1.4999999999999999E-2</c:v>
                </c:pt>
                <c:pt idx="6589">
                  <c:v>1.4999999999999999E-2</c:v>
                </c:pt>
                <c:pt idx="6590">
                  <c:v>1.4999999999999999E-2</c:v>
                </c:pt>
                <c:pt idx="6591">
                  <c:v>1.4999999999999999E-2</c:v>
                </c:pt>
                <c:pt idx="6592">
                  <c:v>1.4999999999999999E-2</c:v>
                </c:pt>
                <c:pt idx="6593">
                  <c:v>1.4999999999999999E-2</c:v>
                </c:pt>
                <c:pt idx="6594">
                  <c:v>1.4999999999999999E-2</c:v>
                </c:pt>
                <c:pt idx="6595">
                  <c:v>1.4999999999999999E-2</c:v>
                </c:pt>
                <c:pt idx="6596">
                  <c:v>1.4999999999999999E-2</c:v>
                </c:pt>
                <c:pt idx="6597">
                  <c:v>1.4999999999999999E-2</c:v>
                </c:pt>
                <c:pt idx="6598">
                  <c:v>1.4999999999999999E-2</c:v>
                </c:pt>
                <c:pt idx="6599">
                  <c:v>1.4999999999999999E-2</c:v>
                </c:pt>
                <c:pt idx="6600">
                  <c:v>1.4999999999999999E-2</c:v>
                </c:pt>
                <c:pt idx="6601">
                  <c:v>1.4999999999999999E-2</c:v>
                </c:pt>
                <c:pt idx="6602">
                  <c:v>1.4999999999999999E-2</c:v>
                </c:pt>
                <c:pt idx="6603">
                  <c:v>1.4999999999999999E-2</c:v>
                </c:pt>
                <c:pt idx="6604">
                  <c:v>1.4999999999999999E-2</c:v>
                </c:pt>
                <c:pt idx="6605">
                  <c:v>1.4999999999999999E-2</c:v>
                </c:pt>
                <c:pt idx="6606">
                  <c:v>1.4999999999999999E-2</c:v>
                </c:pt>
                <c:pt idx="6607">
                  <c:v>1.4999999999999999E-2</c:v>
                </c:pt>
                <c:pt idx="6608">
                  <c:v>1.4999999999999999E-2</c:v>
                </c:pt>
                <c:pt idx="6609">
                  <c:v>1.4999999999999999E-2</c:v>
                </c:pt>
                <c:pt idx="6610">
                  <c:v>1.4999999999999999E-2</c:v>
                </c:pt>
                <c:pt idx="6611">
                  <c:v>1.4999999999999999E-2</c:v>
                </c:pt>
                <c:pt idx="6612">
                  <c:v>1.4999999999999999E-2</c:v>
                </c:pt>
                <c:pt idx="6613">
                  <c:v>1.4999999999999999E-2</c:v>
                </c:pt>
                <c:pt idx="6614">
                  <c:v>1.4999999999999999E-2</c:v>
                </c:pt>
                <c:pt idx="6615">
                  <c:v>1.4999999999999999E-2</c:v>
                </c:pt>
                <c:pt idx="6616">
                  <c:v>1.4999999999999999E-2</c:v>
                </c:pt>
                <c:pt idx="6617">
                  <c:v>1.4999999999999999E-2</c:v>
                </c:pt>
                <c:pt idx="6618">
                  <c:v>1.4999999999999999E-2</c:v>
                </c:pt>
                <c:pt idx="6619">
                  <c:v>1.4999999999999999E-2</c:v>
                </c:pt>
                <c:pt idx="6620">
                  <c:v>1.4999999999999999E-2</c:v>
                </c:pt>
                <c:pt idx="6621">
                  <c:v>1.4999999999999999E-2</c:v>
                </c:pt>
                <c:pt idx="6622">
                  <c:v>1.4999999999999999E-2</c:v>
                </c:pt>
                <c:pt idx="6623">
                  <c:v>1.4999999999999999E-2</c:v>
                </c:pt>
                <c:pt idx="6624">
                  <c:v>1.4999999999999999E-2</c:v>
                </c:pt>
                <c:pt idx="6625">
                  <c:v>1.4999999999999999E-2</c:v>
                </c:pt>
                <c:pt idx="6626">
                  <c:v>1.4999999999999999E-2</c:v>
                </c:pt>
                <c:pt idx="6627">
                  <c:v>1.4999999999999999E-2</c:v>
                </c:pt>
                <c:pt idx="6628">
                  <c:v>1.4999999999999999E-2</c:v>
                </c:pt>
                <c:pt idx="6629">
                  <c:v>1.4999999999999999E-2</c:v>
                </c:pt>
                <c:pt idx="6630">
                  <c:v>1.4999999999999999E-2</c:v>
                </c:pt>
                <c:pt idx="6631">
                  <c:v>1.4999999999999999E-2</c:v>
                </c:pt>
                <c:pt idx="6632">
                  <c:v>1.4999999999999999E-2</c:v>
                </c:pt>
                <c:pt idx="6633">
                  <c:v>1.4999999999999999E-2</c:v>
                </c:pt>
                <c:pt idx="6634">
                  <c:v>1.4999999999999999E-2</c:v>
                </c:pt>
                <c:pt idx="6635">
                  <c:v>1.4999999999999999E-2</c:v>
                </c:pt>
                <c:pt idx="6636">
                  <c:v>1.4999999999999999E-2</c:v>
                </c:pt>
                <c:pt idx="6637">
                  <c:v>1.4999999999999999E-2</c:v>
                </c:pt>
                <c:pt idx="6638">
                  <c:v>1.4999999999999999E-2</c:v>
                </c:pt>
                <c:pt idx="6639">
                  <c:v>1.4999999999999999E-2</c:v>
                </c:pt>
                <c:pt idx="6640">
                  <c:v>1.4999999999999999E-2</c:v>
                </c:pt>
                <c:pt idx="6641">
                  <c:v>1.4999999999999999E-2</c:v>
                </c:pt>
                <c:pt idx="6642">
                  <c:v>1.4999999999999999E-2</c:v>
                </c:pt>
                <c:pt idx="6643">
                  <c:v>1.4999999999999999E-2</c:v>
                </c:pt>
                <c:pt idx="6644">
                  <c:v>1.4999999999999999E-2</c:v>
                </c:pt>
                <c:pt idx="6645">
                  <c:v>1.4999999999999999E-2</c:v>
                </c:pt>
                <c:pt idx="6646">
                  <c:v>1.4999999999999999E-2</c:v>
                </c:pt>
                <c:pt idx="6647">
                  <c:v>1.4999999999999999E-2</c:v>
                </c:pt>
                <c:pt idx="6648">
                  <c:v>1.4999999999999999E-2</c:v>
                </c:pt>
                <c:pt idx="6649">
                  <c:v>1.4999999999999999E-2</c:v>
                </c:pt>
                <c:pt idx="6650">
                  <c:v>1.4999999999999999E-2</c:v>
                </c:pt>
                <c:pt idx="6651">
                  <c:v>1.4999999999999999E-2</c:v>
                </c:pt>
                <c:pt idx="6652">
                  <c:v>1.4999999999999999E-2</c:v>
                </c:pt>
                <c:pt idx="6653">
                  <c:v>1.4999999999999999E-2</c:v>
                </c:pt>
                <c:pt idx="6654">
                  <c:v>1.4999999999999999E-2</c:v>
                </c:pt>
                <c:pt idx="6655">
                  <c:v>1.7500000000000002E-2</c:v>
                </c:pt>
                <c:pt idx="6656">
                  <c:v>1.7500000000000002E-2</c:v>
                </c:pt>
                <c:pt idx="6657">
                  <c:v>1.7500000000000002E-2</c:v>
                </c:pt>
                <c:pt idx="6658">
                  <c:v>1.7500000000000002E-2</c:v>
                </c:pt>
                <c:pt idx="6659">
                  <c:v>1.7500000000000002E-2</c:v>
                </c:pt>
                <c:pt idx="6660">
                  <c:v>1.7500000000000002E-2</c:v>
                </c:pt>
                <c:pt idx="6661">
                  <c:v>1.7500000000000002E-2</c:v>
                </c:pt>
                <c:pt idx="6662">
                  <c:v>1.7500000000000002E-2</c:v>
                </c:pt>
                <c:pt idx="6663">
                  <c:v>1.7500000000000002E-2</c:v>
                </c:pt>
                <c:pt idx="6664">
                  <c:v>1.7500000000000002E-2</c:v>
                </c:pt>
                <c:pt idx="6665">
                  <c:v>1.7500000000000002E-2</c:v>
                </c:pt>
                <c:pt idx="6666">
                  <c:v>1.7500000000000002E-2</c:v>
                </c:pt>
                <c:pt idx="6667">
                  <c:v>1.7500000000000002E-2</c:v>
                </c:pt>
                <c:pt idx="6668">
                  <c:v>1.7500000000000002E-2</c:v>
                </c:pt>
                <c:pt idx="6669">
                  <c:v>1.7500000000000002E-2</c:v>
                </c:pt>
                <c:pt idx="6670">
                  <c:v>1.7500000000000002E-2</c:v>
                </c:pt>
                <c:pt idx="6671">
                  <c:v>1.7500000000000002E-2</c:v>
                </c:pt>
                <c:pt idx="6672">
                  <c:v>1.7500000000000002E-2</c:v>
                </c:pt>
                <c:pt idx="6673">
                  <c:v>1.7500000000000002E-2</c:v>
                </c:pt>
                <c:pt idx="6674">
                  <c:v>1.7500000000000002E-2</c:v>
                </c:pt>
                <c:pt idx="6675">
                  <c:v>1.7500000000000002E-2</c:v>
                </c:pt>
                <c:pt idx="6676">
                  <c:v>1.7500000000000002E-2</c:v>
                </c:pt>
                <c:pt idx="6677">
                  <c:v>1.7500000000000002E-2</c:v>
                </c:pt>
                <c:pt idx="6678">
                  <c:v>1.7500000000000002E-2</c:v>
                </c:pt>
                <c:pt idx="6679">
                  <c:v>1.7500000000000002E-2</c:v>
                </c:pt>
                <c:pt idx="6680">
                  <c:v>1.7500000000000002E-2</c:v>
                </c:pt>
                <c:pt idx="6681">
                  <c:v>1.7500000000000002E-2</c:v>
                </c:pt>
                <c:pt idx="6682">
                  <c:v>1.7500000000000002E-2</c:v>
                </c:pt>
                <c:pt idx="6683">
                  <c:v>1.7500000000000002E-2</c:v>
                </c:pt>
                <c:pt idx="6684">
                  <c:v>1.7500000000000002E-2</c:v>
                </c:pt>
                <c:pt idx="6685">
                  <c:v>1.7500000000000002E-2</c:v>
                </c:pt>
                <c:pt idx="6686">
                  <c:v>1.7500000000000002E-2</c:v>
                </c:pt>
                <c:pt idx="6687">
                  <c:v>1.7500000000000002E-2</c:v>
                </c:pt>
                <c:pt idx="6688">
                  <c:v>1.7500000000000002E-2</c:v>
                </c:pt>
                <c:pt idx="6689">
                  <c:v>1.7500000000000002E-2</c:v>
                </c:pt>
                <c:pt idx="6690">
                  <c:v>1.7500000000000002E-2</c:v>
                </c:pt>
                <c:pt idx="6691">
                  <c:v>1.7500000000000002E-2</c:v>
                </c:pt>
                <c:pt idx="6692">
                  <c:v>1.7500000000000002E-2</c:v>
                </c:pt>
                <c:pt idx="6693">
                  <c:v>1.7500000000000002E-2</c:v>
                </c:pt>
                <c:pt idx="6694">
                  <c:v>1.7500000000000002E-2</c:v>
                </c:pt>
                <c:pt idx="6695">
                  <c:v>1.7500000000000002E-2</c:v>
                </c:pt>
                <c:pt idx="6696">
                  <c:v>1.7500000000000002E-2</c:v>
                </c:pt>
                <c:pt idx="6697">
                  <c:v>1.7500000000000002E-2</c:v>
                </c:pt>
                <c:pt idx="6698">
                  <c:v>1.7500000000000002E-2</c:v>
                </c:pt>
                <c:pt idx="6699">
                  <c:v>1.7500000000000002E-2</c:v>
                </c:pt>
                <c:pt idx="6700">
                  <c:v>1.7500000000000002E-2</c:v>
                </c:pt>
                <c:pt idx="6701">
                  <c:v>1.7500000000000002E-2</c:v>
                </c:pt>
                <c:pt idx="6702">
                  <c:v>1.7500000000000002E-2</c:v>
                </c:pt>
                <c:pt idx="6703">
                  <c:v>1.7500000000000002E-2</c:v>
                </c:pt>
                <c:pt idx="6704">
                  <c:v>1.7500000000000002E-2</c:v>
                </c:pt>
                <c:pt idx="6705">
                  <c:v>1.7500000000000002E-2</c:v>
                </c:pt>
                <c:pt idx="6706">
                  <c:v>1.7500000000000002E-2</c:v>
                </c:pt>
                <c:pt idx="6707">
                  <c:v>1.7500000000000002E-2</c:v>
                </c:pt>
                <c:pt idx="6708">
                  <c:v>1.7500000000000002E-2</c:v>
                </c:pt>
                <c:pt idx="6709">
                  <c:v>1.7500000000000002E-2</c:v>
                </c:pt>
                <c:pt idx="6710">
                  <c:v>1.7500000000000002E-2</c:v>
                </c:pt>
                <c:pt idx="6711">
                  <c:v>1.7500000000000002E-2</c:v>
                </c:pt>
                <c:pt idx="6712">
                  <c:v>1.7500000000000002E-2</c:v>
                </c:pt>
                <c:pt idx="6713">
                  <c:v>1.7500000000000002E-2</c:v>
                </c:pt>
                <c:pt idx="6714">
                  <c:v>1.7500000000000002E-2</c:v>
                </c:pt>
                <c:pt idx="6715">
                  <c:v>1.7500000000000002E-2</c:v>
                </c:pt>
                <c:pt idx="6716">
                  <c:v>1.7500000000000002E-2</c:v>
                </c:pt>
                <c:pt idx="6717">
                  <c:v>1.7500000000000002E-2</c:v>
                </c:pt>
                <c:pt idx="6718">
                  <c:v>1.7500000000000002E-2</c:v>
                </c:pt>
                <c:pt idx="6719">
                  <c:v>1.7500000000000002E-2</c:v>
                </c:pt>
                <c:pt idx="6720">
                  <c:v>1.7500000000000002E-2</c:v>
                </c:pt>
                <c:pt idx="6721">
                  <c:v>1.7500000000000002E-2</c:v>
                </c:pt>
                <c:pt idx="6722">
                  <c:v>1.7500000000000002E-2</c:v>
                </c:pt>
                <c:pt idx="6723">
                  <c:v>1.7500000000000002E-2</c:v>
                </c:pt>
                <c:pt idx="6724">
                  <c:v>1.7500000000000002E-2</c:v>
                </c:pt>
                <c:pt idx="6725">
                  <c:v>1.7500000000000002E-2</c:v>
                </c:pt>
                <c:pt idx="6726">
                  <c:v>1.7500000000000002E-2</c:v>
                </c:pt>
                <c:pt idx="6727">
                  <c:v>1.7500000000000002E-2</c:v>
                </c:pt>
                <c:pt idx="6728">
                  <c:v>1.7500000000000002E-2</c:v>
                </c:pt>
                <c:pt idx="6729">
                  <c:v>1.7500000000000002E-2</c:v>
                </c:pt>
                <c:pt idx="6730">
                  <c:v>1.7500000000000002E-2</c:v>
                </c:pt>
                <c:pt idx="6731">
                  <c:v>1.7500000000000002E-2</c:v>
                </c:pt>
                <c:pt idx="6732">
                  <c:v>1.7500000000000002E-2</c:v>
                </c:pt>
                <c:pt idx="6733">
                  <c:v>1.7500000000000002E-2</c:v>
                </c:pt>
                <c:pt idx="6734">
                  <c:v>1.7500000000000002E-2</c:v>
                </c:pt>
                <c:pt idx="6735">
                  <c:v>1.7500000000000002E-2</c:v>
                </c:pt>
                <c:pt idx="6736">
                  <c:v>1.7500000000000002E-2</c:v>
                </c:pt>
                <c:pt idx="6737">
                  <c:v>1.7500000000000002E-2</c:v>
                </c:pt>
                <c:pt idx="6738">
                  <c:v>1.7500000000000002E-2</c:v>
                </c:pt>
                <c:pt idx="6739">
                  <c:v>0.02</c:v>
                </c:pt>
                <c:pt idx="6740">
                  <c:v>0.02</c:v>
                </c:pt>
                <c:pt idx="6741">
                  <c:v>0.02</c:v>
                </c:pt>
                <c:pt idx="6742">
                  <c:v>0.02</c:v>
                </c:pt>
                <c:pt idx="6743">
                  <c:v>0.02</c:v>
                </c:pt>
                <c:pt idx="6744">
                  <c:v>0.02</c:v>
                </c:pt>
                <c:pt idx="6745">
                  <c:v>0.02</c:v>
                </c:pt>
                <c:pt idx="6746">
                  <c:v>0.02</c:v>
                </c:pt>
                <c:pt idx="6747">
                  <c:v>0.02</c:v>
                </c:pt>
                <c:pt idx="6748">
                  <c:v>0.02</c:v>
                </c:pt>
                <c:pt idx="6749">
                  <c:v>0.02</c:v>
                </c:pt>
                <c:pt idx="6750">
                  <c:v>0.02</c:v>
                </c:pt>
                <c:pt idx="6751">
                  <c:v>0.02</c:v>
                </c:pt>
                <c:pt idx="6752">
                  <c:v>0.02</c:v>
                </c:pt>
                <c:pt idx="6753">
                  <c:v>0.02</c:v>
                </c:pt>
                <c:pt idx="6754">
                  <c:v>0.02</c:v>
                </c:pt>
                <c:pt idx="6755">
                  <c:v>0.02</c:v>
                </c:pt>
                <c:pt idx="6756">
                  <c:v>0.02</c:v>
                </c:pt>
                <c:pt idx="6757">
                  <c:v>0.02</c:v>
                </c:pt>
                <c:pt idx="6758">
                  <c:v>0.02</c:v>
                </c:pt>
                <c:pt idx="6759">
                  <c:v>0.02</c:v>
                </c:pt>
                <c:pt idx="6760">
                  <c:v>0.02</c:v>
                </c:pt>
                <c:pt idx="6761">
                  <c:v>0.02</c:v>
                </c:pt>
                <c:pt idx="6762">
                  <c:v>0.02</c:v>
                </c:pt>
                <c:pt idx="6763">
                  <c:v>0.02</c:v>
                </c:pt>
                <c:pt idx="6764">
                  <c:v>0.02</c:v>
                </c:pt>
                <c:pt idx="6765">
                  <c:v>0.02</c:v>
                </c:pt>
                <c:pt idx="6766">
                  <c:v>0.02</c:v>
                </c:pt>
                <c:pt idx="6767">
                  <c:v>0.02</c:v>
                </c:pt>
                <c:pt idx="6768">
                  <c:v>0.02</c:v>
                </c:pt>
                <c:pt idx="6769">
                  <c:v>0.02</c:v>
                </c:pt>
                <c:pt idx="6770">
                  <c:v>0.02</c:v>
                </c:pt>
                <c:pt idx="6771">
                  <c:v>0.02</c:v>
                </c:pt>
                <c:pt idx="6772">
                  <c:v>0.02</c:v>
                </c:pt>
                <c:pt idx="6773">
                  <c:v>0.02</c:v>
                </c:pt>
                <c:pt idx="6774">
                  <c:v>0.02</c:v>
                </c:pt>
                <c:pt idx="6775">
                  <c:v>0.02</c:v>
                </c:pt>
                <c:pt idx="6776">
                  <c:v>0.02</c:v>
                </c:pt>
                <c:pt idx="6777">
                  <c:v>0.02</c:v>
                </c:pt>
                <c:pt idx="6778">
                  <c:v>0.02</c:v>
                </c:pt>
                <c:pt idx="6779">
                  <c:v>0.02</c:v>
                </c:pt>
                <c:pt idx="6780">
                  <c:v>0.02</c:v>
                </c:pt>
                <c:pt idx="6781">
                  <c:v>0.02</c:v>
                </c:pt>
                <c:pt idx="6782">
                  <c:v>0.02</c:v>
                </c:pt>
                <c:pt idx="6783">
                  <c:v>0.02</c:v>
                </c:pt>
                <c:pt idx="6784">
                  <c:v>0.02</c:v>
                </c:pt>
                <c:pt idx="6785">
                  <c:v>0.02</c:v>
                </c:pt>
                <c:pt idx="6786">
                  <c:v>0.02</c:v>
                </c:pt>
                <c:pt idx="6787">
                  <c:v>0.02</c:v>
                </c:pt>
                <c:pt idx="6788">
                  <c:v>0.02</c:v>
                </c:pt>
                <c:pt idx="6789">
                  <c:v>0.02</c:v>
                </c:pt>
                <c:pt idx="6790">
                  <c:v>0.02</c:v>
                </c:pt>
                <c:pt idx="6791">
                  <c:v>0.02</c:v>
                </c:pt>
                <c:pt idx="6792">
                  <c:v>0.02</c:v>
                </c:pt>
                <c:pt idx="6793">
                  <c:v>0.02</c:v>
                </c:pt>
                <c:pt idx="6794">
                  <c:v>0.02</c:v>
                </c:pt>
                <c:pt idx="6795">
                  <c:v>0.02</c:v>
                </c:pt>
                <c:pt idx="6796">
                  <c:v>0.02</c:v>
                </c:pt>
                <c:pt idx="6797">
                  <c:v>0.02</c:v>
                </c:pt>
                <c:pt idx="6798">
                  <c:v>0.02</c:v>
                </c:pt>
                <c:pt idx="6799">
                  <c:v>0.02</c:v>
                </c:pt>
                <c:pt idx="6800">
                  <c:v>0.02</c:v>
                </c:pt>
                <c:pt idx="6801">
                  <c:v>0.02</c:v>
                </c:pt>
                <c:pt idx="6802">
                  <c:v>0.02</c:v>
                </c:pt>
                <c:pt idx="6803">
                  <c:v>0.02</c:v>
                </c:pt>
                <c:pt idx="6804">
                  <c:v>0.02</c:v>
                </c:pt>
                <c:pt idx="6805">
                  <c:v>0.02</c:v>
                </c:pt>
                <c:pt idx="6806">
                  <c:v>0.02</c:v>
                </c:pt>
                <c:pt idx="6807">
                  <c:v>0.02</c:v>
                </c:pt>
                <c:pt idx="6808">
                  <c:v>0.02</c:v>
                </c:pt>
                <c:pt idx="6809">
                  <c:v>0.02</c:v>
                </c:pt>
                <c:pt idx="6810">
                  <c:v>0.02</c:v>
                </c:pt>
                <c:pt idx="6811">
                  <c:v>0.02</c:v>
                </c:pt>
                <c:pt idx="6812">
                  <c:v>0.02</c:v>
                </c:pt>
                <c:pt idx="6813">
                  <c:v>0.02</c:v>
                </c:pt>
                <c:pt idx="6814">
                  <c:v>0.02</c:v>
                </c:pt>
                <c:pt idx="6815">
                  <c:v>0.02</c:v>
                </c:pt>
                <c:pt idx="6816">
                  <c:v>0.02</c:v>
                </c:pt>
                <c:pt idx="6817">
                  <c:v>0.02</c:v>
                </c:pt>
                <c:pt idx="6818">
                  <c:v>0.02</c:v>
                </c:pt>
                <c:pt idx="6819">
                  <c:v>0.02</c:v>
                </c:pt>
                <c:pt idx="6820">
                  <c:v>0.02</c:v>
                </c:pt>
                <c:pt idx="6821">
                  <c:v>0.02</c:v>
                </c:pt>
                <c:pt idx="6822">
                  <c:v>0.02</c:v>
                </c:pt>
                <c:pt idx="6823">
                  <c:v>0.02</c:v>
                </c:pt>
                <c:pt idx="6824">
                  <c:v>0.02</c:v>
                </c:pt>
                <c:pt idx="6825">
                  <c:v>0.02</c:v>
                </c:pt>
                <c:pt idx="6826">
                  <c:v>0.02</c:v>
                </c:pt>
                <c:pt idx="6827">
                  <c:v>0.02</c:v>
                </c:pt>
                <c:pt idx="6828">
                  <c:v>0.02</c:v>
                </c:pt>
                <c:pt idx="6829">
                  <c:v>0.02</c:v>
                </c:pt>
                <c:pt idx="6830">
                  <c:v>0.02</c:v>
                </c:pt>
                <c:pt idx="6831">
                  <c:v>0.02</c:v>
                </c:pt>
                <c:pt idx="6832">
                  <c:v>0.02</c:v>
                </c:pt>
                <c:pt idx="6833">
                  <c:v>0.02</c:v>
                </c:pt>
                <c:pt idx="6834">
                  <c:v>0.02</c:v>
                </c:pt>
                <c:pt idx="6835">
                  <c:v>0.02</c:v>
                </c:pt>
                <c:pt idx="6836">
                  <c:v>0.02</c:v>
                </c:pt>
                <c:pt idx="6837">
                  <c:v>0.02</c:v>
                </c:pt>
                <c:pt idx="6838">
                  <c:v>0.02</c:v>
                </c:pt>
                <c:pt idx="6839">
                  <c:v>0.02</c:v>
                </c:pt>
                <c:pt idx="6840">
                  <c:v>0.02</c:v>
                </c:pt>
                <c:pt idx="6841">
                  <c:v>0.02</c:v>
                </c:pt>
                <c:pt idx="6842">
                  <c:v>0.02</c:v>
                </c:pt>
                <c:pt idx="6843">
                  <c:v>0.02</c:v>
                </c:pt>
                <c:pt idx="6844">
                  <c:v>2.2499999999999999E-2</c:v>
                </c:pt>
                <c:pt idx="6845">
                  <c:v>2.2499999999999999E-2</c:v>
                </c:pt>
                <c:pt idx="6846">
                  <c:v>2.2499999999999999E-2</c:v>
                </c:pt>
                <c:pt idx="6847">
                  <c:v>2.2499999999999999E-2</c:v>
                </c:pt>
                <c:pt idx="6848">
                  <c:v>2.2499999999999999E-2</c:v>
                </c:pt>
                <c:pt idx="6849">
                  <c:v>2.2499999999999999E-2</c:v>
                </c:pt>
                <c:pt idx="6850">
                  <c:v>2.2499999999999999E-2</c:v>
                </c:pt>
                <c:pt idx="6851">
                  <c:v>2.2499999999999999E-2</c:v>
                </c:pt>
                <c:pt idx="6852">
                  <c:v>2.2499999999999999E-2</c:v>
                </c:pt>
                <c:pt idx="6853">
                  <c:v>2.2499999999999999E-2</c:v>
                </c:pt>
                <c:pt idx="6854">
                  <c:v>2.2499999999999999E-2</c:v>
                </c:pt>
                <c:pt idx="6855">
                  <c:v>2.2499999999999999E-2</c:v>
                </c:pt>
                <c:pt idx="6856">
                  <c:v>2.2499999999999999E-2</c:v>
                </c:pt>
                <c:pt idx="6857">
                  <c:v>2.2499999999999999E-2</c:v>
                </c:pt>
                <c:pt idx="6858">
                  <c:v>2.2499999999999999E-2</c:v>
                </c:pt>
                <c:pt idx="6859">
                  <c:v>2.2499999999999999E-2</c:v>
                </c:pt>
                <c:pt idx="6860">
                  <c:v>2.2499999999999999E-2</c:v>
                </c:pt>
                <c:pt idx="6861">
                  <c:v>2.2499999999999999E-2</c:v>
                </c:pt>
                <c:pt idx="6862">
                  <c:v>2.2499999999999999E-2</c:v>
                </c:pt>
                <c:pt idx="6863">
                  <c:v>2.2499999999999999E-2</c:v>
                </c:pt>
                <c:pt idx="6864">
                  <c:v>2.2499999999999999E-2</c:v>
                </c:pt>
                <c:pt idx="6865">
                  <c:v>2.2499999999999999E-2</c:v>
                </c:pt>
                <c:pt idx="6866">
                  <c:v>2.2499999999999999E-2</c:v>
                </c:pt>
                <c:pt idx="6867">
                  <c:v>2.2499999999999999E-2</c:v>
                </c:pt>
                <c:pt idx="6868">
                  <c:v>2.2499999999999999E-2</c:v>
                </c:pt>
                <c:pt idx="6869">
                  <c:v>2.2499999999999999E-2</c:v>
                </c:pt>
                <c:pt idx="6870">
                  <c:v>2.2499999999999999E-2</c:v>
                </c:pt>
                <c:pt idx="6871">
                  <c:v>2.2499999999999999E-2</c:v>
                </c:pt>
                <c:pt idx="6872">
                  <c:v>2.2499999999999999E-2</c:v>
                </c:pt>
                <c:pt idx="6873">
                  <c:v>2.2499999999999999E-2</c:v>
                </c:pt>
                <c:pt idx="6874">
                  <c:v>2.2499999999999999E-2</c:v>
                </c:pt>
                <c:pt idx="6875">
                  <c:v>2.2499999999999999E-2</c:v>
                </c:pt>
                <c:pt idx="6876">
                  <c:v>2.2499999999999999E-2</c:v>
                </c:pt>
                <c:pt idx="6877">
                  <c:v>2.2499999999999999E-2</c:v>
                </c:pt>
                <c:pt idx="6878">
                  <c:v>2.2499999999999999E-2</c:v>
                </c:pt>
                <c:pt idx="6879">
                  <c:v>2.2499999999999999E-2</c:v>
                </c:pt>
                <c:pt idx="6880">
                  <c:v>2.2499999999999999E-2</c:v>
                </c:pt>
                <c:pt idx="6881">
                  <c:v>2.2499999999999999E-2</c:v>
                </c:pt>
                <c:pt idx="6882">
                  <c:v>2.2499999999999999E-2</c:v>
                </c:pt>
                <c:pt idx="6883">
                  <c:v>2.2499999999999999E-2</c:v>
                </c:pt>
                <c:pt idx="6884">
                  <c:v>2.2499999999999999E-2</c:v>
                </c:pt>
                <c:pt idx="6885">
                  <c:v>2.2499999999999999E-2</c:v>
                </c:pt>
                <c:pt idx="6886">
                  <c:v>2.2499999999999999E-2</c:v>
                </c:pt>
                <c:pt idx="6887">
                  <c:v>2.2499999999999999E-2</c:v>
                </c:pt>
                <c:pt idx="6888">
                  <c:v>2.2499999999999999E-2</c:v>
                </c:pt>
                <c:pt idx="6889">
                  <c:v>2.2499999999999999E-2</c:v>
                </c:pt>
                <c:pt idx="6890">
                  <c:v>2.2499999999999999E-2</c:v>
                </c:pt>
                <c:pt idx="6891">
                  <c:v>2.2499999999999999E-2</c:v>
                </c:pt>
                <c:pt idx="6892">
                  <c:v>2.2499999999999999E-2</c:v>
                </c:pt>
                <c:pt idx="6893">
                  <c:v>2.2499999999999999E-2</c:v>
                </c:pt>
                <c:pt idx="6894">
                  <c:v>2.2499999999999999E-2</c:v>
                </c:pt>
                <c:pt idx="6895">
                  <c:v>2.2499999999999999E-2</c:v>
                </c:pt>
                <c:pt idx="6896">
                  <c:v>2.2499999999999999E-2</c:v>
                </c:pt>
                <c:pt idx="6897">
                  <c:v>2.2499999999999999E-2</c:v>
                </c:pt>
                <c:pt idx="6898">
                  <c:v>2.2499999999999999E-2</c:v>
                </c:pt>
                <c:pt idx="6899">
                  <c:v>2.2499999999999999E-2</c:v>
                </c:pt>
                <c:pt idx="6900">
                  <c:v>2.2499999999999999E-2</c:v>
                </c:pt>
                <c:pt idx="6901">
                  <c:v>2.2499999999999999E-2</c:v>
                </c:pt>
                <c:pt idx="6902">
                  <c:v>2.2499999999999999E-2</c:v>
                </c:pt>
                <c:pt idx="6903">
                  <c:v>2.2499999999999999E-2</c:v>
                </c:pt>
                <c:pt idx="6904">
                  <c:v>2.2499999999999999E-2</c:v>
                </c:pt>
                <c:pt idx="6905">
                  <c:v>2.2499999999999999E-2</c:v>
                </c:pt>
                <c:pt idx="6906">
                  <c:v>2.2499999999999999E-2</c:v>
                </c:pt>
                <c:pt idx="6907">
                  <c:v>2.2499999999999999E-2</c:v>
                </c:pt>
                <c:pt idx="6908">
                  <c:v>2.2499999999999999E-2</c:v>
                </c:pt>
                <c:pt idx="6909">
                  <c:v>2.2499999999999999E-2</c:v>
                </c:pt>
                <c:pt idx="6910">
                  <c:v>2.2499999999999999E-2</c:v>
                </c:pt>
                <c:pt idx="6911">
                  <c:v>2.2499999999999999E-2</c:v>
                </c:pt>
                <c:pt idx="6912">
                  <c:v>2.2499999999999999E-2</c:v>
                </c:pt>
                <c:pt idx="6913">
                  <c:v>2.2499999999999999E-2</c:v>
                </c:pt>
                <c:pt idx="6914">
                  <c:v>2.2499999999999999E-2</c:v>
                </c:pt>
                <c:pt idx="6915">
                  <c:v>2.2499999999999999E-2</c:v>
                </c:pt>
                <c:pt idx="6916">
                  <c:v>2.2499999999999999E-2</c:v>
                </c:pt>
                <c:pt idx="6917">
                  <c:v>2.2499999999999999E-2</c:v>
                </c:pt>
                <c:pt idx="6918">
                  <c:v>2.2499999999999999E-2</c:v>
                </c:pt>
                <c:pt idx="6919">
                  <c:v>2.2499999999999999E-2</c:v>
                </c:pt>
                <c:pt idx="6920">
                  <c:v>2.2499999999999999E-2</c:v>
                </c:pt>
                <c:pt idx="6921">
                  <c:v>2.2499999999999999E-2</c:v>
                </c:pt>
                <c:pt idx="6922">
                  <c:v>2.2499999999999999E-2</c:v>
                </c:pt>
                <c:pt idx="6923">
                  <c:v>2.2499999999999999E-2</c:v>
                </c:pt>
                <c:pt idx="6924">
                  <c:v>2.2499999999999999E-2</c:v>
                </c:pt>
                <c:pt idx="6925">
                  <c:v>2.2499999999999999E-2</c:v>
                </c:pt>
                <c:pt idx="6926">
                  <c:v>2.2499999999999999E-2</c:v>
                </c:pt>
                <c:pt idx="6927">
                  <c:v>2.2499999999999999E-2</c:v>
                </c:pt>
                <c:pt idx="6928">
                  <c:v>2.5000000000000001E-2</c:v>
                </c:pt>
                <c:pt idx="6929">
                  <c:v>2.5000000000000001E-2</c:v>
                </c:pt>
                <c:pt idx="6930">
                  <c:v>2.5000000000000001E-2</c:v>
                </c:pt>
                <c:pt idx="6931">
                  <c:v>2.5000000000000001E-2</c:v>
                </c:pt>
                <c:pt idx="6932">
                  <c:v>2.5000000000000001E-2</c:v>
                </c:pt>
                <c:pt idx="6933">
                  <c:v>2.5000000000000001E-2</c:v>
                </c:pt>
                <c:pt idx="6934">
                  <c:v>2.5000000000000001E-2</c:v>
                </c:pt>
                <c:pt idx="6935">
                  <c:v>2.5000000000000001E-2</c:v>
                </c:pt>
                <c:pt idx="6936">
                  <c:v>2.5000000000000001E-2</c:v>
                </c:pt>
                <c:pt idx="6937">
                  <c:v>2.5000000000000001E-2</c:v>
                </c:pt>
                <c:pt idx="6938">
                  <c:v>2.5000000000000001E-2</c:v>
                </c:pt>
                <c:pt idx="6939">
                  <c:v>2.5000000000000001E-2</c:v>
                </c:pt>
                <c:pt idx="6940">
                  <c:v>2.5000000000000001E-2</c:v>
                </c:pt>
                <c:pt idx="6941">
                  <c:v>2.5000000000000001E-2</c:v>
                </c:pt>
                <c:pt idx="6942">
                  <c:v>2.5000000000000001E-2</c:v>
                </c:pt>
                <c:pt idx="6943">
                  <c:v>2.5000000000000001E-2</c:v>
                </c:pt>
                <c:pt idx="6944">
                  <c:v>2.5000000000000001E-2</c:v>
                </c:pt>
                <c:pt idx="6945">
                  <c:v>2.5000000000000001E-2</c:v>
                </c:pt>
                <c:pt idx="6946">
                  <c:v>2.5000000000000001E-2</c:v>
                </c:pt>
                <c:pt idx="6947">
                  <c:v>2.5000000000000001E-2</c:v>
                </c:pt>
                <c:pt idx="6948">
                  <c:v>2.5000000000000001E-2</c:v>
                </c:pt>
                <c:pt idx="6949">
                  <c:v>2.5000000000000001E-2</c:v>
                </c:pt>
                <c:pt idx="6950">
                  <c:v>2.5000000000000001E-2</c:v>
                </c:pt>
                <c:pt idx="6951">
                  <c:v>2.5000000000000001E-2</c:v>
                </c:pt>
                <c:pt idx="6952">
                  <c:v>2.5000000000000001E-2</c:v>
                </c:pt>
                <c:pt idx="6953">
                  <c:v>2.5000000000000001E-2</c:v>
                </c:pt>
                <c:pt idx="6954">
                  <c:v>2.5000000000000001E-2</c:v>
                </c:pt>
                <c:pt idx="6955">
                  <c:v>2.5000000000000001E-2</c:v>
                </c:pt>
                <c:pt idx="6956">
                  <c:v>2.5000000000000001E-2</c:v>
                </c:pt>
                <c:pt idx="6957">
                  <c:v>2.5000000000000001E-2</c:v>
                </c:pt>
                <c:pt idx="6958">
                  <c:v>2.5000000000000001E-2</c:v>
                </c:pt>
                <c:pt idx="6959">
                  <c:v>2.5000000000000001E-2</c:v>
                </c:pt>
                <c:pt idx="6960">
                  <c:v>2.5000000000000001E-2</c:v>
                </c:pt>
                <c:pt idx="6961">
                  <c:v>2.5000000000000001E-2</c:v>
                </c:pt>
                <c:pt idx="6962">
                  <c:v>2.5000000000000001E-2</c:v>
                </c:pt>
                <c:pt idx="6963">
                  <c:v>2.5000000000000001E-2</c:v>
                </c:pt>
                <c:pt idx="6964">
                  <c:v>2.5000000000000001E-2</c:v>
                </c:pt>
                <c:pt idx="6965">
                  <c:v>2.5000000000000001E-2</c:v>
                </c:pt>
                <c:pt idx="6966">
                  <c:v>2.5000000000000001E-2</c:v>
                </c:pt>
                <c:pt idx="6967">
                  <c:v>2.5000000000000001E-2</c:v>
                </c:pt>
                <c:pt idx="6968">
                  <c:v>2.5000000000000001E-2</c:v>
                </c:pt>
                <c:pt idx="6969">
                  <c:v>2.5000000000000001E-2</c:v>
                </c:pt>
                <c:pt idx="6970">
                  <c:v>2.5000000000000001E-2</c:v>
                </c:pt>
                <c:pt idx="6971">
                  <c:v>2.5000000000000001E-2</c:v>
                </c:pt>
                <c:pt idx="6972">
                  <c:v>2.5000000000000001E-2</c:v>
                </c:pt>
                <c:pt idx="6973">
                  <c:v>2.5000000000000001E-2</c:v>
                </c:pt>
                <c:pt idx="6974">
                  <c:v>2.5000000000000001E-2</c:v>
                </c:pt>
                <c:pt idx="6975">
                  <c:v>2.5000000000000001E-2</c:v>
                </c:pt>
                <c:pt idx="6976">
                  <c:v>2.5000000000000001E-2</c:v>
                </c:pt>
                <c:pt idx="6977">
                  <c:v>2.5000000000000001E-2</c:v>
                </c:pt>
                <c:pt idx="6978">
                  <c:v>2.5000000000000001E-2</c:v>
                </c:pt>
                <c:pt idx="6979">
                  <c:v>2.5000000000000001E-2</c:v>
                </c:pt>
                <c:pt idx="6980">
                  <c:v>2.5000000000000001E-2</c:v>
                </c:pt>
                <c:pt idx="6981">
                  <c:v>2.5000000000000001E-2</c:v>
                </c:pt>
                <c:pt idx="6982">
                  <c:v>2.5000000000000001E-2</c:v>
                </c:pt>
                <c:pt idx="6983">
                  <c:v>2.5000000000000001E-2</c:v>
                </c:pt>
                <c:pt idx="6984">
                  <c:v>2.5000000000000001E-2</c:v>
                </c:pt>
                <c:pt idx="6985">
                  <c:v>2.5000000000000001E-2</c:v>
                </c:pt>
                <c:pt idx="6986">
                  <c:v>2.5000000000000001E-2</c:v>
                </c:pt>
                <c:pt idx="6987">
                  <c:v>2.5000000000000001E-2</c:v>
                </c:pt>
                <c:pt idx="6988">
                  <c:v>2.5000000000000001E-2</c:v>
                </c:pt>
                <c:pt idx="6989">
                  <c:v>2.5000000000000001E-2</c:v>
                </c:pt>
                <c:pt idx="6990">
                  <c:v>2.5000000000000001E-2</c:v>
                </c:pt>
                <c:pt idx="6991">
                  <c:v>2.5000000000000001E-2</c:v>
                </c:pt>
                <c:pt idx="6992">
                  <c:v>2.5000000000000001E-2</c:v>
                </c:pt>
                <c:pt idx="6993">
                  <c:v>2.5000000000000001E-2</c:v>
                </c:pt>
                <c:pt idx="6994">
                  <c:v>2.5000000000000001E-2</c:v>
                </c:pt>
                <c:pt idx="6995">
                  <c:v>2.5000000000000001E-2</c:v>
                </c:pt>
                <c:pt idx="6996">
                  <c:v>2.5000000000000001E-2</c:v>
                </c:pt>
                <c:pt idx="6997">
                  <c:v>2.5000000000000001E-2</c:v>
                </c:pt>
                <c:pt idx="6998">
                  <c:v>2.5000000000000001E-2</c:v>
                </c:pt>
                <c:pt idx="6999">
                  <c:v>2.5000000000000001E-2</c:v>
                </c:pt>
                <c:pt idx="7000">
                  <c:v>2.5000000000000001E-2</c:v>
                </c:pt>
                <c:pt idx="7001">
                  <c:v>2.5000000000000001E-2</c:v>
                </c:pt>
                <c:pt idx="7002">
                  <c:v>2.5000000000000001E-2</c:v>
                </c:pt>
                <c:pt idx="7003">
                  <c:v>2.5000000000000001E-2</c:v>
                </c:pt>
                <c:pt idx="7004">
                  <c:v>2.5000000000000001E-2</c:v>
                </c:pt>
                <c:pt idx="7005">
                  <c:v>2.5000000000000001E-2</c:v>
                </c:pt>
                <c:pt idx="7006">
                  <c:v>2.5000000000000001E-2</c:v>
                </c:pt>
                <c:pt idx="7007">
                  <c:v>2.5000000000000001E-2</c:v>
                </c:pt>
                <c:pt idx="7008">
                  <c:v>2.5000000000000001E-2</c:v>
                </c:pt>
                <c:pt idx="7009">
                  <c:v>2.5000000000000001E-2</c:v>
                </c:pt>
                <c:pt idx="7010">
                  <c:v>2.5000000000000001E-2</c:v>
                </c:pt>
                <c:pt idx="7011">
                  <c:v>2.5000000000000001E-2</c:v>
                </c:pt>
                <c:pt idx="7012">
                  <c:v>2.5000000000000001E-2</c:v>
                </c:pt>
                <c:pt idx="7013">
                  <c:v>2.5000000000000001E-2</c:v>
                </c:pt>
                <c:pt idx="7014">
                  <c:v>2.5000000000000001E-2</c:v>
                </c:pt>
                <c:pt idx="7015">
                  <c:v>2.5000000000000001E-2</c:v>
                </c:pt>
                <c:pt idx="7016">
                  <c:v>2.5000000000000001E-2</c:v>
                </c:pt>
                <c:pt idx="7017">
                  <c:v>2.5000000000000001E-2</c:v>
                </c:pt>
                <c:pt idx="7018">
                  <c:v>2.5000000000000001E-2</c:v>
                </c:pt>
                <c:pt idx="7019">
                  <c:v>2.5000000000000001E-2</c:v>
                </c:pt>
                <c:pt idx="7020">
                  <c:v>2.5000000000000001E-2</c:v>
                </c:pt>
                <c:pt idx="7021">
                  <c:v>2.5000000000000001E-2</c:v>
                </c:pt>
                <c:pt idx="7022">
                  <c:v>2.5000000000000001E-2</c:v>
                </c:pt>
                <c:pt idx="7023">
                  <c:v>2.5000000000000001E-2</c:v>
                </c:pt>
                <c:pt idx="7024">
                  <c:v>2.5000000000000001E-2</c:v>
                </c:pt>
                <c:pt idx="7025">
                  <c:v>2.5000000000000001E-2</c:v>
                </c:pt>
                <c:pt idx="7026">
                  <c:v>2.5000000000000001E-2</c:v>
                </c:pt>
                <c:pt idx="7027">
                  <c:v>2.5000000000000001E-2</c:v>
                </c:pt>
                <c:pt idx="7028">
                  <c:v>2.5000000000000001E-2</c:v>
                </c:pt>
                <c:pt idx="7029">
                  <c:v>2.5000000000000001E-2</c:v>
                </c:pt>
                <c:pt idx="7030">
                  <c:v>2.5000000000000001E-2</c:v>
                </c:pt>
                <c:pt idx="7031">
                  <c:v>2.5000000000000001E-2</c:v>
                </c:pt>
                <c:pt idx="7032">
                  <c:v>2.5000000000000001E-2</c:v>
                </c:pt>
                <c:pt idx="7033">
                  <c:v>2.5000000000000001E-2</c:v>
                </c:pt>
                <c:pt idx="7034">
                  <c:v>2.5000000000000001E-2</c:v>
                </c:pt>
                <c:pt idx="7035">
                  <c:v>2.5000000000000001E-2</c:v>
                </c:pt>
                <c:pt idx="7036">
                  <c:v>2.5000000000000001E-2</c:v>
                </c:pt>
                <c:pt idx="7037">
                  <c:v>2.5000000000000001E-2</c:v>
                </c:pt>
                <c:pt idx="7038">
                  <c:v>2.5000000000000001E-2</c:v>
                </c:pt>
                <c:pt idx="7039">
                  <c:v>2.5000000000000001E-2</c:v>
                </c:pt>
                <c:pt idx="7040">
                  <c:v>2.5000000000000001E-2</c:v>
                </c:pt>
                <c:pt idx="7041">
                  <c:v>2.5000000000000001E-2</c:v>
                </c:pt>
                <c:pt idx="7042">
                  <c:v>2.5000000000000001E-2</c:v>
                </c:pt>
                <c:pt idx="7043">
                  <c:v>2.5000000000000001E-2</c:v>
                </c:pt>
                <c:pt idx="7044">
                  <c:v>2.5000000000000001E-2</c:v>
                </c:pt>
                <c:pt idx="7045">
                  <c:v>2.5000000000000001E-2</c:v>
                </c:pt>
                <c:pt idx="7046">
                  <c:v>2.5000000000000001E-2</c:v>
                </c:pt>
                <c:pt idx="7047">
                  <c:v>2.5000000000000001E-2</c:v>
                </c:pt>
                <c:pt idx="7048">
                  <c:v>2.5000000000000001E-2</c:v>
                </c:pt>
                <c:pt idx="7049">
                  <c:v>2.5000000000000001E-2</c:v>
                </c:pt>
                <c:pt idx="7050">
                  <c:v>2.5000000000000001E-2</c:v>
                </c:pt>
                <c:pt idx="7051">
                  <c:v>2.5000000000000001E-2</c:v>
                </c:pt>
                <c:pt idx="7052">
                  <c:v>2.5000000000000001E-2</c:v>
                </c:pt>
                <c:pt idx="7053">
                  <c:v>2.5000000000000001E-2</c:v>
                </c:pt>
                <c:pt idx="7054">
                  <c:v>2.5000000000000001E-2</c:v>
                </c:pt>
                <c:pt idx="7055">
                  <c:v>2.5000000000000001E-2</c:v>
                </c:pt>
                <c:pt idx="7056">
                  <c:v>2.5000000000000001E-2</c:v>
                </c:pt>
                <c:pt idx="7057">
                  <c:v>2.5000000000000001E-2</c:v>
                </c:pt>
                <c:pt idx="7058">
                  <c:v>2.5000000000000001E-2</c:v>
                </c:pt>
                <c:pt idx="7059">
                  <c:v>2.5000000000000001E-2</c:v>
                </c:pt>
                <c:pt idx="7060">
                  <c:v>2.5000000000000001E-2</c:v>
                </c:pt>
                <c:pt idx="7061">
                  <c:v>2.5000000000000001E-2</c:v>
                </c:pt>
                <c:pt idx="7062">
                  <c:v>2.5000000000000001E-2</c:v>
                </c:pt>
                <c:pt idx="7063">
                  <c:v>2.5000000000000001E-2</c:v>
                </c:pt>
                <c:pt idx="7064">
                  <c:v>2.5000000000000001E-2</c:v>
                </c:pt>
                <c:pt idx="7065">
                  <c:v>2.5000000000000001E-2</c:v>
                </c:pt>
                <c:pt idx="7066">
                  <c:v>2.5000000000000001E-2</c:v>
                </c:pt>
                <c:pt idx="7067">
                  <c:v>2.5000000000000001E-2</c:v>
                </c:pt>
                <c:pt idx="7068">
                  <c:v>2.5000000000000001E-2</c:v>
                </c:pt>
                <c:pt idx="7069">
                  <c:v>2.5000000000000001E-2</c:v>
                </c:pt>
                <c:pt idx="7070">
                  <c:v>2.5000000000000001E-2</c:v>
                </c:pt>
                <c:pt idx="7071">
                  <c:v>2.5000000000000001E-2</c:v>
                </c:pt>
                <c:pt idx="7072">
                  <c:v>2.5000000000000001E-2</c:v>
                </c:pt>
                <c:pt idx="7073">
                  <c:v>2.5000000000000001E-2</c:v>
                </c:pt>
                <c:pt idx="7074">
                  <c:v>2.5000000000000001E-2</c:v>
                </c:pt>
                <c:pt idx="7075">
                  <c:v>2.5000000000000001E-2</c:v>
                </c:pt>
                <c:pt idx="7076">
                  <c:v>2.5000000000000001E-2</c:v>
                </c:pt>
                <c:pt idx="7077">
                  <c:v>2.5000000000000001E-2</c:v>
                </c:pt>
                <c:pt idx="7078">
                  <c:v>2.5000000000000001E-2</c:v>
                </c:pt>
                <c:pt idx="7079">
                  <c:v>2.5000000000000001E-2</c:v>
                </c:pt>
                <c:pt idx="7080">
                  <c:v>2.5000000000000001E-2</c:v>
                </c:pt>
                <c:pt idx="7081">
                  <c:v>2.5000000000000001E-2</c:v>
                </c:pt>
                <c:pt idx="7082">
                  <c:v>2.5000000000000001E-2</c:v>
                </c:pt>
                <c:pt idx="7083">
                  <c:v>2.5000000000000001E-2</c:v>
                </c:pt>
                <c:pt idx="7084">
                  <c:v>2.5000000000000001E-2</c:v>
                </c:pt>
                <c:pt idx="7085">
                  <c:v>2.5000000000000001E-2</c:v>
                </c:pt>
                <c:pt idx="7086">
                  <c:v>2.5000000000000001E-2</c:v>
                </c:pt>
                <c:pt idx="7087">
                  <c:v>2.5000000000000001E-2</c:v>
                </c:pt>
                <c:pt idx="7088">
                  <c:v>2.5000000000000001E-2</c:v>
                </c:pt>
                <c:pt idx="7089">
                  <c:v>2.5000000000000001E-2</c:v>
                </c:pt>
                <c:pt idx="7090">
                  <c:v>2.5000000000000001E-2</c:v>
                </c:pt>
                <c:pt idx="7091">
                  <c:v>2.5000000000000001E-2</c:v>
                </c:pt>
                <c:pt idx="7092">
                  <c:v>2.5000000000000001E-2</c:v>
                </c:pt>
                <c:pt idx="7093">
                  <c:v>2.5000000000000001E-2</c:v>
                </c:pt>
                <c:pt idx="7094">
                  <c:v>2.5000000000000001E-2</c:v>
                </c:pt>
                <c:pt idx="7095">
                  <c:v>2.5000000000000001E-2</c:v>
                </c:pt>
                <c:pt idx="7096">
                  <c:v>2.5000000000000001E-2</c:v>
                </c:pt>
                <c:pt idx="7097">
                  <c:v>2.5000000000000001E-2</c:v>
                </c:pt>
                <c:pt idx="7098">
                  <c:v>2.5000000000000001E-2</c:v>
                </c:pt>
                <c:pt idx="7099">
                  <c:v>2.5000000000000001E-2</c:v>
                </c:pt>
                <c:pt idx="7100">
                  <c:v>2.5000000000000001E-2</c:v>
                </c:pt>
                <c:pt idx="7101">
                  <c:v>2.5000000000000001E-2</c:v>
                </c:pt>
                <c:pt idx="7102">
                  <c:v>2.5000000000000001E-2</c:v>
                </c:pt>
                <c:pt idx="7103">
                  <c:v>2.5000000000000001E-2</c:v>
                </c:pt>
                <c:pt idx="7104">
                  <c:v>2.5000000000000001E-2</c:v>
                </c:pt>
                <c:pt idx="7105">
                  <c:v>2.5000000000000001E-2</c:v>
                </c:pt>
                <c:pt idx="7106">
                  <c:v>2.5000000000000001E-2</c:v>
                </c:pt>
                <c:pt idx="7107">
                  <c:v>2.5000000000000001E-2</c:v>
                </c:pt>
                <c:pt idx="7108">
                  <c:v>2.5000000000000001E-2</c:v>
                </c:pt>
                <c:pt idx="7109">
                  <c:v>2.5000000000000001E-2</c:v>
                </c:pt>
                <c:pt idx="7110">
                  <c:v>2.5000000000000001E-2</c:v>
                </c:pt>
                <c:pt idx="7111">
                  <c:v>2.5000000000000001E-2</c:v>
                </c:pt>
                <c:pt idx="7112">
                  <c:v>2.5000000000000001E-2</c:v>
                </c:pt>
                <c:pt idx="7113">
                  <c:v>2.5000000000000001E-2</c:v>
                </c:pt>
                <c:pt idx="7114">
                  <c:v>2.5000000000000001E-2</c:v>
                </c:pt>
                <c:pt idx="7115">
                  <c:v>2.5000000000000001E-2</c:v>
                </c:pt>
                <c:pt idx="7116">
                  <c:v>2.5000000000000001E-2</c:v>
                </c:pt>
                <c:pt idx="7117">
                  <c:v>2.5000000000000001E-2</c:v>
                </c:pt>
                <c:pt idx="7118">
                  <c:v>2.5000000000000001E-2</c:v>
                </c:pt>
                <c:pt idx="7119">
                  <c:v>2.5000000000000001E-2</c:v>
                </c:pt>
                <c:pt idx="7120">
                  <c:v>2.5000000000000001E-2</c:v>
                </c:pt>
                <c:pt idx="7121">
                  <c:v>2.5000000000000001E-2</c:v>
                </c:pt>
                <c:pt idx="7122">
                  <c:v>2.5000000000000001E-2</c:v>
                </c:pt>
                <c:pt idx="7123">
                  <c:v>2.5000000000000001E-2</c:v>
                </c:pt>
                <c:pt idx="7124">
                  <c:v>2.5000000000000001E-2</c:v>
                </c:pt>
                <c:pt idx="7125">
                  <c:v>2.5000000000000001E-2</c:v>
                </c:pt>
                <c:pt idx="7126">
                  <c:v>2.5000000000000001E-2</c:v>
                </c:pt>
                <c:pt idx="7127">
                  <c:v>2.5000000000000001E-2</c:v>
                </c:pt>
                <c:pt idx="7128">
                  <c:v>2.5000000000000001E-2</c:v>
                </c:pt>
                <c:pt idx="7129">
                  <c:v>2.5000000000000001E-2</c:v>
                </c:pt>
                <c:pt idx="7130">
                  <c:v>2.5000000000000001E-2</c:v>
                </c:pt>
                <c:pt idx="7131">
                  <c:v>2.5000000000000001E-2</c:v>
                </c:pt>
                <c:pt idx="7132">
                  <c:v>2.5000000000000001E-2</c:v>
                </c:pt>
                <c:pt idx="7133">
                  <c:v>2.5000000000000001E-2</c:v>
                </c:pt>
                <c:pt idx="7134">
                  <c:v>2.5000000000000001E-2</c:v>
                </c:pt>
                <c:pt idx="7135">
                  <c:v>2.5000000000000001E-2</c:v>
                </c:pt>
                <c:pt idx="7136">
                  <c:v>2.5000000000000001E-2</c:v>
                </c:pt>
                <c:pt idx="7137">
                  <c:v>2.5000000000000001E-2</c:v>
                </c:pt>
                <c:pt idx="7138">
                  <c:v>2.5000000000000001E-2</c:v>
                </c:pt>
                <c:pt idx="7139">
                  <c:v>2.5000000000000001E-2</c:v>
                </c:pt>
                <c:pt idx="7140">
                  <c:v>2.5000000000000001E-2</c:v>
                </c:pt>
                <c:pt idx="7141">
                  <c:v>2.5000000000000001E-2</c:v>
                </c:pt>
                <c:pt idx="7142">
                  <c:v>2.5000000000000001E-2</c:v>
                </c:pt>
                <c:pt idx="7143">
                  <c:v>2.5000000000000001E-2</c:v>
                </c:pt>
                <c:pt idx="7144">
                  <c:v>2.5000000000000001E-2</c:v>
                </c:pt>
                <c:pt idx="7145">
                  <c:v>2.5000000000000001E-2</c:v>
                </c:pt>
                <c:pt idx="7146">
                  <c:v>2.5000000000000001E-2</c:v>
                </c:pt>
                <c:pt idx="7147">
                  <c:v>2.5000000000000001E-2</c:v>
                </c:pt>
                <c:pt idx="7148">
                  <c:v>2.5000000000000001E-2</c:v>
                </c:pt>
                <c:pt idx="7149">
                  <c:v>2.5000000000000001E-2</c:v>
                </c:pt>
                <c:pt idx="7150">
                  <c:v>2.5000000000000001E-2</c:v>
                </c:pt>
                <c:pt idx="7151">
                  <c:v>2.5000000000000001E-2</c:v>
                </c:pt>
                <c:pt idx="7152">
                  <c:v>2.2499999999999999E-2</c:v>
                </c:pt>
                <c:pt idx="7153">
                  <c:v>2.2499999999999999E-2</c:v>
                </c:pt>
                <c:pt idx="7154">
                  <c:v>2.2499999999999999E-2</c:v>
                </c:pt>
                <c:pt idx="7155">
                  <c:v>2.2499999999999999E-2</c:v>
                </c:pt>
                <c:pt idx="7156">
                  <c:v>2.2499999999999999E-2</c:v>
                </c:pt>
                <c:pt idx="7157">
                  <c:v>2.2499999999999999E-2</c:v>
                </c:pt>
                <c:pt idx="7158">
                  <c:v>2.2499999999999999E-2</c:v>
                </c:pt>
                <c:pt idx="7159">
                  <c:v>2.2499999999999999E-2</c:v>
                </c:pt>
                <c:pt idx="7160">
                  <c:v>2.2499999999999999E-2</c:v>
                </c:pt>
                <c:pt idx="7161">
                  <c:v>2.2499999999999999E-2</c:v>
                </c:pt>
                <c:pt idx="7162">
                  <c:v>2.2499999999999999E-2</c:v>
                </c:pt>
                <c:pt idx="7163">
                  <c:v>2.2499999999999999E-2</c:v>
                </c:pt>
                <c:pt idx="7164">
                  <c:v>2.2499999999999999E-2</c:v>
                </c:pt>
                <c:pt idx="7165">
                  <c:v>2.2499999999999999E-2</c:v>
                </c:pt>
                <c:pt idx="7166">
                  <c:v>2.2499999999999999E-2</c:v>
                </c:pt>
                <c:pt idx="7167">
                  <c:v>2.2499999999999999E-2</c:v>
                </c:pt>
                <c:pt idx="7168">
                  <c:v>2.2499999999999999E-2</c:v>
                </c:pt>
                <c:pt idx="7169">
                  <c:v>2.2499999999999999E-2</c:v>
                </c:pt>
                <c:pt idx="7170">
                  <c:v>2.2499999999999999E-2</c:v>
                </c:pt>
                <c:pt idx="7171">
                  <c:v>2.2499999999999999E-2</c:v>
                </c:pt>
                <c:pt idx="7172">
                  <c:v>2.2499999999999999E-2</c:v>
                </c:pt>
                <c:pt idx="7173">
                  <c:v>2.2499999999999999E-2</c:v>
                </c:pt>
                <c:pt idx="7174">
                  <c:v>2.2499999999999999E-2</c:v>
                </c:pt>
                <c:pt idx="7175">
                  <c:v>2.2499999999999999E-2</c:v>
                </c:pt>
                <c:pt idx="7176">
                  <c:v>2.2499999999999999E-2</c:v>
                </c:pt>
                <c:pt idx="7177">
                  <c:v>2.2499999999999999E-2</c:v>
                </c:pt>
                <c:pt idx="7178">
                  <c:v>2.2499999999999999E-2</c:v>
                </c:pt>
                <c:pt idx="7179">
                  <c:v>2.2499999999999999E-2</c:v>
                </c:pt>
                <c:pt idx="7180">
                  <c:v>2.2499999999999999E-2</c:v>
                </c:pt>
                <c:pt idx="7181">
                  <c:v>2.2499999999999999E-2</c:v>
                </c:pt>
                <c:pt idx="7182">
                  <c:v>2.2499999999999999E-2</c:v>
                </c:pt>
                <c:pt idx="7183">
                  <c:v>2.2499999999999999E-2</c:v>
                </c:pt>
                <c:pt idx="7184">
                  <c:v>2.2499999999999999E-2</c:v>
                </c:pt>
                <c:pt idx="7185">
                  <c:v>2.2499999999999999E-2</c:v>
                </c:pt>
                <c:pt idx="7186">
                  <c:v>2.2499999999999999E-2</c:v>
                </c:pt>
                <c:pt idx="7187">
                  <c:v>2.2499999999999999E-2</c:v>
                </c:pt>
                <c:pt idx="7188">
                  <c:v>2.2499999999999999E-2</c:v>
                </c:pt>
                <c:pt idx="7189">
                  <c:v>2.2499999999999999E-2</c:v>
                </c:pt>
                <c:pt idx="7190">
                  <c:v>2.2499999999999999E-2</c:v>
                </c:pt>
                <c:pt idx="7191">
                  <c:v>2.2499999999999999E-2</c:v>
                </c:pt>
                <c:pt idx="7192">
                  <c:v>2.2499999999999999E-2</c:v>
                </c:pt>
                <c:pt idx="7193">
                  <c:v>2.2499999999999999E-2</c:v>
                </c:pt>
                <c:pt idx="7194">
                  <c:v>2.2499999999999999E-2</c:v>
                </c:pt>
                <c:pt idx="7195">
                  <c:v>2.2499999999999999E-2</c:v>
                </c:pt>
                <c:pt idx="7196">
                  <c:v>2.2499999999999999E-2</c:v>
                </c:pt>
                <c:pt idx="7197">
                  <c:v>2.2499999999999999E-2</c:v>
                </c:pt>
                <c:pt idx="7198">
                  <c:v>2.2499999999999999E-2</c:v>
                </c:pt>
                <c:pt idx="7199">
                  <c:v>2.2499999999999999E-2</c:v>
                </c:pt>
                <c:pt idx="7200">
                  <c:v>2.2499999999999999E-2</c:v>
                </c:pt>
                <c:pt idx="7201">
                  <c:v>0.02</c:v>
                </c:pt>
                <c:pt idx="7202">
                  <c:v>0.02</c:v>
                </c:pt>
                <c:pt idx="7203">
                  <c:v>0.02</c:v>
                </c:pt>
                <c:pt idx="7204">
                  <c:v>0.02</c:v>
                </c:pt>
                <c:pt idx="7205">
                  <c:v>0.02</c:v>
                </c:pt>
                <c:pt idx="7206">
                  <c:v>0.02</c:v>
                </c:pt>
                <c:pt idx="7207">
                  <c:v>0.02</c:v>
                </c:pt>
                <c:pt idx="7208">
                  <c:v>0.02</c:v>
                </c:pt>
                <c:pt idx="7209">
                  <c:v>0.02</c:v>
                </c:pt>
                <c:pt idx="7210">
                  <c:v>0.02</c:v>
                </c:pt>
                <c:pt idx="7211">
                  <c:v>0.02</c:v>
                </c:pt>
                <c:pt idx="7212">
                  <c:v>0.02</c:v>
                </c:pt>
                <c:pt idx="7213">
                  <c:v>0.02</c:v>
                </c:pt>
                <c:pt idx="7214">
                  <c:v>0.02</c:v>
                </c:pt>
                <c:pt idx="7215">
                  <c:v>0.02</c:v>
                </c:pt>
                <c:pt idx="7216">
                  <c:v>0.02</c:v>
                </c:pt>
                <c:pt idx="7217">
                  <c:v>0.02</c:v>
                </c:pt>
                <c:pt idx="7218">
                  <c:v>0.02</c:v>
                </c:pt>
                <c:pt idx="7219">
                  <c:v>0.02</c:v>
                </c:pt>
                <c:pt idx="7220">
                  <c:v>0.02</c:v>
                </c:pt>
                <c:pt idx="7221">
                  <c:v>0.02</c:v>
                </c:pt>
                <c:pt idx="7222">
                  <c:v>0.02</c:v>
                </c:pt>
                <c:pt idx="7223">
                  <c:v>0.02</c:v>
                </c:pt>
                <c:pt idx="7224">
                  <c:v>0.02</c:v>
                </c:pt>
                <c:pt idx="7225">
                  <c:v>0.02</c:v>
                </c:pt>
                <c:pt idx="7226">
                  <c:v>0.02</c:v>
                </c:pt>
                <c:pt idx="7227">
                  <c:v>0.02</c:v>
                </c:pt>
                <c:pt idx="7228">
                  <c:v>0.02</c:v>
                </c:pt>
                <c:pt idx="7229">
                  <c:v>0.02</c:v>
                </c:pt>
                <c:pt idx="7230">
                  <c:v>0.02</c:v>
                </c:pt>
                <c:pt idx="7231">
                  <c:v>0.02</c:v>
                </c:pt>
                <c:pt idx="7232">
                  <c:v>0.02</c:v>
                </c:pt>
                <c:pt idx="7233">
                  <c:v>0.02</c:v>
                </c:pt>
                <c:pt idx="7234">
                  <c:v>0.02</c:v>
                </c:pt>
                <c:pt idx="7235">
                  <c:v>0.02</c:v>
                </c:pt>
                <c:pt idx="7236">
                  <c:v>0.02</c:v>
                </c:pt>
                <c:pt idx="7237">
                  <c:v>0.02</c:v>
                </c:pt>
                <c:pt idx="7238">
                  <c:v>0.02</c:v>
                </c:pt>
                <c:pt idx="7239">
                  <c:v>0.02</c:v>
                </c:pt>
                <c:pt idx="7240">
                  <c:v>0.02</c:v>
                </c:pt>
                <c:pt idx="7241">
                  <c:v>0.02</c:v>
                </c:pt>
                <c:pt idx="7242">
                  <c:v>0.02</c:v>
                </c:pt>
                <c:pt idx="7243">
                  <c:v>1.7500000000000002E-2</c:v>
                </c:pt>
                <c:pt idx="7244">
                  <c:v>1.7500000000000002E-2</c:v>
                </c:pt>
                <c:pt idx="7245">
                  <c:v>1.7500000000000002E-2</c:v>
                </c:pt>
                <c:pt idx="7246">
                  <c:v>1.7500000000000002E-2</c:v>
                </c:pt>
                <c:pt idx="7247">
                  <c:v>1.7500000000000002E-2</c:v>
                </c:pt>
                <c:pt idx="7248">
                  <c:v>1.7500000000000002E-2</c:v>
                </c:pt>
                <c:pt idx="7249">
                  <c:v>1.7500000000000002E-2</c:v>
                </c:pt>
                <c:pt idx="7250">
                  <c:v>1.7500000000000002E-2</c:v>
                </c:pt>
                <c:pt idx="7251">
                  <c:v>1.7500000000000002E-2</c:v>
                </c:pt>
                <c:pt idx="7252">
                  <c:v>1.7500000000000002E-2</c:v>
                </c:pt>
                <c:pt idx="7253">
                  <c:v>1.7500000000000002E-2</c:v>
                </c:pt>
                <c:pt idx="7254">
                  <c:v>1.7500000000000002E-2</c:v>
                </c:pt>
                <c:pt idx="7255">
                  <c:v>1.7500000000000002E-2</c:v>
                </c:pt>
                <c:pt idx="7256">
                  <c:v>1.7500000000000002E-2</c:v>
                </c:pt>
                <c:pt idx="7257">
                  <c:v>1.7500000000000002E-2</c:v>
                </c:pt>
                <c:pt idx="7258">
                  <c:v>1.7500000000000002E-2</c:v>
                </c:pt>
                <c:pt idx="7259">
                  <c:v>1.7500000000000002E-2</c:v>
                </c:pt>
                <c:pt idx="7260">
                  <c:v>1.7500000000000002E-2</c:v>
                </c:pt>
                <c:pt idx="7261">
                  <c:v>1.7500000000000002E-2</c:v>
                </c:pt>
                <c:pt idx="7262">
                  <c:v>1.7500000000000002E-2</c:v>
                </c:pt>
                <c:pt idx="7263">
                  <c:v>1.7500000000000002E-2</c:v>
                </c:pt>
                <c:pt idx="7264">
                  <c:v>1.7500000000000002E-2</c:v>
                </c:pt>
                <c:pt idx="7265">
                  <c:v>1.7500000000000002E-2</c:v>
                </c:pt>
                <c:pt idx="7266">
                  <c:v>1.7500000000000002E-2</c:v>
                </c:pt>
                <c:pt idx="7267">
                  <c:v>1.7500000000000002E-2</c:v>
                </c:pt>
                <c:pt idx="7268">
                  <c:v>1.7500000000000002E-2</c:v>
                </c:pt>
                <c:pt idx="7269">
                  <c:v>1.7500000000000002E-2</c:v>
                </c:pt>
                <c:pt idx="7270">
                  <c:v>1.7500000000000002E-2</c:v>
                </c:pt>
                <c:pt idx="7271">
                  <c:v>1.7500000000000002E-2</c:v>
                </c:pt>
                <c:pt idx="7272">
                  <c:v>1.7500000000000002E-2</c:v>
                </c:pt>
                <c:pt idx="7273">
                  <c:v>1.7500000000000002E-2</c:v>
                </c:pt>
                <c:pt idx="7274">
                  <c:v>1.7500000000000002E-2</c:v>
                </c:pt>
                <c:pt idx="7275">
                  <c:v>1.7500000000000002E-2</c:v>
                </c:pt>
                <c:pt idx="7276">
                  <c:v>1.7500000000000002E-2</c:v>
                </c:pt>
                <c:pt idx="7277">
                  <c:v>1.7500000000000002E-2</c:v>
                </c:pt>
                <c:pt idx="7278">
                  <c:v>1.7500000000000002E-2</c:v>
                </c:pt>
                <c:pt idx="7279">
                  <c:v>1.7500000000000002E-2</c:v>
                </c:pt>
                <c:pt idx="7280">
                  <c:v>1.7500000000000002E-2</c:v>
                </c:pt>
                <c:pt idx="7281">
                  <c:v>1.7500000000000002E-2</c:v>
                </c:pt>
                <c:pt idx="7282">
                  <c:v>1.7500000000000002E-2</c:v>
                </c:pt>
                <c:pt idx="7283">
                  <c:v>1.7500000000000002E-2</c:v>
                </c:pt>
                <c:pt idx="7284">
                  <c:v>1.7500000000000002E-2</c:v>
                </c:pt>
                <c:pt idx="7285">
                  <c:v>1.7500000000000002E-2</c:v>
                </c:pt>
                <c:pt idx="7286">
                  <c:v>1.7500000000000002E-2</c:v>
                </c:pt>
                <c:pt idx="7287">
                  <c:v>1.7500000000000002E-2</c:v>
                </c:pt>
                <c:pt idx="7288">
                  <c:v>1.7500000000000002E-2</c:v>
                </c:pt>
                <c:pt idx="7289">
                  <c:v>1.7500000000000002E-2</c:v>
                </c:pt>
                <c:pt idx="7290">
                  <c:v>1.7500000000000002E-2</c:v>
                </c:pt>
                <c:pt idx="7291">
                  <c:v>1.7500000000000002E-2</c:v>
                </c:pt>
                <c:pt idx="7292">
                  <c:v>1.7500000000000002E-2</c:v>
                </c:pt>
                <c:pt idx="7293">
                  <c:v>1.7500000000000002E-2</c:v>
                </c:pt>
                <c:pt idx="7294">
                  <c:v>1.7500000000000002E-2</c:v>
                </c:pt>
                <c:pt idx="7295">
                  <c:v>1.7500000000000002E-2</c:v>
                </c:pt>
                <c:pt idx="7296">
                  <c:v>1.7500000000000002E-2</c:v>
                </c:pt>
                <c:pt idx="7297">
                  <c:v>1.7500000000000002E-2</c:v>
                </c:pt>
                <c:pt idx="7298">
                  <c:v>1.7500000000000002E-2</c:v>
                </c:pt>
                <c:pt idx="7299">
                  <c:v>1.7500000000000002E-2</c:v>
                </c:pt>
                <c:pt idx="7300">
                  <c:v>1.7500000000000002E-2</c:v>
                </c:pt>
                <c:pt idx="7301">
                  <c:v>1.7500000000000002E-2</c:v>
                </c:pt>
                <c:pt idx="7302">
                  <c:v>1.7500000000000002E-2</c:v>
                </c:pt>
                <c:pt idx="7303">
                  <c:v>1.7500000000000002E-2</c:v>
                </c:pt>
                <c:pt idx="7304">
                  <c:v>1.7500000000000002E-2</c:v>
                </c:pt>
                <c:pt idx="7305">
                  <c:v>1.7500000000000002E-2</c:v>
                </c:pt>
                <c:pt idx="7306">
                  <c:v>1.7500000000000002E-2</c:v>
                </c:pt>
                <c:pt idx="7307">
                  <c:v>1.7500000000000002E-2</c:v>
                </c:pt>
                <c:pt idx="7308">
                  <c:v>1.7500000000000002E-2</c:v>
                </c:pt>
                <c:pt idx="7309">
                  <c:v>1.7500000000000002E-2</c:v>
                </c:pt>
                <c:pt idx="7310">
                  <c:v>1.7500000000000002E-2</c:v>
                </c:pt>
                <c:pt idx="7311">
                  <c:v>1.7500000000000002E-2</c:v>
                </c:pt>
                <c:pt idx="7312">
                  <c:v>1.7500000000000002E-2</c:v>
                </c:pt>
                <c:pt idx="7313">
                  <c:v>1.7500000000000002E-2</c:v>
                </c:pt>
                <c:pt idx="7314">
                  <c:v>1.7500000000000002E-2</c:v>
                </c:pt>
                <c:pt idx="7315">
                  <c:v>1.7500000000000002E-2</c:v>
                </c:pt>
                <c:pt idx="7316">
                  <c:v>1.7500000000000002E-2</c:v>
                </c:pt>
                <c:pt idx="7317">
                  <c:v>1.7500000000000002E-2</c:v>
                </c:pt>
                <c:pt idx="7318">
                  <c:v>1.7500000000000002E-2</c:v>
                </c:pt>
                <c:pt idx="7319">
                  <c:v>1.7500000000000002E-2</c:v>
                </c:pt>
                <c:pt idx="7320">
                  <c:v>1.7500000000000002E-2</c:v>
                </c:pt>
                <c:pt idx="7321">
                  <c:v>1.7500000000000002E-2</c:v>
                </c:pt>
                <c:pt idx="7322">
                  <c:v>1.7500000000000002E-2</c:v>
                </c:pt>
                <c:pt idx="7323">
                  <c:v>1.7500000000000002E-2</c:v>
                </c:pt>
                <c:pt idx="7324">
                  <c:v>1.7500000000000002E-2</c:v>
                </c:pt>
                <c:pt idx="7325">
                  <c:v>1.7500000000000002E-2</c:v>
                </c:pt>
                <c:pt idx="7326">
                  <c:v>1.7500000000000002E-2</c:v>
                </c:pt>
                <c:pt idx="7327">
                  <c:v>1.7500000000000002E-2</c:v>
                </c:pt>
                <c:pt idx="7328">
                  <c:v>1.7500000000000002E-2</c:v>
                </c:pt>
                <c:pt idx="7329">
                  <c:v>1.7500000000000002E-2</c:v>
                </c:pt>
                <c:pt idx="7330">
                  <c:v>1.7500000000000002E-2</c:v>
                </c:pt>
                <c:pt idx="7331">
                  <c:v>1.7500000000000002E-2</c:v>
                </c:pt>
                <c:pt idx="7332">
                  <c:v>1.7500000000000002E-2</c:v>
                </c:pt>
                <c:pt idx="7333">
                  <c:v>1.7500000000000002E-2</c:v>
                </c:pt>
                <c:pt idx="7334">
                  <c:v>1.7500000000000002E-2</c:v>
                </c:pt>
                <c:pt idx="7335">
                  <c:v>1.7500000000000002E-2</c:v>
                </c:pt>
                <c:pt idx="7336">
                  <c:v>1.7500000000000002E-2</c:v>
                </c:pt>
                <c:pt idx="7337">
                  <c:v>1.7500000000000002E-2</c:v>
                </c:pt>
                <c:pt idx="7338">
                  <c:v>1.7500000000000002E-2</c:v>
                </c:pt>
                <c:pt idx="7339">
                  <c:v>1.7500000000000002E-2</c:v>
                </c:pt>
                <c:pt idx="7340">
                  <c:v>1.7500000000000002E-2</c:v>
                </c:pt>
                <c:pt idx="7341">
                  <c:v>1.7500000000000002E-2</c:v>
                </c:pt>
                <c:pt idx="7342">
                  <c:v>1.7500000000000002E-2</c:v>
                </c:pt>
                <c:pt idx="7343">
                  <c:v>1.7500000000000002E-2</c:v>
                </c:pt>
                <c:pt idx="7344">
                  <c:v>1.7500000000000002E-2</c:v>
                </c:pt>
                <c:pt idx="7345">
                  <c:v>1.7500000000000002E-2</c:v>
                </c:pt>
                <c:pt idx="7346">
                  <c:v>1.7500000000000002E-2</c:v>
                </c:pt>
                <c:pt idx="7347">
                  <c:v>1.7500000000000002E-2</c:v>
                </c:pt>
                <c:pt idx="7348">
                  <c:v>1.7500000000000002E-2</c:v>
                </c:pt>
                <c:pt idx="7349">
                  <c:v>1.7500000000000002E-2</c:v>
                </c:pt>
                <c:pt idx="7350">
                  <c:v>1.7500000000000002E-2</c:v>
                </c:pt>
                <c:pt idx="7351">
                  <c:v>1.7500000000000002E-2</c:v>
                </c:pt>
                <c:pt idx="7352">
                  <c:v>1.7500000000000002E-2</c:v>
                </c:pt>
                <c:pt idx="7353">
                  <c:v>1.7500000000000002E-2</c:v>
                </c:pt>
                <c:pt idx="7354">
                  <c:v>1.7500000000000002E-2</c:v>
                </c:pt>
                <c:pt idx="7355">
                  <c:v>1.7500000000000002E-2</c:v>
                </c:pt>
                <c:pt idx="7356">
                  <c:v>1.7500000000000002E-2</c:v>
                </c:pt>
                <c:pt idx="7357">
                  <c:v>1.7500000000000002E-2</c:v>
                </c:pt>
                <c:pt idx="7358">
                  <c:v>1.7500000000000002E-2</c:v>
                </c:pt>
                <c:pt idx="7359">
                  <c:v>1.7500000000000002E-2</c:v>
                </c:pt>
                <c:pt idx="7360">
                  <c:v>1.7500000000000002E-2</c:v>
                </c:pt>
                <c:pt idx="7361">
                  <c:v>1.7500000000000002E-2</c:v>
                </c:pt>
                <c:pt idx="7362">
                  <c:v>1.7500000000000002E-2</c:v>
                </c:pt>
                <c:pt idx="7363">
                  <c:v>1.7500000000000002E-2</c:v>
                </c:pt>
                <c:pt idx="7364">
                  <c:v>1.7500000000000002E-2</c:v>
                </c:pt>
                <c:pt idx="7365">
                  <c:v>1.7500000000000002E-2</c:v>
                </c:pt>
                <c:pt idx="7366">
                  <c:v>1.7500000000000002E-2</c:v>
                </c:pt>
                <c:pt idx="7367">
                  <c:v>1.7500000000000002E-2</c:v>
                </c:pt>
                <c:pt idx="7368">
                  <c:v>1.2500000000000001E-2</c:v>
                </c:pt>
                <c:pt idx="7369">
                  <c:v>1.2500000000000001E-2</c:v>
                </c:pt>
                <c:pt idx="7370">
                  <c:v>1.2500000000000001E-2</c:v>
                </c:pt>
                <c:pt idx="7371">
                  <c:v>1.2500000000000001E-2</c:v>
                </c:pt>
                <c:pt idx="7372">
                  <c:v>1.2500000000000001E-2</c:v>
                </c:pt>
                <c:pt idx="7373">
                  <c:v>1.2500000000000001E-2</c:v>
                </c:pt>
                <c:pt idx="7374">
                  <c:v>1.2500000000000001E-2</c:v>
                </c:pt>
                <c:pt idx="7375">
                  <c:v>1.2500000000000001E-2</c:v>
                </c:pt>
                <c:pt idx="7376">
                  <c:v>1.2500000000000001E-2</c:v>
                </c:pt>
                <c:pt idx="7377">
                  <c:v>1.2500000000000001E-2</c:v>
                </c:pt>
                <c:pt idx="7378">
                  <c:v>1.2500000000000001E-2</c:v>
                </c:pt>
                <c:pt idx="7379">
                  <c:v>1.2500000000000001E-2</c:v>
                </c:pt>
                <c:pt idx="7380">
                  <c:v>2.5000000000000001E-3</c:v>
                </c:pt>
                <c:pt idx="7381">
                  <c:v>2.5000000000000001E-3</c:v>
                </c:pt>
                <c:pt idx="7382">
                  <c:v>2.5000000000000001E-3</c:v>
                </c:pt>
                <c:pt idx="7383">
                  <c:v>2.5000000000000001E-3</c:v>
                </c:pt>
                <c:pt idx="7384">
                  <c:v>2.5000000000000001E-3</c:v>
                </c:pt>
                <c:pt idx="7385">
                  <c:v>2.5000000000000001E-3</c:v>
                </c:pt>
                <c:pt idx="7386">
                  <c:v>2.5000000000000001E-3</c:v>
                </c:pt>
                <c:pt idx="7387">
                  <c:v>2.5000000000000001E-3</c:v>
                </c:pt>
                <c:pt idx="7388">
                  <c:v>2.5000000000000001E-3</c:v>
                </c:pt>
                <c:pt idx="7389">
                  <c:v>2.5000000000000001E-3</c:v>
                </c:pt>
                <c:pt idx="7390">
                  <c:v>2.5000000000000001E-3</c:v>
                </c:pt>
                <c:pt idx="7391">
                  <c:v>2.5000000000000001E-3</c:v>
                </c:pt>
                <c:pt idx="7392">
                  <c:v>2.5000000000000001E-3</c:v>
                </c:pt>
                <c:pt idx="7393">
                  <c:v>2.5000000000000001E-3</c:v>
                </c:pt>
                <c:pt idx="7394">
                  <c:v>2.5000000000000001E-3</c:v>
                </c:pt>
                <c:pt idx="7395">
                  <c:v>2.5000000000000001E-3</c:v>
                </c:pt>
                <c:pt idx="7396">
                  <c:v>2.5000000000000001E-3</c:v>
                </c:pt>
                <c:pt idx="7397">
                  <c:v>2.5000000000000001E-3</c:v>
                </c:pt>
                <c:pt idx="7398">
                  <c:v>2.5000000000000001E-3</c:v>
                </c:pt>
                <c:pt idx="7399">
                  <c:v>2.5000000000000001E-3</c:v>
                </c:pt>
                <c:pt idx="7400">
                  <c:v>2.5000000000000001E-3</c:v>
                </c:pt>
                <c:pt idx="7401">
                  <c:v>2.5000000000000001E-3</c:v>
                </c:pt>
                <c:pt idx="7402">
                  <c:v>2.5000000000000001E-3</c:v>
                </c:pt>
                <c:pt idx="7403">
                  <c:v>2.5000000000000001E-3</c:v>
                </c:pt>
                <c:pt idx="7404">
                  <c:v>2.5000000000000001E-3</c:v>
                </c:pt>
                <c:pt idx="7405">
                  <c:v>2.5000000000000001E-3</c:v>
                </c:pt>
                <c:pt idx="7406">
                  <c:v>2.5000000000000001E-3</c:v>
                </c:pt>
                <c:pt idx="7407">
                  <c:v>2.5000000000000001E-3</c:v>
                </c:pt>
                <c:pt idx="7408">
                  <c:v>2.5000000000000001E-3</c:v>
                </c:pt>
                <c:pt idx="7409">
                  <c:v>2.5000000000000001E-3</c:v>
                </c:pt>
                <c:pt idx="7410">
                  <c:v>2.5000000000000001E-3</c:v>
                </c:pt>
                <c:pt idx="7411">
                  <c:v>2.5000000000000001E-3</c:v>
                </c:pt>
                <c:pt idx="7412">
                  <c:v>2.5000000000000001E-3</c:v>
                </c:pt>
                <c:pt idx="7413">
                  <c:v>2.5000000000000001E-3</c:v>
                </c:pt>
                <c:pt idx="7414">
                  <c:v>2.5000000000000001E-3</c:v>
                </c:pt>
                <c:pt idx="7415">
                  <c:v>2.5000000000000001E-3</c:v>
                </c:pt>
                <c:pt idx="7416">
                  <c:v>2.5000000000000001E-3</c:v>
                </c:pt>
                <c:pt idx="7417">
                  <c:v>2.5000000000000001E-3</c:v>
                </c:pt>
                <c:pt idx="7418">
                  <c:v>2.5000000000000001E-3</c:v>
                </c:pt>
                <c:pt idx="7419">
                  <c:v>2.5000000000000001E-3</c:v>
                </c:pt>
                <c:pt idx="7420">
                  <c:v>2.5000000000000001E-3</c:v>
                </c:pt>
                <c:pt idx="7421">
                  <c:v>2.5000000000000001E-3</c:v>
                </c:pt>
                <c:pt idx="7422">
                  <c:v>2.5000000000000001E-3</c:v>
                </c:pt>
                <c:pt idx="7423">
                  <c:v>2.5000000000000001E-3</c:v>
                </c:pt>
                <c:pt idx="7424">
                  <c:v>2.5000000000000001E-3</c:v>
                </c:pt>
                <c:pt idx="7425">
                  <c:v>2.5000000000000001E-3</c:v>
                </c:pt>
                <c:pt idx="7426">
                  <c:v>2.5000000000000001E-3</c:v>
                </c:pt>
                <c:pt idx="7427">
                  <c:v>2.5000000000000001E-3</c:v>
                </c:pt>
                <c:pt idx="7428">
                  <c:v>2.5000000000000001E-3</c:v>
                </c:pt>
                <c:pt idx="7429">
                  <c:v>2.5000000000000001E-3</c:v>
                </c:pt>
                <c:pt idx="7430">
                  <c:v>2.5000000000000001E-3</c:v>
                </c:pt>
                <c:pt idx="7431">
                  <c:v>2.5000000000000001E-3</c:v>
                </c:pt>
                <c:pt idx="7432">
                  <c:v>2.5000000000000001E-3</c:v>
                </c:pt>
                <c:pt idx="7433">
                  <c:v>2.5000000000000001E-3</c:v>
                </c:pt>
                <c:pt idx="7434">
                  <c:v>2.5000000000000001E-3</c:v>
                </c:pt>
                <c:pt idx="7435">
                  <c:v>2.5000000000000001E-3</c:v>
                </c:pt>
                <c:pt idx="7436">
                  <c:v>2.5000000000000001E-3</c:v>
                </c:pt>
                <c:pt idx="7437">
                  <c:v>2.5000000000000001E-3</c:v>
                </c:pt>
                <c:pt idx="7438">
                  <c:v>2.5000000000000001E-3</c:v>
                </c:pt>
                <c:pt idx="7439">
                  <c:v>2.5000000000000001E-3</c:v>
                </c:pt>
                <c:pt idx="7440">
                  <c:v>2.5000000000000001E-3</c:v>
                </c:pt>
                <c:pt idx="7441">
                  <c:v>2.5000000000000001E-3</c:v>
                </c:pt>
                <c:pt idx="7442">
                  <c:v>2.5000000000000001E-3</c:v>
                </c:pt>
                <c:pt idx="7443">
                  <c:v>2.5000000000000001E-3</c:v>
                </c:pt>
                <c:pt idx="7444">
                  <c:v>2.5000000000000001E-3</c:v>
                </c:pt>
                <c:pt idx="7445">
                  <c:v>2.5000000000000001E-3</c:v>
                </c:pt>
                <c:pt idx="7446">
                  <c:v>2.5000000000000001E-3</c:v>
                </c:pt>
                <c:pt idx="7447">
                  <c:v>2.5000000000000001E-3</c:v>
                </c:pt>
                <c:pt idx="7448">
                  <c:v>2.5000000000000001E-3</c:v>
                </c:pt>
                <c:pt idx="7449">
                  <c:v>2.5000000000000001E-3</c:v>
                </c:pt>
                <c:pt idx="7450">
                  <c:v>2.5000000000000001E-3</c:v>
                </c:pt>
                <c:pt idx="7451">
                  <c:v>2.5000000000000001E-3</c:v>
                </c:pt>
                <c:pt idx="7452">
                  <c:v>2.5000000000000001E-3</c:v>
                </c:pt>
                <c:pt idx="7453">
                  <c:v>2.5000000000000001E-3</c:v>
                </c:pt>
                <c:pt idx="7454">
                  <c:v>2.5000000000000001E-3</c:v>
                </c:pt>
                <c:pt idx="7455">
                  <c:v>2.5000000000000001E-3</c:v>
                </c:pt>
                <c:pt idx="7456">
                  <c:v>2.5000000000000001E-3</c:v>
                </c:pt>
                <c:pt idx="7457">
                  <c:v>2.5000000000000001E-3</c:v>
                </c:pt>
                <c:pt idx="7458">
                  <c:v>2.5000000000000001E-3</c:v>
                </c:pt>
                <c:pt idx="7459">
                  <c:v>2.5000000000000001E-3</c:v>
                </c:pt>
                <c:pt idx="7460">
                  <c:v>2.5000000000000001E-3</c:v>
                </c:pt>
                <c:pt idx="7461">
                  <c:v>2.5000000000000001E-3</c:v>
                </c:pt>
                <c:pt idx="7462">
                  <c:v>2.5000000000000001E-3</c:v>
                </c:pt>
                <c:pt idx="7463">
                  <c:v>2.5000000000000001E-3</c:v>
                </c:pt>
                <c:pt idx="7464">
                  <c:v>2.5000000000000001E-3</c:v>
                </c:pt>
                <c:pt idx="7465">
                  <c:v>2.5000000000000001E-3</c:v>
                </c:pt>
                <c:pt idx="7466">
                  <c:v>2.5000000000000001E-3</c:v>
                </c:pt>
                <c:pt idx="7467">
                  <c:v>2.5000000000000001E-3</c:v>
                </c:pt>
                <c:pt idx="7468">
                  <c:v>2.5000000000000001E-3</c:v>
                </c:pt>
                <c:pt idx="7469">
                  <c:v>2.5000000000000001E-3</c:v>
                </c:pt>
                <c:pt idx="7470">
                  <c:v>2.5000000000000001E-3</c:v>
                </c:pt>
                <c:pt idx="7471">
                  <c:v>2.5000000000000001E-3</c:v>
                </c:pt>
                <c:pt idx="7472">
                  <c:v>2.5000000000000001E-3</c:v>
                </c:pt>
                <c:pt idx="7473">
                  <c:v>2.5000000000000001E-3</c:v>
                </c:pt>
                <c:pt idx="7474">
                  <c:v>2.5000000000000001E-3</c:v>
                </c:pt>
                <c:pt idx="7475">
                  <c:v>2.5000000000000001E-3</c:v>
                </c:pt>
                <c:pt idx="7476">
                  <c:v>2.5000000000000001E-3</c:v>
                </c:pt>
                <c:pt idx="7477">
                  <c:v>2.5000000000000001E-3</c:v>
                </c:pt>
                <c:pt idx="7478">
                  <c:v>2.5000000000000001E-3</c:v>
                </c:pt>
                <c:pt idx="7479">
                  <c:v>2.5000000000000001E-3</c:v>
                </c:pt>
                <c:pt idx="7480">
                  <c:v>2.5000000000000001E-3</c:v>
                </c:pt>
                <c:pt idx="7481">
                  <c:v>2.5000000000000001E-3</c:v>
                </c:pt>
                <c:pt idx="7482">
                  <c:v>2.5000000000000001E-3</c:v>
                </c:pt>
                <c:pt idx="7483">
                  <c:v>2.5000000000000001E-3</c:v>
                </c:pt>
                <c:pt idx="7484">
                  <c:v>2.5000000000000001E-3</c:v>
                </c:pt>
                <c:pt idx="7485">
                  <c:v>2.5000000000000001E-3</c:v>
                </c:pt>
                <c:pt idx="7486">
                  <c:v>2.5000000000000001E-3</c:v>
                </c:pt>
                <c:pt idx="7487">
                  <c:v>2.5000000000000001E-3</c:v>
                </c:pt>
                <c:pt idx="7488">
                  <c:v>2.5000000000000001E-3</c:v>
                </c:pt>
                <c:pt idx="7489">
                  <c:v>2.5000000000000001E-3</c:v>
                </c:pt>
                <c:pt idx="7490">
                  <c:v>2.5000000000000001E-3</c:v>
                </c:pt>
                <c:pt idx="7491">
                  <c:v>2.5000000000000001E-3</c:v>
                </c:pt>
                <c:pt idx="7492">
                  <c:v>2.5000000000000001E-3</c:v>
                </c:pt>
                <c:pt idx="7493">
                  <c:v>2.5000000000000001E-3</c:v>
                </c:pt>
                <c:pt idx="7494">
                  <c:v>2.5000000000000001E-3</c:v>
                </c:pt>
                <c:pt idx="7495">
                  <c:v>2.5000000000000001E-3</c:v>
                </c:pt>
                <c:pt idx="7496">
                  <c:v>2.5000000000000001E-3</c:v>
                </c:pt>
                <c:pt idx="7497">
                  <c:v>2.5000000000000001E-3</c:v>
                </c:pt>
                <c:pt idx="7498">
                  <c:v>2.5000000000000001E-3</c:v>
                </c:pt>
                <c:pt idx="7499">
                  <c:v>2.5000000000000001E-3</c:v>
                </c:pt>
                <c:pt idx="7500">
                  <c:v>2.5000000000000001E-3</c:v>
                </c:pt>
                <c:pt idx="7501">
                  <c:v>2.5000000000000001E-3</c:v>
                </c:pt>
                <c:pt idx="7502">
                  <c:v>2.5000000000000001E-3</c:v>
                </c:pt>
                <c:pt idx="7503">
                  <c:v>2.5000000000000001E-3</c:v>
                </c:pt>
                <c:pt idx="7504">
                  <c:v>2.5000000000000001E-3</c:v>
                </c:pt>
                <c:pt idx="7505">
                  <c:v>2.5000000000000001E-3</c:v>
                </c:pt>
                <c:pt idx="7506">
                  <c:v>2.5000000000000001E-3</c:v>
                </c:pt>
                <c:pt idx="7507">
                  <c:v>2.5000000000000001E-3</c:v>
                </c:pt>
                <c:pt idx="7508">
                  <c:v>2.5000000000000001E-3</c:v>
                </c:pt>
                <c:pt idx="7509">
                  <c:v>2.5000000000000001E-3</c:v>
                </c:pt>
                <c:pt idx="7510">
                  <c:v>2.5000000000000001E-3</c:v>
                </c:pt>
                <c:pt idx="7511">
                  <c:v>2.5000000000000001E-3</c:v>
                </c:pt>
                <c:pt idx="7512">
                  <c:v>2.5000000000000001E-3</c:v>
                </c:pt>
                <c:pt idx="7513">
                  <c:v>2.5000000000000001E-3</c:v>
                </c:pt>
                <c:pt idx="7514">
                  <c:v>2.5000000000000001E-3</c:v>
                </c:pt>
                <c:pt idx="7515">
                  <c:v>2.5000000000000001E-3</c:v>
                </c:pt>
                <c:pt idx="7516">
                  <c:v>2.5000000000000001E-3</c:v>
                </c:pt>
                <c:pt idx="7517">
                  <c:v>2.5000000000000001E-3</c:v>
                </c:pt>
                <c:pt idx="7518">
                  <c:v>2.5000000000000001E-3</c:v>
                </c:pt>
                <c:pt idx="7519">
                  <c:v>2.5000000000000001E-3</c:v>
                </c:pt>
                <c:pt idx="7520">
                  <c:v>2.5000000000000001E-3</c:v>
                </c:pt>
                <c:pt idx="7521">
                  <c:v>2.5000000000000001E-3</c:v>
                </c:pt>
                <c:pt idx="7522">
                  <c:v>2.5000000000000001E-3</c:v>
                </c:pt>
                <c:pt idx="7523">
                  <c:v>2.5000000000000001E-3</c:v>
                </c:pt>
                <c:pt idx="7524">
                  <c:v>2.5000000000000001E-3</c:v>
                </c:pt>
                <c:pt idx="7525">
                  <c:v>2.5000000000000001E-3</c:v>
                </c:pt>
                <c:pt idx="7526">
                  <c:v>2.5000000000000001E-3</c:v>
                </c:pt>
                <c:pt idx="7527">
                  <c:v>2.5000000000000001E-3</c:v>
                </c:pt>
                <c:pt idx="7528">
                  <c:v>2.5000000000000001E-3</c:v>
                </c:pt>
                <c:pt idx="7529">
                  <c:v>2.5000000000000001E-3</c:v>
                </c:pt>
                <c:pt idx="7530">
                  <c:v>2.5000000000000001E-3</c:v>
                </c:pt>
                <c:pt idx="7531">
                  <c:v>2.5000000000000001E-3</c:v>
                </c:pt>
                <c:pt idx="7532">
                  <c:v>2.5000000000000001E-3</c:v>
                </c:pt>
                <c:pt idx="7533">
                  <c:v>2.5000000000000001E-3</c:v>
                </c:pt>
                <c:pt idx="7534">
                  <c:v>2.5000000000000001E-3</c:v>
                </c:pt>
                <c:pt idx="7535">
                  <c:v>2.5000000000000001E-3</c:v>
                </c:pt>
                <c:pt idx="7536">
                  <c:v>2.5000000000000001E-3</c:v>
                </c:pt>
                <c:pt idx="7537">
                  <c:v>2.5000000000000001E-3</c:v>
                </c:pt>
                <c:pt idx="7538">
                  <c:v>2.5000000000000001E-3</c:v>
                </c:pt>
                <c:pt idx="7539">
                  <c:v>2.5000000000000001E-3</c:v>
                </c:pt>
                <c:pt idx="7540">
                  <c:v>2.5000000000000001E-3</c:v>
                </c:pt>
                <c:pt idx="7541">
                  <c:v>2.5000000000000001E-3</c:v>
                </c:pt>
                <c:pt idx="7542">
                  <c:v>2.5000000000000001E-3</c:v>
                </c:pt>
                <c:pt idx="7543">
                  <c:v>2.5000000000000001E-3</c:v>
                </c:pt>
                <c:pt idx="7544">
                  <c:v>2.5000000000000001E-3</c:v>
                </c:pt>
                <c:pt idx="7545">
                  <c:v>2.5000000000000001E-3</c:v>
                </c:pt>
                <c:pt idx="7546">
                  <c:v>2.5000000000000001E-3</c:v>
                </c:pt>
                <c:pt idx="7547">
                  <c:v>2.5000000000000001E-3</c:v>
                </c:pt>
                <c:pt idx="7548">
                  <c:v>2.5000000000000001E-3</c:v>
                </c:pt>
                <c:pt idx="7549">
                  <c:v>2.5000000000000001E-3</c:v>
                </c:pt>
                <c:pt idx="7550">
                  <c:v>2.5000000000000001E-3</c:v>
                </c:pt>
                <c:pt idx="7551">
                  <c:v>2.5000000000000001E-3</c:v>
                </c:pt>
                <c:pt idx="7552">
                  <c:v>2.5000000000000001E-3</c:v>
                </c:pt>
                <c:pt idx="7553">
                  <c:v>2.5000000000000001E-3</c:v>
                </c:pt>
                <c:pt idx="7554">
                  <c:v>2.5000000000000001E-3</c:v>
                </c:pt>
                <c:pt idx="7555">
                  <c:v>2.5000000000000001E-3</c:v>
                </c:pt>
                <c:pt idx="7556">
                  <c:v>2.5000000000000001E-3</c:v>
                </c:pt>
                <c:pt idx="7557">
                  <c:v>2.5000000000000001E-3</c:v>
                </c:pt>
                <c:pt idx="7558">
                  <c:v>2.5000000000000001E-3</c:v>
                </c:pt>
                <c:pt idx="7559">
                  <c:v>2.5000000000000001E-3</c:v>
                </c:pt>
                <c:pt idx="7560">
                  <c:v>2.5000000000000001E-3</c:v>
                </c:pt>
                <c:pt idx="7561">
                  <c:v>2.5000000000000001E-3</c:v>
                </c:pt>
                <c:pt idx="7562">
                  <c:v>2.5000000000000001E-3</c:v>
                </c:pt>
                <c:pt idx="7563">
                  <c:v>2.5000000000000001E-3</c:v>
                </c:pt>
                <c:pt idx="7564">
                  <c:v>2.5000000000000001E-3</c:v>
                </c:pt>
                <c:pt idx="7565">
                  <c:v>2.5000000000000001E-3</c:v>
                </c:pt>
                <c:pt idx="7566">
                  <c:v>2.5000000000000001E-3</c:v>
                </c:pt>
                <c:pt idx="7567">
                  <c:v>2.5000000000000001E-3</c:v>
                </c:pt>
                <c:pt idx="7568">
                  <c:v>2.5000000000000001E-3</c:v>
                </c:pt>
                <c:pt idx="7569">
                  <c:v>2.5000000000000001E-3</c:v>
                </c:pt>
                <c:pt idx="7570">
                  <c:v>2.5000000000000001E-3</c:v>
                </c:pt>
                <c:pt idx="7571">
                  <c:v>2.5000000000000001E-3</c:v>
                </c:pt>
                <c:pt idx="7572">
                  <c:v>2.5000000000000001E-3</c:v>
                </c:pt>
                <c:pt idx="7573">
                  <c:v>2.5000000000000001E-3</c:v>
                </c:pt>
                <c:pt idx="7574">
                  <c:v>2.5000000000000001E-3</c:v>
                </c:pt>
                <c:pt idx="7575">
                  <c:v>2.5000000000000001E-3</c:v>
                </c:pt>
                <c:pt idx="7576">
                  <c:v>2.5000000000000001E-3</c:v>
                </c:pt>
                <c:pt idx="7577">
                  <c:v>2.5000000000000001E-3</c:v>
                </c:pt>
                <c:pt idx="7578">
                  <c:v>2.5000000000000001E-3</c:v>
                </c:pt>
                <c:pt idx="7579">
                  <c:v>2.5000000000000001E-3</c:v>
                </c:pt>
                <c:pt idx="7580">
                  <c:v>2.5000000000000001E-3</c:v>
                </c:pt>
                <c:pt idx="7581">
                  <c:v>2.5000000000000001E-3</c:v>
                </c:pt>
                <c:pt idx="7582">
                  <c:v>2.5000000000000001E-3</c:v>
                </c:pt>
                <c:pt idx="7583">
                  <c:v>2.5000000000000001E-3</c:v>
                </c:pt>
                <c:pt idx="7584">
                  <c:v>2.5000000000000001E-3</c:v>
                </c:pt>
                <c:pt idx="7585">
                  <c:v>2.5000000000000001E-3</c:v>
                </c:pt>
                <c:pt idx="7586">
                  <c:v>2.5000000000000001E-3</c:v>
                </c:pt>
                <c:pt idx="7587">
                  <c:v>2.5000000000000001E-3</c:v>
                </c:pt>
                <c:pt idx="7588">
                  <c:v>2.5000000000000001E-3</c:v>
                </c:pt>
                <c:pt idx="7589">
                  <c:v>2.5000000000000001E-3</c:v>
                </c:pt>
                <c:pt idx="7590">
                  <c:v>2.5000000000000001E-3</c:v>
                </c:pt>
                <c:pt idx="7591">
                  <c:v>2.5000000000000001E-3</c:v>
                </c:pt>
                <c:pt idx="7592">
                  <c:v>2.5000000000000001E-3</c:v>
                </c:pt>
                <c:pt idx="7593">
                  <c:v>2.5000000000000001E-3</c:v>
                </c:pt>
                <c:pt idx="7594">
                  <c:v>2.5000000000000001E-3</c:v>
                </c:pt>
                <c:pt idx="7595">
                  <c:v>2.5000000000000001E-3</c:v>
                </c:pt>
                <c:pt idx="7596">
                  <c:v>2.5000000000000001E-3</c:v>
                </c:pt>
                <c:pt idx="7597">
                  <c:v>2.5000000000000001E-3</c:v>
                </c:pt>
                <c:pt idx="7598">
                  <c:v>2.5000000000000001E-3</c:v>
                </c:pt>
                <c:pt idx="7599">
                  <c:v>2.5000000000000001E-3</c:v>
                </c:pt>
                <c:pt idx="7600">
                  <c:v>2.5000000000000001E-3</c:v>
                </c:pt>
                <c:pt idx="7601">
                  <c:v>2.5000000000000001E-3</c:v>
                </c:pt>
                <c:pt idx="7602">
                  <c:v>2.5000000000000001E-3</c:v>
                </c:pt>
                <c:pt idx="7603">
                  <c:v>2.5000000000000001E-3</c:v>
                </c:pt>
                <c:pt idx="7604">
                  <c:v>2.5000000000000001E-3</c:v>
                </c:pt>
                <c:pt idx="7605">
                  <c:v>2.5000000000000001E-3</c:v>
                </c:pt>
                <c:pt idx="7606">
                  <c:v>2.5000000000000001E-3</c:v>
                </c:pt>
                <c:pt idx="7607">
                  <c:v>2.5000000000000001E-3</c:v>
                </c:pt>
                <c:pt idx="7608">
                  <c:v>2.5000000000000001E-3</c:v>
                </c:pt>
                <c:pt idx="7609">
                  <c:v>2.5000000000000001E-3</c:v>
                </c:pt>
                <c:pt idx="7610">
                  <c:v>2.5000000000000001E-3</c:v>
                </c:pt>
                <c:pt idx="7611">
                  <c:v>2.5000000000000001E-3</c:v>
                </c:pt>
                <c:pt idx="7612">
                  <c:v>2.5000000000000001E-3</c:v>
                </c:pt>
                <c:pt idx="7613">
                  <c:v>2.5000000000000001E-3</c:v>
                </c:pt>
                <c:pt idx="7614">
                  <c:v>2.5000000000000001E-3</c:v>
                </c:pt>
                <c:pt idx="7615">
                  <c:v>2.5000000000000001E-3</c:v>
                </c:pt>
                <c:pt idx="7616">
                  <c:v>2.5000000000000001E-3</c:v>
                </c:pt>
                <c:pt idx="7617">
                  <c:v>2.5000000000000001E-3</c:v>
                </c:pt>
                <c:pt idx="7618">
                  <c:v>2.5000000000000001E-3</c:v>
                </c:pt>
                <c:pt idx="7619">
                  <c:v>2.5000000000000001E-3</c:v>
                </c:pt>
                <c:pt idx="7620">
                  <c:v>2.5000000000000001E-3</c:v>
                </c:pt>
                <c:pt idx="7621">
                  <c:v>2.5000000000000001E-3</c:v>
                </c:pt>
                <c:pt idx="7622">
                  <c:v>2.5000000000000001E-3</c:v>
                </c:pt>
                <c:pt idx="7623">
                  <c:v>2.5000000000000001E-3</c:v>
                </c:pt>
                <c:pt idx="7624">
                  <c:v>2.5000000000000001E-3</c:v>
                </c:pt>
                <c:pt idx="7625">
                  <c:v>2.5000000000000001E-3</c:v>
                </c:pt>
                <c:pt idx="7626">
                  <c:v>2.5000000000000001E-3</c:v>
                </c:pt>
                <c:pt idx="7627">
                  <c:v>2.5000000000000001E-3</c:v>
                </c:pt>
                <c:pt idx="7628">
                  <c:v>2.5000000000000001E-3</c:v>
                </c:pt>
                <c:pt idx="7629">
                  <c:v>2.5000000000000001E-3</c:v>
                </c:pt>
                <c:pt idx="7630">
                  <c:v>2.5000000000000001E-3</c:v>
                </c:pt>
                <c:pt idx="7631">
                  <c:v>2.5000000000000001E-3</c:v>
                </c:pt>
                <c:pt idx="7632">
                  <c:v>2.5000000000000001E-3</c:v>
                </c:pt>
                <c:pt idx="7633">
                  <c:v>2.5000000000000001E-3</c:v>
                </c:pt>
                <c:pt idx="7634">
                  <c:v>2.5000000000000001E-3</c:v>
                </c:pt>
                <c:pt idx="7635">
                  <c:v>2.5000000000000001E-3</c:v>
                </c:pt>
                <c:pt idx="7636">
                  <c:v>2.5000000000000001E-3</c:v>
                </c:pt>
                <c:pt idx="7637">
                  <c:v>2.5000000000000001E-3</c:v>
                </c:pt>
                <c:pt idx="7638">
                  <c:v>2.5000000000000001E-3</c:v>
                </c:pt>
                <c:pt idx="7639">
                  <c:v>2.5000000000000001E-3</c:v>
                </c:pt>
                <c:pt idx="7640">
                  <c:v>2.5000000000000001E-3</c:v>
                </c:pt>
                <c:pt idx="7641">
                  <c:v>2.5000000000000001E-3</c:v>
                </c:pt>
                <c:pt idx="7642">
                  <c:v>2.5000000000000001E-3</c:v>
                </c:pt>
                <c:pt idx="7643">
                  <c:v>2.5000000000000001E-3</c:v>
                </c:pt>
                <c:pt idx="7644">
                  <c:v>2.5000000000000001E-3</c:v>
                </c:pt>
                <c:pt idx="7645">
                  <c:v>2.5000000000000001E-3</c:v>
                </c:pt>
                <c:pt idx="7646">
                  <c:v>2.5000000000000001E-3</c:v>
                </c:pt>
                <c:pt idx="7647">
                  <c:v>2.5000000000000001E-3</c:v>
                </c:pt>
                <c:pt idx="7648">
                  <c:v>2.5000000000000001E-3</c:v>
                </c:pt>
                <c:pt idx="7649">
                  <c:v>2.5000000000000001E-3</c:v>
                </c:pt>
                <c:pt idx="7650">
                  <c:v>2.5000000000000001E-3</c:v>
                </c:pt>
                <c:pt idx="7651">
                  <c:v>2.5000000000000001E-3</c:v>
                </c:pt>
                <c:pt idx="7652">
                  <c:v>2.5000000000000001E-3</c:v>
                </c:pt>
                <c:pt idx="7653">
                  <c:v>2.5000000000000001E-3</c:v>
                </c:pt>
                <c:pt idx="7654">
                  <c:v>2.5000000000000001E-3</c:v>
                </c:pt>
                <c:pt idx="7655">
                  <c:v>2.5000000000000001E-3</c:v>
                </c:pt>
                <c:pt idx="7656">
                  <c:v>2.5000000000000001E-3</c:v>
                </c:pt>
                <c:pt idx="7657">
                  <c:v>2.5000000000000001E-3</c:v>
                </c:pt>
                <c:pt idx="7658">
                  <c:v>2.5000000000000001E-3</c:v>
                </c:pt>
                <c:pt idx="7659">
                  <c:v>2.5000000000000001E-3</c:v>
                </c:pt>
                <c:pt idx="7660">
                  <c:v>2.5000000000000001E-3</c:v>
                </c:pt>
                <c:pt idx="7661">
                  <c:v>2.5000000000000001E-3</c:v>
                </c:pt>
                <c:pt idx="7662">
                  <c:v>2.5000000000000001E-3</c:v>
                </c:pt>
                <c:pt idx="7663">
                  <c:v>2.5000000000000001E-3</c:v>
                </c:pt>
                <c:pt idx="7664">
                  <c:v>2.5000000000000001E-3</c:v>
                </c:pt>
                <c:pt idx="7665">
                  <c:v>2.5000000000000001E-3</c:v>
                </c:pt>
                <c:pt idx="7666">
                  <c:v>2.5000000000000001E-3</c:v>
                </c:pt>
                <c:pt idx="7667">
                  <c:v>2.5000000000000001E-3</c:v>
                </c:pt>
                <c:pt idx="7668">
                  <c:v>2.5000000000000001E-3</c:v>
                </c:pt>
                <c:pt idx="7669">
                  <c:v>2.5000000000000001E-3</c:v>
                </c:pt>
                <c:pt idx="7670">
                  <c:v>2.5000000000000001E-3</c:v>
                </c:pt>
                <c:pt idx="7671">
                  <c:v>2.5000000000000001E-3</c:v>
                </c:pt>
                <c:pt idx="7672">
                  <c:v>2.5000000000000001E-3</c:v>
                </c:pt>
                <c:pt idx="7673">
                  <c:v>2.5000000000000001E-3</c:v>
                </c:pt>
                <c:pt idx="7674">
                  <c:v>2.5000000000000001E-3</c:v>
                </c:pt>
                <c:pt idx="7675">
                  <c:v>2.5000000000000001E-3</c:v>
                </c:pt>
                <c:pt idx="7676">
                  <c:v>2.5000000000000001E-3</c:v>
                </c:pt>
                <c:pt idx="7677">
                  <c:v>2.5000000000000001E-3</c:v>
                </c:pt>
                <c:pt idx="7678">
                  <c:v>2.5000000000000001E-3</c:v>
                </c:pt>
                <c:pt idx="7679">
                  <c:v>2.5000000000000001E-3</c:v>
                </c:pt>
                <c:pt idx="7680">
                  <c:v>2.5000000000000001E-3</c:v>
                </c:pt>
                <c:pt idx="7681">
                  <c:v>2.5000000000000001E-3</c:v>
                </c:pt>
                <c:pt idx="7682">
                  <c:v>2.5000000000000001E-3</c:v>
                </c:pt>
                <c:pt idx="7683">
                  <c:v>2.5000000000000001E-3</c:v>
                </c:pt>
                <c:pt idx="7684">
                  <c:v>2.5000000000000001E-3</c:v>
                </c:pt>
                <c:pt idx="7685">
                  <c:v>2.5000000000000001E-3</c:v>
                </c:pt>
                <c:pt idx="7686">
                  <c:v>2.5000000000000001E-3</c:v>
                </c:pt>
                <c:pt idx="7687">
                  <c:v>2.5000000000000001E-3</c:v>
                </c:pt>
                <c:pt idx="7688">
                  <c:v>2.5000000000000001E-3</c:v>
                </c:pt>
                <c:pt idx="7689">
                  <c:v>2.5000000000000001E-3</c:v>
                </c:pt>
                <c:pt idx="7690">
                  <c:v>2.5000000000000001E-3</c:v>
                </c:pt>
                <c:pt idx="7691">
                  <c:v>2.5000000000000001E-3</c:v>
                </c:pt>
                <c:pt idx="7692">
                  <c:v>2.5000000000000001E-3</c:v>
                </c:pt>
                <c:pt idx="7693">
                  <c:v>2.5000000000000001E-3</c:v>
                </c:pt>
                <c:pt idx="7694">
                  <c:v>2.5000000000000001E-3</c:v>
                </c:pt>
                <c:pt idx="7695">
                  <c:v>2.5000000000000001E-3</c:v>
                </c:pt>
                <c:pt idx="7696">
                  <c:v>2.5000000000000001E-3</c:v>
                </c:pt>
                <c:pt idx="7697">
                  <c:v>2.5000000000000001E-3</c:v>
                </c:pt>
                <c:pt idx="7698">
                  <c:v>2.5000000000000001E-3</c:v>
                </c:pt>
                <c:pt idx="7699">
                  <c:v>2.5000000000000001E-3</c:v>
                </c:pt>
                <c:pt idx="7700">
                  <c:v>2.5000000000000001E-3</c:v>
                </c:pt>
                <c:pt idx="7701">
                  <c:v>2.5000000000000001E-3</c:v>
                </c:pt>
                <c:pt idx="7702">
                  <c:v>2.5000000000000001E-3</c:v>
                </c:pt>
                <c:pt idx="7703">
                  <c:v>2.5000000000000001E-3</c:v>
                </c:pt>
                <c:pt idx="7704">
                  <c:v>2.5000000000000001E-3</c:v>
                </c:pt>
                <c:pt idx="7705">
                  <c:v>2.5000000000000001E-3</c:v>
                </c:pt>
                <c:pt idx="7706">
                  <c:v>2.5000000000000001E-3</c:v>
                </c:pt>
                <c:pt idx="7707">
                  <c:v>2.5000000000000001E-3</c:v>
                </c:pt>
                <c:pt idx="7708">
                  <c:v>2.5000000000000001E-3</c:v>
                </c:pt>
                <c:pt idx="7709">
                  <c:v>2.5000000000000001E-3</c:v>
                </c:pt>
                <c:pt idx="7710">
                  <c:v>2.5000000000000001E-3</c:v>
                </c:pt>
                <c:pt idx="7711">
                  <c:v>2.5000000000000001E-3</c:v>
                </c:pt>
                <c:pt idx="7712">
                  <c:v>2.5000000000000001E-3</c:v>
                </c:pt>
                <c:pt idx="7713">
                  <c:v>2.5000000000000001E-3</c:v>
                </c:pt>
                <c:pt idx="7714">
                  <c:v>2.5000000000000001E-3</c:v>
                </c:pt>
                <c:pt idx="7715">
                  <c:v>2.5000000000000001E-3</c:v>
                </c:pt>
                <c:pt idx="7716">
                  <c:v>2.5000000000000001E-3</c:v>
                </c:pt>
                <c:pt idx="7717">
                  <c:v>2.5000000000000001E-3</c:v>
                </c:pt>
                <c:pt idx="7718">
                  <c:v>2.5000000000000001E-3</c:v>
                </c:pt>
                <c:pt idx="7719">
                  <c:v>2.5000000000000001E-3</c:v>
                </c:pt>
                <c:pt idx="7720">
                  <c:v>2.5000000000000001E-3</c:v>
                </c:pt>
                <c:pt idx="7721">
                  <c:v>2.5000000000000001E-3</c:v>
                </c:pt>
                <c:pt idx="7722">
                  <c:v>2.5000000000000001E-3</c:v>
                </c:pt>
                <c:pt idx="7723">
                  <c:v>2.5000000000000001E-3</c:v>
                </c:pt>
                <c:pt idx="7724">
                  <c:v>2.5000000000000001E-3</c:v>
                </c:pt>
                <c:pt idx="7725">
                  <c:v>2.5000000000000001E-3</c:v>
                </c:pt>
                <c:pt idx="7726">
                  <c:v>2.5000000000000001E-3</c:v>
                </c:pt>
                <c:pt idx="7727">
                  <c:v>2.5000000000000001E-3</c:v>
                </c:pt>
                <c:pt idx="7728">
                  <c:v>2.5000000000000001E-3</c:v>
                </c:pt>
                <c:pt idx="7729">
                  <c:v>2.5000000000000001E-3</c:v>
                </c:pt>
                <c:pt idx="7730">
                  <c:v>2.5000000000000001E-3</c:v>
                </c:pt>
                <c:pt idx="7731">
                  <c:v>2.5000000000000001E-3</c:v>
                </c:pt>
                <c:pt idx="7732">
                  <c:v>2.5000000000000001E-3</c:v>
                </c:pt>
                <c:pt idx="7733">
                  <c:v>2.5000000000000001E-3</c:v>
                </c:pt>
                <c:pt idx="7734">
                  <c:v>2.5000000000000001E-3</c:v>
                </c:pt>
                <c:pt idx="7735">
                  <c:v>2.5000000000000001E-3</c:v>
                </c:pt>
                <c:pt idx="7736">
                  <c:v>2.5000000000000001E-3</c:v>
                </c:pt>
                <c:pt idx="7737">
                  <c:v>2.5000000000000001E-3</c:v>
                </c:pt>
                <c:pt idx="7738">
                  <c:v>2.5000000000000001E-3</c:v>
                </c:pt>
                <c:pt idx="7739">
                  <c:v>2.5000000000000001E-3</c:v>
                </c:pt>
                <c:pt idx="7740">
                  <c:v>2.5000000000000001E-3</c:v>
                </c:pt>
                <c:pt idx="7741">
                  <c:v>2.5000000000000001E-3</c:v>
                </c:pt>
                <c:pt idx="7742">
                  <c:v>2.5000000000000001E-3</c:v>
                </c:pt>
                <c:pt idx="7743">
                  <c:v>2.5000000000000001E-3</c:v>
                </c:pt>
                <c:pt idx="7744">
                  <c:v>2.5000000000000001E-3</c:v>
                </c:pt>
                <c:pt idx="7745">
                  <c:v>2.5000000000000001E-3</c:v>
                </c:pt>
                <c:pt idx="7746">
                  <c:v>2.5000000000000001E-3</c:v>
                </c:pt>
                <c:pt idx="7747">
                  <c:v>2.5000000000000001E-3</c:v>
                </c:pt>
                <c:pt idx="7748">
                  <c:v>2.5000000000000001E-3</c:v>
                </c:pt>
                <c:pt idx="7749">
                  <c:v>2.5000000000000001E-3</c:v>
                </c:pt>
                <c:pt idx="7750">
                  <c:v>2.5000000000000001E-3</c:v>
                </c:pt>
                <c:pt idx="7751">
                  <c:v>2.5000000000000001E-3</c:v>
                </c:pt>
                <c:pt idx="7752">
                  <c:v>2.5000000000000001E-3</c:v>
                </c:pt>
                <c:pt idx="7753">
                  <c:v>2.5000000000000001E-3</c:v>
                </c:pt>
                <c:pt idx="7754">
                  <c:v>2.5000000000000001E-3</c:v>
                </c:pt>
                <c:pt idx="7755">
                  <c:v>2.5000000000000001E-3</c:v>
                </c:pt>
                <c:pt idx="7756">
                  <c:v>2.5000000000000001E-3</c:v>
                </c:pt>
                <c:pt idx="7757">
                  <c:v>2.5000000000000001E-3</c:v>
                </c:pt>
                <c:pt idx="7758">
                  <c:v>2.5000000000000001E-3</c:v>
                </c:pt>
                <c:pt idx="7759">
                  <c:v>2.5000000000000001E-3</c:v>
                </c:pt>
                <c:pt idx="7760">
                  <c:v>2.5000000000000001E-3</c:v>
                </c:pt>
                <c:pt idx="7761">
                  <c:v>2.5000000000000001E-3</c:v>
                </c:pt>
                <c:pt idx="7762">
                  <c:v>2.5000000000000001E-3</c:v>
                </c:pt>
                <c:pt idx="7763">
                  <c:v>2.5000000000000001E-3</c:v>
                </c:pt>
                <c:pt idx="7764">
                  <c:v>2.5000000000000001E-3</c:v>
                </c:pt>
                <c:pt idx="7765">
                  <c:v>2.5000000000000001E-3</c:v>
                </c:pt>
                <c:pt idx="7766">
                  <c:v>2.5000000000000001E-3</c:v>
                </c:pt>
                <c:pt idx="7767">
                  <c:v>2.5000000000000001E-3</c:v>
                </c:pt>
                <c:pt idx="7768">
                  <c:v>2.5000000000000001E-3</c:v>
                </c:pt>
                <c:pt idx="7769">
                  <c:v>2.5000000000000001E-3</c:v>
                </c:pt>
                <c:pt idx="7770">
                  <c:v>2.5000000000000001E-3</c:v>
                </c:pt>
                <c:pt idx="7771">
                  <c:v>2.5000000000000001E-3</c:v>
                </c:pt>
                <c:pt idx="7772">
                  <c:v>2.5000000000000001E-3</c:v>
                </c:pt>
                <c:pt idx="7773">
                  <c:v>2.5000000000000001E-3</c:v>
                </c:pt>
                <c:pt idx="7774">
                  <c:v>2.5000000000000001E-3</c:v>
                </c:pt>
                <c:pt idx="7775">
                  <c:v>2.5000000000000001E-3</c:v>
                </c:pt>
                <c:pt idx="7776">
                  <c:v>2.5000000000000001E-3</c:v>
                </c:pt>
                <c:pt idx="7777">
                  <c:v>2.5000000000000001E-3</c:v>
                </c:pt>
                <c:pt idx="7778">
                  <c:v>2.5000000000000001E-3</c:v>
                </c:pt>
                <c:pt idx="7779">
                  <c:v>2.5000000000000001E-3</c:v>
                </c:pt>
                <c:pt idx="7780">
                  <c:v>2.5000000000000001E-3</c:v>
                </c:pt>
                <c:pt idx="7781">
                  <c:v>2.5000000000000001E-3</c:v>
                </c:pt>
                <c:pt idx="7782">
                  <c:v>2.5000000000000001E-3</c:v>
                </c:pt>
                <c:pt idx="7783">
                  <c:v>2.5000000000000001E-3</c:v>
                </c:pt>
                <c:pt idx="7784">
                  <c:v>2.5000000000000001E-3</c:v>
                </c:pt>
                <c:pt idx="7785">
                  <c:v>2.5000000000000001E-3</c:v>
                </c:pt>
                <c:pt idx="7786">
                  <c:v>2.5000000000000001E-3</c:v>
                </c:pt>
                <c:pt idx="7787">
                  <c:v>2.5000000000000001E-3</c:v>
                </c:pt>
                <c:pt idx="7788">
                  <c:v>2.5000000000000001E-3</c:v>
                </c:pt>
                <c:pt idx="7789">
                  <c:v>2.5000000000000001E-3</c:v>
                </c:pt>
                <c:pt idx="7790">
                  <c:v>2.5000000000000001E-3</c:v>
                </c:pt>
                <c:pt idx="7791">
                  <c:v>2.5000000000000001E-3</c:v>
                </c:pt>
                <c:pt idx="7792">
                  <c:v>2.5000000000000001E-3</c:v>
                </c:pt>
                <c:pt idx="7793">
                  <c:v>2.5000000000000001E-3</c:v>
                </c:pt>
                <c:pt idx="7794">
                  <c:v>2.5000000000000001E-3</c:v>
                </c:pt>
                <c:pt idx="7795">
                  <c:v>2.5000000000000001E-3</c:v>
                </c:pt>
                <c:pt idx="7796">
                  <c:v>2.5000000000000001E-3</c:v>
                </c:pt>
                <c:pt idx="7797">
                  <c:v>2.5000000000000001E-3</c:v>
                </c:pt>
                <c:pt idx="7798">
                  <c:v>2.5000000000000001E-3</c:v>
                </c:pt>
                <c:pt idx="7799">
                  <c:v>2.5000000000000001E-3</c:v>
                </c:pt>
                <c:pt idx="7800">
                  <c:v>2.5000000000000001E-3</c:v>
                </c:pt>
                <c:pt idx="7801">
                  <c:v>2.5000000000000001E-3</c:v>
                </c:pt>
                <c:pt idx="7802">
                  <c:v>2.5000000000000001E-3</c:v>
                </c:pt>
                <c:pt idx="7803">
                  <c:v>2.5000000000000001E-3</c:v>
                </c:pt>
                <c:pt idx="7804">
                  <c:v>2.5000000000000001E-3</c:v>
                </c:pt>
                <c:pt idx="7805">
                  <c:v>2.5000000000000001E-3</c:v>
                </c:pt>
                <c:pt idx="7806">
                  <c:v>2.5000000000000001E-3</c:v>
                </c:pt>
                <c:pt idx="7807">
                  <c:v>2.5000000000000001E-3</c:v>
                </c:pt>
                <c:pt idx="7808">
                  <c:v>2.5000000000000001E-3</c:v>
                </c:pt>
                <c:pt idx="7809">
                  <c:v>2.5000000000000001E-3</c:v>
                </c:pt>
                <c:pt idx="7810">
                  <c:v>2.5000000000000001E-3</c:v>
                </c:pt>
                <c:pt idx="7811">
                  <c:v>2.5000000000000001E-3</c:v>
                </c:pt>
                <c:pt idx="7812">
                  <c:v>2.5000000000000001E-3</c:v>
                </c:pt>
                <c:pt idx="7813">
                  <c:v>2.5000000000000001E-3</c:v>
                </c:pt>
                <c:pt idx="7814">
                  <c:v>2.5000000000000001E-3</c:v>
                </c:pt>
                <c:pt idx="7815">
                  <c:v>2.5000000000000001E-3</c:v>
                </c:pt>
                <c:pt idx="7816">
                  <c:v>2.5000000000000001E-3</c:v>
                </c:pt>
                <c:pt idx="7817">
                  <c:v>2.5000000000000001E-3</c:v>
                </c:pt>
                <c:pt idx="7818">
                  <c:v>2.5000000000000001E-3</c:v>
                </c:pt>
                <c:pt idx="7819">
                  <c:v>2.5000000000000001E-3</c:v>
                </c:pt>
                <c:pt idx="7820">
                  <c:v>2.5000000000000001E-3</c:v>
                </c:pt>
                <c:pt idx="7821">
                  <c:v>2.5000000000000001E-3</c:v>
                </c:pt>
                <c:pt idx="7822">
                  <c:v>2.5000000000000001E-3</c:v>
                </c:pt>
                <c:pt idx="7823">
                  <c:v>2.5000000000000001E-3</c:v>
                </c:pt>
                <c:pt idx="7824">
                  <c:v>2.5000000000000001E-3</c:v>
                </c:pt>
                <c:pt idx="7825">
                  <c:v>2.5000000000000001E-3</c:v>
                </c:pt>
                <c:pt idx="7826">
                  <c:v>2.5000000000000001E-3</c:v>
                </c:pt>
                <c:pt idx="7827">
                  <c:v>2.5000000000000001E-3</c:v>
                </c:pt>
                <c:pt idx="7828">
                  <c:v>2.5000000000000001E-3</c:v>
                </c:pt>
                <c:pt idx="7829">
                  <c:v>2.5000000000000001E-3</c:v>
                </c:pt>
                <c:pt idx="7830">
                  <c:v>2.5000000000000001E-3</c:v>
                </c:pt>
                <c:pt idx="7831">
                  <c:v>2.5000000000000001E-3</c:v>
                </c:pt>
                <c:pt idx="7832">
                  <c:v>2.5000000000000001E-3</c:v>
                </c:pt>
                <c:pt idx="7833">
                  <c:v>2.5000000000000001E-3</c:v>
                </c:pt>
                <c:pt idx="7834">
                  <c:v>2.5000000000000001E-3</c:v>
                </c:pt>
                <c:pt idx="7835">
                  <c:v>2.5000000000000001E-3</c:v>
                </c:pt>
                <c:pt idx="7836">
                  <c:v>2.5000000000000001E-3</c:v>
                </c:pt>
                <c:pt idx="7837">
                  <c:v>2.5000000000000001E-3</c:v>
                </c:pt>
                <c:pt idx="7838">
                  <c:v>2.5000000000000001E-3</c:v>
                </c:pt>
                <c:pt idx="7839">
                  <c:v>2.5000000000000001E-3</c:v>
                </c:pt>
                <c:pt idx="7840">
                  <c:v>2.5000000000000001E-3</c:v>
                </c:pt>
                <c:pt idx="7841">
                  <c:v>2.5000000000000001E-3</c:v>
                </c:pt>
                <c:pt idx="7842">
                  <c:v>2.5000000000000001E-3</c:v>
                </c:pt>
                <c:pt idx="7843">
                  <c:v>2.5000000000000001E-3</c:v>
                </c:pt>
                <c:pt idx="7844">
                  <c:v>2.5000000000000001E-3</c:v>
                </c:pt>
                <c:pt idx="7845">
                  <c:v>2.5000000000000001E-3</c:v>
                </c:pt>
                <c:pt idx="7846">
                  <c:v>2.5000000000000001E-3</c:v>
                </c:pt>
                <c:pt idx="7847">
                  <c:v>2.5000000000000001E-3</c:v>
                </c:pt>
                <c:pt idx="7848">
                  <c:v>2.5000000000000001E-3</c:v>
                </c:pt>
                <c:pt idx="7849">
                  <c:v>2.5000000000000001E-3</c:v>
                </c:pt>
                <c:pt idx="7850">
                  <c:v>2.5000000000000001E-3</c:v>
                </c:pt>
                <c:pt idx="7851">
                  <c:v>2.5000000000000001E-3</c:v>
                </c:pt>
                <c:pt idx="7852">
                  <c:v>2.5000000000000001E-3</c:v>
                </c:pt>
                <c:pt idx="7853">
                  <c:v>2.5000000000000001E-3</c:v>
                </c:pt>
                <c:pt idx="7854">
                  <c:v>2.5000000000000001E-3</c:v>
                </c:pt>
                <c:pt idx="7855">
                  <c:v>2.5000000000000001E-3</c:v>
                </c:pt>
                <c:pt idx="7856">
                  <c:v>2.5000000000000001E-3</c:v>
                </c:pt>
                <c:pt idx="7857">
                  <c:v>2.5000000000000001E-3</c:v>
                </c:pt>
                <c:pt idx="7858">
                  <c:v>2.5000000000000001E-3</c:v>
                </c:pt>
                <c:pt idx="7859">
                  <c:v>2.5000000000000001E-3</c:v>
                </c:pt>
                <c:pt idx="7860">
                  <c:v>2.5000000000000001E-3</c:v>
                </c:pt>
                <c:pt idx="7861">
                  <c:v>2.5000000000000001E-3</c:v>
                </c:pt>
                <c:pt idx="7862">
                  <c:v>2.5000000000000001E-3</c:v>
                </c:pt>
                <c:pt idx="7863">
                  <c:v>2.5000000000000001E-3</c:v>
                </c:pt>
                <c:pt idx="7864">
                  <c:v>2.5000000000000001E-3</c:v>
                </c:pt>
                <c:pt idx="7865">
                  <c:v>2.5000000000000001E-3</c:v>
                </c:pt>
                <c:pt idx="7866">
                  <c:v>2.5000000000000001E-3</c:v>
                </c:pt>
                <c:pt idx="7867">
                  <c:v>2.5000000000000001E-3</c:v>
                </c:pt>
                <c:pt idx="7868">
                  <c:v>2.5000000000000001E-3</c:v>
                </c:pt>
                <c:pt idx="7869">
                  <c:v>2.5000000000000001E-3</c:v>
                </c:pt>
                <c:pt idx="7870">
                  <c:v>2.5000000000000001E-3</c:v>
                </c:pt>
                <c:pt idx="7871">
                  <c:v>2.5000000000000001E-3</c:v>
                </c:pt>
                <c:pt idx="7872">
                  <c:v>2.5000000000000001E-3</c:v>
                </c:pt>
                <c:pt idx="7873">
                  <c:v>2.5000000000000001E-3</c:v>
                </c:pt>
                <c:pt idx="7874">
                  <c:v>2.5000000000000001E-3</c:v>
                </c:pt>
                <c:pt idx="7875">
                  <c:v>2.5000000000000001E-3</c:v>
                </c:pt>
                <c:pt idx="7876">
                  <c:v>2.5000000000000001E-3</c:v>
                </c:pt>
                <c:pt idx="7877">
                  <c:v>2.5000000000000001E-3</c:v>
                </c:pt>
                <c:pt idx="7878">
                  <c:v>2.5000000000000001E-3</c:v>
                </c:pt>
                <c:pt idx="7879">
                  <c:v>2.5000000000000001E-3</c:v>
                </c:pt>
                <c:pt idx="7880">
                  <c:v>2.5000000000000001E-3</c:v>
                </c:pt>
                <c:pt idx="7881">
                  <c:v>2.5000000000000001E-3</c:v>
                </c:pt>
                <c:pt idx="7882">
                  <c:v>2.5000000000000001E-3</c:v>
                </c:pt>
                <c:pt idx="7883">
                  <c:v>2.5000000000000001E-3</c:v>
                </c:pt>
                <c:pt idx="7884">
                  <c:v>2.5000000000000001E-3</c:v>
                </c:pt>
                <c:pt idx="7885">
                  <c:v>2.5000000000000001E-3</c:v>
                </c:pt>
                <c:pt idx="7886">
                  <c:v>2.5000000000000001E-3</c:v>
                </c:pt>
                <c:pt idx="7887">
                  <c:v>2.5000000000000001E-3</c:v>
                </c:pt>
                <c:pt idx="7888">
                  <c:v>2.5000000000000001E-3</c:v>
                </c:pt>
                <c:pt idx="7889">
                  <c:v>2.5000000000000001E-3</c:v>
                </c:pt>
                <c:pt idx="7890">
                  <c:v>2.5000000000000001E-3</c:v>
                </c:pt>
                <c:pt idx="7891">
                  <c:v>2.5000000000000001E-3</c:v>
                </c:pt>
                <c:pt idx="7892">
                  <c:v>2.5000000000000001E-3</c:v>
                </c:pt>
                <c:pt idx="7893">
                  <c:v>2.5000000000000001E-3</c:v>
                </c:pt>
                <c:pt idx="7894">
                  <c:v>2.5000000000000001E-3</c:v>
                </c:pt>
                <c:pt idx="7895">
                  <c:v>2.5000000000000001E-3</c:v>
                </c:pt>
                <c:pt idx="7896">
                  <c:v>2.5000000000000001E-3</c:v>
                </c:pt>
                <c:pt idx="7897">
                  <c:v>2.5000000000000001E-3</c:v>
                </c:pt>
                <c:pt idx="7898">
                  <c:v>2.5000000000000001E-3</c:v>
                </c:pt>
                <c:pt idx="7899">
                  <c:v>2.5000000000000001E-3</c:v>
                </c:pt>
                <c:pt idx="7900">
                  <c:v>2.5000000000000001E-3</c:v>
                </c:pt>
                <c:pt idx="7901">
                  <c:v>2.5000000000000001E-3</c:v>
                </c:pt>
                <c:pt idx="7902">
                  <c:v>2.5000000000000001E-3</c:v>
                </c:pt>
                <c:pt idx="7903">
                  <c:v>2.5000000000000001E-3</c:v>
                </c:pt>
                <c:pt idx="7904">
                  <c:v>2.5000000000000001E-3</c:v>
                </c:pt>
                <c:pt idx="7905">
                  <c:v>2.5000000000000001E-3</c:v>
                </c:pt>
                <c:pt idx="7906">
                  <c:v>2.5000000000000001E-3</c:v>
                </c:pt>
                <c:pt idx="7907">
                  <c:v>2.5000000000000001E-3</c:v>
                </c:pt>
                <c:pt idx="7908">
                  <c:v>2.5000000000000001E-3</c:v>
                </c:pt>
                <c:pt idx="7909">
                  <c:v>2.5000000000000001E-3</c:v>
                </c:pt>
                <c:pt idx="7910">
                  <c:v>2.5000000000000001E-3</c:v>
                </c:pt>
                <c:pt idx="7911">
                  <c:v>2.5000000000000001E-3</c:v>
                </c:pt>
                <c:pt idx="7912">
                  <c:v>2.5000000000000001E-3</c:v>
                </c:pt>
                <c:pt idx="7913">
                  <c:v>2.5000000000000001E-3</c:v>
                </c:pt>
                <c:pt idx="7914">
                  <c:v>2.5000000000000001E-3</c:v>
                </c:pt>
                <c:pt idx="7915">
                  <c:v>2.5000000000000001E-3</c:v>
                </c:pt>
                <c:pt idx="7916">
                  <c:v>2.5000000000000001E-3</c:v>
                </c:pt>
                <c:pt idx="7917">
                  <c:v>2.5000000000000001E-3</c:v>
                </c:pt>
                <c:pt idx="7918">
                  <c:v>2.5000000000000001E-3</c:v>
                </c:pt>
                <c:pt idx="7919">
                  <c:v>2.5000000000000001E-3</c:v>
                </c:pt>
                <c:pt idx="7920">
                  <c:v>2.5000000000000001E-3</c:v>
                </c:pt>
                <c:pt idx="7921">
                  <c:v>2.5000000000000001E-3</c:v>
                </c:pt>
                <c:pt idx="7922">
                  <c:v>2.5000000000000001E-3</c:v>
                </c:pt>
                <c:pt idx="7923">
                  <c:v>2.5000000000000001E-3</c:v>
                </c:pt>
                <c:pt idx="7924">
                  <c:v>2.5000000000000001E-3</c:v>
                </c:pt>
                <c:pt idx="7925">
                  <c:v>2.5000000000000001E-3</c:v>
                </c:pt>
                <c:pt idx="7926">
                  <c:v>2.5000000000000001E-3</c:v>
                </c:pt>
                <c:pt idx="7927">
                  <c:v>2.5000000000000001E-3</c:v>
                </c:pt>
                <c:pt idx="7928">
                  <c:v>2.5000000000000001E-3</c:v>
                </c:pt>
                <c:pt idx="7929">
                  <c:v>2.5000000000000001E-3</c:v>
                </c:pt>
                <c:pt idx="7930">
                  <c:v>2.5000000000000001E-3</c:v>
                </c:pt>
                <c:pt idx="7931">
                  <c:v>2.5000000000000001E-3</c:v>
                </c:pt>
                <c:pt idx="7932">
                  <c:v>2.5000000000000001E-3</c:v>
                </c:pt>
                <c:pt idx="7933">
                  <c:v>2.5000000000000001E-3</c:v>
                </c:pt>
                <c:pt idx="7934">
                  <c:v>2.5000000000000001E-3</c:v>
                </c:pt>
                <c:pt idx="7935">
                  <c:v>2.5000000000000001E-3</c:v>
                </c:pt>
                <c:pt idx="7936">
                  <c:v>2.5000000000000001E-3</c:v>
                </c:pt>
                <c:pt idx="7937">
                  <c:v>2.5000000000000001E-3</c:v>
                </c:pt>
                <c:pt idx="7938">
                  <c:v>2.5000000000000001E-3</c:v>
                </c:pt>
                <c:pt idx="7939">
                  <c:v>2.5000000000000001E-3</c:v>
                </c:pt>
                <c:pt idx="7940">
                  <c:v>2.5000000000000001E-3</c:v>
                </c:pt>
                <c:pt idx="7941">
                  <c:v>2.5000000000000001E-3</c:v>
                </c:pt>
                <c:pt idx="7942">
                  <c:v>2.5000000000000001E-3</c:v>
                </c:pt>
                <c:pt idx="7943">
                  <c:v>2.5000000000000001E-3</c:v>
                </c:pt>
                <c:pt idx="7944">
                  <c:v>2.5000000000000001E-3</c:v>
                </c:pt>
                <c:pt idx="7945">
                  <c:v>2.5000000000000001E-3</c:v>
                </c:pt>
                <c:pt idx="7946">
                  <c:v>2.5000000000000001E-3</c:v>
                </c:pt>
                <c:pt idx="7947">
                  <c:v>2.5000000000000001E-3</c:v>
                </c:pt>
                <c:pt idx="7948">
                  <c:v>2.5000000000000001E-3</c:v>
                </c:pt>
                <c:pt idx="7949">
                  <c:v>2.5000000000000001E-3</c:v>
                </c:pt>
                <c:pt idx="7950">
                  <c:v>2.5000000000000001E-3</c:v>
                </c:pt>
                <c:pt idx="7951">
                  <c:v>2.5000000000000001E-3</c:v>
                </c:pt>
                <c:pt idx="7952">
                  <c:v>2.5000000000000001E-3</c:v>
                </c:pt>
                <c:pt idx="7953">
                  <c:v>2.5000000000000001E-3</c:v>
                </c:pt>
                <c:pt idx="7954">
                  <c:v>2.5000000000000001E-3</c:v>
                </c:pt>
                <c:pt idx="7955">
                  <c:v>2.5000000000000001E-3</c:v>
                </c:pt>
                <c:pt idx="7956">
                  <c:v>2.5000000000000001E-3</c:v>
                </c:pt>
                <c:pt idx="7957">
                  <c:v>2.5000000000000001E-3</c:v>
                </c:pt>
                <c:pt idx="7958">
                  <c:v>2.5000000000000001E-3</c:v>
                </c:pt>
                <c:pt idx="7959">
                  <c:v>2.5000000000000001E-3</c:v>
                </c:pt>
                <c:pt idx="7960">
                  <c:v>2.5000000000000001E-3</c:v>
                </c:pt>
                <c:pt idx="7961">
                  <c:v>2.5000000000000001E-3</c:v>
                </c:pt>
                <c:pt idx="7962">
                  <c:v>2.5000000000000001E-3</c:v>
                </c:pt>
                <c:pt idx="7963">
                  <c:v>2.5000000000000001E-3</c:v>
                </c:pt>
                <c:pt idx="7964">
                  <c:v>2.5000000000000001E-3</c:v>
                </c:pt>
                <c:pt idx="7965">
                  <c:v>2.5000000000000001E-3</c:v>
                </c:pt>
                <c:pt idx="7966">
                  <c:v>2.5000000000000001E-3</c:v>
                </c:pt>
                <c:pt idx="7967">
                  <c:v>2.5000000000000001E-3</c:v>
                </c:pt>
                <c:pt idx="7968">
                  <c:v>2.5000000000000001E-3</c:v>
                </c:pt>
                <c:pt idx="7969">
                  <c:v>2.5000000000000001E-3</c:v>
                </c:pt>
                <c:pt idx="7970">
                  <c:v>2.5000000000000001E-3</c:v>
                </c:pt>
                <c:pt idx="7971">
                  <c:v>2.5000000000000001E-3</c:v>
                </c:pt>
                <c:pt idx="7972">
                  <c:v>2.5000000000000001E-3</c:v>
                </c:pt>
                <c:pt idx="7973">
                  <c:v>2.5000000000000001E-3</c:v>
                </c:pt>
                <c:pt idx="7974">
                  <c:v>2.5000000000000001E-3</c:v>
                </c:pt>
                <c:pt idx="7975">
                  <c:v>2.5000000000000001E-3</c:v>
                </c:pt>
                <c:pt idx="7976">
                  <c:v>2.5000000000000001E-3</c:v>
                </c:pt>
                <c:pt idx="7977">
                  <c:v>2.5000000000000001E-3</c:v>
                </c:pt>
                <c:pt idx="7978">
                  <c:v>2.5000000000000001E-3</c:v>
                </c:pt>
                <c:pt idx="7979">
                  <c:v>2.5000000000000001E-3</c:v>
                </c:pt>
                <c:pt idx="7980">
                  <c:v>2.5000000000000001E-3</c:v>
                </c:pt>
                <c:pt idx="7981">
                  <c:v>2.5000000000000001E-3</c:v>
                </c:pt>
                <c:pt idx="7982">
                  <c:v>2.5000000000000001E-3</c:v>
                </c:pt>
                <c:pt idx="7983">
                  <c:v>2.5000000000000001E-3</c:v>
                </c:pt>
                <c:pt idx="7984">
                  <c:v>2.5000000000000001E-3</c:v>
                </c:pt>
                <c:pt idx="7985">
                  <c:v>2.5000000000000001E-3</c:v>
                </c:pt>
                <c:pt idx="7986">
                  <c:v>2.5000000000000001E-3</c:v>
                </c:pt>
                <c:pt idx="7987">
                  <c:v>2.5000000000000001E-3</c:v>
                </c:pt>
                <c:pt idx="7988">
                  <c:v>2.5000000000000001E-3</c:v>
                </c:pt>
                <c:pt idx="7989">
                  <c:v>2.5000000000000001E-3</c:v>
                </c:pt>
                <c:pt idx="7990">
                  <c:v>2.5000000000000001E-3</c:v>
                </c:pt>
                <c:pt idx="7991">
                  <c:v>2.5000000000000001E-3</c:v>
                </c:pt>
                <c:pt idx="7992">
                  <c:v>2.5000000000000001E-3</c:v>
                </c:pt>
                <c:pt idx="7993">
                  <c:v>2.5000000000000001E-3</c:v>
                </c:pt>
                <c:pt idx="7994">
                  <c:v>2.5000000000000001E-3</c:v>
                </c:pt>
                <c:pt idx="7995">
                  <c:v>2.5000000000000001E-3</c:v>
                </c:pt>
                <c:pt idx="7996">
                  <c:v>2.5000000000000001E-3</c:v>
                </c:pt>
                <c:pt idx="7997">
                  <c:v>2.5000000000000001E-3</c:v>
                </c:pt>
                <c:pt idx="7998">
                  <c:v>2.5000000000000001E-3</c:v>
                </c:pt>
                <c:pt idx="7999">
                  <c:v>2.5000000000000001E-3</c:v>
                </c:pt>
                <c:pt idx="8000">
                  <c:v>2.5000000000000001E-3</c:v>
                </c:pt>
                <c:pt idx="8001">
                  <c:v>2.5000000000000001E-3</c:v>
                </c:pt>
                <c:pt idx="8002">
                  <c:v>2.5000000000000001E-3</c:v>
                </c:pt>
                <c:pt idx="8003">
                  <c:v>2.5000000000000001E-3</c:v>
                </c:pt>
                <c:pt idx="8004">
                  <c:v>2.5000000000000001E-3</c:v>
                </c:pt>
                <c:pt idx="8005">
                  <c:v>2.5000000000000001E-3</c:v>
                </c:pt>
                <c:pt idx="8006">
                  <c:v>2.5000000000000001E-3</c:v>
                </c:pt>
                <c:pt idx="8007">
                  <c:v>2.5000000000000001E-3</c:v>
                </c:pt>
                <c:pt idx="8008">
                  <c:v>2.5000000000000001E-3</c:v>
                </c:pt>
                <c:pt idx="8009">
                  <c:v>2.5000000000000001E-3</c:v>
                </c:pt>
                <c:pt idx="8010">
                  <c:v>2.5000000000000001E-3</c:v>
                </c:pt>
                <c:pt idx="8011">
                  <c:v>2.5000000000000001E-3</c:v>
                </c:pt>
                <c:pt idx="8012">
                  <c:v>2.5000000000000001E-3</c:v>
                </c:pt>
                <c:pt idx="8013">
                  <c:v>2.5000000000000001E-3</c:v>
                </c:pt>
                <c:pt idx="8014">
                  <c:v>2.5000000000000001E-3</c:v>
                </c:pt>
                <c:pt idx="8015">
                  <c:v>2.5000000000000001E-3</c:v>
                </c:pt>
                <c:pt idx="8016">
                  <c:v>2.5000000000000001E-3</c:v>
                </c:pt>
                <c:pt idx="8017">
                  <c:v>2.5000000000000001E-3</c:v>
                </c:pt>
                <c:pt idx="8018">
                  <c:v>2.5000000000000001E-3</c:v>
                </c:pt>
                <c:pt idx="8019">
                  <c:v>2.5000000000000001E-3</c:v>
                </c:pt>
                <c:pt idx="8020">
                  <c:v>2.5000000000000001E-3</c:v>
                </c:pt>
                <c:pt idx="8021">
                  <c:v>2.5000000000000001E-3</c:v>
                </c:pt>
                <c:pt idx="8022">
                  <c:v>2.5000000000000001E-3</c:v>
                </c:pt>
                <c:pt idx="8023">
                  <c:v>2.5000000000000001E-3</c:v>
                </c:pt>
                <c:pt idx="8024">
                  <c:v>2.5000000000000001E-3</c:v>
                </c:pt>
                <c:pt idx="8025">
                  <c:v>2.5000000000000001E-3</c:v>
                </c:pt>
                <c:pt idx="8026">
                  <c:v>2.5000000000000001E-3</c:v>
                </c:pt>
                <c:pt idx="8027">
                  <c:v>2.5000000000000001E-3</c:v>
                </c:pt>
                <c:pt idx="8028">
                  <c:v>2.5000000000000001E-3</c:v>
                </c:pt>
                <c:pt idx="8029">
                  <c:v>2.5000000000000001E-3</c:v>
                </c:pt>
                <c:pt idx="8030">
                  <c:v>2.5000000000000001E-3</c:v>
                </c:pt>
                <c:pt idx="8031">
                  <c:v>2.5000000000000001E-3</c:v>
                </c:pt>
                <c:pt idx="8032">
                  <c:v>2.5000000000000001E-3</c:v>
                </c:pt>
                <c:pt idx="8033">
                  <c:v>2.5000000000000001E-3</c:v>
                </c:pt>
                <c:pt idx="8034">
                  <c:v>2.5000000000000001E-3</c:v>
                </c:pt>
                <c:pt idx="8035">
                  <c:v>2.5000000000000001E-3</c:v>
                </c:pt>
                <c:pt idx="8036">
                  <c:v>2.5000000000000001E-3</c:v>
                </c:pt>
                <c:pt idx="8037">
                  <c:v>2.5000000000000001E-3</c:v>
                </c:pt>
                <c:pt idx="8038">
                  <c:v>2.5000000000000001E-3</c:v>
                </c:pt>
                <c:pt idx="8039">
                  <c:v>2.5000000000000001E-3</c:v>
                </c:pt>
                <c:pt idx="8040">
                  <c:v>2.5000000000000001E-3</c:v>
                </c:pt>
                <c:pt idx="8041">
                  <c:v>2.5000000000000001E-3</c:v>
                </c:pt>
                <c:pt idx="8042">
                  <c:v>2.5000000000000001E-3</c:v>
                </c:pt>
                <c:pt idx="8043">
                  <c:v>2.5000000000000001E-3</c:v>
                </c:pt>
                <c:pt idx="8044">
                  <c:v>2.5000000000000001E-3</c:v>
                </c:pt>
                <c:pt idx="8045">
                  <c:v>2.5000000000000001E-3</c:v>
                </c:pt>
                <c:pt idx="8046">
                  <c:v>2.5000000000000001E-3</c:v>
                </c:pt>
                <c:pt idx="8047">
                  <c:v>2.5000000000000001E-3</c:v>
                </c:pt>
                <c:pt idx="8048">
                  <c:v>2.5000000000000001E-3</c:v>
                </c:pt>
                <c:pt idx="8049">
                  <c:v>2.5000000000000001E-3</c:v>
                </c:pt>
                <c:pt idx="8050">
                  <c:v>2.5000000000000001E-3</c:v>
                </c:pt>
                <c:pt idx="8051">
                  <c:v>2.5000000000000001E-3</c:v>
                </c:pt>
                <c:pt idx="8052">
                  <c:v>2.5000000000000001E-3</c:v>
                </c:pt>
                <c:pt idx="8053">
                  <c:v>2.5000000000000001E-3</c:v>
                </c:pt>
                <c:pt idx="8054">
                  <c:v>2.5000000000000001E-3</c:v>
                </c:pt>
                <c:pt idx="8055">
                  <c:v>2.5000000000000001E-3</c:v>
                </c:pt>
                <c:pt idx="8056">
                  <c:v>2.5000000000000001E-3</c:v>
                </c:pt>
                <c:pt idx="8057">
                  <c:v>2.5000000000000001E-3</c:v>
                </c:pt>
                <c:pt idx="8058">
                  <c:v>2.5000000000000001E-3</c:v>
                </c:pt>
                <c:pt idx="8059">
                  <c:v>2.5000000000000001E-3</c:v>
                </c:pt>
                <c:pt idx="8060">
                  <c:v>2.5000000000000001E-3</c:v>
                </c:pt>
                <c:pt idx="8061">
                  <c:v>2.5000000000000001E-3</c:v>
                </c:pt>
                <c:pt idx="8062">
                  <c:v>2.5000000000000001E-3</c:v>
                </c:pt>
                <c:pt idx="8063">
                  <c:v>2.5000000000000001E-3</c:v>
                </c:pt>
                <c:pt idx="8064">
                  <c:v>2.5000000000000001E-3</c:v>
                </c:pt>
                <c:pt idx="8065">
                  <c:v>2.5000000000000001E-3</c:v>
                </c:pt>
                <c:pt idx="8066">
                  <c:v>2.5000000000000001E-3</c:v>
                </c:pt>
                <c:pt idx="8067">
                  <c:v>2.5000000000000001E-3</c:v>
                </c:pt>
                <c:pt idx="8068">
                  <c:v>2.5000000000000001E-3</c:v>
                </c:pt>
                <c:pt idx="8069">
                  <c:v>2.5000000000000001E-3</c:v>
                </c:pt>
                <c:pt idx="8070">
                  <c:v>2.5000000000000001E-3</c:v>
                </c:pt>
                <c:pt idx="8071">
                  <c:v>2.5000000000000001E-3</c:v>
                </c:pt>
                <c:pt idx="8072">
                  <c:v>2.5000000000000001E-3</c:v>
                </c:pt>
                <c:pt idx="8073">
                  <c:v>2.5000000000000001E-3</c:v>
                </c:pt>
                <c:pt idx="8074">
                  <c:v>2.5000000000000001E-3</c:v>
                </c:pt>
                <c:pt idx="8075">
                  <c:v>2.5000000000000001E-3</c:v>
                </c:pt>
                <c:pt idx="8076">
                  <c:v>2.5000000000000001E-3</c:v>
                </c:pt>
                <c:pt idx="8077">
                  <c:v>2.5000000000000001E-3</c:v>
                </c:pt>
                <c:pt idx="8078">
                  <c:v>2.5000000000000001E-3</c:v>
                </c:pt>
                <c:pt idx="8079">
                  <c:v>2.5000000000000001E-3</c:v>
                </c:pt>
                <c:pt idx="8080">
                  <c:v>2.5000000000000001E-3</c:v>
                </c:pt>
                <c:pt idx="8081">
                  <c:v>2.5000000000000001E-3</c:v>
                </c:pt>
                <c:pt idx="8082">
                  <c:v>2.5000000000000001E-3</c:v>
                </c:pt>
                <c:pt idx="8083">
                  <c:v>2.5000000000000001E-3</c:v>
                </c:pt>
                <c:pt idx="8084">
                  <c:v>2.5000000000000001E-3</c:v>
                </c:pt>
                <c:pt idx="8085">
                  <c:v>2.5000000000000001E-3</c:v>
                </c:pt>
                <c:pt idx="8086">
                  <c:v>2.5000000000000001E-3</c:v>
                </c:pt>
                <c:pt idx="8087">
                  <c:v>2.5000000000000001E-3</c:v>
                </c:pt>
                <c:pt idx="8088">
                  <c:v>2.5000000000000001E-3</c:v>
                </c:pt>
                <c:pt idx="8089">
                  <c:v>2.5000000000000001E-3</c:v>
                </c:pt>
                <c:pt idx="8090">
                  <c:v>2.5000000000000001E-3</c:v>
                </c:pt>
                <c:pt idx="8091">
                  <c:v>2.5000000000000001E-3</c:v>
                </c:pt>
                <c:pt idx="8092">
                  <c:v>2.5000000000000001E-3</c:v>
                </c:pt>
                <c:pt idx="8093">
                  <c:v>2.5000000000000001E-3</c:v>
                </c:pt>
                <c:pt idx="8094">
                  <c:v>2.5000000000000001E-3</c:v>
                </c:pt>
                <c:pt idx="8095">
                  <c:v>2.5000000000000001E-3</c:v>
                </c:pt>
                <c:pt idx="8096">
                  <c:v>2.5000000000000001E-3</c:v>
                </c:pt>
                <c:pt idx="8097">
                  <c:v>2.5000000000000001E-3</c:v>
                </c:pt>
                <c:pt idx="8098">
                  <c:v>2.5000000000000001E-3</c:v>
                </c:pt>
                <c:pt idx="8099">
                  <c:v>2.5000000000000001E-3</c:v>
                </c:pt>
                <c:pt idx="8100">
                  <c:v>2.5000000000000001E-3</c:v>
                </c:pt>
                <c:pt idx="8101">
                  <c:v>2.5000000000000001E-3</c:v>
                </c:pt>
                <c:pt idx="8102">
                  <c:v>2.5000000000000001E-3</c:v>
                </c:pt>
                <c:pt idx="8103">
                  <c:v>2.5000000000000001E-3</c:v>
                </c:pt>
                <c:pt idx="8104">
                  <c:v>2.5000000000000001E-3</c:v>
                </c:pt>
                <c:pt idx="8105">
                  <c:v>2.5000000000000001E-3</c:v>
                </c:pt>
                <c:pt idx="8106">
                  <c:v>2.5000000000000001E-3</c:v>
                </c:pt>
                <c:pt idx="8107">
                  <c:v>2.5000000000000001E-3</c:v>
                </c:pt>
                <c:pt idx="8108">
                  <c:v>2.5000000000000001E-3</c:v>
                </c:pt>
                <c:pt idx="8109">
                  <c:v>2.5000000000000001E-3</c:v>
                </c:pt>
                <c:pt idx="8110">
                  <c:v>2.5000000000000001E-3</c:v>
                </c:pt>
                <c:pt idx="8111">
                  <c:v>5.0000000000000001E-3</c:v>
                </c:pt>
                <c:pt idx="8112">
                  <c:v>5.0000000000000001E-3</c:v>
                </c:pt>
                <c:pt idx="8113">
                  <c:v>5.0000000000000001E-3</c:v>
                </c:pt>
                <c:pt idx="8114">
                  <c:v>5.0000000000000001E-3</c:v>
                </c:pt>
                <c:pt idx="8115">
                  <c:v>5.0000000000000001E-3</c:v>
                </c:pt>
                <c:pt idx="8116">
                  <c:v>5.0000000000000001E-3</c:v>
                </c:pt>
                <c:pt idx="8117">
                  <c:v>5.0000000000000001E-3</c:v>
                </c:pt>
                <c:pt idx="8118">
                  <c:v>5.0000000000000001E-3</c:v>
                </c:pt>
                <c:pt idx="8119">
                  <c:v>5.0000000000000001E-3</c:v>
                </c:pt>
                <c:pt idx="8120">
                  <c:v>5.0000000000000001E-3</c:v>
                </c:pt>
                <c:pt idx="8121">
                  <c:v>5.0000000000000001E-3</c:v>
                </c:pt>
                <c:pt idx="8122">
                  <c:v>5.0000000000000001E-3</c:v>
                </c:pt>
                <c:pt idx="8123">
                  <c:v>5.0000000000000001E-3</c:v>
                </c:pt>
                <c:pt idx="8124">
                  <c:v>5.0000000000000001E-3</c:v>
                </c:pt>
                <c:pt idx="8125">
                  <c:v>5.0000000000000001E-3</c:v>
                </c:pt>
                <c:pt idx="8126">
                  <c:v>5.0000000000000001E-3</c:v>
                </c:pt>
                <c:pt idx="8127">
                  <c:v>5.0000000000000001E-3</c:v>
                </c:pt>
                <c:pt idx="8128">
                  <c:v>5.0000000000000001E-3</c:v>
                </c:pt>
                <c:pt idx="8129">
                  <c:v>5.0000000000000001E-3</c:v>
                </c:pt>
                <c:pt idx="8130">
                  <c:v>5.0000000000000001E-3</c:v>
                </c:pt>
                <c:pt idx="8131">
                  <c:v>5.0000000000000001E-3</c:v>
                </c:pt>
                <c:pt idx="8132">
                  <c:v>5.0000000000000001E-3</c:v>
                </c:pt>
                <c:pt idx="8133">
                  <c:v>5.0000000000000001E-3</c:v>
                </c:pt>
                <c:pt idx="8134">
                  <c:v>5.0000000000000001E-3</c:v>
                </c:pt>
                <c:pt idx="8135">
                  <c:v>5.0000000000000001E-3</c:v>
                </c:pt>
                <c:pt idx="8136">
                  <c:v>5.0000000000000001E-3</c:v>
                </c:pt>
                <c:pt idx="8137">
                  <c:v>5.0000000000000001E-3</c:v>
                </c:pt>
                <c:pt idx="8138">
                  <c:v>5.0000000000000001E-3</c:v>
                </c:pt>
                <c:pt idx="8139">
                  <c:v>5.0000000000000001E-3</c:v>
                </c:pt>
                <c:pt idx="8140">
                  <c:v>5.0000000000000001E-3</c:v>
                </c:pt>
                <c:pt idx="8141">
                  <c:v>5.0000000000000001E-3</c:v>
                </c:pt>
                <c:pt idx="8142">
                  <c:v>5.0000000000000001E-3</c:v>
                </c:pt>
                <c:pt idx="8143">
                  <c:v>5.0000000000000001E-3</c:v>
                </c:pt>
                <c:pt idx="8144">
                  <c:v>5.0000000000000001E-3</c:v>
                </c:pt>
                <c:pt idx="8145">
                  <c:v>5.0000000000000001E-3</c:v>
                </c:pt>
                <c:pt idx="8146">
                  <c:v>5.0000000000000001E-3</c:v>
                </c:pt>
                <c:pt idx="8147">
                  <c:v>5.0000000000000001E-3</c:v>
                </c:pt>
                <c:pt idx="8148">
                  <c:v>5.0000000000000001E-3</c:v>
                </c:pt>
                <c:pt idx="8149">
                  <c:v>5.0000000000000001E-3</c:v>
                </c:pt>
                <c:pt idx="8150">
                  <c:v>5.0000000000000001E-3</c:v>
                </c:pt>
                <c:pt idx="8151">
                  <c:v>5.0000000000000001E-3</c:v>
                </c:pt>
                <c:pt idx="8152">
                  <c:v>5.0000000000000001E-3</c:v>
                </c:pt>
                <c:pt idx="8153">
                  <c:v>5.0000000000000001E-3</c:v>
                </c:pt>
                <c:pt idx="8154">
                  <c:v>5.0000000000000001E-3</c:v>
                </c:pt>
                <c:pt idx="8155">
                  <c:v>5.0000000000000001E-3</c:v>
                </c:pt>
                <c:pt idx="8156">
                  <c:v>5.0000000000000001E-3</c:v>
                </c:pt>
                <c:pt idx="8157">
                  <c:v>5.0000000000000001E-3</c:v>
                </c:pt>
                <c:pt idx="8158">
                  <c:v>5.0000000000000001E-3</c:v>
                </c:pt>
                <c:pt idx="8159">
                  <c:v>5.0000000000000001E-3</c:v>
                </c:pt>
                <c:pt idx="8160">
                  <c:v>0.01</c:v>
                </c:pt>
                <c:pt idx="8161">
                  <c:v>0.01</c:v>
                </c:pt>
                <c:pt idx="8162">
                  <c:v>0.01</c:v>
                </c:pt>
                <c:pt idx="8163">
                  <c:v>0.01</c:v>
                </c:pt>
                <c:pt idx="8164">
                  <c:v>0.01</c:v>
                </c:pt>
                <c:pt idx="8165">
                  <c:v>0.01</c:v>
                </c:pt>
                <c:pt idx="8166">
                  <c:v>0.01</c:v>
                </c:pt>
                <c:pt idx="8167">
                  <c:v>0.01</c:v>
                </c:pt>
                <c:pt idx="8168">
                  <c:v>0.01</c:v>
                </c:pt>
                <c:pt idx="8169">
                  <c:v>0.01</c:v>
                </c:pt>
                <c:pt idx="8170">
                  <c:v>0.01</c:v>
                </c:pt>
                <c:pt idx="8171">
                  <c:v>0.01</c:v>
                </c:pt>
                <c:pt idx="8172">
                  <c:v>0.01</c:v>
                </c:pt>
                <c:pt idx="8173">
                  <c:v>0.01</c:v>
                </c:pt>
                <c:pt idx="8174">
                  <c:v>0.01</c:v>
                </c:pt>
                <c:pt idx="8175">
                  <c:v>0.01</c:v>
                </c:pt>
                <c:pt idx="8176">
                  <c:v>0.01</c:v>
                </c:pt>
                <c:pt idx="8177">
                  <c:v>0.01</c:v>
                </c:pt>
                <c:pt idx="8178">
                  <c:v>0.01</c:v>
                </c:pt>
                <c:pt idx="8179">
                  <c:v>0.01</c:v>
                </c:pt>
                <c:pt idx="8180">
                  <c:v>0.01</c:v>
                </c:pt>
                <c:pt idx="8181">
                  <c:v>0.01</c:v>
                </c:pt>
                <c:pt idx="8182">
                  <c:v>0.01</c:v>
                </c:pt>
                <c:pt idx="8183">
                  <c:v>0.01</c:v>
                </c:pt>
                <c:pt idx="8184">
                  <c:v>0.01</c:v>
                </c:pt>
                <c:pt idx="8185">
                  <c:v>0.01</c:v>
                </c:pt>
                <c:pt idx="8186">
                  <c:v>0.01</c:v>
                </c:pt>
                <c:pt idx="8187">
                  <c:v>0.01</c:v>
                </c:pt>
                <c:pt idx="8188">
                  <c:v>0.01</c:v>
                </c:pt>
                <c:pt idx="8189">
                  <c:v>0.01</c:v>
                </c:pt>
                <c:pt idx="8190">
                  <c:v>0.01</c:v>
                </c:pt>
                <c:pt idx="8191">
                  <c:v>0.01</c:v>
                </c:pt>
                <c:pt idx="8192">
                  <c:v>0.01</c:v>
                </c:pt>
                <c:pt idx="8193">
                  <c:v>0.01</c:v>
                </c:pt>
                <c:pt idx="8194">
                  <c:v>0.01</c:v>
                </c:pt>
                <c:pt idx="8195">
                  <c:v>0.01</c:v>
                </c:pt>
                <c:pt idx="8196">
                  <c:v>0.01</c:v>
                </c:pt>
                <c:pt idx="8197">
                  <c:v>0.01</c:v>
                </c:pt>
                <c:pt idx="8198">
                  <c:v>0.01</c:v>
                </c:pt>
                <c:pt idx="8199">
                  <c:v>0.01</c:v>
                </c:pt>
                <c:pt idx="8200">
                  <c:v>0.01</c:v>
                </c:pt>
                <c:pt idx="8201">
                  <c:v>0.01</c:v>
                </c:pt>
                <c:pt idx="8202">
                  <c:v>1.7500000000000002E-2</c:v>
                </c:pt>
                <c:pt idx="8203">
                  <c:v>1.7500000000000002E-2</c:v>
                </c:pt>
                <c:pt idx="8204">
                  <c:v>1.7500000000000002E-2</c:v>
                </c:pt>
                <c:pt idx="8205">
                  <c:v>1.7500000000000002E-2</c:v>
                </c:pt>
                <c:pt idx="8206">
                  <c:v>1.7500000000000002E-2</c:v>
                </c:pt>
                <c:pt idx="8207">
                  <c:v>1.7500000000000002E-2</c:v>
                </c:pt>
                <c:pt idx="8208">
                  <c:v>1.7500000000000002E-2</c:v>
                </c:pt>
                <c:pt idx="8209">
                  <c:v>1.7500000000000002E-2</c:v>
                </c:pt>
                <c:pt idx="8210">
                  <c:v>1.7500000000000002E-2</c:v>
                </c:pt>
                <c:pt idx="8211">
                  <c:v>1.7500000000000002E-2</c:v>
                </c:pt>
                <c:pt idx="8212">
                  <c:v>1.7500000000000002E-2</c:v>
                </c:pt>
                <c:pt idx="8213">
                  <c:v>1.7500000000000002E-2</c:v>
                </c:pt>
                <c:pt idx="8214">
                  <c:v>1.7500000000000002E-2</c:v>
                </c:pt>
                <c:pt idx="8215">
                  <c:v>1.7500000000000002E-2</c:v>
                </c:pt>
                <c:pt idx="8216">
                  <c:v>1.7500000000000002E-2</c:v>
                </c:pt>
                <c:pt idx="8217">
                  <c:v>1.7500000000000002E-2</c:v>
                </c:pt>
                <c:pt idx="8218">
                  <c:v>1.7500000000000002E-2</c:v>
                </c:pt>
                <c:pt idx="8219">
                  <c:v>1.7500000000000002E-2</c:v>
                </c:pt>
                <c:pt idx="8220">
                  <c:v>1.7500000000000002E-2</c:v>
                </c:pt>
                <c:pt idx="8221">
                  <c:v>1.7500000000000002E-2</c:v>
                </c:pt>
                <c:pt idx="8222">
                  <c:v>1.7500000000000002E-2</c:v>
                </c:pt>
                <c:pt idx="8223">
                  <c:v>1.7500000000000002E-2</c:v>
                </c:pt>
                <c:pt idx="8224">
                  <c:v>1.7500000000000002E-2</c:v>
                </c:pt>
                <c:pt idx="8225">
                  <c:v>1.7500000000000002E-2</c:v>
                </c:pt>
                <c:pt idx="8226">
                  <c:v>1.7500000000000002E-2</c:v>
                </c:pt>
                <c:pt idx="8227">
                  <c:v>1.7500000000000002E-2</c:v>
                </c:pt>
                <c:pt idx="8228">
                  <c:v>1.7500000000000002E-2</c:v>
                </c:pt>
                <c:pt idx="8229">
                  <c:v>1.7500000000000002E-2</c:v>
                </c:pt>
                <c:pt idx="8230">
                  <c:v>1.7500000000000002E-2</c:v>
                </c:pt>
                <c:pt idx="8231">
                  <c:v>1.7500000000000002E-2</c:v>
                </c:pt>
                <c:pt idx="8232">
                  <c:v>1.7500000000000002E-2</c:v>
                </c:pt>
                <c:pt idx="8233">
                  <c:v>1.7500000000000002E-2</c:v>
                </c:pt>
                <c:pt idx="8234">
                  <c:v>1.7500000000000002E-2</c:v>
                </c:pt>
                <c:pt idx="8235">
                  <c:v>1.7500000000000002E-2</c:v>
                </c:pt>
                <c:pt idx="8236">
                  <c:v>1.7500000000000002E-2</c:v>
                </c:pt>
                <c:pt idx="8237">
                  <c:v>1.7500000000000002E-2</c:v>
                </c:pt>
                <c:pt idx="8238">
                  <c:v>1.7500000000000002E-2</c:v>
                </c:pt>
                <c:pt idx="8239">
                  <c:v>1.7500000000000002E-2</c:v>
                </c:pt>
                <c:pt idx="8240">
                  <c:v>1.7500000000000002E-2</c:v>
                </c:pt>
                <c:pt idx="8241">
                  <c:v>1.7500000000000002E-2</c:v>
                </c:pt>
                <c:pt idx="8242">
                  <c:v>1.7500000000000002E-2</c:v>
                </c:pt>
                <c:pt idx="8243">
                  <c:v>1.7500000000000002E-2</c:v>
                </c:pt>
                <c:pt idx="8244">
                  <c:v>2.5000000000000001E-2</c:v>
                </c:pt>
                <c:pt idx="8245">
                  <c:v>2.5000000000000001E-2</c:v>
                </c:pt>
                <c:pt idx="8246">
                  <c:v>2.5000000000000001E-2</c:v>
                </c:pt>
                <c:pt idx="8247">
                  <c:v>2.5000000000000001E-2</c:v>
                </c:pt>
                <c:pt idx="8248">
                  <c:v>2.5000000000000001E-2</c:v>
                </c:pt>
                <c:pt idx="8249">
                  <c:v>2.5000000000000001E-2</c:v>
                </c:pt>
                <c:pt idx="8250">
                  <c:v>2.5000000000000001E-2</c:v>
                </c:pt>
                <c:pt idx="8251">
                  <c:v>2.5000000000000001E-2</c:v>
                </c:pt>
                <c:pt idx="8252">
                  <c:v>2.5000000000000001E-2</c:v>
                </c:pt>
                <c:pt idx="8253">
                  <c:v>2.5000000000000001E-2</c:v>
                </c:pt>
                <c:pt idx="8254">
                  <c:v>2.5000000000000001E-2</c:v>
                </c:pt>
                <c:pt idx="8255">
                  <c:v>2.5000000000000001E-2</c:v>
                </c:pt>
                <c:pt idx="8256">
                  <c:v>2.5000000000000001E-2</c:v>
                </c:pt>
                <c:pt idx="8257">
                  <c:v>2.5000000000000001E-2</c:v>
                </c:pt>
                <c:pt idx="8258">
                  <c:v>2.5000000000000001E-2</c:v>
                </c:pt>
                <c:pt idx="8259">
                  <c:v>2.5000000000000001E-2</c:v>
                </c:pt>
                <c:pt idx="8260">
                  <c:v>2.5000000000000001E-2</c:v>
                </c:pt>
                <c:pt idx="8261">
                  <c:v>2.5000000000000001E-2</c:v>
                </c:pt>
                <c:pt idx="8262">
                  <c:v>2.5000000000000001E-2</c:v>
                </c:pt>
                <c:pt idx="8263">
                  <c:v>2.5000000000000001E-2</c:v>
                </c:pt>
                <c:pt idx="8264">
                  <c:v>2.5000000000000001E-2</c:v>
                </c:pt>
                <c:pt idx="8265">
                  <c:v>2.5000000000000001E-2</c:v>
                </c:pt>
                <c:pt idx="8266">
                  <c:v>2.5000000000000001E-2</c:v>
                </c:pt>
                <c:pt idx="8267">
                  <c:v>2.5000000000000001E-2</c:v>
                </c:pt>
                <c:pt idx="8268">
                  <c:v>2.5000000000000001E-2</c:v>
                </c:pt>
                <c:pt idx="8269">
                  <c:v>2.5000000000000001E-2</c:v>
                </c:pt>
                <c:pt idx="8270">
                  <c:v>2.5000000000000001E-2</c:v>
                </c:pt>
                <c:pt idx="8271">
                  <c:v>2.5000000000000001E-2</c:v>
                </c:pt>
                <c:pt idx="8272">
                  <c:v>2.5000000000000001E-2</c:v>
                </c:pt>
                <c:pt idx="8273">
                  <c:v>2.5000000000000001E-2</c:v>
                </c:pt>
                <c:pt idx="8274">
                  <c:v>2.5000000000000001E-2</c:v>
                </c:pt>
                <c:pt idx="8275">
                  <c:v>2.5000000000000001E-2</c:v>
                </c:pt>
                <c:pt idx="8276">
                  <c:v>2.5000000000000001E-2</c:v>
                </c:pt>
                <c:pt idx="8277">
                  <c:v>2.5000000000000001E-2</c:v>
                </c:pt>
                <c:pt idx="8278">
                  <c:v>2.5000000000000001E-2</c:v>
                </c:pt>
                <c:pt idx="8279">
                  <c:v>2.5000000000000001E-2</c:v>
                </c:pt>
                <c:pt idx="8280">
                  <c:v>2.5000000000000001E-2</c:v>
                </c:pt>
                <c:pt idx="8281">
                  <c:v>2.5000000000000001E-2</c:v>
                </c:pt>
                <c:pt idx="8282">
                  <c:v>2.5000000000000001E-2</c:v>
                </c:pt>
                <c:pt idx="8283">
                  <c:v>2.5000000000000001E-2</c:v>
                </c:pt>
                <c:pt idx="8284">
                  <c:v>2.5000000000000001E-2</c:v>
                </c:pt>
                <c:pt idx="8285">
                  <c:v>2.5000000000000001E-2</c:v>
                </c:pt>
                <c:pt idx="8286">
                  <c:v>2.5000000000000001E-2</c:v>
                </c:pt>
                <c:pt idx="8287">
                  <c:v>2.5000000000000001E-2</c:v>
                </c:pt>
                <c:pt idx="8288">
                  <c:v>2.5000000000000001E-2</c:v>
                </c:pt>
                <c:pt idx="8289">
                  <c:v>2.5000000000000001E-2</c:v>
                </c:pt>
                <c:pt idx="8290">
                  <c:v>2.5000000000000001E-2</c:v>
                </c:pt>
                <c:pt idx="8291">
                  <c:v>2.5000000000000001E-2</c:v>
                </c:pt>
                <c:pt idx="8292">
                  <c:v>2.5000000000000001E-2</c:v>
                </c:pt>
                <c:pt idx="8293">
                  <c:v>2.5000000000000001E-2</c:v>
                </c:pt>
                <c:pt idx="8294">
                  <c:v>2.5000000000000001E-2</c:v>
                </c:pt>
                <c:pt idx="8295">
                  <c:v>2.5000000000000001E-2</c:v>
                </c:pt>
                <c:pt idx="8296">
                  <c:v>2.5000000000000001E-2</c:v>
                </c:pt>
                <c:pt idx="8297">
                  <c:v>2.5000000000000001E-2</c:v>
                </c:pt>
                <c:pt idx="8298">
                  <c:v>2.5000000000000001E-2</c:v>
                </c:pt>
                <c:pt idx="8299">
                  <c:v>2.5000000000000001E-2</c:v>
                </c:pt>
                <c:pt idx="8300">
                  <c:v>3.2500000000000001E-2</c:v>
                </c:pt>
                <c:pt idx="8301">
                  <c:v>3.2500000000000001E-2</c:v>
                </c:pt>
                <c:pt idx="8302">
                  <c:v>3.2500000000000001E-2</c:v>
                </c:pt>
                <c:pt idx="8303">
                  <c:v>3.2500000000000001E-2</c:v>
                </c:pt>
                <c:pt idx="8304">
                  <c:v>3.2500000000000001E-2</c:v>
                </c:pt>
                <c:pt idx="8305">
                  <c:v>3.2500000000000001E-2</c:v>
                </c:pt>
                <c:pt idx="8306">
                  <c:v>3.2500000000000001E-2</c:v>
                </c:pt>
                <c:pt idx="8307">
                  <c:v>3.2500000000000001E-2</c:v>
                </c:pt>
                <c:pt idx="8308">
                  <c:v>3.2500000000000001E-2</c:v>
                </c:pt>
                <c:pt idx="8309">
                  <c:v>3.2500000000000001E-2</c:v>
                </c:pt>
                <c:pt idx="8310">
                  <c:v>3.2500000000000001E-2</c:v>
                </c:pt>
                <c:pt idx="8311">
                  <c:v>3.2500000000000001E-2</c:v>
                </c:pt>
                <c:pt idx="8312">
                  <c:v>3.2500000000000001E-2</c:v>
                </c:pt>
                <c:pt idx="8313">
                  <c:v>3.2500000000000001E-2</c:v>
                </c:pt>
                <c:pt idx="8314">
                  <c:v>3.2500000000000001E-2</c:v>
                </c:pt>
                <c:pt idx="8315">
                  <c:v>3.2500000000000001E-2</c:v>
                </c:pt>
                <c:pt idx="8316">
                  <c:v>3.2500000000000001E-2</c:v>
                </c:pt>
                <c:pt idx="8317">
                  <c:v>3.2500000000000001E-2</c:v>
                </c:pt>
                <c:pt idx="8318">
                  <c:v>3.2500000000000001E-2</c:v>
                </c:pt>
                <c:pt idx="8319">
                  <c:v>3.2500000000000001E-2</c:v>
                </c:pt>
                <c:pt idx="8320">
                  <c:v>3.2500000000000001E-2</c:v>
                </c:pt>
                <c:pt idx="8321">
                  <c:v>3.2500000000000001E-2</c:v>
                </c:pt>
                <c:pt idx="8322">
                  <c:v>3.2500000000000001E-2</c:v>
                </c:pt>
                <c:pt idx="8323">
                  <c:v>3.2500000000000001E-2</c:v>
                </c:pt>
                <c:pt idx="8324">
                  <c:v>3.2500000000000001E-2</c:v>
                </c:pt>
                <c:pt idx="8325">
                  <c:v>3.2500000000000001E-2</c:v>
                </c:pt>
                <c:pt idx="8326">
                  <c:v>3.2500000000000001E-2</c:v>
                </c:pt>
                <c:pt idx="8327">
                  <c:v>3.2500000000000001E-2</c:v>
                </c:pt>
                <c:pt idx="8328">
                  <c:v>3.2500000000000001E-2</c:v>
                </c:pt>
                <c:pt idx="8329">
                  <c:v>3.2500000000000001E-2</c:v>
                </c:pt>
                <c:pt idx="8330">
                  <c:v>3.2500000000000001E-2</c:v>
                </c:pt>
                <c:pt idx="8331">
                  <c:v>3.2500000000000001E-2</c:v>
                </c:pt>
                <c:pt idx="8332">
                  <c:v>3.2500000000000001E-2</c:v>
                </c:pt>
                <c:pt idx="8333">
                  <c:v>3.2500000000000001E-2</c:v>
                </c:pt>
                <c:pt idx="8334">
                  <c:v>3.2500000000000001E-2</c:v>
                </c:pt>
                <c:pt idx="8335">
                  <c:v>3.2500000000000001E-2</c:v>
                </c:pt>
                <c:pt idx="8336">
                  <c:v>3.2500000000000001E-2</c:v>
                </c:pt>
                <c:pt idx="8337">
                  <c:v>3.2500000000000001E-2</c:v>
                </c:pt>
                <c:pt idx="8338">
                  <c:v>3.2500000000000001E-2</c:v>
                </c:pt>
                <c:pt idx="8339">
                  <c:v>3.2500000000000001E-2</c:v>
                </c:pt>
                <c:pt idx="8340">
                  <c:v>3.2500000000000001E-2</c:v>
                </c:pt>
                <c:pt idx="8341">
                  <c:v>3.2500000000000001E-2</c:v>
                </c:pt>
                <c:pt idx="8342">
                  <c:v>0.04</c:v>
                </c:pt>
                <c:pt idx="8343">
                  <c:v>0.04</c:v>
                </c:pt>
                <c:pt idx="8344">
                  <c:v>0.04</c:v>
                </c:pt>
                <c:pt idx="8345">
                  <c:v>0.04</c:v>
                </c:pt>
                <c:pt idx="8346">
                  <c:v>0.04</c:v>
                </c:pt>
                <c:pt idx="8347">
                  <c:v>0.04</c:v>
                </c:pt>
                <c:pt idx="8348">
                  <c:v>0.04</c:v>
                </c:pt>
                <c:pt idx="8349">
                  <c:v>0.04</c:v>
                </c:pt>
                <c:pt idx="8350">
                  <c:v>0.04</c:v>
                </c:pt>
                <c:pt idx="8351">
                  <c:v>0.04</c:v>
                </c:pt>
                <c:pt idx="8352">
                  <c:v>0.04</c:v>
                </c:pt>
                <c:pt idx="8353">
                  <c:v>0.04</c:v>
                </c:pt>
                <c:pt idx="8354">
                  <c:v>0.04</c:v>
                </c:pt>
                <c:pt idx="8355">
                  <c:v>0.04</c:v>
                </c:pt>
                <c:pt idx="8356">
                  <c:v>0.04</c:v>
                </c:pt>
                <c:pt idx="8357">
                  <c:v>0.04</c:v>
                </c:pt>
                <c:pt idx="8358">
                  <c:v>0.04</c:v>
                </c:pt>
                <c:pt idx="8359">
                  <c:v>0.04</c:v>
                </c:pt>
                <c:pt idx="8360">
                  <c:v>0.04</c:v>
                </c:pt>
                <c:pt idx="8361">
                  <c:v>0.04</c:v>
                </c:pt>
                <c:pt idx="8362">
                  <c:v>0.04</c:v>
                </c:pt>
                <c:pt idx="8363">
                  <c:v>0.04</c:v>
                </c:pt>
                <c:pt idx="8364">
                  <c:v>0.04</c:v>
                </c:pt>
                <c:pt idx="8365">
                  <c:v>0.04</c:v>
                </c:pt>
                <c:pt idx="8366">
                  <c:v>0.04</c:v>
                </c:pt>
                <c:pt idx="8367">
                  <c:v>0.04</c:v>
                </c:pt>
                <c:pt idx="8368">
                  <c:v>0.04</c:v>
                </c:pt>
                <c:pt idx="8369">
                  <c:v>0.04</c:v>
                </c:pt>
                <c:pt idx="8370">
                  <c:v>0.04</c:v>
                </c:pt>
                <c:pt idx="8371">
                  <c:v>0.04</c:v>
                </c:pt>
                <c:pt idx="8372">
                  <c:v>0.04</c:v>
                </c:pt>
                <c:pt idx="8373">
                  <c:v>0.04</c:v>
                </c:pt>
                <c:pt idx="8374">
                  <c:v>0.04</c:v>
                </c:pt>
                <c:pt idx="8375">
                  <c:v>0.04</c:v>
                </c:pt>
                <c:pt idx="8376">
                  <c:v>0.04</c:v>
                </c:pt>
                <c:pt idx="8377">
                  <c:v>0.04</c:v>
                </c:pt>
                <c:pt idx="8378">
                  <c:v>0.04</c:v>
                </c:pt>
                <c:pt idx="8379">
                  <c:v>0.04</c:v>
                </c:pt>
                <c:pt idx="8380">
                  <c:v>0.04</c:v>
                </c:pt>
                <c:pt idx="8381">
                  <c:v>0.04</c:v>
                </c:pt>
                <c:pt idx="8382">
                  <c:v>0.04</c:v>
                </c:pt>
                <c:pt idx="8383">
                  <c:v>0.04</c:v>
                </c:pt>
                <c:pt idx="8384">
                  <c:v>4.4999999999999998E-2</c:v>
                </c:pt>
                <c:pt idx="8385">
                  <c:v>4.4999999999999998E-2</c:v>
                </c:pt>
                <c:pt idx="8386">
                  <c:v>4.4999999999999998E-2</c:v>
                </c:pt>
                <c:pt idx="8387">
                  <c:v>4.4999999999999998E-2</c:v>
                </c:pt>
                <c:pt idx="8388">
                  <c:v>4.4999999999999998E-2</c:v>
                </c:pt>
                <c:pt idx="8389">
                  <c:v>4.4999999999999998E-2</c:v>
                </c:pt>
                <c:pt idx="8390">
                  <c:v>4.4999999999999998E-2</c:v>
                </c:pt>
                <c:pt idx="8391">
                  <c:v>4.4999999999999998E-2</c:v>
                </c:pt>
                <c:pt idx="8392">
                  <c:v>4.4999999999999998E-2</c:v>
                </c:pt>
                <c:pt idx="8393">
                  <c:v>4.4999999999999998E-2</c:v>
                </c:pt>
                <c:pt idx="8394">
                  <c:v>4.4999999999999998E-2</c:v>
                </c:pt>
                <c:pt idx="8395">
                  <c:v>4.4999999999999998E-2</c:v>
                </c:pt>
                <c:pt idx="8396">
                  <c:v>4.4999999999999998E-2</c:v>
                </c:pt>
                <c:pt idx="8397">
                  <c:v>4.4999999999999998E-2</c:v>
                </c:pt>
                <c:pt idx="8398">
                  <c:v>4.4999999999999998E-2</c:v>
                </c:pt>
                <c:pt idx="8399">
                  <c:v>4.4999999999999998E-2</c:v>
                </c:pt>
                <c:pt idx="8400">
                  <c:v>4.4999999999999998E-2</c:v>
                </c:pt>
                <c:pt idx="8401">
                  <c:v>4.4999999999999998E-2</c:v>
                </c:pt>
                <c:pt idx="8402">
                  <c:v>4.4999999999999998E-2</c:v>
                </c:pt>
                <c:pt idx="8403">
                  <c:v>4.4999999999999998E-2</c:v>
                </c:pt>
                <c:pt idx="8404">
                  <c:v>4.4999999999999998E-2</c:v>
                </c:pt>
                <c:pt idx="8405">
                  <c:v>4.4999999999999998E-2</c:v>
                </c:pt>
                <c:pt idx="8406">
                  <c:v>4.4999999999999998E-2</c:v>
                </c:pt>
                <c:pt idx="8407">
                  <c:v>4.4999999999999998E-2</c:v>
                </c:pt>
                <c:pt idx="8408">
                  <c:v>4.4999999999999998E-2</c:v>
                </c:pt>
                <c:pt idx="8409">
                  <c:v>4.4999999999999998E-2</c:v>
                </c:pt>
                <c:pt idx="8410">
                  <c:v>4.4999999999999998E-2</c:v>
                </c:pt>
                <c:pt idx="8411">
                  <c:v>4.4999999999999998E-2</c:v>
                </c:pt>
                <c:pt idx="8412">
                  <c:v>4.4999999999999998E-2</c:v>
                </c:pt>
                <c:pt idx="8413">
                  <c:v>4.4999999999999998E-2</c:v>
                </c:pt>
                <c:pt idx="8414">
                  <c:v>4.4999999999999998E-2</c:v>
                </c:pt>
                <c:pt idx="8415">
                  <c:v>4.4999999999999998E-2</c:v>
                </c:pt>
                <c:pt idx="8416">
                  <c:v>4.4999999999999998E-2</c:v>
                </c:pt>
                <c:pt idx="8417">
                  <c:v>4.4999999999999998E-2</c:v>
                </c:pt>
                <c:pt idx="8418">
                  <c:v>4.4999999999999998E-2</c:v>
                </c:pt>
                <c:pt idx="8419">
                  <c:v>4.4999999999999998E-2</c:v>
                </c:pt>
                <c:pt idx="8420">
                  <c:v>4.4999999999999998E-2</c:v>
                </c:pt>
                <c:pt idx="8421">
                  <c:v>4.4999999999999998E-2</c:v>
                </c:pt>
                <c:pt idx="8422">
                  <c:v>4.4999999999999998E-2</c:v>
                </c:pt>
                <c:pt idx="8423">
                  <c:v>4.4999999999999998E-2</c:v>
                </c:pt>
                <c:pt idx="8424">
                  <c:v>4.4999999999999998E-2</c:v>
                </c:pt>
                <c:pt idx="8425">
                  <c:v>4.4999999999999998E-2</c:v>
                </c:pt>
                <c:pt idx="8426">
                  <c:v>4.4999999999999998E-2</c:v>
                </c:pt>
                <c:pt idx="8427">
                  <c:v>4.4999999999999998E-2</c:v>
                </c:pt>
                <c:pt idx="8428">
                  <c:v>4.4999999999999998E-2</c:v>
                </c:pt>
                <c:pt idx="8429">
                  <c:v>4.4999999999999998E-2</c:v>
                </c:pt>
                <c:pt idx="8430">
                  <c:v>4.4999999999999998E-2</c:v>
                </c:pt>
                <c:pt idx="8431">
                  <c:v>4.4999999999999998E-2</c:v>
                </c:pt>
                <c:pt idx="8432">
                  <c:v>4.4999999999999998E-2</c:v>
                </c:pt>
                <c:pt idx="8433">
                  <c:v>4.7500000000000001E-2</c:v>
                </c:pt>
                <c:pt idx="8434">
                  <c:v>4.7500000000000001E-2</c:v>
                </c:pt>
                <c:pt idx="8435">
                  <c:v>4.7500000000000001E-2</c:v>
                </c:pt>
                <c:pt idx="8436">
                  <c:v>4.7500000000000001E-2</c:v>
                </c:pt>
                <c:pt idx="8437">
                  <c:v>4.7500000000000001E-2</c:v>
                </c:pt>
                <c:pt idx="8438">
                  <c:v>4.7500000000000001E-2</c:v>
                </c:pt>
                <c:pt idx="8439">
                  <c:v>4.7500000000000001E-2</c:v>
                </c:pt>
                <c:pt idx="8440">
                  <c:v>4.7500000000000001E-2</c:v>
                </c:pt>
                <c:pt idx="8441">
                  <c:v>4.7500000000000001E-2</c:v>
                </c:pt>
                <c:pt idx="8442">
                  <c:v>4.7500000000000001E-2</c:v>
                </c:pt>
                <c:pt idx="8443">
                  <c:v>4.7500000000000001E-2</c:v>
                </c:pt>
                <c:pt idx="8444">
                  <c:v>4.7500000000000001E-2</c:v>
                </c:pt>
                <c:pt idx="8445">
                  <c:v>4.7500000000000001E-2</c:v>
                </c:pt>
                <c:pt idx="8446">
                  <c:v>4.7500000000000001E-2</c:v>
                </c:pt>
                <c:pt idx="8447">
                  <c:v>4.7500000000000001E-2</c:v>
                </c:pt>
                <c:pt idx="8448">
                  <c:v>4.7500000000000001E-2</c:v>
                </c:pt>
                <c:pt idx="8449">
                  <c:v>4.7500000000000001E-2</c:v>
                </c:pt>
                <c:pt idx="8450">
                  <c:v>4.7500000000000001E-2</c:v>
                </c:pt>
                <c:pt idx="8451">
                  <c:v>4.7500000000000001E-2</c:v>
                </c:pt>
                <c:pt idx="8452">
                  <c:v>4.7500000000000001E-2</c:v>
                </c:pt>
                <c:pt idx="8453">
                  <c:v>4.7500000000000001E-2</c:v>
                </c:pt>
                <c:pt idx="8454">
                  <c:v>4.7500000000000001E-2</c:v>
                </c:pt>
                <c:pt idx="8455">
                  <c:v>4.7500000000000001E-2</c:v>
                </c:pt>
                <c:pt idx="8456">
                  <c:v>4.7500000000000001E-2</c:v>
                </c:pt>
                <c:pt idx="8457">
                  <c:v>4.7500000000000001E-2</c:v>
                </c:pt>
                <c:pt idx="8458">
                  <c:v>4.7500000000000001E-2</c:v>
                </c:pt>
                <c:pt idx="8459">
                  <c:v>4.7500000000000001E-2</c:v>
                </c:pt>
                <c:pt idx="8460">
                  <c:v>4.7500000000000001E-2</c:v>
                </c:pt>
                <c:pt idx="8461">
                  <c:v>4.7500000000000001E-2</c:v>
                </c:pt>
                <c:pt idx="8462">
                  <c:v>4.7500000000000001E-2</c:v>
                </c:pt>
                <c:pt idx="8463">
                  <c:v>4.7500000000000001E-2</c:v>
                </c:pt>
                <c:pt idx="8464">
                  <c:v>4.7500000000000001E-2</c:v>
                </c:pt>
                <c:pt idx="8465">
                  <c:v>4.7500000000000001E-2</c:v>
                </c:pt>
                <c:pt idx="8466">
                  <c:v>4.7500000000000001E-2</c:v>
                </c:pt>
                <c:pt idx="8467">
                  <c:v>4.7500000000000001E-2</c:v>
                </c:pt>
                <c:pt idx="8468">
                  <c:v>4.7500000000000001E-2</c:v>
                </c:pt>
                <c:pt idx="8469">
                  <c:v>4.7500000000000001E-2</c:v>
                </c:pt>
                <c:pt idx="8470">
                  <c:v>4.7500000000000001E-2</c:v>
                </c:pt>
                <c:pt idx="8471">
                  <c:v>4.7500000000000001E-2</c:v>
                </c:pt>
                <c:pt idx="8472">
                  <c:v>4.7500000000000001E-2</c:v>
                </c:pt>
                <c:pt idx="8473">
                  <c:v>4.7500000000000001E-2</c:v>
                </c:pt>
                <c:pt idx="8474">
                  <c:v>4.7500000000000001E-2</c:v>
                </c:pt>
                <c:pt idx="8475">
                  <c:v>4.7500000000000001E-2</c:v>
                </c:pt>
                <c:pt idx="8476">
                  <c:v>4.7500000000000001E-2</c:v>
                </c:pt>
                <c:pt idx="8477">
                  <c:v>4.7500000000000001E-2</c:v>
                </c:pt>
                <c:pt idx="8478">
                  <c:v>4.7500000000000001E-2</c:v>
                </c:pt>
                <c:pt idx="8479">
                  <c:v>4.7500000000000001E-2</c:v>
                </c:pt>
                <c:pt idx="8480">
                  <c:v>4.7500000000000001E-2</c:v>
                </c:pt>
                <c:pt idx="8481">
                  <c:v>4.7500000000000001E-2</c:v>
                </c:pt>
                <c:pt idx="8482">
                  <c:v>0.05</c:v>
                </c:pt>
                <c:pt idx="8483">
                  <c:v>0.05</c:v>
                </c:pt>
                <c:pt idx="8484">
                  <c:v>0.05</c:v>
                </c:pt>
                <c:pt idx="8485">
                  <c:v>0.05</c:v>
                </c:pt>
                <c:pt idx="8486">
                  <c:v>0.05</c:v>
                </c:pt>
                <c:pt idx="8487">
                  <c:v>0.05</c:v>
                </c:pt>
                <c:pt idx="8488">
                  <c:v>0.05</c:v>
                </c:pt>
                <c:pt idx="8489">
                  <c:v>0.05</c:v>
                </c:pt>
                <c:pt idx="8490">
                  <c:v>0.05</c:v>
                </c:pt>
                <c:pt idx="8491">
                  <c:v>0.05</c:v>
                </c:pt>
                <c:pt idx="8492">
                  <c:v>0.05</c:v>
                </c:pt>
                <c:pt idx="8493">
                  <c:v>0.05</c:v>
                </c:pt>
                <c:pt idx="8494">
                  <c:v>0.05</c:v>
                </c:pt>
                <c:pt idx="8495">
                  <c:v>0.05</c:v>
                </c:pt>
                <c:pt idx="8496">
                  <c:v>0.05</c:v>
                </c:pt>
                <c:pt idx="8497">
                  <c:v>0.05</c:v>
                </c:pt>
                <c:pt idx="8498">
                  <c:v>0.05</c:v>
                </c:pt>
                <c:pt idx="8499">
                  <c:v>0.05</c:v>
                </c:pt>
                <c:pt idx="8500">
                  <c:v>0.05</c:v>
                </c:pt>
                <c:pt idx="8501">
                  <c:v>0.05</c:v>
                </c:pt>
                <c:pt idx="8502">
                  <c:v>0.05</c:v>
                </c:pt>
                <c:pt idx="8503">
                  <c:v>0.05</c:v>
                </c:pt>
                <c:pt idx="8504">
                  <c:v>0.05</c:v>
                </c:pt>
                <c:pt idx="8505">
                  <c:v>0.05</c:v>
                </c:pt>
                <c:pt idx="8506">
                  <c:v>0.05</c:v>
                </c:pt>
                <c:pt idx="8507">
                  <c:v>0.05</c:v>
                </c:pt>
                <c:pt idx="8508">
                  <c:v>0.05</c:v>
                </c:pt>
                <c:pt idx="8509">
                  <c:v>0.05</c:v>
                </c:pt>
                <c:pt idx="8510">
                  <c:v>0.05</c:v>
                </c:pt>
                <c:pt idx="8511">
                  <c:v>0.05</c:v>
                </c:pt>
                <c:pt idx="8512">
                  <c:v>0.05</c:v>
                </c:pt>
                <c:pt idx="8513">
                  <c:v>0.05</c:v>
                </c:pt>
                <c:pt idx="8514">
                  <c:v>0.05</c:v>
                </c:pt>
                <c:pt idx="8515">
                  <c:v>0.05</c:v>
                </c:pt>
                <c:pt idx="8516">
                  <c:v>0.05</c:v>
                </c:pt>
                <c:pt idx="8517">
                  <c:v>0.05</c:v>
                </c:pt>
                <c:pt idx="8518">
                  <c:v>0.05</c:v>
                </c:pt>
                <c:pt idx="8519">
                  <c:v>0.05</c:v>
                </c:pt>
                <c:pt idx="8520">
                  <c:v>0.05</c:v>
                </c:pt>
                <c:pt idx="8521">
                  <c:v>0.05</c:v>
                </c:pt>
                <c:pt idx="8522">
                  <c:v>0.05</c:v>
                </c:pt>
                <c:pt idx="8523">
                  <c:v>0.05</c:v>
                </c:pt>
                <c:pt idx="8524">
                  <c:v>5.2499999999999998E-2</c:v>
                </c:pt>
                <c:pt idx="8525">
                  <c:v>5.2499999999999998E-2</c:v>
                </c:pt>
                <c:pt idx="8526">
                  <c:v>5.2499999999999998E-2</c:v>
                </c:pt>
                <c:pt idx="8527">
                  <c:v>5.2499999999999998E-2</c:v>
                </c:pt>
                <c:pt idx="8528">
                  <c:v>5.2499999999999998E-2</c:v>
                </c:pt>
                <c:pt idx="8529">
                  <c:v>5.2499999999999998E-2</c:v>
                </c:pt>
                <c:pt idx="8530">
                  <c:v>5.2499999999999998E-2</c:v>
                </c:pt>
                <c:pt idx="8531">
                  <c:v>5.2499999999999998E-2</c:v>
                </c:pt>
                <c:pt idx="8532">
                  <c:v>5.2499999999999998E-2</c:v>
                </c:pt>
                <c:pt idx="8533">
                  <c:v>5.2499999999999998E-2</c:v>
                </c:pt>
                <c:pt idx="8534">
                  <c:v>5.2499999999999998E-2</c:v>
                </c:pt>
                <c:pt idx="8535">
                  <c:v>5.2499999999999998E-2</c:v>
                </c:pt>
                <c:pt idx="8536">
                  <c:v>5.2499999999999998E-2</c:v>
                </c:pt>
                <c:pt idx="8537">
                  <c:v>5.2499999999999998E-2</c:v>
                </c:pt>
                <c:pt idx="8538">
                  <c:v>5.2499999999999998E-2</c:v>
                </c:pt>
                <c:pt idx="8539">
                  <c:v>5.2499999999999998E-2</c:v>
                </c:pt>
                <c:pt idx="8540">
                  <c:v>5.2499999999999998E-2</c:v>
                </c:pt>
                <c:pt idx="8541">
                  <c:v>5.2499999999999998E-2</c:v>
                </c:pt>
                <c:pt idx="8542">
                  <c:v>5.2499999999999998E-2</c:v>
                </c:pt>
                <c:pt idx="8543">
                  <c:v>5.2499999999999998E-2</c:v>
                </c:pt>
                <c:pt idx="8544">
                  <c:v>5.2499999999999998E-2</c:v>
                </c:pt>
                <c:pt idx="8545">
                  <c:v>5.2499999999999998E-2</c:v>
                </c:pt>
                <c:pt idx="8546">
                  <c:v>5.2499999999999998E-2</c:v>
                </c:pt>
                <c:pt idx="8547">
                  <c:v>5.2499999999999998E-2</c:v>
                </c:pt>
                <c:pt idx="8548">
                  <c:v>5.2499999999999998E-2</c:v>
                </c:pt>
                <c:pt idx="8549">
                  <c:v>5.2499999999999998E-2</c:v>
                </c:pt>
                <c:pt idx="8550">
                  <c:v>5.2499999999999998E-2</c:v>
                </c:pt>
                <c:pt idx="8551">
                  <c:v>5.2499999999999998E-2</c:v>
                </c:pt>
                <c:pt idx="8552">
                  <c:v>5.2499999999999998E-2</c:v>
                </c:pt>
                <c:pt idx="8553">
                  <c:v>5.2499999999999998E-2</c:v>
                </c:pt>
                <c:pt idx="8554">
                  <c:v>5.2499999999999998E-2</c:v>
                </c:pt>
                <c:pt idx="8555">
                  <c:v>5.2499999999999998E-2</c:v>
                </c:pt>
                <c:pt idx="8556">
                  <c:v>5.2499999999999998E-2</c:v>
                </c:pt>
                <c:pt idx="8557">
                  <c:v>5.2499999999999998E-2</c:v>
                </c:pt>
                <c:pt idx="8558">
                  <c:v>5.2499999999999998E-2</c:v>
                </c:pt>
                <c:pt idx="8559">
                  <c:v>5.2499999999999998E-2</c:v>
                </c:pt>
                <c:pt idx="8560">
                  <c:v>5.2499999999999998E-2</c:v>
                </c:pt>
                <c:pt idx="8561">
                  <c:v>5.2499999999999998E-2</c:v>
                </c:pt>
                <c:pt idx="8562">
                  <c:v>5.2499999999999998E-2</c:v>
                </c:pt>
                <c:pt idx="8563">
                  <c:v>5.2499999999999998E-2</c:v>
                </c:pt>
                <c:pt idx="8564">
                  <c:v>5.2499999999999998E-2</c:v>
                </c:pt>
                <c:pt idx="8565">
                  <c:v>5.2499999999999998E-2</c:v>
                </c:pt>
                <c:pt idx="8566">
                  <c:v>5.2499999999999998E-2</c:v>
                </c:pt>
                <c:pt idx="8567">
                  <c:v>5.2499999999999998E-2</c:v>
                </c:pt>
                <c:pt idx="8568">
                  <c:v>5.2499999999999998E-2</c:v>
                </c:pt>
                <c:pt idx="8569">
                  <c:v>5.2499999999999998E-2</c:v>
                </c:pt>
                <c:pt idx="8570">
                  <c:v>5.2499999999999998E-2</c:v>
                </c:pt>
                <c:pt idx="8571">
                  <c:v>5.2499999999999998E-2</c:v>
                </c:pt>
                <c:pt idx="8572">
                  <c:v>5.2499999999999998E-2</c:v>
                </c:pt>
                <c:pt idx="8573">
                  <c:v>5.2499999999999998E-2</c:v>
                </c:pt>
                <c:pt idx="8574">
                  <c:v>5.2499999999999998E-2</c:v>
                </c:pt>
                <c:pt idx="8575">
                  <c:v>5.2499999999999998E-2</c:v>
                </c:pt>
                <c:pt idx="8576">
                  <c:v>5.2499999999999998E-2</c:v>
                </c:pt>
                <c:pt idx="8577">
                  <c:v>5.2499999999999998E-2</c:v>
                </c:pt>
                <c:pt idx="8578">
                  <c:v>5.2499999999999998E-2</c:v>
                </c:pt>
                <c:pt idx="8579">
                  <c:v>5.2499999999999998E-2</c:v>
                </c:pt>
                <c:pt idx="8580">
                  <c:v>5.2499999999999998E-2</c:v>
                </c:pt>
                <c:pt idx="8581">
                  <c:v>5.2499999999999998E-2</c:v>
                </c:pt>
                <c:pt idx="8582">
                  <c:v>5.2499999999999998E-2</c:v>
                </c:pt>
                <c:pt idx="8583">
                  <c:v>5.2499999999999998E-2</c:v>
                </c:pt>
                <c:pt idx="8584">
                  <c:v>5.2499999999999998E-2</c:v>
                </c:pt>
                <c:pt idx="8585">
                  <c:v>5.2499999999999998E-2</c:v>
                </c:pt>
                <c:pt idx="8586">
                  <c:v>5.2499999999999998E-2</c:v>
                </c:pt>
                <c:pt idx="8587">
                  <c:v>5.2499999999999998E-2</c:v>
                </c:pt>
                <c:pt idx="8588">
                  <c:v>5.2499999999999998E-2</c:v>
                </c:pt>
                <c:pt idx="8589">
                  <c:v>5.2499999999999998E-2</c:v>
                </c:pt>
                <c:pt idx="8590">
                  <c:v>5.2499999999999998E-2</c:v>
                </c:pt>
                <c:pt idx="8591">
                  <c:v>5.2499999999999998E-2</c:v>
                </c:pt>
                <c:pt idx="8592">
                  <c:v>5.2499999999999998E-2</c:v>
                </c:pt>
                <c:pt idx="8593">
                  <c:v>5.2499999999999998E-2</c:v>
                </c:pt>
                <c:pt idx="8594">
                  <c:v>5.2499999999999998E-2</c:v>
                </c:pt>
                <c:pt idx="8595">
                  <c:v>5.2499999999999998E-2</c:v>
                </c:pt>
                <c:pt idx="8596">
                  <c:v>5.2499999999999998E-2</c:v>
                </c:pt>
                <c:pt idx="8597">
                  <c:v>5.2499999999999998E-2</c:v>
                </c:pt>
                <c:pt idx="8598">
                  <c:v>5.2499999999999998E-2</c:v>
                </c:pt>
                <c:pt idx="8599">
                  <c:v>5.2499999999999998E-2</c:v>
                </c:pt>
                <c:pt idx="8600">
                  <c:v>5.2499999999999998E-2</c:v>
                </c:pt>
                <c:pt idx="8601">
                  <c:v>5.2499999999999998E-2</c:v>
                </c:pt>
                <c:pt idx="8602">
                  <c:v>5.2499999999999998E-2</c:v>
                </c:pt>
                <c:pt idx="8603">
                  <c:v>5.2499999999999998E-2</c:v>
                </c:pt>
                <c:pt idx="8604">
                  <c:v>5.2499999999999998E-2</c:v>
                </c:pt>
                <c:pt idx="8605">
                  <c:v>5.2499999999999998E-2</c:v>
                </c:pt>
                <c:pt idx="8606">
                  <c:v>5.2499999999999998E-2</c:v>
                </c:pt>
                <c:pt idx="8607">
                  <c:v>5.2499999999999998E-2</c:v>
                </c:pt>
                <c:pt idx="8608">
                  <c:v>5.5E-2</c:v>
                </c:pt>
                <c:pt idx="8609">
                  <c:v>5.5E-2</c:v>
                </c:pt>
                <c:pt idx="8610">
                  <c:v>5.5E-2</c:v>
                </c:pt>
                <c:pt idx="8611">
                  <c:v>5.5E-2</c:v>
                </c:pt>
                <c:pt idx="8612">
                  <c:v>5.5E-2</c:v>
                </c:pt>
                <c:pt idx="8613">
                  <c:v>5.5E-2</c:v>
                </c:pt>
                <c:pt idx="8614">
                  <c:v>5.5E-2</c:v>
                </c:pt>
                <c:pt idx="8615">
                  <c:v>5.5E-2</c:v>
                </c:pt>
                <c:pt idx="8616">
                  <c:v>5.5E-2</c:v>
                </c:pt>
                <c:pt idx="8617">
                  <c:v>5.5E-2</c:v>
                </c:pt>
                <c:pt idx="8618">
                  <c:v>5.5E-2</c:v>
                </c:pt>
                <c:pt idx="8619">
                  <c:v>5.5E-2</c:v>
                </c:pt>
                <c:pt idx="8620">
                  <c:v>5.5E-2</c:v>
                </c:pt>
                <c:pt idx="8621">
                  <c:v>5.5E-2</c:v>
                </c:pt>
                <c:pt idx="8622">
                  <c:v>5.5E-2</c:v>
                </c:pt>
                <c:pt idx="8623">
                  <c:v>5.5E-2</c:v>
                </c:pt>
                <c:pt idx="8624">
                  <c:v>5.5E-2</c:v>
                </c:pt>
                <c:pt idx="8625">
                  <c:v>5.5E-2</c:v>
                </c:pt>
                <c:pt idx="8626">
                  <c:v>5.5E-2</c:v>
                </c:pt>
                <c:pt idx="8627">
                  <c:v>5.5E-2</c:v>
                </c:pt>
                <c:pt idx="8628">
                  <c:v>5.5E-2</c:v>
                </c:pt>
                <c:pt idx="8629">
                  <c:v>5.5E-2</c:v>
                </c:pt>
                <c:pt idx="8630">
                  <c:v>5.5E-2</c:v>
                </c:pt>
                <c:pt idx="8631">
                  <c:v>5.5E-2</c:v>
                </c:pt>
                <c:pt idx="8632">
                  <c:v>5.5E-2</c:v>
                </c:pt>
                <c:pt idx="8633">
                  <c:v>5.5E-2</c:v>
                </c:pt>
                <c:pt idx="8634">
                  <c:v>5.5E-2</c:v>
                </c:pt>
                <c:pt idx="8635">
                  <c:v>5.5E-2</c:v>
                </c:pt>
                <c:pt idx="8636">
                  <c:v>5.5E-2</c:v>
                </c:pt>
                <c:pt idx="8637">
                  <c:v>5.5E-2</c:v>
                </c:pt>
                <c:pt idx="8638">
                  <c:v>5.5E-2</c:v>
                </c:pt>
                <c:pt idx="8639">
                  <c:v>5.5E-2</c:v>
                </c:pt>
                <c:pt idx="8640">
                  <c:v>5.5E-2</c:v>
                </c:pt>
                <c:pt idx="8641">
                  <c:v>5.5E-2</c:v>
                </c:pt>
                <c:pt idx="8642">
                  <c:v>5.5E-2</c:v>
                </c:pt>
                <c:pt idx="8643">
                  <c:v>5.5E-2</c:v>
                </c:pt>
                <c:pt idx="8644">
                  <c:v>5.5E-2</c:v>
                </c:pt>
                <c:pt idx="8645">
                  <c:v>5.5E-2</c:v>
                </c:pt>
                <c:pt idx="8646">
                  <c:v>5.5E-2</c:v>
                </c:pt>
                <c:pt idx="8647">
                  <c:v>5.5E-2</c:v>
                </c:pt>
                <c:pt idx="8648">
                  <c:v>5.5E-2</c:v>
                </c:pt>
                <c:pt idx="8649">
                  <c:v>5.5E-2</c:v>
                </c:pt>
                <c:pt idx="8650">
                  <c:v>5.5E-2</c:v>
                </c:pt>
                <c:pt idx="8651">
                  <c:v>5.5E-2</c:v>
                </c:pt>
                <c:pt idx="8652">
                  <c:v>5.5E-2</c:v>
                </c:pt>
                <c:pt idx="8653">
                  <c:v>5.5E-2</c:v>
                </c:pt>
                <c:pt idx="8654">
                  <c:v>5.5E-2</c:v>
                </c:pt>
                <c:pt idx="8655">
                  <c:v>5.5E-2</c:v>
                </c:pt>
                <c:pt idx="8656">
                  <c:v>5.5E-2</c:v>
                </c:pt>
                <c:pt idx="8657">
                  <c:v>5.5E-2</c:v>
                </c:pt>
                <c:pt idx="8658">
                  <c:v>5.5E-2</c:v>
                </c:pt>
                <c:pt idx="8659">
                  <c:v>5.5E-2</c:v>
                </c:pt>
                <c:pt idx="8660">
                  <c:v>5.5E-2</c:v>
                </c:pt>
                <c:pt idx="8661">
                  <c:v>5.5E-2</c:v>
                </c:pt>
                <c:pt idx="8662">
                  <c:v>5.5E-2</c:v>
                </c:pt>
                <c:pt idx="8663">
                  <c:v>5.5E-2</c:v>
                </c:pt>
                <c:pt idx="8664">
                  <c:v>5.5E-2</c:v>
                </c:pt>
                <c:pt idx="8665">
                  <c:v>5.5E-2</c:v>
                </c:pt>
                <c:pt idx="8666">
                  <c:v>5.5E-2</c:v>
                </c:pt>
                <c:pt idx="8667">
                  <c:v>5.5E-2</c:v>
                </c:pt>
                <c:pt idx="8668">
                  <c:v>5.5E-2</c:v>
                </c:pt>
                <c:pt idx="8669">
                  <c:v>5.5E-2</c:v>
                </c:pt>
                <c:pt idx="8670">
                  <c:v>5.5E-2</c:v>
                </c:pt>
                <c:pt idx="8671">
                  <c:v>5.5E-2</c:v>
                </c:pt>
                <c:pt idx="8672">
                  <c:v>5.5E-2</c:v>
                </c:pt>
                <c:pt idx="8673">
                  <c:v>5.5E-2</c:v>
                </c:pt>
                <c:pt idx="8674">
                  <c:v>5.5E-2</c:v>
                </c:pt>
                <c:pt idx="8675">
                  <c:v>5.5E-2</c:v>
                </c:pt>
                <c:pt idx="8676">
                  <c:v>5.5E-2</c:v>
                </c:pt>
                <c:pt idx="8677">
                  <c:v>5.5E-2</c:v>
                </c:pt>
                <c:pt idx="8678">
                  <c:v>5.5E-2</c:v>
                </c:pt>
                <c:pt idx="8679">
                  <c:v>5.5E-2</c:v>
                </c:pt>
                <c:pt idx="8680">
                  <c:v>5.5E-2</c:v>
                </c:pt>
                <c:pt idx="8681">
                  <c:v>5.5E-2</c:v>
                </c:pt>
                <c:pt idx="8682">
                  <c:v>5.5E-2</c:v>
                </c:pt>
                <c:pt idx="8683">
                  <c:v>5.5E-2</c:v>
                </c:pt>
                <c:pt idx="8684">
                  <c:v>5.5E-2</c:v>
                </c:pt>
                <c:pt idx="8685">
                  <c:v>5.5E-2</c:v>
                </c:pt>
                <c:pt idx="8686">
                  <c:v>5.5E-2</c:v>
                </c:pt>
                <c:pt idx="8687">
                  <c:v>5.5E-2</c:v>
                </c:pt>
                <c:pt idx="8688">
                  <c:v>5.5E-2</c:v>
                </c:pt>
                <c:pt idx="8689">
                  <c:v>5.5E-2</c:v>
                </c:pt>
                <c:pt idx="8690">
                  <c:v>5.5E-2</c:v>
                </c:pt>
                <c:pt idx="8691">
                  <c:v>5.5E-2</c:v>
                </c:pt>
                <c:pt idx="8692">
                  <c:v>5.5E-2</c:v>
                </c:pt>
                <c:pt idx="8693">
                  <c:v>5.5E-2</c:v>
                </c:pt>
                <c:pt idx="8694">
                  <c:v>5.5E-2</c:v>
                </c:pt>
                <c:pt idx="8695">
                  <c:v>5.5E-2</c:v>
                </c:pt>
                <c:pt idx="8696">
                  <c:v>5.5E-2</c:v>
                </c:pt>
                <c:pt idx="8697">
                  <c:v>5.5E-2</c:v>
                </c:pt>
                <c:pt idx="8698">
                  <c:v>5.5E-2</c:v>
                </c:pt>
                <c:pt idx="8699">
                  <c:v>5.5E-2</c:v>
                </c:pt>
                <c:pt idx="8700">
                  <c:v>5.5E-2</c:v>
                </c:pt>
                <c:pt idx="8701">
                  <c:v>5.5E-2</c:v>
                </c:pt>
                <c:pt idx="8702">
                  <c:v>5.5E-2</c:v>
                </c:pt>
                <c:pt idx="8703">
                  <c:v>5.5E-2</c:v>
                </c:pt>
                <c:pt idx="8704">
                  <c:v>5.5E-2</c:v>
                </c:pt>
                <c:pt idx="8705">
                  <c:v>5.5E-2</c:v>
                </c:pt>
                <c:pt idx="8706">
                  <c:v>5.5E-2</c:v>
                </c:pt>
                <c:pt idx="8707">
                  <c:v>5.5E-2</c:v>
                </c:pt>
                <c:pt idx="8708">
                  <c:v>5.5E-2</c:v>
                </c:pt>
                <c:pt idx="8709">
                  <c:v>5.5E-2</c:v>
                </c:pt>
                <c:pt idx="8710">
                  <c:v>5.5E-2</c:v>
                </c:pt>
                <c:pt idx="8711">
                  <c:v>5.5E-2</c:v>
                </c:pt>
                <c:pt idx="8712">
                  <c:v>5.5E-2</c:v>
                </c:pt>
                <c:pt idx="8713">
                  <c:v>5.5E-2</c:v>
                </c:pt>
                <c:pt idx="8714">
                  <c:v>5.5E-2</c:v>
                </c:pt>
                <c:pt idx="8715">
                  <c:v>5.5E-2</c:v>
                </c:pt>
                <c:pt idx="8716">
                  <c:v>5.5E-2</c:v>
                </c:pt>
                <c:pt idx="8717">
                  <c:v>5.5E-2</c:v>
                </c:pt>
                <c:pt idx="8718">
                  <c:v>5.5E-2</c:v>
                </c:pt>
                <c:pt idx="8719">
                  <c:v>5.5E-2</c:v>
                </c:pt>
                <c:pt idx="8720">
                  <c:v>5.5E-2</c:v>
                </c:pt>
                <c:pt idx="8721">
                  <c:v>5.5E-2</c:v>
                </c:pt>
                <c:pt idx="8722">
                  <c:v>5.5E-2</c:v>
                </c:pt>
                <c:pt idx="8723">
                  <c:v>5.5E-2</c:v>
                </c:pt>
                <c:pt idx="8724">
                  <c:v>5.5E-2</c:v>
                </c:pt>
                <c:pt idx="8725">
                  <c:v>5.5E-2</c:v>
                </c:pt>
                <c:pt idx="8726">
                  <c:v>5.5E-2</c:v>
                </c:pt>
                <c:pt idx="8727">
                  <c:v>5.5E-2</c:v>
                </c:pt>
                <c:pt idx="8728">
                  <c:v>5.5E-2</c:v>
                </c:pt>
                <c:pt idx="8729">
                  <c:v>5.5E-2</c:v>
                </c:pt>
                <c:pt idx="8730">
                  <c:v>5.5E-2</c:v>
                </c:pt>
                <c:pt idx="8731">
                  <c:v>5.5E-2</c:v>
                </c:pt>
                <c:pt idx="8732">
                  <c:v>5.5E-2</c:v>
                </c:pt>
                <c:pt idx="8733">
                  <c:v>5.5E-2</c:v>
                </c:pt>
                <c:pt idx="8734">
                  <c:v>5.5E-2</c:v>
                </c:pt>
                <c:pt idx="8735">
                  <c:v>5.5E-2</c:v>
                </c:pt>
                <c:pt idx="8736">
                  <c:v>5.5E-2</c:v>
                </c:pt>
                <c:pt idx="8737">
                  <c:v>5.5E-2</c:v>
                </c:pt>
                <c:pt idx="8738">
                  <c:v>5.5E-2</c:v>
                </c:pt>
                <c:pt idx="8739">
                  <c:v>5.5E-2</c:v>
                </c:pt>
                <c:pt idx="8740">
                  <c:v>5.5E-2</c:v>
                </c:pt>
                <c:pt idx="8741">
                  <c:v>5.5E-2</c:v>
                </c:pt>
                <c:pt idx="8742">
                  <c:v>5.5E-2</c:v>
                </c:pt>
                <c:pt idx="8743">
                  <c:v>5.5E-2</c:v>
                </c:pt>
                <c:pt idx="8744">
                  <c:v>5.5E-2</c:v>
                </c:pt>
                <c:pt idx="8745">
                  <c:v>5.5E-2</c:v>
                </c:pt>
                <c:pt idx="8746">
                  <c:v>5.5E-2</c:v>
                </c:pt>
                <c:pt idx="8747">
                  <c:v>5.5E-2</c:v>
                </c:pt>
                <c:pt idx="8748">
                  <c:v>5.5E-2</c:v>
                </c:pt>
                <c:pt idx="8749">
                  <c:v>5.5E-2</c:v>
                </c:pt>
                <c:pt idx="8750">
                  <c:v>5.5E-2</c:v>
                </c:pt>
                <c:pt idx="8751">
                  <c:v>5.5E-2</c:v>
                </c:pt>
                <c:pt idx="8752">
                  <c:v>5.5E-2</c:v>
                </c:pt>
                <c:pt idx="8753">
                  <c:v>5.5E-2</c:v>
                </c:pt>
                <c:pt idx="8754">
                  <c:v>5.5E-2</c:v>
                </c:pt>
                <c:pt idx="8755">
                  <c:v>5.5E-2</c:v>
                </c:pt>
                <c:pt idx="8756">
                  <c:v>5.5E-2</c:v>
                </c:pt>
                <c:pt idx="8757">
                  <c:v>5.5E-2</c:v>
                </c:pt>
                <c:pt idx="8758">
                  <c:v>5.5E-2</c:v>
                </c:pt>
                <c:pt idx="8759">
                  <c:v>5.5E-2</c:v>
                </c:pt>
                <c:pt idx="8760">
                  <c:v>5.5E-2</c:v>
                </c:pt>
                <c:pt idx="8761">
                  <c:v>5.5E-2</c:v>
                </c:pt>
                <c:pt idx="8762">
                  <c:v>5.5E-2</c:v>
                </c:pt>
                <c:pt idx="8763">
                  <c:v>5.5E-2</c:v>
                </c:pt>
                <c:pt idx="8764">
                  <c:v>5.5E-2</c:v>
                </c:pt>
                <c:pt idx="8765">
                  <c:v>5.5E-2</c:v>
                </c:pt>
                <c:pt idx="8766">
                  <c:v>5.5E-2</c:v>
                </c:pt>
                <c:pt idx="8767">
                  <c:v>5.5E-2</c:v>
                </c:pt>
                <c:pt idx="8768">
                  <c:v>5.5E-2</c:v>
                </c:pt>
                <c:pt idx="8769">
                  <c:v>5.5E-2</c:v>
                </c:pt>
                <c:pt idx="8770">
                  <c:v>5.5E-2</c:v>
                </c:pt>
                <c:pt idx="8771">
                  <c:v>5.5E-2</c:v>
                </c:pt>
                <c:pt idx="8772">
                  <c:v>5.5E-2</c:v>
                </c:pt>
                <c:pt idx="8773">
                  <c:v>5.5E-2</c:v>
                </c:pt>
                <c:pt idx="8774">
                  <c:v>5.5E-2</c:v>
                </c:pt>
                <c:pt idx="8775">
                  <c:v>5.5E-2</c:v>
                </c:pt>
                <c:pt idx="8776">
                  <c:v>5.5E-2</c:v>
                </c:pt>
                <c:pt idx="8777">
                  <c:v>5.5E-2</c:v>
                </c:pt>
                <c:pt idx="8778">
                  <c:v>5.5E-2</c:v>
                </c:pt>
                <c:pt idx="8779">
                  <c:v>5.5E-2</c:v>
                </c:pt>
                <c:pt idx="8780">
                  <c:v>5.5E-2</c:v>
                </c:pt>
                <c:pt idx="8781">
                  <c:v>5.5E-2</c:v>
                </c:pt>
                <c:pt idx="8782">
                  <c:v>5.5E-2</c:v>
                </c:pt>
                <c:pt idx="8783">
                  <c:v>5.5E-2</c:v>
                </c:pt>
                <c:pt idx="8784">
                  <c:v>5.5E-2</c:v>
                </c:pt>
                <c:pt idx="8785">
                  <c:v>5.5E-2</c:v>
                </c:pt>
                <c:pt idx="8786">
                  <c:v>5.5E-2</c:v>
                </c:pt>
                <c:pt idx="8787">
                  <c:v>5.5E-2</c:v>
                </c:pt>
                <c:pt idx="8788">
                  <c:v>5.5E-2</c:v>
                </c:pt>
                <c:pt idx="8789">
                  <c:v>5.5E-2</c:v>
                </c:pt>
                <c:pt idx="8790">
                  <c:v>5.5E-2</c:v>
                </c:pt>
                <c:pt idx="8791">
                  <c:v>5.5E-2</c:v>
                </c:pt>
                <c:pt idx="8792">
                  <c:v>5.5E-2</c:v>
                </c:pt>
                <c:pt idx="8793">
                  <c:v>5.5E-2</c:v>
                </c:pt>
                <c:pt idx="8794">
                  <c:v>5.5E-2</c:v>
                </c:pt>
                <c:pt idx="8795">
                  <c:v>5.5E-2</c:v>
                </c:pt>
                <c:pt idx="8796">
                  <c:v>5.5E-2</c:v>
                </c:pt>
                <c:pt idx="8797">
                  <c:v>5.5E-2</c:v>
                </c:pt>
                <c:pt idx="8798">
                  <c:v>5.5E-2</c:v>
                </c:pt>
                <c:pt idx="8799">
                  <c:v>5.5E-2</c:v>
                </c:pt>
                <c:pt idx="8800">
                  <c:v>5.5E-2</c:v>
                </c:pt>
                <c:pt idx="8801">
                  <c:v>5.5E-2</c:v>
                </c:pt>
                <c:pt idx="8802">
                  <c:v>5.5E-2</c:v>
                </c:pt>
                <c:pt idx="8803">
                  <c:v>5.5E-2</c:v>
                </c:pt>
                <c:pt idx="8804">
                  <c:v>5.5E-2</c:v>
                </c:pt>
                <c:pt idx="8805">
                  <c:v>5.5E-2</c:v>
                </c:pt>
                <c:pt idx="8806">
                  <c:v>5.5E-2</c:v>
                </c:pt>
                <c:pt idx="8807">
                  <c:v>5.5E-2</c:v>
                </c:pt>
                <c:pt idx="8808">
                  <c:v>5.5E-2</c:v>
                </c:pt>
                <c:pt idx="8809">
                  <c:v>5.5E-2</c:v>
                </c:pt>
                <c:pt idx="8810">
                  <c:v>5.5E-2</c:v>
                </c:pt>
                <c:pt idx="8811">
                  <c:v>5.5E-2</c:v>
                </c:pt>
                <c:pt idx="8812">
                  <c:v>5.5E-2</c:v>
                </c:pt>
                <c:pt idx="8813">
                  <c:v>5.5E-2</c:v>
                </c:pt>
                <c:pt idx="8814">
                  <c:v>5.5E-2</c:v>
                </c:pt>
                <c:pt idx="8815">
                  <c:v>5.5E-2</c:v>
                </c:pt>
                <c:pt idx="8816">
                  <c:v>5.5E-2</c:v>
                </c:pt>
                <c:pt idx="8817">
                  <c:v>5.5E-2</c:v>
                </c:pt>
                <c:pt idx="8818">
                  <c:v>5.5E-2</c:v>
                </c:pt>
                <c:pt idx="8819">
                  <c:v>5.5E-2</c:v>
                </c:pt>
                <c:pt idx="8820">
                  <c:v>5.5E-2</c:v>
                </c:pt>
                <c:pt idx="8821">
                  <c:v>5.5E-2</c:v>
                </c:pt>
                <c:pt idx="8822">
                  <c:v>5.5E-2</c:v>
                </c:pt>
                <c:pt idx="8823">
                  <c:v>5.5E-2</c:v>
                </c:pt>
                <c:pt idx="8824">
                  <c:v>5.5E-2</c:v>
                </c:pt>
                <c:pt idx="8825">
                  <c:v>5.5E-2</c:v>
                </c:pt>
                <c:pt idx="8826">
                  <c:v>5.5E-2</c:v>
                </c:pt>
                <c:pt idx="8827">
                  <c:v>5.5E-2</c:v>
                </c:pt>
                <c:pt idx="8828">
                  <c:v>5.5E-2</c:v>
                </c:pt>
                <c:pt idx="8829">
                  <c:v>5.5E-2</c:v>
                </c:pt>
                <c:pt idx="8830">
                  <c:v>5.5E-2</c:v>
                </c:pt>
                <c:pt idx="8831">
                  <c:v>5.5E-2</c:v>
                </c:pt>
                <c:pt idx="8832">
                  <c:v>5.5E-2</c:v>
                </c:pt>
                <c:pt idx="8833">
                  <c:v>5.5E-2</c:v>
                </c:pt>
                <c:pt idx="8834">
                  <c:v>5.5E-2</c:v>
                </c:pt>
                <c:pt idx="8835">
                  <c:v>5.5E-2</c:v>
                </c:pt>
                <c:pt idx="8836">
                  <c:v>5.5E-2</c:v>
                </c:pt>
                <c:pt idx="8837">
                  <c:v>5.5E-2</c:v>
                </c:pt>
                <c:pt idx="8838">
                  <c:v>5.5E-2</c:v>
                </c:pt>
                <c:pt idx="8839">
                  <c:v>5.5E-2</c:v>
                </c:pt>
                <c:pt idx="8840">
                  <c:v>5.5E-2</c:v>
                </c:pt>
                <c:pt idx="8841">
                  <c:v>5.5E-2</c:v>
                </c:pt>
                <c:pt idx="8842">
                  <c:v>5.5E-2</c:v>
                </c:pt>
                <c:pt idx="8843">
                  <c:v>5.5E-2</c:v>
                </c:pt>
                <c:pt idx="8844">
                  <c:v>5.5E-2</c:v>
                </c:pt>
                <c:pt idx="8845">
                  <c:v>5.5E-2</c:v>
                </c:pt>
                <c:pt idx="8846">
                  <c:v>5.5E-2</c:v>
                </c:pt>
                <c:pt idx="8847">
                  <c:v>5.5E-2</c:v>
                </c:pt>
                <c:pt idx="8848">
                  <c:v>5.5E-2</c:v>
                </c:pt>
                <c:pt idx="8849">
                  <c:v>5.5E-2</c:v>
                </c:pt>
                <c:pt idx="8850">
                  <c:v>5.5E-2</c:v>
                </c:pt>
                <c:pt idx="8851">
                  <c:v>5.5E-2</c:v>
                </c:pt>
                <c:pt idx="8852">
                  <c:v>5.5E-2</c:v>
                </c:pt>
                <c:pt idx="8853">
                  <c:v>5.5E-2</c:v>
                </c:pt>
                <c:pt idx="8854">
                  <c:v>5.5E-2</c:v>
                </c:pt>
                <c:pt idx="8855">
                  <c:v>5.5E-2</c:v>
                </c:pt>
                <c:pt idx="8856">
                  <c:v>5.5E-2</c:v>
                </c:pt>
                <c:pt idx="8857">
                  <c:v>5.5E-2</c:v>
                </c:pt>
                <c:pt idx="8858">
                  <c:v>5.5E-2</c:v>
                </c:pt>
                <c:pt idx="8859">
                  <c:v>5.5E-2</c:v>
                </c:pt>
                <c:pt idx="8860">
                  <c:v>5.5E-2</c:v>
                </c:pt>
                <c:pt idx="8861">
                  <c:v>5.5E-2</c:v>
                </c:pt>
                <c:pt idx="8862">
                  <c:v>5.5E-2</c:v>
                </c:pt>
                <c:pt idx="8863">
                  <c:v>5.5E-2</c:v>
                </c:pt>
                <c:pt idx="8864">
                  <c:v>5.5E-2</c:v>
                </c:pt>
                <c:pt idx="8865">
                  <c:v>5.5E-2</c:v>
                </c:pt>
                <c:pt idx="8866">
                  <c:v>5.5E-2</c:v>
                </c:pt>
                <c:pt idx="8867">
                  <c:v>5.5E-2</c:v>
                </c:pt>
                <c:pt idx="8868">
                  <c:v>5.5E-2</c:v>
                </c:pt>
                <c:pt idx="8869">
                  <c:v>5.5E-2</c:v>
                </c:pt>
                <c:pt idx="8870">
                  <c:v>5.5E-2</c:v>
                </c:pt>
                <c:pt idx="8871">
                  <c:v>5.5E-2</c:v>
                </c:pt>
                <c:pt idx="8872">
                  <c:v>5.5E-2</c:v>
                </c:pt>
                <c:pt idx="8873">
                  <c:v>5.5E-2</c:v>
                </c:pt>
                <c:pt idx="8874">
                  <c:v>5.5E-2</c:v>
                </c:pt>
                <c:pt idx="8875">
                  <c:v>5.5E-2</c:v>
                </c:pt>
                <c:pt idx="8876">
                  <c:v>5.5E-2</c:v>
                </c:pt>
                <c:pt idx="8877">
                  <c:v>5.5E-2</c:v>
                </c:pt>
                <c:pt idx="8878">
                  <c:v>5.5E-2</c:v>
                </c:pt>
                <c:pt idx="8879">
                  <c:v>5.5E-2</c:v>
                </c:pt>
                <c:pt idx="8880">
                  <c:v>5.5E-2</c:v>
                </c:pt>
                <c:pt idx="8881">
                  <c:v>5.5E-2</c:v>
                </c:pt>
                <c:pt idx="8882">
                  <c:v>5.5E-2</c:v>
                </c:pt>
                <c:pt idx="8883">
                  <c:v>5.5E-2</c:v>
                </c:pt>
                <c:pt idx="8884">
                  <c:v>5.5E-2</c:v>
                </c:pt>
                <c:pt idx="8885">
                  <c:v>5.5E-2</c:v>
                </c:pt>
                <c:pt idx="8886">
                  <c:v>5.5E-2</c:v>
                </c:pt>
                <c:pt idx="8887">
                  <c:v>5.5E-2</c:v>
                </c:pt>
                <c:pt idx="8888">
                  <c:v>5.5E-2</c:v>
                </c:pt>
                <c:pt idx="8889">
                  <c:v>5.5E-2</c:v>
                </c:pt>
                <c:pt idx="8890">
                  <c:v>5.5E-2</c:v>
                </c:pt>
                <c:pt idx="8891">
                  <c:v>5.5E-2</c:v>
                </c:pt>
                <c:pt idx="8892">
                  <c:v>5.5E-2</c:v>
                </c:pt>
                <c:pt idx="8893">
                  <c:v>5.5E-2</c:v>
                </c:pt>
                <c:pt idx="8894">
                  <c:v>5.5E-2</c:v>
                </c:pt>
                <c:pt idx="8895">
                  <c:v>5.5E-2</c:v>
                </c:pt>
                <c:pt idx="8896">
                  <c:v>5.5E-2</c:v>
                </c:pt>
                <c:pt idx="8897">
                  <c:v>5.5E-2</c:v>
                </c:pt>
                <c:pt idx="8898">
                  <c:v>5.5E-2</c:v>
                </c:pt>
                <c:pt idx="8899">
                  <c:v>5.5E-2</c:v>
                </c:pt>
                <c:pt idx="8900">
                  <c:v>5.5E-2</c:v>
                </c:pt>
                <c:pt idx="8901">
                  <c:v>5.5E-2</c:v>
                </c:pt>
                <c:pt idx="8902">
                  <c:v>5.5E-2</c:v>
                </c:pt>
                <c:pt idx="8903">
                  <c:v>5.5E-2</c:v>
                </c:pt>
                <c:pt idx="8904">
                  <c:v>5.5E-2</c:v>
                </c:pt>
                <c:pt idx="8905">
                  <c:v>5.5E-2</c:v>
                </c:pt>
                <c:pt idx="8906">
                  <c:v>5.5E-2</c:v>
                </c:pt>
                <c:pt idx="8907">
                  <c:v>5.5E-2</c:v>
                </c:pt>
                <c:pt idx="8908">
                  <c:v>5.5E-2</c:v>
                </c:pt>
                <c:pt idx="8909">
                  <c:v>5.5E-2</c:v>
                </c:pt>
                <c:pt idx="8910">
                  <c:v>5.5E-2</c:v>
                </c:pt>
                <c:pt idx="8911">
                  <c:v>5.5E-2</c:v>
                </c:pt>
                <c:pt idx="8912">
                  <c:v>5.5E-2</c:v>
                </c:pt>
                <c:pt idx="8913">
                  <c:v>5.5E-2</c:v>
                </c:pt>
                <c:pt idx="8914">
                  <c:v>5.5E-2</c:v>
                </c:pt>
                <c:pt idx="8915">
                  <c:v>5.5E-2</c:v>
                </c:pt>
                <c:pt idx="8916">
                  <c:v>5.5E-2</c:v>
                </c:pt>
                <c:pt idx="8917">
                  <c:v>5.5E-2</c:v>
                </c:pt>
                <c:pt idx="8918">
                  <c:v>5.5E-2</c:v>
                </c:pt>
                <c:pt idx="8919">
                  <c:v>5.5E-2</c:v>
                </c:pt>
                <c:pt idx="8920">
                  <c:v>5.5E-2</c:v>
                </c:pt>
                <c:pt idx="8921">
                  <c:v>5.5E-2</c:v>
                </c:pt>
                <c:pt idx="8922">
                  <c:v>5.5E-2</c:v>
                </c:pt>
                <c:pt idx="8923">
                  <c:v>5.5E-2</c:v>
                </c:pt>
                <c:pt idx="8924">
                  <c:v>5.5E-2</c:v>
                </c:pt>
                <c:pt idx="8925">
                  <c:v>5.5E-2</c:v>
                </c:pt>
                <c:pt idx="8926">
                  <c:v>5.5E-2</c:v>
                </c:pt>
                <c:pt idx="8927">
                  <c:v>5.5E-2</c:v>
                </c:pt>
                <c:pt idx="8928">
                  <c:v>5.5E-2</c:v>
                </c:pt>
                <c:pt idx="8929">
                  <c:v>5.5E-2</c:v>
                </c:pt>
                <c:pt idx="8930">
                  <c:v>5.5E-2</c:v>
                </c:pt>
                <c:pt idx="8931">
                  <c:v>5.5E-2</c:v>
                </c:pt>
                <c:pt idx="8932">
                  <c:v>5.5E-2</c:v>
                </c:pt>
                <c:pt idx="8933">
                  <c:v>5.5E-2</c:v>
                </c:pt>
                <c:pt idx="8934">
                  <c:v>5.5E-2</c:v>
                </c:pt>
                <c:pt idx="8935">
                  <c:v>5.5E-2</c:v>
                </c:pt>
                <c:pt idx="8936">
                  <c:v>5.5E-2</c:v>
                </c:pt>
                <c:pt idx="8937">
                  <c:v>5.5E-2</c:v>
                </c:pt>
                <c:pt idx="8938">
                  <c:v>5.5E-2</c:v>
                </c:pt>
                <c:pt idx="8939">
                  <c:v>5.5E-2</c:v>
                </c:pt>
                <c:pt idx="8940">
                  <c:v>5.5E-2</c:v>
                </c:pt>
                <c:pt idx="8941">
                  <c:v>5.5E-2</c:v>
                </c:pt>
                <c:pt idx="8942">
                  <c:v>5.5E-2</c:v>
                </c:pt>
                <c:pt idx="8943">
                  <c:v>5.5E-2</c:v>
                </c:pt>
                <c:pt idx="8944">
                  <c:v>5.5E-2</c:v>
                </c:pt>
                <c:pt idx="8945">
                  <c:v>5.5E-2</c:v>
                </c:pt>
                <c:pt idx="8946">
                  <c:v>5.5E-2</c:v>
                </c:pt>
                <c:pt idx="8947">
                  <c:v>5.5E-2</c:v>
                </c:pt>
              </c:numCache>
            </c:numRef>
          </c:val>
          <c:smooth val="0"/>
          <c:extLst>
            <c:ext xmlns:c16="http://schemas.microsoft.com/office/drawing/2014/chart" uri="{C3380CC4-5D6E-409C-BE32-E72D297353CC}">
              <c16:uniqueId val="{00000000-27D4-4B1C-BABF-80723AC504D7}"/>
            </c:ext>
          </c:extLst>
        </c:ser>
        <c:ser>
          <c:idx val="1"/>
          <c:order val="1"/>
          <c:tx>
            <c:strRef>
              <c:f>Sheet1!$N$4</c:f>
              <c:strCache>
                <c:ptCount val="1"/>
                <c:pt idx="0">
                  <c:v>U.K.</c:v>
                </c:pt>
              </c:strCache>
            </c:strRef>
          </c:tx>
          <c:spPr>
            <a:ln w="25400" cap="rnd" cmpd="sng" algn="ctr">
              <a:solidFill>
                <a:srgbClr val="435254"/>
              </a:solidFill>
              <a:prstDash val="solid"/>
              <a:round/>
              <a:headEnd type="none" w="med" len="med"/>
              <a:tailEnd type="none" w="med" len="med"/>
            </a:ln>
          </c:spPr>
          <c:marker>
            <c:symbol val="none"/>
          </c:marker>
          <c:cat>
            <c:numRef>
              <c:f>Sheet1!$L$5:$L$8952</c:f>
              <c:numCache>
                <c:formatCode>m/d/yyyy</c:formatCode>
                <c:ptCount val="8948"/>
                <c:pt idx="0">
                  <c:v>36526</c:v>
                </c:pt>
                <c:pt idx="1">
                  <c:v>36527</c:v>
                </c:pt>
                <c:pt idx="2">
                  <c:v>36528</c:v>
                </c:pt>
                <c:pt idx="3">
                  <c:v>36529</c:v>
                </c:pt>
                <c:pt idx="4">
                  <c:v>36530</c:v>
                </c:pt>
                <c:pt idx="5">
                  <c:v>36531</c:v>
                </c:pt>
                <c:pt idx="6">
                  <c:v>36532</c:v>
                </c:pt>
                <c:pt idx="7">
                  <c:v>36533</c:v>
                </c:pt>
                <c:pt idx="8">
                  <c:v>36534</c:v>
                </c:pt>
                <c:pt idx="9">
                  <c:v>36535</c:v>
                </c:pt>
                <c:pt idx="10">
                  <c:v>36536</c:v>
                </c:pt>
                <c:pt idx="11">
                  <c:v>36537</c:v>
                </c:pt>
                <c:pt idx="12">
                  <c:v>36538</c:v>
                </c:pt>
                <c:pt idx="13">
                  <c:v>36539</c:v>
                </c:pt>
                <c:pt idx="14">
                  <c:v>36540</c:v>
                </c:pt>
                <c:pt idx="15">
                  <c:v>36541</c:v>
                </c:pt>
                <c:pt idx="16">
                  <c:v>36542</c:v>
                </c:pt>
                <c:pt idx="17">
                  <c:v>36543</c:v>
                </c:pt>
                <c:pt idx="18">
                  <c:v>36544</c:v>
                </c:pt>
                <c:pt idx="19">
                  <c:v>36545</c:v>
                </c:pt>
                <c:pt idx="20">
                  <c:v>36546</c:v>
                </c:pt>
                <c:pt idx="21">
                  <c:v>36547</c:v>
                </c:pt>
                <c:pt idx="22">
                  <c:v>36548</c:v>
                </c:pt>
                <c:pt idx="23">
                  <c:v>36549</c:v>
                </c:pt>
                <c:pt idx="24">
                  <c:v>36550</c:v>
                </c:pt>
                <c:pt idx="25">
                  <c:v>36551</c:v>
                </c:pt>
                <c:pt idx="26">
                  <c:v>36552</c:v>
                </c:pt>
                <c:pt idx="27">
                  <c:v>36553</c:v>
                </c:pt>
                <c:pt idx="28">
                  <c:v>36554</c:v>
                </c:pt>
                <c:pt idx="29">
                  <c:v>36555</c:v>
                </c:pt>
                <c:pt idx="30">
                  <c:v>36556</c:v>
                </c:pt>
                <c:pt idx="31">
                  <c:v>36557</c:v>
                </c:pt>
                <c:pt idx="32">
                  <c:v>36558</c:v>
                </c:pt>
                <c:pt idx="33">
                  <c:v>36559</c:v>
                </c:pt>
                <c:pt idx="34">
                  <c:v>36560</c:v>
                </c:pt>
                <c:pt idx="35">
                  <c:v>36561</c:v>
                </c:pt>
                <c:pt idx="36">
                  <c:v>36562</c:v>
                </c:pt>
                <c:pt idx="37">
                  <c:v>36563</c:v>
                </c:pt>
                <c:pt idx="38">
                  <c:v>36564</c:v>
                </c:pt>
                <c:pt idx="39">
                  <c:v>36565</c:v>
                </c:pt>
                <c:pt idx="40">
                  <c:v>36566</c:v>
                </c:pt>
                <c:pt idx="41">
                  <c:v>36567</c:v>
                </c:pt>
                <c:pt idx="42">
                  <c:v>36568</c:v>
                </c:pt>
                <c:pt idx="43">
                  <c:v>36569</c:v>
                </c:pt>
                <c:pt idx="44">
                  <c:v>36570</c:v>
                </c:pt>
                <c:pt idx="45">
                  <c:v>36571</c:v>
                </c:pt>
                <c:pt idx="46">
                  <c:v>36572</c:v>
                </c:pt>
                <c:pt idx="47">
                  <c:v>36573</c:v>
                </c:pt>
                <c:pt idx="48">
                  <c:v>36574</c:v>
                </c:pt>
                <c:pt idx="49">
                  <c:v>36575</c:v>
                </c:pt>
                <c:pt idx="50">
                  <c:v>36576</c:v>
                </c:pt>
                <c:pt idx="51">
                  <c:v>36577</c:v>
                </c:pt>
                <c:pt idx="52">
                  <c:v>36578</c:v>
                </c:pt>
                <c:pt idx="53">
                  <c:v>36579</c:v>
                </c:pt>
                <c:pt idx="54">
                  <c:v>36580</c:v>
                </c:pt>
                <c:pt idx="55">
                  <c:v>36581</c:v>
                </c:pt>
                <c:pt idx="56">
                  <c:v>36582</c:v>
                </c:pt>
                <c:pt idx="57">
                  <c:v>36583</c:v>
                </c:pt>
                <c:pt idx="58">
                  <c:v>36584</c:v>
                </c:pt>
                <c:pt idx="59">
                  <c:v>36585</c:v>
                </c:pt>
                <c:pt idx="60">
                  <c:v>36586</c:v>
                </c:pt>
                <c:pt idx="61">
                  <c:v>36587</c:v>
                </c:pt>
                <c:pt idx="62">
                  <c:v>36588</c:v>
                </c:pt>
                <c:pt idx="63">
                  <c:v>36589</c:v>
                </c:pt>
                <c:pt idx="64">
                  <c:v>36590</c:v>
                </c:pt>
                <c:pt idx="65">
                  <c:v>36591</c:v>
                </c:pt>
                <c:pt idx="66">
                  <c:v>36592</c:v>
                </c:pt>
                <c:pt idx="67">
                  <c:v>36593</c:v>
                </c:pt>
                <c:pt idx="68">
                  <c:v>36594</c:v>
                </c:pt>
                <c:pt idx="69">
                  <c:v>36595</c:v>
                </c:pt>
                <c:pt idx="70">
                  <c:v>36596</c:v>
                </c:pt>
                <c:pt idx="71">
                  <c:v>36597</c:v>
                </c:pt>
                <c:pt idx="72">
                  <c:v>36598</c:v>
                </c:pt>
                <c:pt idx="73">
                  <c:v>36599</c:v>
                </c:pt>
                <c:pt idx="74">
                  <c:v>36600</c:v>
                </c:pt>
                <c:pt idx="75">
                  <c:v>36601</c:v>
                </c:pt>
                <c:pt idx="76">
                  <c:v>36602</c:v>
                </c:pt>
                <c:pt idx="77">
                  <c:v>36603</c:v>
                </c:pt>
                <c:pt idx="78">
                  <c:v>36604</c:v>
                </c:pt>
                <c:pt idx="79">
                  <c:v>36605</c:v>
                </c:pt>
                <c:pt idx="80">
                  <c:v>36606</c:v>
                </c:pt>
                <c:pt idx="81">
                  <c:v>36607</c:v>
                </c:pt>
                <c:pt idx="82">
                  <c:v>36608</c:v>
                </c:pt>
                <c:pt idx="83">
                  <c:v>36609</c:v>
                </c:pt>
                <c:pt idx="84">
                  <c:v>36610</c:v>
                </c:pt>
                <c:pt idx="85">
                  <c:v>36611</c:v>
                </c:pt>
                <c:pt idx="86">
                  <c:v>36612</c:v>
                </c:pt>
                <c:pt idx="87">
                  <c:v>36613</c:v>
                </c:pt>
                <c:pt idx="88">
                  <c:v>36614</c:v>
                </c:pt>
                <c:pt idx="89">
                  <c:v>36615</c:v>
                </c:pt>
                <c:pt idx="90">
                  <c:v>36616</c:v>
                </c:pt>
                <c:pt idx="91">
                  <c:v>36617</c:v>
                </c:pt>
                <c:pt idx="92">
                  <c:v>36618</c:v>
                </c:pt>
                <c:pt idx="93">
                  <c:v>36619</c:v>
                </c:pt>
                <c:pt idx="94">
                  <c:v>36620</c:v>
                </c:pt>
                <c:pt idx="95">
                  <c:v>36621</c:v>
                </c:pt>
                <c:pt idx="96">
                  <c:v>36622</c:v>
                </c:pt>
                <c:pt idx="97">
                  <c:v>36623</c:v>
                </c:pt>
                <c:pt idx="98">
                  <c:v>36624</c:v>
                </c:pt>
                <c:pt idx="99">
                  <c:v>36625</c:v>
                </c:pt>
                <c:pt idx="100">
                  <c:v>36626</c:v>
                </c:pt>
                <c:pt idx="101">
                  <c:v>36627</c:v>
                </c:pt>
                <c:pt idx="102">
                  <c:v>36628</c:v>
                </c:pt>
                <c:pt idx="103">
                  <c:v>36629</c:v>
                </c:pt>
                <c:pt idx="104">
                  <c:v>36630</c:v>
                </c:pt>
                <c:pt idx="105">
                  <c:v>36631</c:v>
                </c:pt>
                <c:pt idx="106">
                  <c:v>36632</c:v>
                </c:pt>
                <c:pt idx="107">
                  <c:v>36633</c:v>
                </c:pt>
                <c:pt idx="108">
                  <c:v>36634</c:v>
                </c:pt>
                <c:pt idx="109">
                  <c:v>36635</c:v>
                </c:pt>
                <c:pt idx="110">
                  <c:v>36636</c:v>
                </c:pt>
                <c:pt idx="111">
                  <c:v>36637</c:v>
                </c:pt>
                <c:pt idx="112">
                  <c:v>36638</c:v>
                </c:pt>
                <c:pt idx="113">
                  <c:v>36639</c:v>
                </c:pt>
                <c:pt idx="114">
                  <c:v>36640</c:v>
                </c:pt>
                <c:pt idx="115">
                  <c:v>36641</c:v>
                </c:pt>
                <c:pt idx="116">
                  <c:v>36642</c:v>
                </c:pt>
                <c:pt idx="117">
                  <c:v>36643</c:v>
                </c:pt>
                <c:pt idx="118">
                  <c:v>36644</c:v>
                </c:pt>
                <c:pt idx="119">
                  <c:v>36645</c:v>
                </c:pt>
                <c:pt idx="120">
                  <c:v>36646</c:v>
                </c:pt>
                <c:pt idx="121">
                  <c:v>36647</c:v>
                </c:pt>
                <c:pt idx="122">
                  <c:v>36648</c:v>
                </c:pt>
                <c:pt idx="123">
                  <c:v>36649</c:v>
                </c:pt>
                <c:pt idx="124">
                  <c:v>36650</c:v>
                </c:pt>
                <c:pt idx="125">
                  <c:v>36651</c:v>
                </c:pt>
                <c:pt idx="126">
                  <c:v>36652</c:v>
                </c:pt>
                <c:pt idx="127">
                  <c:v>36653</c:v>
                </c:pt>
                <c:pt idx="128">
                  <c:v>36654</c:v>
                </c:pt>
                <c:pt idx="129">
                  <c:v>36655</c:v>
                </c:pt>
                <c:pt idx="130">
                  <c:v>36656</c:v>
                </c:pt>
                <c:pt idx="131">
                  <c:v>36657</c:v>
                </c:pt>
                <c:pt idx="132">
                  <c:v>36658</c:v>
                </c:pt>
                <c:pt idx="133">
                  <c:v>36659</c:v>
                </c:pt>
                <c:pt idx="134">
                  <c:v>36660</c:v>
                </c:pt>
                <c:pt idx="135">
                  <c:v>36661</c:v>
                </c:pt>
                <c:pt idx="136">
                  <c:v>36662</c:v>
                </c:pt>
                <c:pt idx="137">
                  <c:v>36663</c:v>
                </c:pt>
                <c:pt idx="138">
                  <c:v>36664</c:v>
                </c:pt>
                <c:pt idx="139">
                  <c:v>36665</c:v>
                </c:pt>
                <c:pt idx="140">
                  <c:v>36666</c:v>
                </c:pt>
                <c:pt idx="141">
                  <c:v>36667</c:v>
                </c:pt>
                <c:pt idx="142">
                  <c:v>36668</c:v>
                </c:pt>
                <c:pt idx="143">
                  <c:v>36669</c:v>
                </c:pt>
                <c:pt idx="144">
                  <c:v>36670</c:v>
                </c:pt>
                <c:pt idx="145">
                  <c:v>36671</c:v>
                </c:pt>
                <c:pt idx="146">
                  <c:v>36672</c:v>
                </c:pt>
                <c:pt idx="147">
                  <c:v>36673</c:v>
                </c:pt>
                <c:pt idx="148">
                  <c:v>36674</c:v>
                </c:pt>
                <c:pt idx="149">
                  <c:v>36675</c:v>
                </c:pt>
                <c:pt idx="150">
                  <c:v>36676</c:v>
                </c:pt>
                <c:pt idx="151">
                  <c:v>36677</c:v>
                </c:pt>
                <c:pt idx="152">
                  <c:v>36678</c:v>
                </c:pt>
                <c:pt idx="153">
                  <c:v>36679</c:v>
                </c:pt>
                <c:pt idx="154">
                  <c:v>36680</c:v>
                </c:pt>
                <c:pt idx="155">
                  <c:v>36681</c:v>
                </c:pt>
                <c:pt idx="156">
                  <c:v>36682</c:v>
                </c:pt>
                <c:pt idx="157">
                  <c:v>36683</c:v>
                </c:pt>
                <c:pt idx="158">
                  <c:v>36684</c:v>
                </c:pt>
                <c:pt idx="159">
                  <c:v>36685</c:v>
                </c:pt>
                <c:pt idx="160">
                  <c:v>36686</c:v>
                </c:pt>
                <c:pt idx="161">
                  <c:v>36687</c:v>
                </c:pt>
                <c:pt idx="162">
                  <c:v>36688</c:v>
                </c:pt>
                <c:pt idx="163">
                  <c:v>36689</c:v>
                </c:pt>
                <c:pt idx="164">
                  <c:v>36690</c:v>
                </c:pt>
                <c:pt idx="165">
                  <c:v>36691</c:v>
                </c:pt>
                <c:pt idx="166">
                  <c:v>36692</c:v>
                </c:pt>
                <c:pt idx="167">
                  <c:v>36693</c:v>
                </c:pt>
                <c:pt idx="168">
                  <c:v>36694</c:v>
                </c:pt>
                <c:pt idx="169">
                  <c:v>36695</c:v>
                </c:pt>
                <c:pt idx="170">
                  <c:v>36696</c:v>
                </c:pt>
                <c:pt idx="171">
                  <c:v>36697</c:v>
                </c:pt>
                <c:pt idx="172">
                  <c:v>36698</c:v>
                </c:pt>
                <c:pt idx="173">
                  <c:v>36699</c:v>
                </c:pt>
                <c:pt idx="174">
                  <c:v>36700</c:v>
                </c:pt>
                <c:pt idx="175">
                  <c:v>36701</c:v>
                </c:pt>
                <c:pt idx="176">
                  <c:v>36702</c:v>
                </c:pt>
                <c:pt idx="177">
                  <c:v>36703</c:v>
                </c:pt>
                <c:pt idx="178">
                  <c:v>36704</c:v>
                </c:pt>
                <c:pt idx="179">
                  <c:v>36705</c:v>
                </c:pt>
                <c:pt idx="180">
                  <c:v>36706</c:v>
                </c:pt>
                <c:pt idx="181">
                  <c:v>36707</c:v>
                </c:pt>
                <c:pt idx="182">
                  <c:v>36708</c:v>
                </c:pt>
                <c:pt idx="183">
                  <c:v>36709</c:v>
                </c:pt>
                <c:pt idx="184">
                  <c:v>36710</c:v>
                </c:pt>
                <c:pt idx="185">
                  <c:v>36711</c:v>
                </c:pt>
                <c:pt idx="186">
                  <c:v>36712</c:v>
                </c:pt>
                <c:pt idx="187">
                  <c:v>36713</c:v>
                </c:pt>
                <c:pt idx="188">
                  <c:v>36714</c:v>
                </c:pt>
                <c:pt idx="189">
                  <c:v>36715</c:v>
                </c:pt>
                <c:pt idx="190">
                  <c:v>36716</c:v>
                </c:pt>
                <c:pt idx="191">
                  <c:v>36717</c:v>
                </c:pt>
                <c:pt idx="192">
                  <c:v>36718</c:v>
                </c:pt>
                <c:pt idx="193">
                  <c:v>36719</c:v>
                </c:pt>
                <c:pt idx="194">
                  <c:v>36720</c:v>
                </c:pt>
                <c:pt idx="195">
                  <c:v>36721</c:v>
                </c:pt>
                <c:pt idx="196">
                  <c:v>36722</c:v>
                </c:pt>
                <c:pt idx="197">
                  <c:v>36723</c:v>
                </c:pt>
                <c:pt idx="198">
                  <c:v>36724</c:v>
                </c:pt>
                <c:pt idx="199">
                  <c:v>36725</c:v>
                </c:pt>
                <c:pt idx="200">
                  <c:v>36726</c:v>
                </c:pt>
                <c:pt idx="201">
                  <c:v>36727</c:v>
                </c:pt>
                <c:pt idx="202">
                  <c:v>36728</c:v>
                </c:pt>
                <c:pt idx="203">
                  <c:v>36729</c:v>
                </c:pt>
                <c:pt idx="204">
                  <c:v>36730</c:v>
                </c:pt>
                <c:pt idx="205">
                  <c:v>36731</c:v>
                </c:pt>
                <c:pt idx="206">
                  <c:v>36732</c:v>
                </c:pt>
                <c:pt idx="207">
                  <c:v>36733</c:v>
                </c:pt>
                <c:pt idx="208">
                  <c:v>36734</c:v>
                </c:pt>
                <c:pt idx="209">
                  <c:v>36735</c:v>
                </c:pt>
                <c:pt idx="210">
                  <c:v>36736</c:v>
                </c:pt>
                <c:pt idx="211">
                  <c:v>36737</c:v>
                </c:pt>
                <c:pt idx="212">
                  <c:v>36738</c:v>
                </c:pt>
                <c:pt idx="213">
                  <c:v>36739</c:v>
                </c:pt>
                <c:pt idx="214">
                  <c:v>36740</c:v>
                </c:pt>
                <c:pt idx="215">
                  <c:v>36741</c:v>
                </c:pt>
                <c:pt idx="216">
                  <c:v>36742</c:v>
                </c:pt>
                <c:pt idx="217">
                  <c:v>36743</c:v>
                </c:pt>
                <c:pt idx="218">
                  <c:v>36744</c:v>
                </c:pt>
                <c:pt idx="219">
                  <c:v>36745</c:v>
                </c:pt>
                <c:pt idx="220">
                  <c:v>36746</c:v>
                </c:pt>
                <c:pt idx="221">
                  <c:v>36747</c:v>
                </c:pt>
                <c:pt idx="222">
                  <c:v>36748</c:v>
                </c:pt>
                <c:pt idx="223">
                  <c:v>36749</c:v>
                </c:pt>
                <c:pt idx="224">
                  <c:v>36750</c:v>
                </c:pt>
                <c:pt idx="225">
                  <c:v>36751</c:v>
                </c:pt>
                <c:pt idx="226">
                  <c:v>36752</c:v>
                </c:pt>
                <c:pt idx="227">
                  <c:v>36753</c:v>
                </c:pt>
                <c:pt idx="228">
                  <c:v>36754</c:v>
                </c:pt>
                <c:pt idx="229">
                  <c:v>36755</c:v>
                </c:pt>
                <c:pt idx="230">
                  <c:v>36756</c:v>
                </c:pt>
                <c:pt idx="231">
                  <c:v>36757</c:v>
                </c:pt>
                <c:pt idx="232">
                  <c:v>36758</c:v>
                </c:pt>
                <c:pt idx="233">
                  <c:v>36759</c:v>
                </c:pt>
                <c:pt idx="234">
                  <c:v>36760</c:v>
                </c:pt>
                <c:pt idx="235">
                  <c:v>36761</c:v>
                </c:pt>
                <c:pt idx="236">
                  <c:v>36762</c:v>
                </c:pt>
                <c:pt idx="237">
                  <c:v>36763</c:v>
                </c:pt>
                <c:pt idx="238">
                  <c:v>36764</c:v>
                </c:pt>
                <c:pt idx="239">
                  <c:v>36765</c:v>
                </c:pt>
                <c:pt idx="240">
                  <c:v>36766</c:v>
                </c:pt>
                <c:pt idx="241">
                  <c:v>36767</c:v>
                </c:pt>
                <c:pt idx="242">
                  <c:v>36768</c:v>
                </c:pt>
                <c:pt idx="243">
                  <c:v>36769</c:v>
                </c:pt>
                <c:pt idx="244">
                  <c:v>36770</c:v>
                </c:pt>
                <c:pt idx="245">
                  <c:v>36771</c:v>
                </c:pt>
                <c:pt idx="246">
                  <c:v>36772</c:v>
                </c:pt>
                <c:pt idx="247">
                  <c:v>36773</c:v>
                </c:pt>
                <c:pt idx="248">
                  <c:v>36774</c:v>
                </c:pt>
                <c:pt idx="249">
                  <c:v>36775</c:v>
                </c:pt>
                <c:pt idx="250">
                  <c:v>36776</c:v>
                </c:pt>
                <c:pt idx="251">
                  <c:v>36777</c:v>
                </c:pt>
                <c:pt idx="252">
                  <c:v>36778</c:v>
                </c:pt>
                <c:pt idx="253">
                  <c:v>36779</c:v>
                </c:pt>
                <c:pt idx="254">
                  <c:v>36780</c:v>
                </c:pt>
                <c:pt idx="255">
                  <c:v>36781</c:v>
                </c:pt>
                <c:pt idx="256">
                  <c:v>36782</c:v>
                </c:pt>
                <c:pt idx="257">
                  <c:v>36783</c:v>
                </c:pt>
                <c:pt idx="258">
                  <c:v>36784</c:v>
                </c:pt>
                <c:pt idx="259">
                  <c:v>36785</c:v>
                </c:pt>
                <c:pt idx="260">
                  <c:v>36786</c:v>
                </c:pt>
                <c:pt idx="261">
                  <c:v>36787</c:v>
                </c:pt>
                <c:pt idx="262">
                  <c:v>36788</c:v>
                </c:pt>
                <c:pt idx="263">
                  <c:v>36789</c:v>
                </c:pt>
                <c:pt idx="264">
                  <c:v>36790</c:v>
                </c:pt>
                <c:pt idx="265">
                  <c:v>36791</c:v>
                </c:pt>
                <c:pt idx="266">
                  <c:v>36792</c:v>
                </c:pt>
                <c:pt idx="267">
                  <c:v>36793</c:v>
                </c:pt>
                <c:pt idx="268">
                  <c:v>36794</c:v>
                </c:pt>
                <c:pt idx="269">
                  <c:v>36795</c:v>
                </c:pt>
                <c:pt idx="270">
                  <c:v>36796</c:v>
                </c:pt>
                <c:pt idx="271">
                  <c:v>36797</c:v>
                </c:pt>
                <c:pt idx="272">
                  <c:v>36798</c:v>
                </c:pt>
                <c:pt idx="273">
                  <c:v>36799</c:v>
                </c:pt>
                <c:pt idx="274">
                  <c:v>36800</c:v>
                </c:pt>
                <c:pt idx="275">
                  <c:v>36801</c:v>
                </c:pt>
                <c:pt idx="276">
                  <c:v>36802</c:v>
                </c:pt>
                <c:pt idx="277">
                  <c:v>36803</c:v>
                </c:pt>
                <c:pt idx="278">
                  <c:v>36804</c:v>
                </c:pt>
                <c:pt idx="279">
                  <c:v>36805</c:v>
                </c:pt>
                <c:pt idx="280">
                  <c:v>36806</c:v>
                </c:pt>
                <c:pt idx="281">
                  <c:v>36807</c:v>
                </c:pt>
                <c:pt idx="282">
                  <c:v>36808</c:v>
                </c:pt>
                <c:pt idx="283">
                  <c:v>36809</c:v>
                </c:pt>
                <c:pt idx="284">
                  <c:v>36810</c:v>
                </c:pt>
                <c:pt idx="285">
                  <c:v>36811</c:v>
                </c:pt>
                <c:pt idx="286">
                  <c:v>36812</c:v>
                </c:pt>
                <c:pt idx="287">
                  <c:v>36813</c:v>
                </c:pt>
                <c:pt idx="288">
                  <c:v>36814</c:v>
                </c:pt>
                <c:pt idx="289">
                  <c:v>36815</c:v>
                </c:pt>
                <c:pt idx="290">
                  <c:v>36816</c:v>
                </c:pt>
                <c:pt idx="291">
                  <c:v>36817</c:v>
                </c:pt>
                <c:pt idx="292">
                  <c:v>36818</c:v>
                </c:pt>
                <c:pt idx="293">
                  <c:v>36819</c:v>
                </c:pt>
                <c:pt idx="294">
                  <c:v>36820</c:v>
                </c:pt>
                <c:pt idx="295">
                  <c:v>36821</c:v>
                </c:pt>
                <c:pt idx="296">
                  <c:v>36822</c:v>
                </c:pt>
                <c:pt idx="297">
                  <c:v>36823</c:v>
                </c:pt>
                <c:pt idx="298">
                  <c:v>36824</c:v>
                </c:pt>
                <c:pt idx="299">
                  <c:v>36825</c:v>
                </c:pt>
                <c:pt idx="300">
                  <c:v>36826</c:v>
                </c:pt>
                <c:pt idx="301">
                  <c:v>36827</c:v>
                </c:pt>
                <c:pt idx="302">
                  <c:v>36828</c:v>
                </c:pt>
                <c:pt idx="303">
                  <c:v>36829</c:v>
                </c:pt>
                <c:pt idx="304">
                  <c:v>36830</c:v>
                </c:pt>
                <c:pt idx="305">
                  <c:v>36831</c:v>
                </c:pt>
                <c:pt idx="306">
                  <c:v>36832</c:v>
                </c:pt>
                <c:pt idx="307">
                  <c:v>36833</c:v>
                </c:pt>
                <c:pt idx="308">
                  <c:v>36834</c:v>
                </c:pt>
                <c:pt idx="309">
                  <c:v>36835</c:v>
                </c:pt>
                <c:pt idx="310">
                  <c:v>36836</c:v>
                </c:pt>
                <c:pt idx="311">
                  <c:v>36837</c:v>
                </c:pt>
                <c:pt idx="312">
                  <c:v>36838</c:v>
                </c:pt>
                <c:pt idx="313">
                  <c:v>36839</c:v>
                </c:pt>
                <c:pt idx="314">
                  <c:v>36840</c:v>
                </c:pt>
                <c:pt idx="315">
                  <c:v>36841</c:v>
                </c:pt>
                <c:pt idx="316">
                  <c:v>36842</c:v>
                </c:pt>
                <c:pt idx="317">
                  <c:v>36843</c:v>
                </c:pt>
                <c:pt idx="318">
                  <c:v>36844</c:v>
                </c:pt>
                <c:pt idx="319">
                  <c:v>36845</c:v>
                </c:pt>
                <c:pt idx="320">
                  <c:v>36846</c:v>
                </c:pt>
                <c:pt idx="321">
                  <c:v>36847</c:v>
                </c:pt>
                <c:pt idx="322">
                  <c:v>36848</c:v>
                </c:pt>
                <c:pt idx="323">
                  <c:v>36849</c:v>
                </c:pt>
                <c:pt idx="324">
                  <c:v>36850</c:v>
                </c:pt>
                <c:pt idx="325">
                  <c:v>36851</c:v>
                </c:pt>
                <c:pt idx="326">
                  <c:v>36852</c:v>
                </c:pt>
                <c:pt idx="327">
                  <c:v>36853</c:v>
                </c:pt>
                <c:pt idx="328">
                  <c:v>36854</c:v>
                </c:pt>
                <c:pt idx="329">
                  <c:v>36855</c:v>
                </c:pt>
                <c:pt idx="330">
                  <c:v>36856</c:v>
                </c:pt>
                <c:pt idx="331">
                  <c:v>36857</c:v>
                </c:pt>
                <c:pt idx="332">
                  <c:v>36858</c:v>
                </c:pt>
                <c:pt idx="333">
                  <c:v>36859</c:v>
                </c:pt>
                <c:pt idx="334">
                  <c:v>36860</c:v>
                </c:pt>
                <c:pt idx="335">
                  <c:v>36861</c:v>
                </c:pt>
                <c:pt idx="336">
                  <c:v>36862</c:v>
                </c:pt>
                <c:pt idx="337">
                  <c:v>36863</c:v>
                </c:pt>
                <c:pt idx="338">
                  <c:v>36864</c:v>
                </c:pt>
                <c:pt idx="339">
                  <c:v>36865</c:v>
                </c:pt>
                <c:pt idx="340">
                  <c:v>36866</c:v>
                </c:pt>
                <c:pt idx="341">
                  <c:v>36867</c:v>
                </c:pt>
                <c:pt idx="342">
                  <c:v>36868</c:v>
                </c:pt>
                <c:pt idx="343">
                  <c:v>36869</c:v>
                </c:pt>
                <c:pt idx="344">
                  <c:v>36870</c:v>
                </c:pt>
                <c:pt idx="345">
                  <c:v>36871</c:v>
                </c:pt>
                <c:pt idx="346">
                  <c:v>36872</c:v>
                </c:pt>
                <c:pt idx="347">
                  <c:v>36873</c:v>
                </c:pt>
                <c:pt idx="348">
                  <c:v>36874</c:v>
                </c:pt>
                <c:pt idx="349">
                  <c:v>36875</c:v>
                </c:pt>
                <c:pt idx="350">
                  <c:v>36876</c:v>
                </c:pt>
                <c:pt idx="351">
                  <c:v>36877</c:v>
                </c:pt>
                <c:pt idx="352">
                  <c:v>36878</c:v>
                </c:pt>
                <c:pt idx="353">
                  <c:v>36879</c:v>
                </c:pt>
                <c:pt idx="354">
                  <c:v>36880</c:v>
                </c:pt>
                <c:pt idx="355">
                  <c:v>36881</c:v>
                </c:pt>
                <c:pt idx="356">
                  <c:v>36882</c:v>
                </c:pt>
                <c:pt idx="357">
                  <c:v>36883</c:v>
                </c:pt>
                <c:pt idx="358">
                  <c:v>36884</c:v>
                </c:pt>
                <c:pt idx="359">
                  <c:v>36885</c:v>
                </c:pt>
                <c:pt idx="360">
                  <c:v>36886</c:v>
                </c:pt>
                <c:pt idx="361">
                  <c:v>36887</c:v>
                </c:pt>
                <c:pt idx="362">
                  <c:v>36888</c:v>
                </c:pt>
                <c:pt idx="363">
                  <c:v>36889</c:v>
                </c:pt>
                <c:pt idx="364">
                  <c:v>36890</c:v>
                </c:pt>
                <c:pt idx="365">
                  <c:v>36891</c:v>
                </c:pt>
                <c:pt idx="366">
                  <c:v>36892</c:v>
                </c:pt>
                <c:pt idx="367">
                  <c:v>36893</c:v>
                </c:pt>
                <c:pt idx="368">
                  <c:v>36894</c:v>
                </c:pt>
                <c:pt idx="369">
                  <c:v>36895</c:v>
                </c:pt>
                <c:pt idx="370">
                  <c:v>36896</c:v>
                </c:pt>
                <c:pt idx="371">
                  <c:v>36897</c:v>
                </c:pt>
                <c:pt idx="372">
                  <c:v>36898</c:v>
                </c:pt>
                <c:pt idx="373">
                  <c:v>36899</c:v>
                </c:pt>
                <c:pt idx="374">
                  <c:v>36900</c:v>
                </c:pt>
                <c:pt idx="375">
                  <c:v>36901</c:v>
                </c:pt>
                <c:pt idx="376">
                  <c:v>36902</c:v>
                </c:pt>
                <c:pt idx="377">
                  <c:v>36903</c:v>
                </c:pt>
                <c:pt idx="378">
                  <c:v>36904</c:v>
                </c:pt>
                <c:pt idx="379">
                  <c:v>36905</c:v>
                </c:pt>
                <c:pt idx="380">
                  <c:v>36906</c:v>
                </c:pt>
                <c:pt idx="381">
                  <c:v>36907</c:v>
                </c:pt>
                <c:pt idx="382">
                  <c:v>36908</c:v>
                </c:pt>
                <c:pt idx="383">
                  <c:v>36909</c:v>
                </c:pt>
                <c:pt idx="384">
                  <c:v>36910</c:v>
                </c:pt>
                <c:pt idx="385">
                  <c:v>36911</c:v>
                </c:pt>
                <c:pt idx="386">
                  <c:v>36912</c:v>
                </c:pt>
                <c:pt idx="387">
                  <c:v>36913</c:v>
                </c:pt>
                <c:pt idx="388">
                  <c:v>36914</c:v>
                </c:pt>
                <c:pt idx="389">
                  <c:v>36915</c:v>
                </c:pt>
                <c:pt idx="390">
                  <c:v>36916</c:v>
                </c:pt>
                <c:pt idx="391">
                  <c:v>36917</c:v>
                </c:pt>
                <c:pt idx="392">
                  <c:v>36918</c:v>
                </c:pt>
                <c:pt idx="393">
                  <c:v>36919</c:v>
                </c:pt>
                <c:pt idx="394">
                  <c:v>36920</c:v>
                </c:pt>
                <c:pt idx="395">
                  <c:v>36921</c:v>
                </c:pt>
                <c:pt idx="396">
                  <c:v>36922</c:v>
                </c:pt>
                <c:pt idx="397">
                  <c:v>36923</c:v>
                </c:pt>
                <c:pt idx="398">
                  <c:v>36924</c:v>
                </c:pt>
                <c:pt idx="399">
                  <c:v>36925</c:v>
                </c:pt>
                <c:pt idx="400">
                  <c:v>36926</c:v>
                </c:pt>
                <c:pt idx="401">
                  <c:v>36927</c:v>
                </c:pt>
                <c:pt idx="402">
                  <c:v>36928</c:v>
                </c:pt>
                <c:pt idx="403">
                  <c:v>36929</c:v>
                </c:pt>
                <c:pt idx="404">
                  <c:v>36930</c:v>
                </c:pt>
                <c:pt idx="405">
                  <c:v>36931</c:v>
                </c:pt>
                <c:pt idx="406">
                  <c:v>36932</c:v>
                </c:pt>
                <c:pt idx="407">
                  <c:v>36933</c:v>
                </c:pt>
                <c:pt idx="408">
                  <c:v>36934</c:v>
                </c:pt>
                <c:pt idx="409">
                  <c:v>36935</c:v>
                </c:pt>
                <c:pt idx="410">
                  <c:v>36936</c:v>
                </c:pt>
                <c:pt idx="411">
                  <c:v>36937</c:v>
                </c:pt>
                <c:pt idx="412">
                  <c:v>36938</c:v>
                </c:pt>
                <c:pt idx="413">
                  <c:v>36939</c:v>
                </c:pt>
                <c:pt idx="414">
                  <c:v>36940</c:v>
                </c:pt>
                <c:pt idx="415">
                  <c:v>36941</c:v>
                </c:pt>
                <c:pt idx="416">
                  <c:v>36942</c:v>
                </c:pt>
                <c:pt idx="417">
                  <c:v>36943</c:v>
                </c:pt>
                <c:pt idx="418">
                  <c:v>36944</c:v>
                </c:pt>
                <c:pt idx="419">
                  <c:v>36945</c:v>
                </c:pt>
                <c:pt idx="420">
                  <c:v>36946</c:v>
                </c:pt>
                <c:pt idx="421">
                  <c:v>36947</c:v>
                </c:pt>
                <c:pt idx="422">
                  <c:v>36948</c:v>
                </c:pt>
                <c:pt idx="423">
                  <c:v>36949</c:v>
                </c:pt>
                <c:pt idx="424">
                  <c:v>36950</c:v>
                </c:pt>
                <c:pt idx="425">
                  <c:v>36951</c:v>
                </c:pt>
                <c:pt idx="426">
                  <c:v>36952</c:v>
                </c:pt>
                <c:pt idx="427">
                  <c:v>36953</c:v>
                </c:pt>
                <c:pt idx="428">
                  <c:v>36954</c:v>
                </c:pt>
                <c:pt idx="429">
                  <c:v>36955</c:v>
                </c:pt>
                <c:pt idx="430">
                  <c:v>36956</c:v>
                </c:pt>
                <c:pt idx="431">
                  <c:v>36957</c:v>
                </c:pt>
                <c:pt idx="432">
                  <c:v>36958</c:v>
                </c:pt>
                <c:pt idx="433">
                  <c:v>36959</c:v>
                </c:pt>
                <c:pt idx="434">
                  <c:v>36960</c:v>
                </c:pt>
                <c:pt idx="435">
                  <c:v>36961</c:v>
                </c:pt>
                <c:pt idx="436">
                  <c:v>36962</c:v>
                </c:pt>
                <c:pt idx="437">
                  <c:v>36963</c:v>
                </c:pt>
                <c:pt idx="438">
                  <c:v>36964</c:v>
                </c:pt>
                <c:pt idx="439">
                  <c:v>36965</c:v>
                </c:pt>
                <c:pt idx="440">
                  <c:v>36966</c:v>
                </c:pt>
                <c:pt idx="441">
                  <c:v>36967</c:v>
                </c:pt>
                <c:pt idx="442">
                  <c:v>36968</c:v>
                </c:pt>
                <c:pt idx="443">
                  <c:v>36969</c:v>
                </c:pt>
                <c:pt idx="444">
                  <c:v>36970</c:v>
                </c:pt>
                <c:pt idx="445">
                  <c:v>36971</c:v>
                </c:pt>
                <c:pt idx="446">
                  <c:v>36972</c:v>
                </c:pt>
                <c:pt idx="447">
                  <c:v>36973</c:v>
                </c:pt>
                <c:pt idx="448">
                  <c:v>36974</c:v>
                </c:pt>
                <c:pt idx="449">
                  <c:v>36975</c:v>
                </c:pt>
                <c:pt idx="450">
                  <c:v>36976</c:v>
                </c:pt>
                <c:pt idx="451">
                  <c:v>36977</c:v>
                </c:pt>
                <c:pt idx="452">
                  <c:v>36978</c:v>
                </c:pt>
                <c:pt idx="453">
                  <c:v>36979</c:v>
                </c:pt>
                <c:pt idx="454">
                  <c:v>36980</c:v>
                </c:pt>
                <c:pt idx="455">
                  <c:v>36981</c:v>
                </c:pt>
                <c:pt idx="456">
                  <c:v>36982</c:v>
                </c:pt>
                <c:pt idx="457">
                  <c:v>36983</c:v>
                </c:pt>
                <c:pt idx="458">
                  <c:v>36984</c:v>
                </c:pt>
                <c:pt idx="459">
                  <c:v>36985</c:v>
                </c:pt>
                <c:pt idx="460">
                  <c:v>36986</c:v>
                </c:pt>
                <c:pt idx="461">
                  <c:v>36987</c:v>
                </c:pt>
                <c:pt idx="462">
                  <c:v>36988</c:v>
                </c:pt>
                <c:pt idx="463">
                  <c:v>36989</c:v>
                </c:pt>
                <c:pt idx="464">
                  <c:v>36990</c:v>
                </c:pt>
                <c:pt idx="465">
                  <c:v>36991</c:v>
                </c:pt>
                <c:pt idx="466">
                  <c:v>36992</c:v>
                </c:pt>
                <c:pt idx="467">
                  <c:v>36993</c:v>
                </c:pt>
                <c:pt idx="468">
                  <c:v>36994</c:v>
                </c:pt>
                <c:pt idx="469">
                  <c:v>36995</c:v>
                </c:pt>
                <c:pt idx="470">
                  <c:v>36996</c:v>
                </c:pt>
                <c:pt idx="471">
                  <c:v>36997</c:v>
                </c:pt>
                <c:pt idx="472">
                  <c:v>36998</c:v>
                </c:pt>
                <c:pt idx="473">
                  <c:v>36999</c:v>
                </c:pt>
                <c:pt idx="474">
                  <c:v>37000</c:v>
                </c:pt>
                <c:pt idx="475">
                  <c:v>37001</c:v>
                </c:pt>
                <c:pt idx="476">
                  <c:v>37002</c:v>
                </c:pt>
                <c:pt idx="477">
                  <c:v>37003</c:v>
                </c:pt>
                <c:pt idx="478">
                  <c:v>37004</c:v>
                </c:pt>
                <c:pt idx="479">
                  <c:v>37005</c:v>
                </c:pt>
                <c:pt idx="480">
                  <c:v>37006</c:v>
                </c:pt>
                <c:pt idx="481">
                  <c:v>37007</c:v>
                </c:pt>
                <c:pt idx="482">
                  <c:v>37008</c:v>
                </c:pt>
                <c:pt idx="483">
                  <c:v>37009</c:v>
                </c:pt>
                <c:pt idx="484">
                  <c:v>37010</c:v>
                </c:pt>
                <c:pt idx="485">
                  <c:v>37011</c:v>
                </c:pt>
                <c:pt idx="486">
                  <c:v>37012</c:v>
                </c:pt>
                <c:pt idx="487">
                  <c:v>37013</c:v>
                </c:pt>
                <c:pt idx="488">
                  <c:v>37014</c:v>
                </c:pt>
                <c:pt idx="489">
                  <c:v>37015</c:v>
                </c:pt>
                <c:pt idx="490">
                  <c:v>37016</c:v>
                </c:pt>
                <c:pt idx="491">
                  <c:v>37017</c:v>
                </c:pt>
                <c:pt idx="492">
                  <c:v>37018</c:v>
                </c:pt>
                <c:pt idx="493">
                  <c:v>37019</c:v>
                </c:pt>
                <c:pt idx="494">
                  <c:v>37020</c:v>
                </c:pt>
                <c:pt idx="495">
                  <c:v>37021</c:v>
                </c:pt>
                <c:pt idx="496">
                  <c:v>37022</c:v>
                </c:pt>
                <c:pt idx="497">
                  <c:v>37023</c:v>
                </c:pt>
                <c:pt idx="498">
                  <c:v>37024</c:v>
                </c:pt>
                <c:pt idx="499">
                  <c:v>37025</c:v>
                </c:pt>
                <c:pt idx="500">
                  <c:v>37026</c:v>
                </c:pt>
                <c:pt idx="501">
                  <c:v>37027</c:v>
                </c:pt>
                <c:pt idx="502">
                  <c:v>37028</c:v>
                </c:pt>
                <c:pt idx="503">
                  <c:v>37029</c:v>
                </c:pt>
                <c:pt idx="504">
                  <c:v>37030</c:v>
                </c:pt>
                <c:pt idx="505">
                  <c:v>37031</c:v>
                </c:pt>
                <c:pt idx="506">
                  <c:v>37032</c:v>
                </c:pt>
                <c:pt idx="507">
                  <c:v>37033</c:v>
                </c:pt>
                <c:pt idx="508">
                  <c:v>37034</c:v>
                </c:pt>
                <c:pt idx="509">
                  <c:v>37035</c:v>
                </c:pt>
                <c:pt idx="510">
                  <c:v>37036</c:v>
                </c:pt>
                <c:pt idx="511">
                  <c:v>37037</c:v>
                </c:pt>
                <c:pt idx="512">
                  <c:v>37038</c:v>
                </c:pt>
                <c:pt idx="513">
                  <c:v>37039</c:v>
                </c:pt>
                <c:pt idx="514">
                  <c:v>37040</c:v>
                </c:pt>
                <c:pt idx="515">
                  <c:v>37041</c:v>
                </c:pt>
                <c:pt idx="516">
                  <c:v>37042</c:v>
                </c:pt>
                <c:pt idx="517">
                  <c:v>37043</c:v>
                </c:pt>
                <c:pt idx="518">
                  <c:v>37044</c:v>
                </c:pt>
                <c:pt idx="519">
                  <c:v>37045</c:v>
                </c:pt>
                <c:pt idx="520">
                  <c:v>37046</c:v>
                </c:pt>
                <c:pt idx="521">
                  <c:v>37047</c:v>
                </c:pt>
                <c:pt idx="522">
                  <c:v>37048</c:v>
                </c:pt>
                <c:pt idx="523">
                  <c:v>37049</c:v>
                </c:pt>
                <c:pt idx="524">
                  <c:v>37050</c:v>
                </c:pt>
                <c:pt idx="525">
                  <c:v>37051</c:v>
                </c:pt>
                <c:pt idx="526">
                  <c:v>37052</c:v>
                </c:pt>
                <c:pt idx="527">
                  <c:v>37053</c:v>
                </c:pt>
                <c:pt idx="528">
                  <c:v>37054</c:v>
                </c:pt>
                <c:pt idx="529">
                  <c:v>37055</c:v>
                </c:pt>
                <c:pt idx="530">
                  <c:v>37056</c:v>
                </c:pt>
                <c:pt idx="531">
                  <c:v>37057</c:v>
                </c:pt>
                <c:pt idx="532">
                  <c:v>37058</c:v>
                </c:pt>
                <c:pt idx="533">
                  <c:v>37059</c:v>
                </c:pt>
                <c:pt idx="534">
                  <c:v>37060</c:v>
                </c:pt>
                <c:pt idx="535">
                  <c:v>37061</c:v>
                </c:pt>
                <c:pt idx="536">
                  <c:v>37062</c:v>
                </c:pt>
                <c:pt idx="537">
                  <c:v>37063</c:v>
                </c:pt>
                <c:pt idx="538">
                  <c:v>37064</c:v>
                </c:pt>
                <c:pt idx="539">
                  <c:v>37065</c:v>
                </c:pt>
                <c:pt idx="540">
                  <c:v>37066</c:v>
                </c:pt>
                <c:pt idx="541">
                  <c:v>37067</c:v>
                </c:pt>
                <c:pt idx="542">
                  <c:v>37068</c:v>
                </c:pt>
                <c:pt idx="543">
                  <c:v>37069</c:v>
                </c:pt>
                <c:pt idx="544">
                  <c:v>37070</c:v>
                </c:pt>
                <c:pt idx="545">
                  <c:v>37071</c:v>
                </c:pt>
                <c:pt idx="546">
                  <c:v>37072</c:v>
                </c:pt>
                <c:pt idx="547">
                  <c:v>37073</c:v>
                </c:pt>
                <c:pt idx="548">
                  <c:v>37074</c:v>
                </c:pt>
                <c:pt idx="549">
                  <c:v>37075</c:v>
                </c:pt>
                <c:pt idx="550">
                  <c:v>37076</c:v>
                </c:pt>
                <c:pt idx="551">
                  <c:v>37077</c:v>
                </c:pt>
                <c:pt idx="552">
                  <c:v>37078</c:v>
                </c:pt>
                <c:pt idx="553">
                  <c:v>37079</c:v>
                </c:pt>
                <c:pt idx="554">
                  <c:v>37080</c:v>
                </c:pt>
                <c:pt idx="555">
                  <c:v>37081</c:v>
                </c:pt>
                <c:pt idx="556">
                  <c:v>37082</c:v>
                </c:pt>
                <c:pt idx="557">
                  <c:v>37083</c:v>
                </c:pt>
                <c:pt idx="558">
                  <c:v>37084</c:v>
                </c:pt>
                <c:pt idx="559">
                  <c:v>37085</c:v>
                </c:pt>
                <c:pt idx="560">
                  <c:v>37086</c:v>
                </c:pt>
                <c:pt idx="561">
                  <c:v>37087</c:v>
                </c:pt>
                <c:pt idx="562">
                  <c:v>37088</c:v>
                </c:pt>
                <c:pt idx="563">
                  <c:v>37089</c:v>
                </c:pt>
                <c:pt idx="564">
                  <c:v>37090</c:v>
                </c:pt>
                <c:pt idx="565">
                  <c:v>37091</c:v>
                </c:pt>
                <c:pt idx="566">
                  <c:v>37092</c:v>
                </c:pt>
                <c:pt idx="567">
                  <c:v>37093</c:v>
                </c:pt>
                <c:pt idx="568">
                  <c:v>37094</c:v>
                </c:pt>
                <c:pt idx="569">
                  <c:v>37095</c:v>
                </c:pt>
                <c:pt idx="570">
                  <c:v>37096</c:v>
                </c:pt>
                <c:pt idx="571">
                  <c:v>37097</c:v>
                </c:pt>
                <c:pt idx="572">
                  <c:v>37098</c:v>
                </c:pt>
                <c:pt idx="573">
                  <c:v>37099</c:v>
                </c:pt>
                <c:pt idx="574">
                  <c:v>37100</c:v>
                </c:pt>
                <c:pt idx="575">
                  <c:v>37101</c:v>
                </c:pt>
                <c:pt idx="576">
                  <c:v>37102</c:v>
                </c:pt>
                <c:pt idx="577">
                  <c:v>37103</c:v>
                </c:pt>
                <c:pt idx="578">
                  <c:v>37104</c:v>
                </c:pt>
                <c:pt idx="579">
                  <c:v>37105</c:v>
                </c:pt>
                <c:pt idx="580">
                  <c:v>37106</c:v>
                </c:pt>
                <c:pt idx="581">
                  <c:v>37107</c:v>
                </c:pt>
                <c:pt idx="582">
                  <c:v>37108</c:v>
                </c:pt>
                <c:pt idx="583">
                  <c:v>37109</c:v>
                </c:pt>
                <c:pt idx="584">
                  <c:v>37110</c:v>
                </c:pt>
                <c:pt idx="585">
                  <c:v>37111</c:v>
                </c:pt>
                <c:pt idx="586">
                  <c:v>37112</c:v>
                </c:pt>
                <c:pt idx="587">
                  <c:v>37113</c:v>
                </c:pt>
                <c:pt idx="588">
                  <c:v>37114</c:v>
                </c:pt>
                <c:pt idx="589">
                  <c:v>37115</c:v>
                </c:pt>
                <c:pt idx="590">
                  <c:v>37116</c:v>
                </c:pt>
                <c:pt idx="591">
                  <c:v>37117</c:v>
                </c:pt>
                <c:pt idx="592">
                  <c:v>37118</c:v>
                </c:pt>
                <c:pt idx="593">
                  <c:v>37119</c:v>
                </c:pt>
                <c:pt idx="594">
                  <c:v>37120</c:v>
                </c:pt>
                <c:pt idx="595">
                  <c:v>37121</c:v>
                </c:pt>
                <c:pt idx="596">
                  <c:v>37122</c:v>
                </c:pt>
                <c:pt idx="597">
                  <c:v>37123</c:v>
                </c:pt>
                <c:pt idx="598">
                  <c:v>37124</c:v>
                </c:pt>
                <c:pt idx="599">
                  <c:v>37125</c:v>
                </c:pt>
                <c:pt idx="600">
                  <c:v>37126</c:v>
                </c:pt>
                <c:pt idx="601">
                  <c:v>37127</c:v>
                </c:pt>
                <c:pt idx="602">
                  <c:v>37128</c:v>
                </c:pt>
                <c:pt idx="603">
                  <c:v>37129</c:v>
                </c:pt>
                <c:pt idx="604">
                  <c:v>37130</c:v>
                </c:pt>
                <c:pt idx="605">
                  <c:v>37131</c:v>
                </c:pt>
                <c:pt idx="606">
                  <c:v>37132</c:v>
                </c:pt>
                <c:pt idx="607">
                  <c:v>37133</c:v>
                </c:pt>
                <c:pt idx="608">
                  <c:v>37134</c:v>
                </c:pt>
                <c:pt idx="609">
                  <c:v>37135</c:v>
                </c:pt>
                <c:pt idx="610">
                  <c:v>37136</c:v>
                </c:pt>
                <c:pt idx="611">
                  <c:v>37137</c:v>
                </c:pt>
                <c:pt idx="612">
                  <c:v>37138</c:v>
                </c:pt>
                <c:pt idx="613">
                  <c:v>37139</c:v>
                </c:pt>
                <c:pt idx="614">
                  <c:v>37140</c:v>
                </c:pt>
                <c:pt idx="615">
                  <c:v>37141</c:v>
                </c:pt>
                <c:pt idx="616">
                  <c:v>37142</c:v>
                </c:pt>
                <c:pt idx="617">
                  <c:v>37143</c:v>
                </c:pt>
                <c:pt idx="618">
                  <c:v>37144</c:v>
                </c:pt>
                <c:pt idx="619">
                  <c:v>37145</c:v>
                </c:pt>
                <c:pt idx="620">
                  <c:v>37146</c:v>
                </c:pt>
                <c:pt idx="621">
                  <c:v>37147</c:v>
                </c:pt>
                <c:pt idx="622">
                  <c:v>37148</c:v>
                </c:pt>
                <c:pt idx="623">
                  <c:v>37149</c:v>
                </c:pt>
                <c:pt idx="624">
                  <c:v>37150</c:v>
                </c:pt>
                <c:pt idx="625">
                  <c:v>37151</c:v>
                </c:pt>
                <c:pt idx="626">
                  <c:v>37152</c:v>
                </c:pt>
                <c:pt idx="627">
                  <c:v>37153</c:v>
                </c:pt>
                <c:pt idx="628">
                  <c:v>37154</c:v>
                </c:pt>
                <c:pt idx="629">
                  <c:v>37155</c:v>
                </c:pt>
                <c:pt idx="630">
                  <c:v>37156</c:v>
                </c:pt>
                <c:pt idx="631">
                  <c:v>37157</c:v>
                </c:pt>
                <c:pt idx="632">
                  <c:v>37158</c:v>
                </c:pt>
                <c:pt idx="633">
                  <c:v>37159</c:v>
                </c:pt>
                <c:pt idx="634">
                  <c:v>37160</c:v>
                </c:pt>
                <c:pt idx="635">
                  <c:v>37161</c:v>
                </c:pt>
                <c:pt idx="636">
                  <c:v>37162</c:v>
                </c:pt>
                <c:pt idx="637">
                  <c:v>37163</c:v>
                </c:pt>
                <c:pt idx="638">
                  <c:v>37164</c:v>
                </c:pt>
                <c:pt idx="639">
                  <c:v>37165</c:v>
                </c:pt>
                <c:pt idx="640">
                  <c:v>37166</c:v>
                </c:pt>
                <c:pt idx="641">
                  <c:v>37167</c:v>
                </c:pt>
                <c:pt idx="642">
                  <c:v>37168</c:v>
                </c:pt>
                <c:pt idx="643">
                  <c:v>37169</c:v>
                </c:pt>
                <c:pt idx="644">
                  <c:v>37170</c:v>
                </c:pt>
                <c:pt idx="645">
                  <c:v>37171</c:v>
                </c:pt>
                <c:pt idx="646">
                  <c:v>37172</c:v>
                </c:pt>
                <c:pt idx="647">
                  <c:v>37173</c:v>
                </c:pt>
                <c:pt idx="648">
                  <c:v>37174</c:v>
                </c:pt>
                <c:pt idx="649">
                  <c:v>37175</c:v>
                </c:pt>
                <c:pt idx="650">
                  <c:v>37176</c:v>
                </c:pt>
                <c:pt idx="651">
                  <c:v>37177</c:v>
                </c:pt>
                <c:pt idx="652">
                  <c:v>37178</c:v>
                </c:pt>
                <c:pt idx="653">
                  <c:v>37179</c:v>
                </c:pt>
                <c:pt idx="654">
                  <c:v>37180</c:v>
                </c:pt>
                <c:pt idx="655">
                  <c:v>37181</c:v>
                </c:pt>
                <c:pt idx="656">
                  <c:v>37182</c:v>
                </c:pt>
                <c:pt idx="657">
                  <c:v>37183</c:v>
                </c:pt>
                <c:pt idx="658">
                  <c:v>37184</c:v>
                </c:pt>
                <c:pt idx="659">
                  <c:v>37185</c:v>
                </c:pt>
                <c:pt idx="660">
                  <c:v>37186</c:v>
                </c:pt>
                <c:pt idx="661">
                  <c:v>37187</c:v>
                </c:pt>
                <c:pt idx="662">
                  <c:v>37188</c:v>
                </c:pt>
                <c:pt idx="663">
                  <c:v>37189</c:v>
                </c:pt>
                <c:pt idx="664">
                  <c:v>37190</c:v>
                </c:pt>
                <c:pt idx="665">
                  <c:v>37191</c:v>
                </c:pt>
                <c:pt idx="666">
                  <c:v>37192</c:v>
                </c:pt>
                <c:pt idx="667">
                  <c:v>37193</c:v>
                </c:pt>
                <c:pt idx="668">
                  <c:v>37194</c:v>
                </c:pt>
                <c:pt idx="669">
                  <c:v>37195</c:v>
                </c:pt>
                <c:pt idx="670">
                  <c:v>37196</c:v>
                </c:pt>
                <c:pt idx="671">
                  <c:v>37197</c:v>
                </c:pt>
                <c:pt idx="672">
                  <c:v>37198</c:v>
                </c:pt>
                <c:pt idx="673">
                  <c:v>37199</c:v>
                </c:pt>
                <c:pt idx="674">
                  <c:v>37200</c:v>
                </c:pt>
                <c:pt idx="675">
                  <c:v>37201</c:v>
                </c:pt>
                <c:pt idx="676">
                  <c:v>37202</c:v>
                </c:pt>
                <c:pt idx="677">
                  <c:v>37203</c:v>
                </c:pt>
                <c:pt idx="678">
                  <c:v>37204</c:v>
                </c:pt>
                <c:pt idx="679">
                  <c:v>37205</c:v>
                </c:pt>
                <c:pt idx="680">
                  <c:v>37206</c:v>
                </c:pt>
                <c:pt idx="681">
                  <c:v>37207</c:v>
                </c:pt>
                <c:pt idx="682">
                  <c:v>37208</c:v>
                </c:pt>
                <c:pt idx="683">
                  <c:v>37209</c:v>
                </c:pt>
                <c:pt idx="684">
                  <c:v>37210</c:v>
                </c:pt>
                <c:pt idx="685">
                  <c:v>37211</c:v>
                </c:pt>
                <c:pt idx="686">
                  <c:v>37212</c:v>
                </c:pt>
                <c:pt idx="687">
                  <c:v>37213</c:v>
                </c:pt>
                <c:pt idx="688">
                  <c:v>37214</c:v>
                </c:pt>
                <c:pt idx="689">
                  <c:v>37215</c:v>
                </c:pt>
                <c:pt idx="690">
                  <c:v>37216</c:v>
                </c:pt>
                <c:pt idx="691">
                  <c:v>37217</c:v>
                </c:pt>
                <c:pt idx="692">
                  <c:v>37218</c:v>
                </c:pt>
                <c:pt idx="693">
                  <c:v>37219</c:v>
                </c:pt>
                <c:pt idx="694">
                  <c:v>37220</c:v>
                </c:pt>
                <c:pt idx="695">
                  <c:v>37221</c:v>
                </c:pt>
                <c:pt idx="696">
                  <c:v>37222</c:v>
                </c:pt>
                <c:pt idx="697">
                  <c:v>37223</c:v>
                </c:pt>
                <c:pt idx="698">
                  <c:v>37224</c:v>
                </c:pt>
                <c:pt idx="699">
                  <c:v>37225</c:v>
                </c:pt>
                <c:pt idx="700">
                  <c:v>37226</c:v>
                </c:pt>
                <c:pt idx="701">
                  <c:v>37227</c:v>
                </c:pt>
                <c:pt idx="702">
                  <c:v>37228</c:v>
                </c:pt>
                <c:pt idx="703">
                  <c:v>37229</c:v>
                </c:pt>
                <c:pt idx="704">
                  <c:v>37230</c:v>
                </c:pt>
                <c:pt idx="705">
                  <c:v>37231</c:v>
                </c:pt>
                <c:pt idx="706">
                  <c:v>37232</c:v>
                </c:pt>
                <c:pt idx="707">
                  <c:v>37233</c:v>
                </c:pt>
                <c:pt idx="708">
                  <c:v>37234</c:v>
                </c:pt>
                <c:pt idx="709">
                  <c:v>37235</c:v>
                </c:pt>
                <c:pt idx="710">
                  <c:v>37236</c:v>
                </c:pt>
                <c:pt idx="711">
                  <c:v>37237</c:v>
                </c:pt>
                <c:pt idx="712">
                  <c:v>37238</c:v>
                </c:pt>
                <c:pt idx="713">
                  <c:v>37239</c:v>
                </c:pt>
                <c:pt idx="714">
                  <c:v>37240</c:v>
                </c:pt>
                <c:pt idx="715">
                  <c:v>37241</c:v>
                </c:pt>
                <c:pt idx="716">
                  <c:v>37242</c:v>
                </c:pt>
                <c:pt idx="717">
                  <c:v>37243</c:v>
                </c:pt>
                <c:pt idx="718">
                  <c:v>37244</c:v>
                </c:pt>
                <c:pt idx="719">
                  <c:v>37245</c:v>
                </c:pt>
                <c:pt idx="720">
                  <c:v>37246</c:v>
                </c:pt>
                <c:pt idx="721">
                  <c:v>37247</c:v>
                </c:pt>
                <c:pt idx="722">
                  <c:v>37248</c:v>
                </c:pt>
                <c:pt idx="723">
                  <c:v>37249</c:v>
                </c:pt>
                <c:pt idx="724">
                  <c:v>37250</c:v>
                </c:pt>
                <c:pt idx="725">
                  <c:v>37251</c:v>
                </c:pt>
                <c:pt idx="726">
                  <c:v>37252</c:v>
                </c:pt>
                <c:pt idx="727">
                  <c:v>37253</c:v>
                </c:pt>
                <c:pt idx="728">
                  <c:v>37254</c:v>
                </c:pt>
                <c:pt idx="729">
                  <c:v>37255</c:v>
                </c:pt>
                <c:pt idx="730">
                  <c:v>37256</c:v>
                </c:pt>
                <c:pt idx="731">
                  <c:v>37257</c:v>
                </c:pt>
                <c:pt idx="732">
                  <c:v>37258</c:v>
                </c:pt>
                <c:pt idx="733">
                  <c:v>37259</c:v>
                </c:pt>
                <c:pt idx="734">
                  <c:v>37260</c:v>
                </c:pt>
                <c:pt idx="735">
                  <c:v>37261</c:v>
                </c:pt>
                <c:pt idx="736">
                  <c:v>37262</c:v>
                </c:pt>
                <c:pt idx="737">
                  <c:v>37263</c:v>
                </c:pt>
                <c:pt idx="738">
                  <c:v>37264</c:v>
                </c:pt>
                <c:pt idx="739">
                  <c:v>37265</c:v>
                </c:pt>
                <c:pt idx="740">
                  <c:v>37266</c:v>
                </c:pt>
                <c:pt idx="741">
                  <c:v>37267</c:v>
                </c:pt>
                <c:pt idx="742">
                  <c:v>37268</c:v>
                </c:pt>
                <c:pt idx="743">
                  <c:v>37269</c:v>
                </c:pt>
                <c:pt idx="744">
                  <c:v>37270</c:v>
                </c:pt>
                <c:pt idx="745">
                  <c:v>37271</c:v>
                </c:pt>
                <c:pt idx="746">
                  <c:v>37272</c:v>
                </c:pt>
                <c:pt idx="747">
                  <c:v>37273</c:v>
                </c:pt>
                <c:pt idx="748">
                  <c:v>37274</c:v>
                </c:pt>
                <c:pt idx="749">
                  <c:v>37275</c:v>
                </c:pt>
                <c:pt idx="750">
                  <c:v>37276</c:v>
                </c:pt>
                <c:pt idx="751">
                  <c:v>37277</c:v>
                </c:pt>
                <c:pt idx="752">
                  <c:v>37278</c:v>
                </c:pt>
                <c:pt idx="753">
                  <c:v>37279</c:v>
                </c:pt>
                <c:pt idx="754">
                  <c:v>37280</c:v>
                </c:pt>
                <c:pt idx="755">
                  <c:v>37281</c:v>
                </c:pt>
                <c:pt idx="756">
                  <c:v>37282</c:v>
                </c:pt>
                <c:pt idx="757">
                  <c:v>37283</c:v>
                </c:pt>
                <c:pt idx="758">
                  <c:v>37284</c:v>
                </c:pt>
                <c:pt idx="759">
                  <c:v>37285</c:v>
                </c:pt>
                <c:pt idx="760">
                  <c:v>37286</c:v>
                </c:pt>
                <c:pt idx="761">
                  <c:v>37287</c:v>
                </c:pt>
                <c:pt idx="762">
                  <c:v>37288</c:v>
                </c:pt>
                <c:pt idx="763">
                  <c:v>37289</c:v>
                </c:pt>
                <c:pt idx="764">
                  <c:v>37290</c:v>
                </c:pt>
                <c:pt idx="765">
                  <c:v>37291</c:v>
                </c:pt>
                <c:pt idx="766">
                  <c:v>37292</c:v>
                </c:pt>
                <c:pt idx="767">
                  <c:v>37293</c:v>
                </c:pt>
                <c:pt idx="768">
                  <c:v>37294</c:v>
                </c:pt>
                <c:pt idx="769">
                  <c:v>37295</c:v>
                </c:pt>
                <c:pt idx="770">
                  <c:v>37296</c:v>
                </c:pt>
                <c:pt idx="771">
                  <c:v>37297</c:v>
                </c:pt>
                <c:pt idx="772">
                  <c:v>37298</c:v>
                </c:pt>
                <c:pt idx="773">
                  <c:v>37299</c:v>
                </c:pt>
                <c:pt idx="774">
                  <c:v>37300</c:v>
                </c:pt>
                <c:pt idx="775">
                  <c:v>37301</c:v>
                </c:pt>
                <c:pt idx="776">
                  <c:v>37302</c:v>
                </c:pt>
                <c:pt idx="777">
                  <c:v>37303</c:v>
                </c:pt>
                <c:pt idx="778">
                  <c:v>37304</c:v>
                </c:pt>
                <c:pt idx="779">
                  <c:v>37305</c:v>
                </c:pt>
                <c:pt idx="780">
                  <c:v>37306</c:v>
                </c:pt>
                <c:pt idx="781">
                  <c:v>37307</c:v>
                </c:pt>
                <c:pt idx="782">
                  <c:v>37308</c:v>
                </c:pt>
                <c:pt idx="783">
                  <c:v>37309</c:v>
                </c:pt>
                <c:pt idx="784">
                  <c:v>37310</c:v>
                </c:pt>
                <c:pt idx="785">
                  <c:v>37311</c:v>
                </c:pt>
                <c:pt idx="786">
                  <c:v>37312</c:v>
                </c:pt>
                <c:pt idx="787">
                  <c:v>37313</c:v>
                </c:pt>
                <c:pt idx="788">
                  <c:v>37314</c:v>
                </c:pt>
                <c:pt idx="789">
                  <c:v>37315</c:v>
                </c:pt>
                <c:pt idx="790">
                  <c:v>37316</c:v>
                </c:pt>
                <c:pt idx="791">
                  <c:v>37317</c:v>
                </c:pt>
                <c:pt idx="792">
                  <c:v>37318</c:v>
                </c:pt>
                <c:pt idx="793">
                  <c:v>37319</c:v>
                </c:pt>
                <c:pt idx="794">
                  <c:v>37320</c:v>
                </c:pt>
                <c:pt idx="795">
                  <c:v>37321</c:v>
                </c:pt>
                <c:pt idx="796">
                  <c:v>37322</c:v>
                </c:pt>
                <c:pt idx="797">
                  <c:v>37323</c:v>
                </c:pt>
                <c:pt idx="798">
                  <c:v>37324</c:v>
                </c:pt>
                <c:pt idx="799">
                  <c:v>37325</c:v>
                </c:pt>
                <c:pt idx="800">
                  <c:v>37326</c:v>
                </c:pt>
                <c:pt idx="801">
                  <c:v>37327</c:v>
                </c:pt>
                <c:pt idx="802">
                  <c:v>37328</c:v>
                </c:pt>
                <c:pt idx="803">
                  <c:v>37329</c:v>
                </c:pt>
                <c:pt idx="804">
                  <c:v>37330</c:v>
                </c:pt>
                <c:pt idx="805">
                  <c:v>37331</c:v>
                </c:pt>
                <c:pt idx="806">
                  <c:v>37332</c:v>
                </c:pt>
                <c:pt idx="807">
                  <c:v>37333</c:v>
                </c:pt>
                <c:pt idx="808">
                  <c:v>37334</c:v>
                </c:pt>
                <c:pt idx="809">
                  <c:v>37335</c:v>
                </c:pt>
                <c:pt idx="810">
                  <c:v>37336</c:v>
                </c:pt>
                <c:pt idx="811">
                  <c:v>37337</c:v>
                </c:pt>
                <c:pt idx="812">
                  <c:v>37338</c:v>
                </c:pt>
                <c:pt idx="813">
                  <c:v>37339</c:v>
                </c:pt>
                <c:pt idx="814">
                  <c:v>37340</c:v>
                </c:pt>
                <c:pt idx="815">
                  <c:v>37341</c:v>
                </c:pt>
                <c:pt idx="816">
                  <c:v>37342</c:v>
                </c:pt>
                <c:pt idx="817">
                  <c:v>37343</c:v>
                </c:pt>
                <c:pt idx="818">
                  <c:v>37344</c:v>
                </c:pt>
                <c:pt idx="819">
                  <c:v>37345</c:v>
                </c:pt>
                <c:pt idx="820">
                  <c:v>37346</c:v>
                </c:pt>
                <c:pt idx="821">
                  <c:v>37347</c:v>
                </c:pt>
                <c:pt idx="822">
                  <c:v>37348</c:v>
                </c:pt>
                <c:pt idx="823">
                  <c:v>37349</c:v>
                </c:pt>
                <c:pt idx="824">
                  <c:v>37350</c:v>
                </c:pt>
                <c:pt idx="825">
                  <c:v>37351</c:v>
                </c:pt>
                <c:pt idx="826">
                  <c:v>37352</c:v>
                </c:pt>
                <c:pt idx="827">
                  <c:v>37353</c:v>
                </c:pt>
                <c:pt idx="828">
                  <c:v>37354</c:v>
                </c:pt>
                <c:pt idx="829">
                  <c:v>37355</c:v>
                </c:pt>
                <c:pt idx="830">
                  <c:v>37356</c:v>
                </c:pt>
                <c:pt idx="831">
                  <c:v>37357</c:v>
                </c:pt>
                <c:pt idx="832">
                  <c:v>37358</c:v>
                </c:pt>
                <c:pt idx="833">
                  <c:v>37359</c:v>
                </c:pt>
                <c:pt idx="834">
                  <c:v>37360</c:v>
                </c:pt>
                <c:pt idx="835">
                  <c:v>37361</c:v>
                </c:pt>
                <c:pt idx="836">
                  <c:v>37362</c:v>
                </c:pt>
                <c:pt idx="837">
                  <c:v>37363</c:v>
                </c:pt>
                <c:pt idx="838">
                  <c:v>37364</c:v>
                </c:pt>
                <c:pt idx="839">
                  <c:v>37365</c:v>
                </c:pt>
                <c:pt idx="840">
                  <c:v>37366</c:v>
                </c:pt>
                <c:pt idx="841">
                  <c:v>37367</c:v>
                </c:pt>
                <c:pt idx="842">
                  <c:v>37368</c:v>
                </c:pt>
                <c:pt idx="843">
                  <c:v>37369</c:v>
                </c:pt>
                <c:pt idx="844">
                  <c:v>37370</c:v>
                </c:pt>
                <c:pt idx="845">
                  <c:v>37371</c:v>
                </c:pt>
                <c:pt idx="846">
                  <c:v>37372</c:v>
                </c:pt>
                <c:pt idx="847">
                  <c:v>37373</c:v>
                </c:pt>
                <c:pt idx="848">
                  <c:v>37374</c:v>
                </c:pt>
                <c:pt idx="849">
                  <c:v>37375</c:v>
                </c:pt>
                <c:pt idx="850">
                  <c:v>37376</c:v>
                </c:pt>
                <c:pt idx="851">
                  <c:v>37377</c:v>
                </c:pt>
                <c:pt idx="852">
                  <c:v>37378</c:v>
                </c:pt>
                <c:pt idx="853">
                  <c:v>37379</c:v>
                </c:pt>
                <c:pt idx="854">
                  <c:v>37380</c:v>
                </c:pt>
                <c:pt idx="855">
                  <c:v>37381</c:v>
                </c:pt>
                <c:pt idx="856">
                  <c:v>37382</c:v>
                </c:pt>
                <c:pt idx="857">
                  <c:v>37383</c:v>
                </c:pt>
                <c:pt idx="858">
                  <c:v>37384</c:v>
                </c:pt>
                <c:pt idx="859">
                  <c:v>37385</c:v>
                </c:pt>
                <c:pt idx="860">
                  <c:v>37386</c:v>
                </c:pt>
                <c:pt idx="861">
                  <c:v>37387</c:v>
                </c:pt>
                <c:pt idx="862">
                  <c:v>37388</c:v>
                </c:pt>
                <c:pt idx="863">
                  <c:v>37389</c:v>
                </c:pt>
                <c:pt idx="864">
                  <c:v>37390</c:v>
                </c:pt>
                <c:pt idx="865">
                  <c:v>37391</c:v>
                </c:pt>
                <c:pt idx="866">
                  <c:v>37392</c:v>
                </c:pt>
                <c:pt idx="867">
                  <c:v>37393</c:v>
                </c:pt>
                <c:pt idx="868">
                  <c:v>37394</c:v>
                </c:pt>
                <c:pt idx="869">
                  <c:v>37395</c:v>
                </c:pt>
                <c:pt idx="870">
                  <c:v>37396</c:v>
                </c:pt>
                <c:pt idx="871">
                  <c:v>37397</c:v>
                </c:pt>
                <c:pt idx="872">
                  <c:v>37398</c:v>
                </c:pt>
                <c:pt idx="873">
                  <c:v>37399</c:v>
                </c:pt>
                <c:pt idx="874">
                  <c:v>37400</c:v>
                </c:pt>
                <c:pt idx="875">
                  <c:v>37401</c:v>
                </c:pt>
                <c:pt idx="876">
                  <c:v>37402</c:v>
                </c:pt>
                <c:pt idx="877">
                  <c:v>37403</c:v>
                </c:pt>
                <c:pt idx="878">
                  <c:v>37404</c:v>
                </c:pt>
                <c:pt idx="879">
                  <c:v>37405</c:v>
                </c:pt>
                <c:pt idx="880">
                  <c:v>37406</c:v>
                </c:pt>
                <c:pt idx="881">
                  <c:v>37407</c:v>
                </c:pt>
                <c:pt idx="882">
                  <c:v>37408</c:v>
                </c:pt>
                <c:pt idx="883">
                  <c:v>37409</c:v>
                </c:pt>
                <c:pt idx="884">
                  <c:v>37410</c:v>
                </c:pt>
                <c:pt idx="885">
                  <c:v>37411</c:v>
                </c:pt>
                <c:pt idx="886">
                  <c:v>37412</c:v>
                </c:pt>
                <c:pt idx="887">
                  <c:v>37413</c:v>
                </c:pt>
                <c:pt idx="888">
                  <c:v>37414</c:v>
                </c:pt>
                <c:pt idx="889">
                  <c:v>37415</c:v>
                </c:pt>
                <c:pt idx="890">
                  <c:v>37416</c:v>
                </c:pt>
                <c:pt idx="891">
                  <c:v>37417</c:v>
                </c:pt>
                <c:pt idx="892">
                  <c:v>37418</c:v>
                </c:pt>
                <c:pt idx="893">
                  <c:v>37419</c:v>
                </c:pt>
                <c:pt idx="894">
                  <c:v>37420</c:v>
                </c:pt>
                <c:pt idx="895">
                  <c:v>37421</c:v>
                </c:pt>
                <c:pt idx="896">
                  <c:v>37422</c:v>
                </c:pt>
                <c:pt idx="897">
                  <c:v>37423</c:v>
                </c:pt>
                <c:pt idx="898">
                  <c:v>37424</c:v>
                </c:pt>
                <c:pt idx="899">
                  <c:v>37425</c:v>
                </c:pt>
                <c:pt idx="900">
                  <c:v>37426</c:v>
                </c:pt>
                <c:pt idx="901">
                  <c:v>37427</c:v>
                </c:pt>
                <c:pt idx="902">
                  <c:v>37428</c:v>
                </c:pt>
                <c:pt idx="903">
                  <c:v>37429</c:v>
                </c:pt>
                <c:pt idx="904">
                  <c:v>37430</c:v>
                </c:pt>
                <c:pt idx="905">
                  <c:v>37431</c:v>
                </c:pt>
                <c:pt idx="906">
                  <c:v>37432</c:v>
                </c:pt>
                <c:pt idx="907">
                  <c:v>37433</c:v>
                </c:pt>
                <c:pt idx="908">
                  <c:v>37434</c:v>
                </c:pt>
                <c:pt idx="909">
                  <c:v>37435</c:v>
                </c:pt>
                <c:pt idx="910">
                  <c:v>37436</c:v>
                </c:pt>
                <c:pt idx="911">
                  <c:v>37437</c:v>
                </c:pt>
                <c:pt idx="912">
                  <c:v>37438</c:v>
                </c:pt>
                <c:pt idx="913">
                  <c:v>37439</c:v>
                </c:pt>
                <c:pt idx="914">
                  <c:v>37440</c:v>
                </c:pt>
                <c:pt idx="915">
                  <c:v>37441</c:v>
                </c:pt>
                <c:pt idx="916">
                  <c:v>37442</c:v>
                </c:pt>
                <c:pt idx="917">
                  <c:v>37443</c:v>
                </c:pt>
                <c:pt idx="918">
                  <c:v>37444</c:v>
                </c:pt>
                <c:pt idx="919">
                  <c:v>37445</c:v>
                </c:pt>
                <c:pt idx="920">
                  <c:v>37446</c:v>
                </c:pt>
                <c:pt idx="921">
                  <c:v>37447</c:v>
                </c:pt>
                <c:pt idx="922">
                  <c:v>37448</c:v>
                </c:pt>
                <c:pt idx="923">
                  <c:v>37449</c:v>
                </c:pt>
                <c:pt idx="924">
                  <c:v>37450</c:v>
                </c:pt>
                <c:pt idx="925">
                  <c:v>37451</c:v>
                </c:pt>
                <c:pt idx="926">
                  <c:v>37452</c:v>
                </c:pt>
                <c:pt idx="927">
                  <c:v>37453</c:v>
                </c:pt>
                <c:pt idx="928">
                  <c:v>37454</c:v>
                </c:pt>
                <c:pt idx="929">
                  <c:v>37455</c:v>
                </c:pt>
                <c:pt idx="930">
                  <c:v>37456</c:v>
                </c:pt>
                <c:pt idx="931">
                  <c:v>37457</c:v>
                </c:pt>
                <c:pt idx="932">
                  <c:v>37458</c:v>
                </c:pt>
                <c:pt idx="933">
                  <c:v>37459</c:v>
                </c:pt>
                <c:pt idx="934">
                  <c:v>37460</c:v>
                </c:pt>
                <c:pt idx="935">
                  <c:v>37461</c:v>
                </c:pt>
                <c:pt idx="936">
                  <c:v>37462</c:v>
                </c:pt>
                <c:pt idx="937">
                  <c:v>37463</c:v>
                </c:pt>
                <c:pt idx="938">
                  <c:v>37464</c:v>
                </c:pt>
                <c:pt idx="939">
                  <c:v>37465</c:v>
                </c:pt>
                <c:pt idx="940">
                  <c:v>37466</c:v>
                </c:pt>
                <c:pt idx="941">
                  <c:v>37467</c:v>
                </c:pt>
                <c:pt idx="942">
                  <c:v>37468</c:v>
                </c:pt>
                <c:pt idx="943">
                  <c:v>37469</c:v>
                </c:pt>
                <c:pt idx="944">
                  <c:v>37470</c:v>
                </c:pt>
                <c:pt idx="945">
                  <c:v>37471</c:v>
                </c:pt>
                <c:pt idx="946">
                  <c:v>37472</c:v>
                </c:pt>
                <c:pt idx="947">
                  <c:v>37473</c:v>
                </c:pt>
                <c:pt idx="948">
                  <c:v>37474</c:v>
                </c:pt>
                <c:pt idx="949">
                  <c:v>37475</c:v>
                </c:pt>
                <c:pt idx="950">
                  <c:v>37476</c:v>
                </c:pt>
                <c:pt idx="951">
                  <c:v>37477</c:v>
                </c:pt>
                <c:pt idx="952">
                  <c:v>37478</c:v>
                </c:pt>
                <c:pt idx="953">
                  <c:v>37479</c:v>
                </c:pt>
                <c:pt idx="954">
                  <c:v>37480</c:v>
                </c:pt>
                <c:pt idx="955">
                  <c:v>37481</c:v>
                </c:pt>
                <c:pt idx="956">
                  <c:v>37482</c:v>
                </c:pt>
                <c:pt idx="957">
                  <c:v>37483</c:v>
                </c:pt>
                <c:pt idx="958">
                  <c:v>37484</c:v>
                </c:pt>
                <c:pt idx="959">
                  <c:v>37485</c:v>
                </c:pt>
                <c:pt idx="960">
                  <c:v>37486</c:v>
                </c:pt>
                <c:pt idx="961">
                  <c:v>37487</c:v>
                </c:pt>
                <c:pt idx="962">
                  <c:v>37488</c:v>
                </c:pt>
                <c:pt idx="963">
                  <c:v>37489</c:v>
                </c:pt>
                <c:pt idx="964">
                  <c:v>37490</c:v>
                </c:pt>
                <c:pt idx="965">
                  <c:v>37491</c:v>
                </c:pt>
                <c:pt idx="966">
                  <c:v>37492</c:v>
                </c:pt>
                <c:pt idx="967">
                  <c:v>37493</c:v>
                </c:pt>
                <c:pt idx="968">
                  <c:v>37494</c:v>
                </c:pt>
                <c:pt idx="969">
                  <c:v>37495</c:v>
                </c:pt>
                <c:pt idx="970">
                  <c:v>37496</c:v>
                </c:pt>
                <c:pt idx="971">
                  <c:v>37497</c:v>
                </c:pt>
                <c:pt idx="972">
                  <c:v>37498</c:v>
                </c:pt>
                <c:pt idx="973">
                  <c:v>37499</c:v>
                </c:pt>
                <c:pt idx="974">
                  <c:v>37500</c:v>
                </c:pt>
                <c:pt idx="975">
                  <c:v>37501</c:v>
                </c:pt>
                <c:pt idx="976">
                  <c:v>37502</c:v>
                </c:pt>
                <c:pt idx="977">
                  <c:v>37503</c:v>
                </c:pt>
                <c:pt idx="978">
                  <c:v>37504</c:v>
                </c:pt>
                <c:pt idx="979">
                  <c:v>37505</c:v>
                </c:pt>
                <c:pt idx="980">
                  <c:v>37506</c:v>
                </c:pt>
                <c:pt idx="981">
                  <c:v>37507</c:v>
                </c:pt>
                <c:pt idx="982">
                  <c:v>37508</c:v>
                </c:pt>
                <c:pt idx="983">
                  <c:v>37509</c:v>
                </c:pt>
                <c:pt idx="984">
                  <c:v>37510</c:v>
                </c:pt>
                <c:pt idx="985">
                  <c:v>37511</c:v>
                </c:pt>
                <c:pt idx="986">
                  <c:v>37512</c:v>
                </c:pt>
                <c:pt idx="987">
                  <c:v>37513</c:v>
                </c:pt>
                <c:pt idx="988">
                  <c:v>37514</c:v>
                </c:pt>
                <c:pt idx="989">
                  <c:v>37515</c:v>
                </c:pt>
                <c:pt idx="990">
                  <c:v>37516</c:v>
                </c:pt>
                <c:pt idx="991">
                  <c:v>37517</c:v>
                </c:pt>
                <c:pt idx="992">
                  <c:v>37518</c:v>
                </c:pt>
                <c:pt idx="993">
                  <c:v>37519</c:v>
                </c:pt>
                <c:pt idx="994">
                  <c:v>37520</c:v>
                </c:pt>
                <c:pt idx="995">
                  <c:v>37521</c:v>
                </c:pt>
                <c:pt idx="996">
                  <c:v>37522</c:v>
                </c:pt>
                <c:pt idx="997">
                  <c:v>37523</c:v>
                </c:pt>
                <c:pt idx="998">
                  <c:v>37524</c:v>
                </c:pt>
                <c:pt idx="999">
                  <c:v>37525</c:v>
                </c:pt>
                <c:pt idx="1000">
                  <c:v>37526</c:v>
                </c:pt>
                <c:pt idx="1001">
                  <c:v>37527</c:v>
                </c:pt>
                <c:pt idx="1002">
                  <c:v>37528</c:v>
                </c:pt>
                <c:pt idx="1003">
                  <c:v>37529</c:v>
                </c:pt>
                <c:pt idx="1004">
                  <c:v>37530</c:v>
                </c:pt>
                <c:pt idx="1005">
                  <c:v>37531</c:v>
                </c:pt>
                <c:pt idx="1006">
                  <c:v>37532</c:v>
                </c:pt>
                <c:pt idx="1007">
                  <c:v>37533</c:v>
                </c:pt>
                <c:pt idx="1008">
                  <c:v>37534</c:v>
                </c:pt>
                <c:pt idx="1009">
                  <c:v>37535</c:v>
                </c:pt>
                <c:pt idx="1010">
                  <c:v>37536</c:v>
                </c:pt>
                <c:pt idx="1011">
                  <c:v>37537</c:v>
                </c:pt>
                <c:pt idx="1012">
                  <c:v>37538</c:v>
                </c:pt>
                <c:pt idx="1013">
                  <c:v>37539</c:v>
                </c:pt>
                <c:pt idx="1014">
                  <c:v>37540</c:v>
                </c:pt>
                <c:pt idx="1015">
                  <c:v>37541</c:v>
                </c:pt>
                <c:pt idx="1016">
                  <c:v>37542</c:v>
                </c:pt>
                <c:pt idx="1017">
                  <c:v>37543</c:v>
                </c:pt>
                <c:pt idx="1018">
                  <c:v>37544</c:v>
                </c:pt>
                <c:pt idx="1019">
                  <c:v>37545</c:v>
                </c:pt>
                <c:pt idx="1020">
                  <c:v>37546</c:v>
                </c:pt>
                <c:pt idx="1021">
                  <c:v>37547</c:v>
                </c:pt>
                <c:pt idx="1022">
                  <c:v>37548</c:v>
                </c:pt>
                <c:pt idx="1023">
                  <c:v>37549</c:v>
                </c:pt>
                <c:pt idx="1024">
                  <c:v>37550</c:v>
                </c:pt>
                <c:pt idx="1025">
                  <c:v>37551</c:v>
                </c:pt>
                <c:pt idx="1026">
                  <c:v>37552</c:v>
                </c:pt>
                <c:pt idx="1027">
                  <c:v>37553</c:v>
                </c:pt>
                <c:pt idx="1028">
                  <c:v>37554</c:v>
                </c:pt>
                <c:pt idx="1029">
                  <c:v>37555</c:v>
                </c:pt>
                <c:pt idx="1030">
                  <c:v>37556</c:v>
                </c:pt>
                <c:pt idx="1031">
                  <c:v>37557</c:v>
                </c:pt>
                <c:pt idx="1032">
                  <c:v>37558</c:v>
                </c:pt>
                <c:pt idx="1033">
                  <c:v>37559</c:v>
                </c:pt>
                <c:pt idx="1034">
                  <c:v>37560</c:v>
                </c:pt>
                <c:pt idx="1035">
                  <c:v>37561</c:v>
                </c:pt>
                <c:pt idx="1036">
                  <c:v>37562</c:v>
                </c:pt>
                <c:pt idx="1037">
                  <c:v>37563</c:v>
                </c:pt>
                <c:pt idx="1038">
                  <c:v>37564</c:v>
                </c:pt>
                <c:pt idx="1039">
                  <c:v>37565</c:v>
                </c:pt>
                <c:pt idx="1040">
                  <c:v>37566</c:v>
                </c:pt>
                <c:pt idx="1041">
                  <c:v>37567</c:v>
                </c:pt>
                <c:pt idx="1042">
                  <c:v>37568</c:v>
                </c:pt>
                <c:pt idx="1043">
                  <c:v>37569</c:v>
                </c:pt>
                <c:pt idx="1044">
                  <c:v>37570</c:v>
                </c:pt>
                <c:pt idx="1045">
                  <c:v>37571</c:v>
                </c:pt>
                <c:pt idx="1046">
                  <c:v>37572</c:v>
                </c:pt>
                <c:pt idx="1047">
                  <c:v>37573</c:v>
                </c:pt>
                <c:pt idx="1048">
                  <c:v>37574</c:v>
                </c:pt>
                <c:pt idx="1049">
                  <c:v>37575</c:v>
                </c:pt>
                <c:pt idx="1050">
                  <c:v>37576</c:v>
                </c:pt>
                <c:pt idx="1051">
                  <c:v>37577</c:v>
                </c:pt>
                <c:pt idx="1052">
                  <c:v>37578</c:v>
                </c:pt>
                <c:pt idx="1053">
                  <c:v>37579</c:v>
                </c:pt>
                <c:pt idx="1054">
                  <c:v>37580</c:v>
                </c:pt>
                <c:pt idx="1055">
                  <c:v>37581</c:v>
                </c:pt>
                <c:pt idx="1056">
                  <c:v>37582</c:v>
                </c:pt>
                <c:pt idx="1057">
                  <c:v>37583</c:v>
                </c:pt>
                <c:pt idx="1058">
                  <c:v>37584</c:v>
                </c:pt>
                <c:pt idx="1059">
                  <c:v>37585</c:v>
                </c:pt>
                <c:pt idx="1060">
                  <c:v>37586</c:v>
                </c:pt>
                <c:pt idx="1061">
                  <c:v>37587</c:v>
                </c:pt>
                <c:pt idx="1062">
                  <c:v>37588</c:v>
                </c:pt>
                <c:pt idx="1063">
                  <c:v>37589</c:v>
                </c:pt>
                <c:pt idx="1064">
                  <c:v>37590</c:v>
                </c:pt>
                <c:pt idx="1065">
                  <c:v>37591</c:v>
                </c:pt>
                <c:pt idx="1066">
                  <c:v>37592</c:v>
                </c:pt>
                <c:pt idx="1067">
                  <c:v>37593</c:v>
                </c:pt>
                <c:pt idx="1068">
                  <c:v>37594</c:v>
                </c:pt>
                <c:pt idx="1069">
                  <c:v>37595</c:v>
                </c:pt>
                <c:pt idx="1070">
                  <c:v>37596</c:v>
                </c:pt>
                <c:pt idx="1071">
                  <c:v>37597</c:v>
                </c:pt>
                <c:pt idx="1072">
                  <c:v>37598</c:v>
                </c:pt>
                <c:pt idx="1073">
                  <c:v>37599</c:v>
                </c:pt>
                <c:pt idx="1074">
                  <c:v>37600</c:v>
                </c:pt>
                <c:pt idx="1075">
                  <c:v>37601</c:v>
                </c:pt>
                <c:pt idx="1076">
                  <c:v>37602</c:v>
                </c:pt>
                <c:pt idx="1077">
                  <c:v>37603</c:v>
                </c:pt>
                <c:pt idx="1078">
                  <c:v>37604</c:v>
                </c:pt>
                <c:pt idx="1079">
                  <c:v>37605</c:v>
                </c:pt>
                <c:pt idx="1080">
                  <c:v>37606</c:v>
                </c:pt>
                <c:pt idx="1081">
                  <c:v>37607</c:v>
                </c:pt>
                <c:pt idx="1082">
                  <c:v>37608</c:v>
                </c:pt>
                <c:pt idx="1083">
                  <c:v>37609</c:v>
                </c:pt>
                <c:pt idx="1084">
                  <c:v>37610</c:v>
                </c:pt>
                <c:pt idx="1085">
                  <c:v>37611</c:v>
                </c:pt>
                <c:pt idx="1086">
                  <c:v>37612</c:v>
                </c:pt>
                <c:pt idx="1087">
                  <c:v>37613</c:v>
                </c:pt>
                <c:pt idx="1088">
                  <c:v>37614</c:v>
                </c:pt>
                <c:pt idx="1089">
                  <c:v>37615</c:v>
                </c:pt>
                <c:pt idx="1090">
                  <c:v>37616</c:v>
                </c:pt>
                <c:pt idx="1091">
                  <c:v>37617</c:v>
                </c:pt>
                <c:pt idx="1092">
                  <c:v>37618</c:v>
                </c:pt>
                <c:pt idx="1093">
                  <c:v>37619</c:v>
                </c:pt>
                <c:pt idx="1094">
                  <c:v>37620</c:v>
                </c:pt>
                <c:pt idx="1095">
                  <c:v>37621</c:v>
                </c:pt>
                <c:pt idx="1096">
                  <c:v>37622</c:v>
                </c:pt>
                <c:pt idx="1097">
                  <c:v>37623</c:v>
                </c:pt>
                <c:pt idx="1098">
                  <c:v>37624</c:v>
                </c:pt>
                <c:pt idx="1099">
                  <c:v>37625</c:v>
                </c:pt>
                <c:pt idx="1100">
                  <c:v>37626</c:v>
                </c:pt>
                <c:pt idx="1101">
                  <c:v>37627</c:v>
                </c:pt>
                <c:pt idx="1102">
                  <c:v>37628</c:v>
                </c:pt>
                <c:pt idx="1103">
                  <c:v>37629</c:v>
                </c:pt>
                <c:pt idx="1104">
                  <c:v>37630</c:v>
                </c:pt>
                <c:pt idx="1105">
                  <c:v>37631</c:v>
                </c:pt>
                <c:pt idx="1106">
                  <c:v>37632</c:v>
                </c:pt>
                <c:pt idx="1107">
                  <c:v>37633</c:v>
                </c:pt>
                <c:pt idx="1108">
                  <c:v>37634</c:v>
                </c:pt>
                <c:pt idx="1109">
                  <c:v>37635</c:v>
                </c:pt>
                <c:pt idx="1110">
                  <c:v>37636</c:v>
                </c:pt>
                <c:pt idx="1111">
                  <c:v>37637</c:v>
                </c:pt>
                <c:pt idx="1112">
                  <c:v>37638</c:v>
                </c:pt>
                <c:pt idx="1113">
                  <c:v>37639</c:v>
                </c:pt>
                <c:pt idx="1114">
                  <c:v>37640</c:v>
                </c:pt>
                <c:pt idx="1115">
                  <c:v>37641</c:v>
                </c:pt>
                <c:pt idx="1116">
                  <c:v>37642</c:v>
                </c:pt>
                <c:pt idx="1117">
                  <c:v>37643</c:v>
                </c:pt>
                <c:pt idx="1118">
                  <c:v>37644</c:v>
                </c:pt>
                <c:pt idx="1119">
                  <c:v>37645</c:v>
                </c:pt>
                <c:pt idx="1120">
                  <c:v>37646</c:v>
                </c:pt>
                <c:pt idx="1121">
                  <c:v>37647</c:v>
                </c:pt>
                <c:pt idx="1122">
                  <c:v>37648</c:v>
                </c:pt>
                <c:pt idx="1123">
                  <c:v>37649</c:v>
                </c:pt>
                <c:pt idx="1124">
                  <c:v>37650</c:v>
                </c:pt>
                <c:pt idx="1125">
                  <c:v>37651</c:v>
                </c:pt>
                <c:pt idx="1126">
                  <c:v>37652</c:v>
                </c:pt>
                <c:pt idx="1127">
                  <c:v>37653</c:v>
                </c:pt>
                <c:pt idx="1128">
                  <c:v>37654</c:v>
                </c:pt>
                <c:pt idx="1129">
                  <c:v>37655</c:v>
                </c:pt>
                <c:pt idx="1130">
                  <c:v>37656</c:v>
                </c:pt>
                <c:pt idx="1131">
                  <c:v>37657</c:v>
                </c:pt>
                <c:pt idx="1132">
                  <c:v>37658</c:v>
                </c:pt>
                <c:pt idx="1133">
                  <c:v>37659</c:v>
                </c:pt>
                <c:pt idx="1134">
                  <c:v>37660</c:v>
                </c:pt>
                <c:pt idx="1135">
                  <c:v>37661</c:v>
                </c:pt>
                <c:pt idx="1136">
                  <c:v>37662</c:v>
                </c:pt>
                <c:pt idx="1137">
                  <c:v>37663</c:v>
                </c:pt>
                <c:pt idx="1138">
                  <c:v>37664</c:v>
                </c:pt>
                <c:pt idx="1139">
                  <c:v>37665</c:v>
                </c:pt>
                <c:pt idx="1140">
                  <c:v>37666</c:v>
                </c:pt>
                <c:pt idx="1141">
                  <c:v>37667</c:v>
                </c:pt>
                <c:pt idx="1142">
                  <c:v>37668</c:v>
                </c:pt>
                <c:pt idx="1143">
                  <c:v>37669</c:v>
                </c:pt>
                <c:pt idx="1144">
                  <c:v>37670</c:v>
                </c:pt>
                <c:pt idx="1145">
                  <c:v>37671</c:v>
                </c:pt>
                <c:pt idx="1146">
                  <c:v>37672</c:v>
                </c:pt>
                <c:pt idx="1147">
                  <c:v>37673</c:v>
                </c:pt>
                <c:pt idx="1148">
                  <c:v>37674</c:v>
                </c:pt>
                <c:pt idx="1149">
                  <c:v>37675</c:v>
                </c:pt>
                <c:pt idx="1150">
                  <c:v>37676</c:v>
                </c:pt>
                <c:pt idx="1151">
                  <c:v>37677</c:v>
                </c:pt>
                <c:pt idx="1152">
                  <c:v>37678</c:v>
                </c:pt>
                <c:pt idx="1153">
                  <c:v>37679</c:v>
                </c:pt>
                <c:pt idx="1154">
                  <c:v>37680</c:v>
                </c:pt>
                <c:pt idx="1155">
                  <c:v>37681</c:v>
                </c:pt>
                <c:pt idx="1156">
                  <c:v>37682</c:v>
                </c:pt>
                <c:pt idx="1157">
                  <c:v>37683</c:v>
                </c:pt>
                <c:pt idx="1158">
                  <c:v>37684</c:v>
                </c:pt>
                <c:pt idx="1159">
                  <c:v>37685</c:v>
                </c:pt>
                <c:pt idx="1160">
                  <c:v>37686</c:v>
                </c:pt>
                <c:pt idx="1161">
                  <c:v>37687</c:v>
                </c:pt>
                <c:pt idx="1162">
                  <c:v>37688</c:v>
                </c:pt>
                <c:pt idx="1163">
                  <c:v>37689</c:v>
                </c:pt>
                <c:pt idx="1164">
                  <c:v>37690</c:v>
                </c:pt>
                <c:pt idx="1165">
                  <c:v>37691</c:v>
                </c:pt>
                <c:pt idx="1166">
                  <c:v>37692</c:v>
                </c:pt>
                <c:pt idx="1167">
                  <c:v>37693</c:v>
                </c:pt>
                <c:pt idx="1168">
                  <c:v>37694</c:v>
                </c:pt>
                <c:pt idx="1169">
                  <c:v>37695</c:v>
                </c:pt>
                <c:pt idx="1170">
                  <c:v>37696</c:v>
                </c:pt>
                <c:pt idx="1171">
                  <c:v>37697</c:v>
                </c:pt>
                <c:pt idx="1172">
                  <c:v>37698</c:v>
                </c:pt>
                <c:pt idx="1173">
                  <c:v>37699</c:v>
                </c:pt>
                <c:pt idx="1174">
                  <c:v>37700</c:v>
                </c:pt>
                <c:pt idx="1175">
                  <c:v>37701</c:v>
                </c:pt>
                <c:pt idx="1176">
                  <c:v>37702</c:v>
                </c:pt>
                <c:pt idx="1177">
                  <c:v>37703</c:v>
                </c:pt>
                <c:pt idx="1178">
                  <c:v>37704</c:v>
                </c:pt>
                <c:pt idx="1179">
                  <c:v>37705</c:v>
                </c:pt>
                <c:pt idx="1180">
                  <c:v>37706</c:v>
                </c:pt>
                <c:pt idx="1181">
                  <c:v>37707</c:v>
                </c:pt>
                <c:pt idx="1182">
                  <c:v>37708</c:v>
                </c:pt>
                <c:pt idx="1183">
                  <c:v>37709</c:v>
                </c:pt>
                <c:pt idx="1184">
                  <c:v>37710</c:v>
                </c:pt>
                <c:pt idx="1185">
                  <c:v>37711</c:v>
                </c:pt>
                <c:pt idx="1186">
                  <c:v>37712</c:v>
                </c:pt>
                <c:pt idx="1187">
                  <c:v>37713</c:v>
                </c:pt>
                <c:pt idx="1188">
                  <c:v>37714</c:v>
                </c:pt>
                <c:pt idx="1189">
                  <c:v>37715</c:v>
                </c:pt>
                <c:pt idx="1190">
                  <c:v>37716</c:v>
                </c:pt>
                <c:pt idx="1191">
                  <c:v>37717</c:v>
                </c:pt>
                <c:pt idx="1192">
                  <c:v>37718</c:v>
                </c:pt>
                <c:pt idx="1193">
                  <c:v>37719</c:v>
                </c:pt>
                <c:pt idx="1194">
                  <c:v>37720</c:v>
                </c:pt>
                <c:pt idx="1195">
                  <c:v>37721</c:v>
                </c:pt>
                <c:pt idx="1196">
                  <c:v>37722</c:v>
                </c:pt>
                <c:pt idx="1197">
                  <c:v>37723</c:v>
                </c:pt>
                <c:pt idx="1198">
                  <c:v>37724</c:v>
                </c:pt>
                <c:pt idx="1199">
                  <c:v>37725</c:v>
                </c:pt>
                <c:pt idx="1200">
                  <c:v>37726</c:v>
                </c:pt>
                <c:pt idx="1201">
                  <c:v>37727</c:v>
                </c:pt>
                <c:pt idx="1202">
                  <c:v>37728</c:v>
                </c:pt>
                <c:pt idx="1203">
                  <c:v>37729</c:v>
                </c:pt>
                <c:pt idx="1204">
                  <c:v>37730</c:v>
                </c:pt>
                <c:pt idx="1205">
                  <c:v>37731</c:v>
                </c:pt>
                <c:pt idx="1206">
                  <c:v>37732</c:v>
                </c:pt>
                <c:pt idx="1207">
                  <c:v>37733</c:v>
                </c:pt>
                <c:pt idx="1208">
                  <c:v>37734</c:v>
                </c:pt>
                <c:pt idx="1209">
                  <c:v>37735</c:v>
                </c:pt>
                <c:pt idx="1210">
                  <c:v>37736</c:v>
                </c:pt>
                <c:pt idx="1211">
                  <c:v>37737</c:v>
                </c:pt>
                <c:pt idx="1212">
                  <c:v>37738</c:v>
                </c:pt>
                <c:pt idx="1213">
                  <c:v>37739</c:v>
                </c:pt>
                <c:pt idx="1214">
                  <c:v>37740</c:v>
                </c:pt>
                <c:pt idx="1215">
                  <c:v>37741</c:v>
                </c:pt>
                <c:pt idx="1216">
                  <c:v>37742</c:v>
                </c:pt>
                <c:pt idx="1217">
                  <c:v>37743</c:v>
                </c:pt>
                <c:pt idx="1218">
                  <c:v>37744</c:v>
                </c:pt>
                <c:pt idx="1219">
                  <c:v>37745</c:v>
                </c:pt>
                <c:pt idx="1220">
                  <c:v>37746</c:v>
                </c:pt>
                <c:pt idx="1221">
                  <c:v>37747</c:v>
                </c:pt>
                <c:pt idx="1222">
                  <c:v>37748</c:v>
                </c:pt>
                <c:pt idx="1223">
                  <c:v>37749</c:v>
                </c:pt>
                <c:pt idx="1224">
                  <c:v>37750</c:v>
                </c:pt>
                <c:pt idx="1225">
                  <c:v>37751</c:v>
                </c:pt>
                <c:pt idx="1226">
                  <c:v>37752</c:v>
                </c:pt>
                <c:pt idx="1227">
                  <c:v>37753</c:v>
                </c:pt>
                <c:pt idx="1228">
                  <c:v>37754</c:v>
                </c:pt>
                <c:pt idx="1229">
                  <c:v>37755</c:v>
                </c:pt>
                <c:pt idx="1230">
                  <c:v>37756</c:v>
                </c:pt>
                <c:pt idx="1231">
                  <c:v>37757</c:v>
                </c:pt>
                <c:pt idx="1232">
                  <c:v>37758</c:v>
                </c:pt>
                <c:pt idx="1233">
                  <c:v>37759</c:v>
                </c:pt>
                <c:pt idx="1234">
                  <c:v>37760</c:v>
                </c:pt>
                <c:pt idx="1235">
                  <c:v>37761</c:v>
                </c:pt>
                <c:pt idx="1236">
                  <c:v>37762</c:v>
                </c:pt>
                <c:pt idx="1237">
                  <c:v>37763</c:v>
                </c:pt>
                <c:pt idx="1238">
                  <c:v>37764</c:v>
                </c:pt>
                <c:pt idx="1239">
                  <c:v>37765</c:v>
                </c:pt>
                <c:pt idx="1240">
                  <c:v>37766</c:v>
                </c:pt>
                <c:pt idx="1241">
                  <c:v>37767</c:v>
                </c:pt>
                <c:pt idx="1242">
                  <c:v>37768</c:v>
                </c:pt>
                <c:pt idx="1243">
                  <c:v>37769</c:v>
                </c:pt>
                <c:pt idx="1244">
                  <c:v>37770</c:v>
                </c:pt>
                <c:pt idx="1245">
                  <c:v>37771</c:v>
                </c:pt>
                <c:pt idx="1246">
                  <c:v>37772</c:v>
                </c:pt>
                <c:pt idx="1247">
                  <c:v>37773</c:v>
                </c:pt>
                <c:pt idx="1248">
                  <c:v>37774</c:v>
                </c:pt>
                <c:pt idx="1249">
                  <c:v>37775</c:v>
                </c:pt>
                <c:pt idx="1250">
                  <c:v>37776</c:v>
                </c:pt>
                <c:pt idx="1251">
                  <c:v>37777</c:v>
                </c:pt>
                <c:pt idx="1252">
                  <c:v>37778</c:v>
                </c:pt>
                <c:pt idx="1253">
                  <c:v>37779</c:v>
                </c:pt>
                <c:pt idx="1254">
                  <c:v>37780</c:v>
                </c:pt>
                <c:pt idx="1255">
                  <c:v>37781</c:v>
                </c:pt>
                <c:pt idx="1256">
                  <c:v>37782</c:v>
                </c:pt>
                <c:pt idx="1257">
                  <c:v>37783</c:v>
                </c:pt>
                <c:pt idx="1258">
                  <c:v>37784</c:v>
                </c:pt>
                <c:pt idx="1259">
                  <c:v>37785</c:v>
                </c:pt>
                <c:pt idx="1260">
                  <c:v>37786</c:v>
                </c:pt>
                <c:pt idx="1261">
                  <c:v>37787</c:v>
                </c:pt>
                <c:pt idx="1262">
                  <c:v>37788</c:v>
                </c:pt>
                <c:pt idx="1263">
                  <c:v>37789</c:v>
                </c:pt>
                <c:pt idx="1264">
                  <c:v>37790</c:v>
                </c:pt>
                <c:pt idx="1265">
                  <c:v>37791</c:v>
                </c:pt>
                <c:pt idx="1266">
                  <c:v>37792</c:v>
                </c:pt>
                <c:pt idx="1267">
                  <c:v>37793</c:v>
                </c:pt>
                <c:pt idx="1268">
                  <c:v>37794</c:v>
                </c:pt>
                <c:pt idx="1269">
                  <c:v>37795</c:v>
                </c:pt>
                <c:pt idx="1270">
                  <c:v>37796</c:v>
                </c:pt>
                <c:pt idx="1271">
                  <c:v>37797</c:v>
                </c:pt>
                <c:pt idx="1272">
                  <c:v>37798</c:v>
                </c:pt>
                <c:pt idx="1273">
                  <c:v>37799</c:v>
                </c:pt>
                <c:pt idx="1274">
                  <c:v>37800</c:v>
                </c:pt>
                <c:pt idx="1275">
                  <c:v>37801</c:v>
                </c:pt>
                <c:pt idx="1276">
                  <c:v>37802</c:v>
                </c:pt>
                <c:pt idx="1277">
                  <c:v>37803</c:v>
                </c:pt>
                <c:pt idx="1278">
                  <c:v>37804</c:v>
                </c:pt>
                <c:pt idx="1279">
                  <c:v>37805</c:v>
                </c:pt>
                <c:pt idx="1280">
                  <c:v>37806</c:v>
                </c:pt>
                <c:pt idx="1281">
                  <c:v>37807</c:v>
                </c:pt>
                <c:pt idx="1282">
                  <c:v>37808</c:v>
                </c:pt>
                <c:pt idx="1283">
                  <c:v>37809</c:v>
                </c:pt>
                <c:pt idx="1284">
                  <c:v>37810</c:v>
                </c:pt>
                <c:pt idx="1285">
                  <c:v>37811</c:v>
                </c:pt>
                <c:pt idx="1286">
                  <c:v>37812</c:v>
                </c:pt>
                <c:pt idx="1287">
                  <c:v>37813</c:v>
                </c:pt>
                <c:pt idx="1288">
                  <c:v>37814</c:v>
                </c:pt>
                <c:pt idx="1289">
                  <c:v>37815</c:v>
                </c:pt>
                <c:pt idx="1290">
                  <c:v>37816</c:v>
                </c:pt>
                <c:pt idx="1291">
                  <c:v>37817</c:v>
                </c:pt>
                <c:pt idx="1292">
                  <c:v>37818</c:v>
                </c:pt>
                <c:pt idx="1293">
                  <c:v>37819</c:v>
                </c:pt>
                <c:pt idx="1294">
                  <c:v>37820</c:v>
                </c:pt>
                <c:pt idx="1295">
                  <c:v>37821</c:v>
                </c:pt>
                <c:pt idx="1296">
                  <c:v>37822</c:v>
                </c:pt>
                <c:pt idx="1297">
                  <c:v>37823</c:v>
                </c:pt>
                <c:pt idx="1298">
                  <c:v>37824</c:v>
                </c:pt>
                <c:pt idx="1299">
                  <c:v>37825</c:v>
                </c:pt>
                <c:pt idx="1300">
                  <c:v>37826</c:v>
                </c:pt>
                <c:pt idx="1301">
                  <c:v>37827</c:v>
                </c:pt>
                <c:pt idx="1302">
                  <c:v>37828</c:v>
                </c:pt>
                <c:pt idx="1303">
                  <c:v>37829</c:v>
                </c:pt>
                <c:pt idx="1304">
                  <c:v>37830</c:v>
                </c:pt>
                <c:pt idx="1305">
                  <c:v>37831</c:v>
                </c:pt>
                <c:pt idx="1306">
                  <c:v>37832</c:v>
                </c:pt>
                <c:pt idx="1307">
                  <c:v>37833</c:v>
                </c:pt>
                <c:pt idx="1308">
                  <c:v>37834</c:v>
                </c:pt>
                <c:pt idx="1309">
                  <c:v>37835</c:v>
                </c:pt>
                <c:pt idx="1310">
                  <c:v>37836</c:v>
                </c:pt>
                <c:pt idx="1311">
                  <c:v>37837</c:v>
                </c:pt>
                <c:pt idx="1312">
                  <c:v>37838</c:v>
                </c:pt>
                <c:pt idx="1313">
                  <c:v>37839</c:v>
                </c:pt>
                <c:pt idx="1314">
                  <c:v>37840</c:v>
                </c:pt>
                <c:pt idx="1315">
                  <c:v>37841</c:v>
                </c:pt>
                <c:pt idx="1316">
                  <c:v>37842</c:v>
                </c:pt>
                <c:pt idx="1317">
                  <c:v>37843</c:v>
                </c:pt>
                <c:pt idx="1318">
                  <c:v>37844</c:v>
                </c:pt>
                <c:pt idx="1319">
                  <c:v>37845</c:v>
                </c:pt>
                <c:pt idx="1320">
                  <c:v>37846</c:v>
                </c:pt>
                <c:pt idx="1321">
                  <c:v>37847</c:v>
                </c:pt>
                <c:pt idx="1322">
                  <c:v>37848</c:v>
                </c:pt>
                <c:pt idx="1323">
                  <c:v>37849</c:v>
                </c:pt>
                <c:pt idx="1324">
                  <c:v>37850</c:v>
                </c:pt>
                <c:pt idx="1325">
                  <c:v>37851</c:v>
                </c:pt>
                <c:pt idx="1326">
                  <c:v>37852</c:v>
                </c:pt>
                <c:pt idx="1327">
                  <c:v>37853</c:v>
                </c:pt>
                <c:pt idx="1328">
                  <c:v>37854</c:v>
                </c:pt>
                <c:pt idx="1329">
                  <c:v>37855</c:v>
                </c:pt>
                <c:pt idx="1330">
                  <c:v>37856</c:v>
                </c:pt>
                <c:pt idx="1331">
                  <c:v>37857</c:v>
                </c:pt>
                <c:pt idx="1332">
                  <c:v>37858</c:v>
                </c:pt>
                <c:pt idx="1333">
                  <c:v>37859</c:v>
                </c:pt>
                <c:pt idx="1334">
                  <c:v>37860</c:v>
                </c:pt>
                <c:pt idx="1335">
                  <c:v>37861</c:v>
                </c:pt>
                <c:pt idx="1336">
                  <c:v>37862</c:v>
                </c:pt>
                <c:pt idx="1337">
                  <c:v>37863</c:v>
                </c:pt>
                <c:pt idx="1338">
                  <c:v>37864</c:v>
                </c:pt>
                <c:pt idx="1339">
                  <c:v>37865</c:v>
                </c:pt>
                <c:pt idx="1340">
                  <c:v>37866</c:v>
                </c:pt>
                <c:pt idx="1341">
                  <c:v>37867</c:v>
                </c:pt>
                <c:pt idx="1342">
                  <c:v>37868</c:v>
                </c:pt>
                <c:pt idx="1343">
                  <c:v>37869</c:v>
                </c:pt>
                <c:pt idx="1344">
                  <c:v>37870</c:v>
                </c:pt>
                <c:pt idx="1345">
                  <c:v>37871</c:v>
                </c:pt>
                <c:pt idx="1346">
                  <c:v>37872</c:v>
                </c:pt>
                <c:pt idx="1347">
                  <c:v>37873</c:v>
                </c:pt>
                <c:pt idx="1348">
                  <c:v>37874</c:v>
                </c:pt>
                <c:pt idx="1349">
                  <c:v>37875</c:v>
                </c:pt>
                <c:pt idx="1350">
                  <c:v>37876</c:v>
                </c:pt>
                <c:pt idx="1351">
                  <c:v>37877</c:v>
                </c:pt>
                <c:pt idx="1352">
                  <c:v>37878</c:v>
                </c:pt>
                <c:pt idx="1353">
                  <c:v>37879</c:v>
                </c:pt>
                <c:pt idx="1354">
                  <c:v>37880</c:v>
                </c:pt>
                <c:pt idx="1355">
                  <c:v>37881</c:v>
                </c:pt>
                <c:pt idx="1356">
                  <c:v>37882</c:v>
                </c:pt>
                <c:pt idx="1357">
                  <c:v>37883</c:v>
                </c:pt>
                <c:pt idx="1358">
                  <c:v>37884</c:v>
                </c:pt>
                <c:pt idx="1359">
                  <c:v>37885</c:v>
                </c:pt>
                <c:pt idx="1360">
                  <c:v>37886</c:v>
                </c:pt>
                <c:pt idx="1361">
                  <c:v>37887</c:v>
                </c:pt>
                <c:pt idx="1362">
                  <c:v>37888</c:v>
                </c:pt>
                <c:pt idx="1363">
                  <c:v>37889</c:v>
                </c:pt>
                <c:pt idx="1364">
                  <c:v>37890</c:v>
                </c:pt>
                <c:pt idx="1365">
                  <c:v>37891</c:v>
                </c:pt>
                <c:pt idx="1366">
                  <c:v>37892</c:v>
                </c:pt>
                <c:pt idx="1367">
                  <c:v>37893</c:v>
                </c:pt>
                <c:pt idx="1368">
                  <c:v>37894</c:v>
                </c:pt>
                <c:pt idx="1369">
                  <c:v>37895</c:v>
                </c:pt>
                <c:pt idx="1370">
                  <c:v>37896</c:v>
                </c:pt>
                <c:pt idx="1371">
                  <c:v>37897</c:v>
                </c:pt>
                <c:pt idx="1372">
                  <c:v>37898</c:v>
                </c:pt>
                <c:pt idx="1373">
                  <c:v>37899</c:v>
                </c:pt>
                <c:pt idx="1374">
                  <c:v>37900</c:v>
                </c:pt>
                <c:pt idx="1375">
                  <c:v>37901</c:v>
                </c:pt>
                <c:pt idx="1376">
                  <c:v>37902</c:v>
                </c:pt>
                <c:pt idx="1377">
                  <c:v>37903</c:v>
                </c:pt>
                <c:pt idx="1378">
                  <c:v>37904</c:v>
                </c:pt>
                <c:pt idx="1379">
                  <c:v>37905</c:v>
                </c:pt>
                <c:pt idx="1380">
                  <c:v>37906</c:v>
                </c:pt>
                <c:pt idx="1381">
                  <c:v>37907</c:v>
                </c:pt>
                <c:pt idx="1382">
                  <c:v>37908</c:v>
                </c:pt>
                <c:pt idx="1383">
                  <c:v>37909</c:v>
                </c:pt>
                <c:pt idx="1384">
                  <c:v>37910</c:v>
                </c:pt>
                <c:pt idx="1385">
                  <c:v>37911</c:v>
                </c:pt>
                <c:pt idx="1386">
                  <c:v>37912</c:v>
                </c:pt>
                <c:pt idx="1387">
                  <c:v>37913</c:v>
                </c:pt>
                <c:pt idx="1388">
                  <c:v>37914</c:v>
                </c:pt>
                <c:pt idx="1389">
                  <c:v>37915</c:v>
                </c:pt>
                <c:pt idx="1390">
                  <c:v>37916</c:v>
                </c:pt>
                <c:pt idx="1391">
                  <c:v>37917</c:v>
                </c:pt>
                <c:pt idx="1392">
                  <c:v>37918</c:v>
                </c:pt>
                <c:pt idx="1393">
                  <c:v>37919</c:v>
                </c:pt>
                <c:pt idx="1394">
                  <c:v>37920</c:v>
                </c:pt>
                <c:pt idx="1395">
                  <c:v>37921</c:v>
                </c:pt>
                <c:pt idx="1396">
                  <c:v>37922</c:v>
                </c:pt>
                <c:pt idx="1397">
                  <c:v>37923</c:v>
                </c:pt>
                <c:pt idx="1398">
                  <c:v>37924</c:v>
                </c:pt>
                <c:pt idx="1399">
                  <c:v>37925</c:v>
                </c:pt>
                <c:pt idx="1400">
                  <c:v>37926</c:v>
                </c:pt>
                <c:pt idx="1401">
                  <c:v>37927</c:v>
                </c:pt>
                <c:pt idx="1402">
                  <c:v>37928</c:v>
                </c:pt>
                <c:pt idx="1403">
                  <c:v>37929</c:v>
                </c:pt>
                <c:pt idx="1404">
                  <c:v>37930</c:v>
                </c:pt>
                <c:pt idx="1405">
                  <c:v>37931</c:v>
                </c:pt>
                <c:pt idx="1406">
                  <c:v>37932</c:v>
                </c:pt>
                <c:pt idx="1407">
                  <c:v>37933</c:v>
                </c:pt>
                <c:pt idx="1408">
                  <c:v>37934</c:v>
                </c:pt>
                <c:pt idx="1409">
                  <c:v>37935</c:v>
                </c:pt>
                <c:pt idx="1410">
                  <c:v>37936</c:v>
                </c:pt>
                <c:pt idx="1411">
                  <c:v>37937</c:v>
                </c:pt>
                <c:pt idx="1412">
                  <c:v>37938</c:v>
                </c:pt>
                <c:pt idx="1413">
                  <c:v>37939</c:v>
                </c:pt>
                <c:pt idx="1414">
                  <c:v>37940</c:v>
                </c:pt>
                <c:pt idx="1415">
                  <c:v>37941</c:v>
                </c:pt>
                <c:pt idx="1416">
                  <c:v>37942</c:v>
                </c:pt>
                <c:pt idx="1417">
                  <c:v>37943</c:v>
                </c:pt>
                <c:pt idx="1418">
                  <c:v>37944</c:v>
                </c:pt>
                <c:pt idx="1419">
                  <c:v>37945</c:v>
                </c:pt>
                <c:pt idx="1420">
                  <c:v>37946</c:v>
                </c:pt>
                <c:pt idx="1421">
                  <c:v>37947</c:v>
                </c:pt>
                <c:pt idx="1422">
                  <c:v>37948</c:v>
                </c:pt>
                <c:pt idx="1423">
                  <c:v>37949</c:v>
                </c:pt>
                <c:pt idx="1424">
                  <c:v>37950</c:v>
                </c:pt>
                <c:pt idx="1425">
                  <c:v>37951</c:v>
                </c:pt>
                <c:pt idx="1426">
                  <c:v>37952</c:v>
                </c:pt>
                <c:pt idx="1427">
                  <c:v>37953</c:v>
                </c:pt>
                <c:pt idx="1428">
                  <c:v>37954</c:v>
                </c:pt>
                <c:pt idx="1429">
                  <c:v>37955</c:v>
                </c:pt>
                <c:pt idx="1430">
                  <c:v>37956</c:v>
                </c:pt>
                <c:pt idx="1431">
                  <c:v>37957</c:v>
                </c:pt>
                <c:pt idx="1432">
                  <c:v>37958</c:v>
                </c:pt>
                <c:pt idx="1433">
                  <c:v>37959</c:v>
                </c:pt>
                <c:pt idx="1434">
                  <c:v>37960</c:v>
                </c:pt>
                <c:pt idx="1435">
                  <c:v>37961</c:v>
                </c:pt>
                <c:pt idx="1436">
                  <c:v>37962</c:v>
                </c:pt>
                <c:pt idx="1437">
                  <c:v>37963</c:v>
                </c:pt>
                <c:pt idx="1438">
                  <c:v>37964</c:v>
                </c:pt>
                <c:pt idx="1439">
                  <c:v>37965</c:v>
                </c:pt>
                <c:pt idx="1440">
                  <c:v>37966</c:v>
                </c:pt>
                <c:pt idx="1441">
                  <c:v>37967</c:v>
                </c:pt>
                <c:pt idx="1442">
                  <c:v>37968</c:v>
                </c:pt>
                <c:pt idx="1443">
                  <c:v>37969</c:v>
                </c:pt>
                <c:pt idx="1444">
                  <c:v>37970</c:v>
                </c:pt>
                <c:pt idx="1445">
                  <c:v>37971</c:v>
                </c:pt>
                <c:pt idx="1446">
                  <c:v>37972</c:v>
                </c:pt>
                <c:pt idx="1447">
                  <c:v>37973</c:v>
                </c:pt>
                <c:pt idx="1448">
                  <c:v>37974</c:v>
                </c:pt>
                <c:pt idx="1449">
                  <c:v>37975</c:v>
                </c:pt>
                <c:pt idx="1450">
                  <c:v>37976</c:v>
                </c:pt>
                <c:pt idx="1451">
                  <c:v>37977</c:v>
                </c:pt>
                <c:pt idx="1452">
                  <c:v>37978</c:v>
                </c:pt>
                <c:pt idx="1453">
                  <c:v>37979</c:v>
                </c:pt>
                <c:pt idx="1454">
                  <c:v>37980</c:v>
                </c:pt>
                <c:pt idx="1455">
                  <c:v>37981</c:v>
                </c:pt>
                <c:pt idx="1456">
                  <c:v>37982</c:v>
                </c:pt>
                <c:pt idx="1457">
                  <c:v>37983</c:v>
                </c:pt>
                <c:pt idx="1458">
                  <c:v>37984</c:v>
                </c:pt>
                <c:pt idx="1459">
                  <c:v>37985</c:v>
                </c:pt>
                <c:pt idx="1460">
                  <c:v>37986</c:v>
                </c:pt>
                <c:pt idx="1461">
                  <c:v>37987</c:v>
                </c:pt>
                <c:pt idx="1462">
                  <c:v>37988</c:v>
                </c:pt>
                <c:pt idx="1463">
                  <c:v>37989</c:v>
                </c:pt>
                <c:pt idx="1464">
                  <c:v>37990</c:v>
                </c:pt>
                <c:pt idx="1465">
                  <c:v>37991</c:v>
                </c:pt>
                <c:pt idx="1466">
                  <c:v>37992</c:v>
                </c:pt>
                <c:pt idx="1467">
                  <c:v>37993</c:v>
                </c:pt>
                <c:pt idx="1468">
                  <c:v>37994</c:v>
                </c:pt>
                <c:pt idx="1469">
                  <c:v>37995</c:v>
                </c:pt>
                <c:pt idx="1470">
                  <c:v>37996</c:v>
                </c:pt>
                <c:pt idx="1471">
                  <c:v>37997</c:v>
                </c:pt>
                <c:pt idx="1472">
                  <c:v>37998</c:v>
                </c:pt>
                <c:pt idx="1473">
                  <c:v>37999</c:v>
                </c:pt>
                <c:pt idx="1474">
                  <c:v>38000</c:v>
                </c:pt>
                <c:pt idx="1475">
                  <c:v>38001</c:v>
                </c:pt>
                <c:pt idx="1476">
                  <c:v>38002</c:v>
                </c:pt>
                <c:pt idx="1477">
                  <c:v>38003</c:v>
                </c:pt>
                <c:pt idx="1478">
                  <c:v>38004</c:v>
                </c:pt>
                <c:pt idx="1479">
                  <c:v>38005</c:v>
                </c:pt>
                <c:pt idx="1480">
                  <c:v>38006</c:v>
                </c:pt>
                <c:pt idx="1481">
                  <c:v>38007</c:v>
                </c:pt>
                <c:pt idx="1482">
                  <c:v>38008</c:v>
                </c:pt>
                <c:pt idx="1483">
                  <c:v>38009</c:v>
                </c:pt>
                <c:pt idx="1484">
                  <c:v>38010</c:v>
                </c:pt>
                <c:pt idx="1485">
                  <c:v>38011</c:v>
                </c:pt>
                <c:pt idx="1486">
                  <c:v>38012</c:v>
                </c:pt>
                <c:pt idx="1487">
                  <c:v>38013</c:v>
                </c:pt>
                <c:pt idx="1488">
                  <c:v>38014</c:v>
                </c:pt>
                <c:pt idx="1489">
                  <c:v>38015</c:v>
                </c:pt>
                <c:pt idx="1490">
                  <c:v>38016</c:v>
                </c:pt>
                <c:pt idx="1491">
                  <c:v>38017</c:v>
                </c:pt>
                <c:pt idx="1492">
                  <c:v>38018</c:v>
                </c:pt>
                <c:pt idx="1493">
                  <c:v>38019</c:v>
                </c:pt>
                <c:pt idx="1494">
                  <c:v>38020</c:v>
                </c:pt>
                <c:pt idx="1495">
                  <c:v>38021</c:v>
                </c:pt>
                <c:pt idx="1496">
                  <c:v>38022</c:v>
                </c:pt>
                <c:pt idx="1497">
                  <c:v>38023</c:v>
                </c:pt>
                <c:pt idx="1498">
                  <c:v>38024</c:v>
                </c:pt>
                <c:pt idx="1499">
                  <c:v>38025</c:v>
                </c:pt>
                <c:pt idx="1500">
                  <c:v>38026</c:v>
                </c:pt>
                <c:pt idx="1501">
                  <c:v>38027</c:v>
                </c:pt>
                <c:pt idx="1502">
                  <c:v>38028</c:v>
                </c:pt>
                <c:pt idx="1503">
                  <c:v>38029</c:v>
                </c:pt>
                <c:pt idx="1504">
                  <c:v>38030</c:v>
                </c:pt>
                <c:pt idx="1505">
                  <c:v>38031</c:v>
                </c:pt>
                <c:pt idx="1506">
                  <c:v>38032</c:v>
                </c:pt>
                <c:pt idx="1507">
                  <c:v>38033</c:v>
                </c:pt>
                <c:pt idx="1508">
                  <c:v>38034</c:v>
                </c:pt>
                <c:pt idx="1509">
                  <c:v>38035</c:v>
                </c:pt>
                <c:pt idx="1510">
                  <c:v>38036</c:v>
                </c:pt>
                <c:pt idx="1511">
                  <c:v>38037</c:v>
                </c:pt>
                <c:pt idx="1512">
                  <c:v>38038</c:v>
                </c:pt>
                <c:pt idx="1513">
                  <c:v>38039</c:v>
                </c:pt>
                <c:pt idx="1514">
                  <c:v>38040</c:v>
                </c:pt>
                <c:pt idx="1515">
                  <c:v>38041</c:v>
                </c:pt>
                <c:pt idx="1516">
                  <c:v>38042</c:v>
                </c:pt>
                <c:pt idx="1517">
                  <c:v>38043</c:v>
                </c:pt>
                <c:pt idx="1518">
                  <c:v>38044</c:v>
                </c:pt>
                <c:pt idx="1519">
                  <c:v>38045</c:v>
                </c:pt>
                <c:pt idx="1520">
                  <c:v>38046</c:v>
                </c:pt>
                <c:pt idx="1521">
                  <c:v>38047</c:v>
                </c:pt>
                <c:pt idx="1522">
                  <c:v>38048</c:v>
                </c:pt>
                <c:pt idx="1523">
                  <c:v>38049</c:v>
                </c:pt>
                <c:pt idx="1524">
                  <c:v>38050</c:v>
                </c:pt>
                <c:pt idx="1525">
                  <c:v>38051</c:v>
                </c:pt>
                <c:pt idx="1526">
                  <c:v>38052</c:v>
                </c:pt>
                <c:pt idx="1527">
                  <c:v>38053</c:v>
                </c:pt>
                <c:pt idx="1528">
                  <c:v>38054</c:v>
                </c:pt>
                <c:pt idx="1529">
                  <c:v>38055</c:v>
                </c:pt>
                <c:pt idx="1530">
                  <c:v>38056</c:v>
                </c:pt>
                <c:pt idx="1531">
                  <c:v>38057</c:v>
                </c:pt>
                <c:pt idx="1532">
                  <c:v>38058</c:v>
                </c:pt>
                <c:pt idx="1533">
                  <c:v>38059</c:v>
                </c:pt>
                <c:pt idx="1534">
                  <c:v>38060</c:v>
                </c:pt>
                <c:pt idx="1535">
                  <c:v>38061</c:v>
                </c:pt>
                <c:pt idx="1536">
                  <c:v>38062</c:v>
                </c:pt>
                <c:pt idx="1537">
                  <c:v>38063</c:v>
                </c:pt>
                <c:pt idx="1538">
                  <c:v>38064</c:v>
                </c:pt>
                <c:pt idx="1539">
                  <c:v>38065</c:v>
                </c:pt>
                <c:pt idx="1540">
                  <c:v>38066</c:v>
                </c:pt>
                <c:pt idx="1541">
                  <c:v>38067</c:v>
                </c:pt>
                <c:pt idx="1542">
                  <c:v>38068</c:v>
                </c:pt>
                <c:pt idx="1543">
                  <c:v>38069</c:v>
                </c:pt>
                <c:pt idx="1544">
                  <c:v>38070</c:v>
                </c:pt>
                <c:pt idx="1545">
                  <c:v>38071</c:v>
                </c:pt>
                <c:pt idx="1546">
                  <c:v>38072</c:v>
                </c:pt>
                <c:pt idx="1547">
                  <c:v>38073</c:v>
                </c:pt>
                <c:pt idx="1548">
                  <c:v>38074</c:v>
                </c:pt>
                <c:pt idx="1549">
                  <c:v>38075</c:v>
                </c:pt>
                <c:pt idx="1550">
                  <c:v>38076</c:v>
                </c:pt>
                <c:pt idx="1551">
                  <c:v>38077</c:v>
                </c:pt>
                <c:pt idx="1552">
                  <c:v>38078</c:v>
                </c:pt>
                <c:pt idx="1553">
                  <c:v>38079</c:v>
                </c:pt>
                <c:pt idx="1554">
                  <c:v>38080</c:v>
                </c:pt>
                <c:pt idx="1555">
                  <c:v>38081</c:v>
                </c:pt>
                <c:pt idx="1556">
                  <c:v>38082</c:v>
                </c:pt>
                <c:pt idx="1557">
                  <c:v>38083</c:v>
                </c:pt>
                <c:pt idx="1558">
                  <c:v>38084</c:v>
                </c:pt>
                <c:pt idx="1559">
                  <c:v>38085</c:v>
                </c:pt>
                <c:pt idx="1560">
                  <c:v>38086</c:v>
                </c:pt>
                <c:pt idx="1561">
                  <c:v>38087</c:v>
                </c:pt>
                <c:pt idx="1562">
                  <c:v>38088</c:v>
                </c:pt>
                <c:pt idx="1563">
                  <c:v>38089</c:v>
                </c:pt>
                <c:pt idx="1564">
                  <c:v>38090</c:v>
                </c:pt>
                <c:pt idx="1565">
                  <c:v>38091</c:v>
                </c:pt>
                <c:pt idx="1566">
                  <c:v>38092</c:v>
                </c:pt>
                <c:pt idx="1567">
                  <c:v>38093</c:v>
                </c:pt>
                <c:pt idx="1568">
                  <c:v>38094</c:v>
                </c:pt>
                <c:pt idx="1569">
                  <c:v>38095</c:v>
                </c:pt>
                <c:pt idx="1570">
                  <c:v>38096</c:v>
                </c:pt>
                <c:pt idx="1571">
                  <c:v>38097</c:v>
                </c:pt>
                <c:pt idx="1572">
                  <c:v>38098</c:v>
                </c:pt>
                <c:pt idx="1573">
                  <c:v>38099</c:v>
                </c:pt>
                <c:pt idx="1574">
                  <c:v>38100</c:v>
                </c:pt>
                <c:pt idx="1575">
                  <c:v>38101</c:v>
                </c:pt>
                <c:pt idx="1576">
                  <c:v>38102</c:v>
                </c:pt>
                <c:pt idx="1577">
                  <c:v>38103</c:v>
                </c:pt>
                <c:pt idx="1578">
                  <c:v>38104</c:v>
                </c:pt>
                <c:pt idx="1579">
                  <c:v>38105</c:v>
                </c:pt>
                <c:pt idx="1580">
                  <c:v>38106</c:v>
                </c:pt>
                <c:pt idx="1581">
                  <c:v>38107</c:v>
                </c:pt>
                <c:pt idx="1582">
                  <c:v>38108</c:v>
                </c:pt>
                <c:pt idx="1583">
                  <c:v>38109</c:v>
                </c:pt>
                <c:pt idx="1584">
                  <c:v>38110</c:v>
                </c:pt>
                <c:pt idx="1585">
                  <c:v>38111</c:v>
                </c:pt>
                <c:pt idx="1586">
                  <c:v>38112</c:v>
                </c:pt>
                <c:pt idx="1587">
                  <c:v>38113</c:v>
                </c:pt>
                <c:pt idx="1588">
                  <c:v>38114</c:v>
                </c:pt>
                <c:pt idx="1589">
                  <c:v>38115</c:v>
                </c:pt>
                <c:pt idx="1590">
                  <c:v>38116</c:v>
                </c:pt>
                <c:pt idx="1591">
                  <c:v>38117</c:v>
                </c:pt>
                <c:pt idx="1592">
                  <c:v>38118</c:v>
                </c:pt>
                <c:pt idx="1593">
                  <c:v>38119</c:v>
                </c:pt>
                <c:pt idx="1594">
                  <c:v>38120</c:v>
                </c:pt>
                <c:pt idx="1595">
                  <c:v>38121</c:v>
                </c:pt>
                <c:pt idx="1596">
                  <c:v>38122</c:v>
                </c:pt>
                <c:pt idx="1597">
                  <c:v>38123</c:v>
                </c:pt>
                <c:pt idx="1598">
                  <c:v>38124</c:v>
                </c:pt>
                <c:pt idx="1599">
                  <c:v>38125</c:v>
                </c:pt>
                <c:pt idx="1600">
                  <c:v>38126</c:v>
                </c:pt>
                <c:pt idx="1601">
                  <c:v>38127</c:v>
                </c:pt>
                <c:pt idx="1602">
                  <c:v>38128</c:v>
                </c:pt>
                <c:pt idx="1603">
                  <c:v>38129</c:v>
                </c:pt>
                <c:pt idx="1604">
                  <c:v>38130</c:v>
                </c:pt>
                <c:pt idx="1605">
                  <c:v>38131</c:v>
                </c:pt>
                <c:pt idx="1606">
                  <c:v>38132</c:v>
                </c:pt>
                <c:pt idx="1607">
                  <c:v>38133</c:v>
                </c:pt>
                <c:pt idx="1608">
                  <c:v>38134</c:v>
                </c:pt>
                <c:pt idx="1609">
                  <c:v>38135</c:v>
                </c:pt>
                <c:pt idx="1610">
                  <c:v>38136</c:v>
                </c:pt>
                <c:pt idx="1611">
                  <c:v>38137</c:v>
                </c:pt>
                <c:pt idx="1612">
                  <c:v>38138</c:v>
                </c:pt>
                <c:pt idx="1613">
                  <c:v>38139</c:v>
                </c:pt>
                <c:pt idx="1614">
                  <c:v>38140</c:v>
                </c:pt>
                <c:pt idx="1615">
                  <c:v>38141</c:v>
                </c:pt>
                <c:pt idx="1616">
                  <c:v>38142</c:v>
                </c:pt>
                <c:pt idx="1617">
                  <c:v>38143</c:v>
                </c:pt>
                <c:pt idx="1618">
                  <c:v>38144</c:v>
                </c:pt>
                <c:pt idx="1619">
                  <c:v>38145</c:v>
                </c:pt>
                <c:pt idx="1620">
                  <c:v>38146</c:v>
                </c:pt>
                <c:pt idx="1621">
                  <c:v>38147</c:v>
                </c:pt>
                <c:pt idx="1622">
                  <c:v>38148</c:v>
                </c:pt>
                <c:pt idx="1623">
                  <c:v>38149</c:v>
                </c:pt>
                <c:pt idx="1624">
                  <c:v>38150</c:v>
                </c:pt>
                <c:pt idx="1625">
                  <c:v>38151</c:v>
                </c:pt>
                <c:pt idx="1626">
                  <c:v>38152</c:v>
                </c:pt>
                <c:pt idx="1627">
                  <c:v>38153</c:v>
                </c:pt>
                <c:pt idx="1628">
                  <c:v>38154</c:v>
                </c:pt>
                <c:pt idx="1629">
                  <c:v>38155</c:v>
                </c:pt>
                <c:pt idx="1630">
                  <c:v>38156</c:v>
                </c:pt>
                <c:pt idx="1631">
                  <c:v>38157</c:v>
                </c:pt>
                <c:pt idx="1632">
                  <c:v>38158</c:v>
                </c:pt>
                <c:pt idx="1633">
                  <c:v>38159</c:v>
                </c:pt>
                <c:pt idx="1634">
                  <c:v>38160</c:v>
                </c:pt>
                <c:pt idx="1635">
                  <c:v>38161</c:v>
                </c:pt>
                <c:pt idx="1636">
                  <c:v>38162</c:v>
                </c:pt>
                <c:pt idx="1637">
                  <c:v>38163</c:v>
                </c:pt>
                <c:pt idx="1638">
                  <c:v>38164</c:v>
                </c:pt>
                <c:pt idx="1639">
                  <c:v>38165</c:v>
                </c:pt>
                <c:pt idx="1640">
                  <c:v>38166</c:v>
                </c:pt>
                <c:pt idx="1641">
                  <c:v>38167</c:v>
                </c:pt>
                <c:pt idx="1642">
                  <c:v>38168</c:v>
                </c:pt>
                <c:pt idx="1643">
                  <c:v>38169</c:v>
                </c:pt>
                <c:pt idx="1644">
                  <c:v>38170</c:v>
                </c:pt>
                <c:pt idx="1645">
                  <c:v>38171</c:v>
                </c:pt>
                <c:pt idx="1646">
                  <c:v>38172</c:v>
                </c:pt>
                <c:pt idx="1647">
                  <c:v>38173</c:v>
                </c:pt>
                <c:pt idx="1648">
                  <c:v>38174</c:v>
                </c:pt>
                <c:pt idx="1649">
                  <c:v>38175</c:v>
                </c:pt>
                <c:pt idx="1650">
                  <c:v>38176</c:v>
                </c:pt>
                <c:pt idx="1651">
                  <c:v>38177</c:v>
                </c:pt>
                <c:pt idx="1652">
                  <c:v>38178</c:v>
                </c:pt>
                <c:pt idx="1653">
                  <c:v>38179</c:v>
                </c:pt>
                <c:pt idx="1654">
                  <c:v>38180</c:v>
                </c:pt>
                <c:pt idx="1655">
                  <c:v>38181</c:v>
                </c:pt>
                <c:pt idx="1656">
                  <c:v>38182</c:v>
                </c:pt>
                <c:pt idx="1657">
                  <c:v>38183</c:v>
                </c:pt>
                <c:pt idx="1658">
                  <c:v>38184</c:v>
                </c:pt>
                <c:pt idx="1659">
                  <c:v>38185</c:v>
                </c:pt>
                <c:pt idx="1660">
                  <c:v>38186</c:v>
                </c:pt>
                <c:pt idx="1661">
                  <c:v>38187</c:v>
                </c:pt>
                <c:pt idx="1662">
                  <c:v>38188</c:v>
                </c:pt>
                <c:pt idx="1663">
                  <c:v>38189</c:v>
                </c:pt>
                <c:pt idx="1664">
                  <c:v>38190</c:v>
                </c:pt>
                <c:pt idx="1665">
                  <c:v>38191</c:v>
                </c:pt>
                <c:pt idx="1666">
                  <c:v>38192</c:v>
                </c:pt>
                <c:pt idx="1667">
                  <c:v>38193</c:v>
                </c:pt>
                <c:pt idx="1668">
                  <c:v>38194</c:v>
                </c:pt>
                <c:pt idx="1669">
                  <c:v>38195</c:v>
                </c:pt>
                <c:pt idx="1670">
                  <c:v>38196</c:v>
                </c:pt>
                <c:pt idx="1671">
                  <c:v>38197</c:v>
                </c:pt>
                <c:pt idx="1672">
                  <c:v>38198</c:v>
                </c:pt>
                <c:pt idx="1673">
                  <c:v>38199</c:v>
                </c:pt>
                <c:pt idx="1674">
                  <c:v>38200</c:v>
                </c:pt>
                <c:pt idx="1675">
                  <c:v>38201</c:v>
                </c:pt>
                <c:pt idx="1676">
                  <c:v>38202</c:v>
                </c:pt>
                <c:pt idx="1677">
                  <c:v>38203</c:v>
                </c:pt>
                <c:pt idx="1678">
                  <c:v>38204</c:v>
                </c:pt>
                <c:pt idx="1679">
                  <c:v>38205</c:v>
                </c:pt>
                <c:pt idx="1680">
                  <c:v>38206</c:v>
                </c:pt>
                <c:pt idx="1681">
                  <c:v>38207</c:v>
                </c:pt>
                <c:pt idx="1682">
                  <c:v>38208</c:v>
                </c:pt>
                <c:pt idx="1683">
                  <c:v>38209</c:v>
                </c:pt>
                <c:pt idx="1684">
                  <c:v>38210</c:v>
                </c:pt>
                <c:pt idx="1685">
                  <c:v>38211</c:v>
                </c:pt>
                <c:pt idx="1686">
                  <c:v>38212</c:v>
                </c:pt>
                <c:pt idx="1687">
                  <c:v>38213</c:v>
                </c:pt>
                <c:pt idx="1688">
                  <c:v>38214</c:v>
                </c:pt>
                <c:pt idx="1689">
                  <c:v>38215</c:v>
                </c:pt>
                <c:pt idx="1690">
                  <c:v>38216</c:v>
                </c:pt>
                <c:pt idx="1691">
                  <c:v>38217</c:v>
                </c:pt>
                <c:pt idx="1692">
                  <c:v>38218</c:v>
                </c:pt>
                <c:pt idx="1693">
                  <c:v>38219</c:v>
                </c:pt>
                <c:pt idx="1694">
                  <c:v>38220</c:v>
                </c:pt>
                <c:pt idx="1695">
                  <c:v>38221</c:v>
                </c:pt>
                <c:pt idx="1696">
                  <c:v>38222</c:v>
                </c:pt>
                <c:pt idx="1697">
                  <c:v>38223</c:v>
                </c:pt>
                <c:pt idx="1698">
                  <c:v>38224</c:v>
                </c:pt>
                <c:pt idx="1699">
                  <c:v>38225</c:v>
                </c:pt>
                <c:pt idx="1700">
                  <c:v>38226</c:v>
                </c:pt>
                <c:pt idx="1701">
                  <c:v>38227</c:v>
                </c:pt>
                <c:pt idx="1702">
                  <c:v>38228</c:v>
                </c:pt>
                <c:pt idx="1703">
                  <c:v>38229</c:v>
                </c:pt>
                <c:pt idx="1704">
                  <c:v>38230</c:v>
                </c:pt>
                <c:pt idx="1705">
                  <c:v>38231</c:v>
                </c:pt>
                <c:pt idx="1706">
                  <c:v>38232</c:v>
                </c:pt>
                <c:pt idx="1707">
                  <c:v>38233</c:v>
                </c:pt>
                <c:pt idx="1708">
                  <c:v>38234</c:v>
                </c:pt>
                <c:pt idx="1709">
                  <c:v>38235</c:v>
                </c:pt>
                <c:pt idx="1710">
                  <c:v>38236</c:v>
                </c:pt>
                <c:pt idx="1711">
                  <c:v>38237</c:v>
                </c:pt>
                <c:pt idx="1712">
                  <c:v>38238</c:v>
                </c:pt>
                <c:pt idx="1713">
                  <c:v>38239</c:v>
                </c:pt>
                <c:pt idx="1714">
                  <c:v>38240</c:v>
                </c:pt>
                <c:pt idx="1715">
                  <c:v>38241</c:v>
                </c:pt>
                <c:pt idx="1716">
                  <c:v>38242</c:v>
                </c:pt>
                <c:pt idx="1717">
                  <c:v>38243</c:v>
                </c:pt>
                <c:pt idx="1718">
                  <c:v>38244</c:v>
                </c:pt>
                <c:pt idx="1719">
                  <c:v>38245</c:v>
                </c:pt>
                <c:pt idx="1720">
                  <c:v>38246</c:v>
                </c:pt>
                <c:pt idx="1721">
                  <c:v>38247</c:v>
                </c:pt>
                <c:pt idx="1722">
                  <c:v>38248</c:v>
                </c:pt>
                <c:pt idx="1723">
                  <c:v>38249</c:v>
                </c:pt>
                <c:pt idx="1724">
                  <c:v>38250</c:v>
                </c:pt>
                <c:pt idx="1725">
                  <c:v>38251</c:v>
                </c:pt>
                <c:pt idx="1726">
                  <c:v>38252</c:v>
                </c:pt>
                <c:pt idx="1727">
                  <c:v>38253</c:v>
                </c:pt>
                <c:pt idx="1728">
                  <c:v>38254</c:v>
                </c:pt>
                <c:pt idx="1729">
                  <c:v>38255</c:v>
                </c:pt>
                <c:pt idx="1730">
                  <c:v>38256</c:v>
                </c:pt>
                <c:pt idx="1731">
                  <c:v>38257</c:v>
                </c:pt>
                <c:pt idx="1732">
                  <c:v>38258</c:v>
                </c:pt>
                <c:pt idx="1733">
                  <c:v>38259</c:v>
                </c:pt>
                <c:pt idx="1734">
                  <c:v>38260</c:v>
                </c:pt>
                <c:pt idx="1735">
                  <c:v>38261</c:v>
                </c:pt>
                <c:pt idx="1736">
                  <c:v>38262</c:v>
                </c:pt>
                <c:pt idx="1737">
                  <c:v>38263</c:v>
                </c:pt>
                <c:pt idx="1738">
                  <c:v>38264</c:v>
                </c:pt>
                <c:pt idx="1739">
                  <c:v>38265</c:v>
                </c:pt>
                <c:pt idx="1740">
                  <c:v>38266</c:v>
                </c:pt>
                <c:pt idx="1741">
                  <c:v>38267</c:v>
                </c:pt>
                <c:pt idx="1742">
                  <c:v>38268</c:v>
                </c:pt>
                <c:pt idx="1743">
                  <c:v>38269</c:v>
                </c:pt>
                <c:pt idx="1744">
                  <c:v>38270</c:v>
                </c:pt>
                <c:pt idx="1745">
                  <c:v>38271</c:v>
                </c:pt>
                <c:pt idx="1746">
                  <c:v>38272</c:v>
                </c:pt>
                <c:pt idx="1747">
                  <c:v>38273</c:v>
                </c:pt>
                <c:pt idx="1748">
                  <c:v>38274</c:v>
                </c:pt>
                <c:pt idx="1749">
                  <c:v>38275</c:v>
                </c:pt>
                <c:pt idx="1750">
                  <c:v>38276</c:v>
                </c:pt>
                <c:pt idx="1751">
                  <c:v>38277</c:v>
                </c:pt>
                <c:pt idx="1752">
                  <c:v>38278</c:v>
                </c:pt>
                <c:pt idx="1753">
                  <c:v>38279</c:v>
                </c:pt>
                <c:pt idx="1754">
                  <c:v>38280</c:v>
                </c:pt>
                <c:pt idx="1755">
                  <c:v>38281</c:v>
                </c:pt>
                <c:pt idx="1756">
                  <c:v>38282</c:v>
                </c:pt>
                <c:pt idx="1757">
                  <c:v>38283</c:v>
                </c:pt>
                <c:pt idx="1758">
                  <c:v>38284</c:v>
                </c:pt>
                <c:pt idx="1759">
                  <c:v>38285</c:v>
                </c:pt>
                <c:pt idx="1760">
                  <c:v>38286</c:v>
                </c:pt>
                <c:pt idx="1761">
                  <c:v>38287</c:v>
                </c:pt>
                <c:pt idx="1762">
                  <c:v>38288</c:v>
                </c:pt>
                <c:pt idx="1763">
                  <c:v>38289</c:v>
                </c:pt>
                <c:pt idx="1764">
                  <c:v>38290</c:v>
                </c:pt>
                <c:pt idx="1765">
                  <c:v>38291</c:v>
                </c:pt>
                <c:pt idx="1766">
                  <c:v>38292</c:v>
                </c:pt>
                <c:pt idx="1767">
                  <c:v>38293</c:v>
                </c:pt>
                <c:pt idx="1768">
                  <c:v>38294</c:v>
                </c:pt>
                <c:pt idx="1769">
                  <c:v>38295</c:v>
                </c:pt>
                <c:pt idx="1770">
                  <c:v>38296</c:v>
                </c:pt>
                <c:pt idx="1771">
                  <c:v>38297</c:v>
                </c:pt>
                <c:pt idx="1772">
                  <c:v>38298</c:v>
                </c:pt>
                <c:pt idx="1773">
                  <c:v>38299</c:v>
                </c:pt>
                <c:pt idx="1774">
                  <c:v>38300</c:v>
                </c:pt>
                <c:pt idx="1775">
                  <c:v>38301</c:v>
                </c:pt>
                <c:pt idx="1776">
                  <c:v>38302</c:v>
                </c:pt>
                <c:pt idx="1777">
                  <c:v>38303</c:v>
                </c:pt>
                <c:pt idx="1778">
                  <c:v>38304</c:v>
                </c:pt>
                <c:pt idx="1779">
                  <c:v>38305</c:v>
                </c:pt>
                <c:pt idx="1780">
                  <c:v>38306</c:v>
                </c:pt>
                <c:pt idx="1781">
                  <c:v>38307</c:v>
                </c:pt>
                <c:pt idx="1782">
                  <c:v>38308</c:v>
                </c:pt>
                <c:pt idx="1783">
                  <c:v>38309</c:v>
                </c:pt>
                <c:pt idx="1784">
                  <c:v>38310</c:v>
                </c:pt>
                <c:pt idx="1785">
                  <c:v>38311</c:v>
                </c:pt>
                <c:pt idx="1786">
                  <c:v>38312</c:v>
                </c:pt>
                <c:pt idx="1787">
                  <c:v>38313</c:v>
                </c:pt>
                <c:pt idx="1788">
                  <c:v>38314</c:v>
                </c:pt>
                <c:pt idx="1789">
                  <c:v>38315</c:v>
                </c:pt>
                <c:pt idx="1790">
                  <c:v>38316</c:v>
                </c:pt>
                <c:pt idx="1791">
                  <c:v>38317</c:v>
                </c:pt>
                <c:pt idx="1792">
                  <c:v>38318</c:v>
                </c:pt>
                <c:pt idx="1793">
                  <c:v>38319</c:v>
                </c:pt>
                <c:pt idx="1794">
                  <c:v>38320</c:v>
                </c:pt>
                <c:pt idx="1795">
                  <c:v>38321</c:v>
                </c:pt>
                <c:pt idx="1796">
                  <c:v>38322</c:v>
                </c:pt>
                <c:pt idx="1797">
                  <c:v>38323</c:v>
                </c:pt>
                <c:pt idx="1798">
                  <c:v>38324</c:v>
                </c:pt>
                <c:pt idx="1799">
                  <c:v>38325</c:v>
                </c:pt>
                <c:pt idx="1800">
                  <c:v>38326</c:v>
                </c:pt>
                <c:pt idx="1801">
                  <c:v>38327</c:v>
                </c:pt>
                <c:pt idx="1802">
                  <c:v>38328</c:v>
                </c:pt>
                <c:pt idx="1803">
                  <c:v>38329</c:v>
                </c:pt>
                <c:pt idx="1804">
                  <c:v>38330</c:v>
                </c:pt>
                <c:pt idx="1805">
                  <c:v>38331</c:v>
                </c:pt>
                <c:pt idx="1806">
                  <c:v>38332</c:v>
                </c:pt>
                <c:pt idx="1807">
                  <c:v>38333</c:v>
                </c:pt>
                <c:pt idx="1808">
                  <c:v>38334</c:v>
                </c:pt>
                <c:pt idx="1809">
                  <c:v>38335</c:v>
                </c:pt>
                <c:pt idx="1810">
                  <c:v>38336</c:v>
                </c:pt>
                <c:pt idx="1811">
                  <c:v>38337</c:v>
                </c:pt>
                <c:pt idx="1812">
                  <c:v>38338</c:v>
                </c:pt>
                <c:pt idx="1813">
                  <c:v>38339</c:v>
                </c:pt>
                <c:pt idx="1814">
                  <c:v>38340</c:v>
                </c:pt>
                <c:pt idx="1815">
                  <c:v>38341</c:v>
                </c:pt>
                <c:pt idx="1816">
                  <c:v>38342</c:v>
                </c:pt>
                <c:pt idx="1817">
                  <c:v>38343</c:v>
                </c:pt>
                <c:pt idx="1818">
                  <c:v>38344</c:v>
                </c:pt>
                <c:pt idx="1819">
                  <c:v>38345</c:v>
                </c:pt>
                <c:pt idx="1820">
                  <c:v>38346</c:v>
                </c:pt>
                <c:pt idx="1821">
                  <c:v>38347</c:v>
                </c:pt>
                <c:pt idx="1822">
                  <c:v>38348</c:v>
                </c:pt>
                <c:pt idx="1823">
                  <c:v>38349</c:v>
                </c:pt>
                <c:pt idx="1824">
                  <c:v>38350</c:v>
                </c:pt>
                <c:pt idx="1825">
                  <c:v>38351</c:v>
                </c:pt>
                <c:pt idx="1826">
                  <c:v>38352</c:v>
                </c:pt>
                <c:pt idx="1827">
                  <c:v>38353</c:v>
                </c:pt>
                <c:pt idx="1828">
                  <c:v>38354</c:v>
                </c:pt>
                <c:pt idx="1829">
                  <c:v>38355</c:v>
                </c:pt>
                <c:pt idx="1830">
                  <c:v>38356</c:v>
                </c:pt>
                <c:pt idx="1831">
                  <c:v>38357</c:v>
                </c:pt>
                <c:pt idx="1832">
                  <c:v>38358</c:v>
                </c:pt>
                <c:pt idx="1833">
                  <c:v>38359</c:v>
                </c:pt>
                <c:pt idx="1834">
                  <c:v>38360</c:v>
                </c:pt>
                <c:pt idx="1835">
                  <c:v>38361</c:v>
                </c:pt>
                <c:pt idx="1836">
                  <c:v>38362</c:v>
                </c:pt>
                <c:pt idx="1837">
                  <c:v>38363</c:v>
                </c:pt>
                <c:pt idx="1838">
                  <c:v>38364</c:v>
                </c:pt>
                <c:pt idx="1839">
                  <c:v>38365</c:v>
                </c:pt>
                <c:pt idx="1840">
                  <c:v>38366</c:v>
                </c:pt>
                <c:pt idx="1841">
                  <c:v>38367</c:v>
                </c:pt>
                <c:pt idx="1842">
                  <c:v>38368</c:v>
                </c:pt>
                <c:pt idx="1843">
                  <c:v>38369</c:v>
                </c:pt>
                <c:pt idx="1844">
                  <c:v>38370</c:v>
                </c:pt>
                <c:pt idx="1845">
                  <c:v>38371</c:v>
                </c:pt>
                <c:pt idx="1846">
                  <c:v>38372</c:v>
                </c:pt>
                <c:pt idx="1847">
                  <c:v>38373</c:v>
                </c:pt>
                <c:pt idx="1848">
                  <c:v>38374</c:v>
                </c:pt>
                <c:pt idx="1849">
                  <c:v>38375</c:v>
                </c:pt>
                <c:pt idx="1850">
                  <c:v>38376</c:v>
                </c:pt>
                <c:pt idx="1851">
                  <c:v>38377</c:v>
                </c:pt>
                <c:pt idx="1852">
                  <c:v>38378</c:v>
                </c:pt>
                <c:pt idx="1853">
                  <c:v>38379</c:v>
                </c:pt>
                <c:pt idx="1854">
                  <c:v>38380</c:v>
                </c:pt>
                <c:pt idx="1855">
                  <c:v>38381</c:v>
                </c:pt>
                <c:pt idx="1856">
                  <c:v>38382</c:v>
                </c:pt>
                <c:pt idx="1857">
                  <c:v>38383</c:v>
                </c:pt>
                <c:pt idx="1858">
                  <c:v>38384</c:v>
                </c:pt>
                <c:pt idx="1859">
                  <c:v>38385</c:v>
                </c:pt>
                <c:pt idx="1860">
                  <c:v>38386</c:v>
                </c:pt>
                <c:pt idx="1861">
                  <c:v>38387</c:v>
                </c:pt>
                <c:pt idx="1862">
                  <c:v>38388</c:v>
                </c:pt>
                <c:pt idx="1863">
                  <c:v>38389</c:v>
                </c:pt>
                <c:pt idx="1864">
                  <c:v>38390</c:v>
                </c:pt>
                <c:pt idx="1865">
                  <c:v>38391</c:v>
                </c:pt>
                <c:pt idx="1866">
                  <c:v>38392</c:v>
                </c:pt>
                <c:pt idx="1867">
                  <c:v>38393</c:v>
                </c:pt>
                <c:pt idx="1868">
                  <c:v>38394</c:v>
                </c:pt>
                <c:pt idx="1869">
                  <c:v>38395</c:v>
                </c:pt>
                <c:pt idx="1870">
                  <c:v>38396</c:v>
                </c:pt>
                <c:pt idx="1871">
                  <c:v>38397</c:v>
                </c:pt>
                <c:pt idx="1872">
                  <c:v>38398</c:v>
                </c:pt>
                <c:pt idx="1873">
                  <c:v>38399</c:v>
                </c:pt>
                <c:pt idx="1874">
                  <c:v>38400</c:v>
                </c:pt>
                <c:pt idx="1875">
                  <c:v>38401</c:v>
                </c:pt>
                <c:pt idx="1876">
                  <c:v>38402</c:v>
                </c:pt>
                <c:pt idx="1877">
                  <c:v>38403</c:v>
                </c:pt>
                <c:pt idx="1878">
                  <c:v>38404</c:v>
                </c:pt>
                <c:pt idx="1879">
                  <c:v>38405</c:v>
                </c:pt>
                <c:pt idx="1880">
                  <c:v>38406</c:v>
                </c:pt>
                <c:pt idx="1881">
                  <c:v>38407</c:v>
                </c:pt>
                <c:pt idx="1882">
                  <c:v>38408</c:v>
                </c:pt>
                <c:pt idx="1883">
                  <c:v>38409</c:v>
                </c:pt>
                <c:pt idx="1884">
                  <c:v>38410</c:v>
                </c:pt>
                <c:pt idx="1885">
                  <c:v>38411</c:v>
                </c:pt>
                <c:pt idx="1886">
                  <c:v>38412</c:v>
                </c:pt>
                <c:pt idx="1887">
                  <c:v>38413</c:v>
                </c:pt>
                <c:pt idx="1888">
                  <c:v>38414</c:v>
                </c:pt>
                <c:pt idx="1889">
                  <c:v>38415</c:v>
                </c:pt>
                <c:pt idx="1890">
                  <c:v>38416</c:v>
                </c:pt>
                <c:pt idx="1891">
                  <c:v>38417</c:v>
                </c:pt>
                <c:pt idx="1892">
                  <c:v>38418</c:v>
                </c:pt>
                <c:pt idx="1893">
                  <c:v>38419</c:v>
                </c:pt>
                <c:pt idx="1894">
                  <c:v>38420</c:v>
                </c:pt>
                <c:pt idx="1895">
                  <c:v>38421</c:v>
                </c:pt>
                <c:pt idx="1896">
                  <c:v>38422</c:v>
                </c:pt>
                <c:pt idx="1897">
                  <c:v>38423</c:v>
                </c:pt>
                <c:pt idx="1898">
                  <c:v>38424</c:v>
                </c:pt>
                <c:pt idx="1899">
                  <c:v>38425</c:v>
                </c:pt>
                <c:pt idx="1900">
                  <c:v>38426</c:v>
                </c:pt>
                <c:pt idx="1901">
                  <c:v>38427</c:v>
                </c:pt>
                <c:pt idx="1902">
                  <c:v>38428</c:v>
                </c:pt>
                <c:pt idx="1903">
                  <c:v>38429</c:v>
                </c:pt>
                <c:pt idx="1904">
                  <c:v>38430</c:v>
                </c:pt>
                <c:pt idx="1905">
                  <c:v>38431</c:v>
                </c:pt>
                <c:pt idx="1906">
                  <c:v>38432</c:v>
                </c:pt>
                <c:pt idx="1907">
                  <c:v>38433</c:v>
                </c:pt>
                <c:pt idx="1908">
                  <c:v>38434</c:v>
                </c:pt>
                <c:pt idx="1909">
                  <c:v>38435</c:v>
                </c:pt>
                <c:pt idx="1910">
                  <c:v>38436</c:v>
                </c:pt>
                <c:pt idx="1911">
                  <c:v>38437</c:v>
                </c:pt>
                <c:pt idx="1912">
                  <c:v>38438</c:v>
                </c:pt>
                <c:pt idx="1913">
                  <c:v>38439</c:v>
                </c:pt>
                <c:pt idx="1914">
                  <c:v>38440</c:v>
                </c:pt>
                <c:pt idx="1915">
                  <c:v>38441</c:v>
                </c:pt>
                <c:pt idx="1916">
                  <c:v>38442</c:v>
                </c:pt>
                <c:pt idx="1917">
                  <c:v>38443</c:v>
                </c:pt>
                <c:pt idx="1918">
                  <c:v>38444</c:v>
                </c:pt>
                <c:pt idx="1919">
                  <c:v>38445</c:v>
                </c:pt>
                <c:pt idx="1920">
                  <c:v>38446</c:v>
                </c:pt>
                <c:pt idx="1921">
                  <c:v>38447</c:v>
                </c:pt>
                <c:pt idx="1922">
                  <c:v>38448</c:v>
                </c:pt>
                <c:pt idx="1923">
                  <c:v>38449</c:v>
                </c:pt>
                <c:pt idx="1924">
                  <c:v>38450</c:v>
                </c:pt>
                <c:pt idx="1925">
                  <c:v>38451</c:v>
                </c:pt>
                <c:pt idx="1926">
                  <c:v>38452</c:v>
                </c:pt>
                <c:pt idx="1927">
                  <c:v>38453</c:v>
                </c:pt>
                <c:pt idx="1928">
                  <c:v>38454</c:v>
                </c:pt>
                <c:pt idx="1929">
                  <c:v>38455</c:v>
                </c:pt>
                <c:pt idx="1930">
                  <c:v>38456</c:v>
                </c:pt>
                <c:pt idx="1931">
                  <c:v>38457</c:v>
                </c:pt>
                <c:pt idx="1932">
                  <c:v>38458</c:v>
                </c:pt>
                <c:pt idx="1933">
                  <c:v>38459</c:v>
                </c:pt>
                <c:pt idx="1934">
                  <c:v>38460</c:v>
                </c:pt>
                <c:pt idx="1935">
                  <c:v>38461</c:v>
                </c:pt>
                <c:pt idx="1936">
                  <c:v>38462</c:v>
                </c:pt>
                <c:pt idx="1937">
                  <c:v>38463</c:v>
                </c:pt>
                <c:pt idx="1938">
                  <c:v>38464</c:v>
                </c:pt>
                <c:pt idx="1939">
                  <c:v>38465</c:v>
                </c:pt>
                <c:pt idx="1940">
                  <c:v>38466</c:v>
                </c:pt>
                <c:pt idx="1941">
                  <c:v>38467</c:v>
                </c:pt>
                <c:pt idx="1942">
                  <c:v>38468</c:v>
                </c:pt>
                <c:pt idx="1943">
                  <c:v>38469</c:v>
                </c:pt>
                <c:pt idx="1944">
                  <c:v>38470</c:v>
                </c:pt>
                <c:pt idx="1945">
                  <c:v>38471</c:v>
                </c:pt>
                <c:pt idx="1946">
                  <c:v>38472</c:v>
                </c:pt>
                <c:pt idx="1947">
                  <c:v>38473</c:v>
                </c:pt>
                <c:pt idx="1948">
                  <c:v>38474</c:v>
                </c:pt>
                <c:pt idx="1949">
                  <c:v>38475</c:v>
                </c:pt>
                <c:pt idx="1950">
                  <c:v>38476</c:v>
                </c:pt>
                <c:pt idx="1951">
                  <c:v>38477</c:v>
                </c:pt>
                <c:pt idx="1952">
                  <c:v>38478</c:v>
                </c:pt>
                <c:pt idx="1953">
                  <c:v>38479</c:v>
                </c:pt>
                <c:pt idx="1954">
                  <c:v>38480</c:v>
                </c:pt>
                <c:pt idx="1955">
                  <c:v>38481</c:v>
                </c:pt>
                <c:pt idx="1956">
                  <c:v>38482</c:v>
                </c:pt>
                <c:pt idx="1957">
                  <c:v>38483</c:v>
                </c:pt>
                <c:pt idx="1958">
                  <c:v>38484</c:v>
                </c:pt>
                <c:pt idx="1959">
                  <c:v>38485</c:v>
                </c:pt>
                <c:pt idx="1960">
                  <c:v>38486</c:v>
                </c:pt>
                <c:pt idx="1961">
                  <c:v>38487</c:v>
                </c:pt>
                <c:pt idx="1962">
                  <c:v>38488</c:v>
                </c:pt>
                <c:pt idx="1963">
                  <c:v>38489</c:v>
                </c:pt>
                <c:pt idx="1964">
                  <c:v>38490</c:v>
                </c:pt>
                <c:pt idx="1965">
                  <c:v>38491</c:v>
                </c:pt>
                <c:pt idx="1966">
                  <c:v>38492</c:v>
                </c:pt>
                <c:pt idx="1967">
                  <c:v>38493</c:v>
                </c:pt>
                <c:pt idx="1968">
                  <c:v>38494</c:v>
                </c:pt>
                <c:pt idx="1969">
                  <c:v>38495</c:v>
                </c:pt>
                <c:pt idx="1970">
                  <c:v>38496</c:v>
                </c:pt>
                <c:pt idx="1971">
                  <c:v>38497</c:v>
                </c:pt>
                <c:pt idx="1972">
                  <c:v>38498</c:v>
                </c:pt>
                <c:pt idx="1973">
                  <c:v>38499</c:v>
                </c:pt>
                <c:pt idx="1974">
                  <c:v>38500</c:v>
                </c:pt>
                <c:pt idx="1975">
                  <c:v>38501</c:v>
                </c:pt>
                <c:pt idx="1976">
                  <c:v>38502</c:v>
                </c:pt>
                <c:pt idx="1977">
                  <c:v>38503</c:v>
                </c:pt>
                <c:pt idx="1978">
                  <c:v>38504</c:v>
                </c:pt>
                <c:pt idx="1979">
                  <c:v>38505</c:v>
                </c:pt>
                <c:pt idx="1980">
                  <c:v>38506</c:v>
                </c:pt>
                <c:pt idx="1981">
                  <c:v>38507</c:v>
                </c:pt>
                <c:pt idx="1982">
                  <c:v>38508</c:v>
                </c:pt>
                <c:pt idx="1983">
                  <c:v>38509</c:v>
                </c:pt>
                <c:pt idx="1984">
                  <c:v>38510</c:v>
                </c:pt>
                <c:pt idx="1985">
                  <c:v>38511</c:v>
                </c:pt>
                <c:pt idx="1986">
                  <c:v>38512</c:v>
                </c:pt>
                <c:pt idx="1987">
                  <c:v>38513</c:v>
                </c:pt>
                <c:pt idx="1988">
                  <c:v>38514</c:v>
                </c:pt>
                <c:pt idx="1989">
                  <c:v>38515</c:v>
                </c:pt>
                <c:pt idx="1990">
                  <c:v>38516</c:v>
                </c:pt>
                <c:pt idx="1991">
                  <c:v>38517</c:v>
                </c:pt>
                <c:pt idx="1992">
                  <c:v>38518</c:v>
                </c:pt>
                <c:pt idx="1993">
                  <c:v>38519</c:v>
                </c:pt>
                <c:pt idx="1994">
                  <c:v>38520</c:v>
                </c:pt>
                <c:pt idx="1995">
                  <c:v>38521</c:v>
                </c:pt>
                <c:pt idx="1996">
                  <c:v>38522</c:v>
                </c:pt>
                <c:pt idx="1997">
                  <c:v>38523</c:v>
                </c:pt>
                <c:pt idx="1998">
                  <c:v>38524</c:v>
                </c:pt>
                <c:pt idx="1999">
                  <c:v>38525</c:v>
                </c:pt>
                <c:pt idx="2000">
                  <c:v>38526</c:v>
                </c:pt>
                <c:pt idx="2001">
                  <c:v>38527</c:v>
                </c:pt>
                <c:pt idx="2002">
                  <c:v>38528</c:v>
                </c:pt>
                <c:pt idx="2003">
                  <c:v>38529</c:v>
                </c:pt>
                <c:pt idx="2004">
                  <c:v>38530</c:v>
                </c:pt>
                <c:pt idx="2005">
                  <c:v>38531</c:v>
                </c:pt>
                <c:pt idx="2006">
                  <c:v>38532</c:v>
                </c:pt>
                <c:pt idx="2007">
                  <c:v>38533</c:v>
                </c:pt>
                <c:pt idx="2008">
                  <c:v>38534</c:v>
                </c:pt>
                <c:pt idx="2009">
                  <c:v>38535</c:v>
                </c:pt>
                <c:pt idx="2010">
                  <c:v>38536</c:v>
                </c:pt>
                <c:pt idx="2011">
                  <c:v>38537</c:v>
                </c:pt>
                <c:pt idx="2012">
                  <c:v>38538</c:v>
                </c:pt>
                <c:pt idx="2013">
                  <c:v>38539</c:v>
                </c:pt>
                <c:pt idx="2014">
                  <c:v>38540</c:v>
                </c:pt>
                <c:pt idx="2015">
                  <c:v>38541</c:v>
                </c:pt>
                <c:pt idx="2016">
                  <c:v>38542</c:v>
                </c:pt>
                <c:pt idx="2017">
                  <c:v>38543</c:v>
                </c:pt>
                <c:pt idx="2018">
                  <c:v>38544</c:v>
                </c:pt>
                <c:pt idx="2019">
                  <c:v>38545</c:v>
                </c:pt>
                <c:pt idx="2020">
                  <c:v>38546</c:v>
                </c:pt>
                <c:pt idx="2021">
                  <c:v>38547</c:v>
                </c:pt>
                <c:pt idx="2022">
                  <c:v>38548</c:v>
                </c:pt>
                <c:pt idx="2023">
                  <c:v>38549</c:v>
                </c:pt>
                <c:pt idx="2024">
                  <c:v>38550</c:v>
                </c:pt>
                <c:pt idx="2025">
                  <c:v>38551</c:v>
                </c:pt>
                <c:pt idx="2026">
                  <c:v>38552</c:v>
                </c:pt>
                <c:pt idx="2027">
                  <c:v>38553</c:v>
                </c:pt>
                <c:pt idx="2028">
                  <c:v>38554</c:v>
                </c:pt>
                <c:pt idx="2029">
                  <c:v>38555</c:v>
                </c:pt>
                <c:pt idx="2030">
                  <c:v>38556</c:v>
                </c:pt>
                <c:pt idx="2031">
                  <c:v>38557</c:v>
                </c:pt>
                <c:pt idx="2032">
                  <c:v>38558</c:v>
                </c:pt>
                <c:pt idx="2033">
                  <c:v>38559</c:v>
                </c:pt>
                <c:pt idx="2034">
                  <c:v>38560</c:v>
                </c:pt>
                <c:pt idx="2035">
                  <c:v>38561</c:v>
                </c:pt>
                <c:pt idx="2036">
                  <c:v>38562</c:v>
                </c:pt>
                <c:pt idx="2037">
                  <c:v>38563</c:v>
                </c:pt>
                <c:pt idx="2038">
                  <c:v>38564</c:v>
                </c:pt>
                <c:pt idx="2039">
                  <c:v>38565</c:v>
                </c:pt>
                <c:pt idx="2040">
                  <c:v>38566</c:v>
                </c:pt>
                <c:pt idx="2041">
                  <c:v>38567</c:v>
                </c:pt>
                <c:pt idx="2042">
                  <c:v>38568</c:v>
                </c:pt>
                <c:pt idx="2043">
                  <c:v>38569</c:v>
                </c:pt>
                <c:pt idx="2044">
                  <c:v>38570</c:v>
                </c:pt>
                <c:pt idx="2045">
                  <c:v>38571</c:v>
                </c:pt>
                <c:pt idx="2046">
                  <c:v>38572</c:v>
                </c:pt>
                <c:pt idx="2047">
                  <c:v>38573</c:v>
                </c:pt>
                <c:pt idx="2048">
                  <c:v>38574</c:v>
                </c:pt>
                <c:pt idx="2049">
                  <c:v>38575</c:v>
                </c:pt>
                <c:pt idx="2050">
                  <c:v>38576</c:v>
                </c:pt>
                <c:pt idx="2051">
                  <c:v>38577</c:v>
                </c:pt>
                <c:pt idx="2052">
                  <c:v>38578</c:v>
                </c:pt>
                <c:pt idx="2053">
                  <c:v>38579</c:v>
                </c:pt>
                <c:pt idx="2054">
                  <c:v>38580</c:v>
                </c:pt>
                <c:pt idx="2055">
                  <c:v>38581</c:v>
                </c:pt>
                <c:pt idx="2056">
                  <c:v>38582</c:v>
                </c:pt>
                <c:pt idx="2057">
                  <c:v>38583</c:v>
                </c:pt>
                <c:pt idx="2058">
                  <c:v>38584</c:v>
                </c:pt>
                <c:pt idx="2059">
                  <c:v>38585</c:v>
                </c:pt>
                <c:pt idx="2060">
                  <c:v>38586</c:v>
                </c:pt>
                <c:pt idx="2061">
                  <c:v>38587</c:v>
                </c:pt>
                <c:pt idx="2062">
                  <c:v>38588</c:v>
                </c:pt>
                <c:pt idx="2063">
                  <c:v>38589</c:v>
                </c:pt>
                <c:pt idx="2064">
                  <c:v>38590</c:v>
                </c:pt>
                <c:pt idx="2065">
                  <c:v>38591</c:v>
                </c:pt>
                <c:pt idx="2066">
                  <c:v>38592</c:v>
                </c:pt>
                <c:pt idx="2067">
                  <c:v>38593</c:v>
                </c:pt>
                <c:pt idx="2068">
                  <c:v>38594</c:v>
                </c:pt>
                <c:pt idx="2069">
                  <c:v>38595</c:v>
                </c:pt>
                <c:pt idx="2070">
                  <c:v>38596</c:v>
                </c:pt>
                <c:pt idx="2071">
                  <c:v>38597</c:v>
                </c:pt>
                <c:pt idx="2072">
                  <c:v>38598</c:v>
                </c:pt>
                <c:pt idx="2073">
                  <c:v>38599</c:v>
                </c:pt>
                <c:pt idx="2074">
                  <c:v>38600</c:v>
                </c:pt>
                <c:pt idx="2075">
                  <c:v>38601</c:v>
                </c:pt>
                <c:pt idx="2076">
                  <c:v>38602</c:v>
                </c:pt>
                <c:pt idx="2077">
                  <c:v>38603</c:v>
                </c:pt>
                <c:pt idx="2078">
                  <c:v>38604</c:v>
                </c:pt>
                <c:pt idx="2079">
                  <c:v>38605</c:v>
                </c:pt>
                <c:pt idx="2080">
                  <c:v>38606</c:v>
                </c:pt>
                <c:pt idx="2081">
                  <c:v>38607</c:v>
                </c:pt>
                <c:pt idx="2082">
                  <c:v>38608</c:v>
                </c:pt>
                <c:pt idx="2083">
                  <c:v>38609</c:v>
                </c:pt>
                <c:pt idx="2084">
                  <c:v>38610</c:v>
                </c:pt>
                <c:pt idx="2085">
                  <c:v>38611</c:v>
                </c:pt>
                <c:pt idx="2086">
                  <c:v>38612</c:v>
                </c:pt>
                <c:pt idx="2087">
                  <c:v>38613</c:v>
                </c:pt>
                <c:pt idx="2088">
                  <c:v>38614</c:v>
                </c:pt>
                <c:pt idx="2089">
                  <c:v>38615</c:v>
                </c:pt>
                <c:pt idx="2090">
                  <c:v>38616</c:v>
                </c:pt>
                <c:pt idx="2091">
                  <c:v>38617</c:v>
                </c:pt>
                <c:pt idx="2092">
                  <c:v>38618</c:v>
                </c:pt>
                <c:pt idx="2093">
                  <c:v>38619</c:v>
                </c:pt>
                <c:pt idx="2094">
                  <c:v>38620</c:v>
                </c:pt>
                <c:pt idx="2095">
                  <c:v>38621</c:v>
                </c:pt>
                <c:pt idx="2096">
                  <c:v>38622</c:v>
                </c:pt>
                <c:pt idx="2097">
                  <c:v>38623</c:v>
                </c:pt>
                <c:pt idx="2098">
                  <c:v>38624</c:v>
                </c:pt>
                <c:pt idx="2099">
                  <c:v>38625</c:v>
                </c:pt>
                <c:pt idx="2100">
                  <c:v>38626</c:v>
                </c:pt>
                <c:pt idx="2101">
                  <c:v>38627</c:v>
                </c:pt>
                <c:pt idx="2102">
                  <c:v>38628</c:v>
                </c:pt>
                <c:pt idx="2103">
                  <c:v>38629</c:v>
                </c:pt>
                <c:pt idx="2104">
                  <c:v>38630</c:v>
                </c:pt>
                <c:pt idx="2105">
                  <c:v>38631</c:v>
                </c:pt>
                <c:pt idx="2106">
                  <c:v>38632</c:v>
                </c:pt>
                <c:pt idx="2107">
                  <c:v>38633</c:v>
                </c:pt>
                <c:pt idx="2108">
                  <c:v>38634</c:v>
                </c:pt>
                <c:pt idx="2109">
                  <c:v>38635</c:v>
                </c:pt>
                <c:pt idx="2110">
                  <c:v>38636</c:v>
                </c:pt>
                <c:pt idx="2111">
                  <c:v>38637</c:v>
                </c:pt>
                <c:pt idx="2112">
                  <c:v>38638</c:v>
                </c:pt>
                <c:pt idx="2113">
                  <c:v>38639</c:v>
                </c:pt>
                <c:pt idx="2114">
                  <c:v>38640</c:v>
                </c:pt>
                <c:pt idx="2115">
                  <c:v>38641</c:v>
                </c:pt>
                <c:pt idx="2116">
                  <c:v>38642</c:v>
                </c:pt>
                <c:pt idx="2117">
                  <c:v>38643</c:v>
                </c:pt>
                <c:pt idx="2118">
                  <c:v>38644</c:v>
                </c:pt>
                <c:pt idx="2119">
                  <c:v>38645</c:v>
                </c:pt>
                <c:pt idx="2120">
                  <c:v>38646</c:v>
                </c:pt>
                <c:pt idx="2121">
                  <c:v>38647</c:v>
                </c:pt>
                <c:pt idx="2122">
                  <c:v>38648</c:v>
                </c:pt>
                <c:pt idx="2123">
                  <c:v>38649</c:v>
                </c:pt>
                <c:pt idx="2124">
                  <c:v>38650</c:v>
                </c:pt>
                <c:pt idx="2125">
                  <c:v>38651</c:v>
                </c:pt>
                <c:pt idx="2126">
                  <c:v>38652</c:v>
                </c:pt>
                <c:pt idx="2127">
                  <c:v>38653</c:v>
                </c:pt>
                <c:pt idx="2128">
                  <c:v>38654</c:v>
                </c:pt>
                <c:pt idx="2129">
                  <c:v>38655</c:v>
                </c:pt>
                <c:pt idx="2130">
                  <c:v>38656</c:v>
                </c:pt>
                <c:pt idx="2131">
                  <c:v>38657</c:v>
                </c:pt>
                <c:pt idx="2132">
                  <c:v>38658</c:v>
                </c:pt>
                <c:pt idx="2133">
                  <c:v>38659</c:v>
                </c:pt>
                <c:pt idx="2134">
                  <c:v>38660</c:v>
                </c:pt>
                <c:pt idx="2135">
                  <c:v>38661</c:v>
                </c:pt>
                <c:pt idx="2136">
                  <c:v>38662</c:v>
                </c:pt>
                <c:pt idx="2137">
                  <c:v>38663</c:v>
                </c:pt>
                <c:pt idx="2138">
                  <c:v>38664</c:v>
                </c:pt>
                <c:pt idx="2139">
                  <c:v>38665</c:v>
                </c:pt>
                <c:pt idx="2140">
                  <c:v>38666</c:v>
                </c:pt>
                <c:pt idx="2141">
                  <c:v>38667</c:v>
                </c:pt>
                <c:pt idx="2142">
                  <c:v>38668</c:v>
                </c:pt>
                <c:pt idx="2143">
                  <c:v>38669</c:v>
                </c:pt>
                <c:pt idx="2144">
                  <c:v>38670</c:v>
                </c:pt>
                <c:pt idx="2145">
                  <c:v>38671</c:v>
                </c:pt>
                <c:pt idx="2146">
                  <c:v>38672</c:v>
                </c:pt>
                <c:pt idx="2147">
                  <c:v>38673</c:v>
                </c:pt>
                <c:pt idx="2148">
                  <c:v>38674</c:v>
                </c:pt>
                <c:pt idx="2149">
                  <c:v>38675</c:v>
                </c:pt>
                <c:pt idx="2150">
                  <c:v>38676</c:v>
                </c:pt>
                <c:pt idx="2151">
                  <c:v>38677</c:v>
                </c:pt>
                <c:pt idx="2152">
                  <c:v>38678</c:v>
                </c:pt>
                <c:pt idx="2153">
                  <c:v>38679</c:v>
                </c:pt>
                <c:pt idx="2154">
                  <c:v>38680</c:v>
                </c:pt>
                <c:pt idx="2155">
                  <c:v>38681</c:v>
                </c:pt>
                <c:pt idx="2156">
                  <c:v>38682</c:v>
                </c:pt>
                <c:pt idx="2157">
                  <c:v>38683</c:v>
                </c:pt>
                <c:pt idx="2158">
                  <c:v>38684</c:v>
                </c:pt>
                <c:pt idx="2159">
                  <c:v>38685</c:v>
                </c:pt>
                <c:pt idx="2160">
                  <c:v>38686</c:v>
                </c:pt>
                <c:pt idx="2161">
                  <c:v>38687</c:v>
                </c:pt>
                <c:pt idx="2162">
                  <c:v>38688</c:v>
                </c:pt>
                <c:pt idx="2163">
                  <c:v>38689</c:v>
                </c:pt>
                <c:pt idx="2164">
                  <c:v>38690</c:v>
                </c:pt>
                <c:pt idx="2165">
                  <c:v>38691</c:v>
                </c:pt>
                <c:pt idx="2166">
                  <c:v>38692</c:v>
                </c:pt>
                <c:pt idx="2167">
                  <c:v>38693</c:v>
                </c:pt>
                <c:pt idx="2168">
                  <c:v>38694</c:v>
                </c:pt>
                <c:pt idx="2169">
                  <c:v>38695</c:v>
                </c:pt>
                <c:pt idx="2170">
                  <c:v>38696</c:v>
                </c:pt>
                <c:pt idx="2171">
                  <c:v>38697</c:v>
                </c:pt>
                <c:pt idx="2172">
                  <c:v>38698</c:v>
                </c:pt>
                <c:pt idx="2173">
                  <c:v>38699</c:v>
                </c:pt>
                <c:pt idx="2174">
                  <c:v>38700</c:v>
                </c:pt>
                <c:pt idx="2175">
                  <c:v>38701</c:v>
                </c:pt>
                <c:pt idx="2176">
                  <c:v>38702</c:v>
                </c:pt>
                <c:pt idx="2177">
                  <c:v>38703</c:v>
                </c:pt>
                <c:pt idx="2178">
                  <c:v>38704</c:v>
                </c:pt>
                <c:pt idx="2179">
                  <c:v>38705</c:v>
                </c:pt>
                <c:pt idx="2180">
                  <c:v>38706</c:v>
                </c:pt>
                <c:pt idx="2181">
                  <c:v>38707</c:v>
                </c:pt>
                <c:pt idx="2182">
                  <c:v>38708</c:v>
                </c:pt>
                <c:pt idx="2183">
                  <c:v>38709</c:v>
                </c:pt>
                <c:pt idx="2184">
                  <c:v>38710</c:v>
                </c:pt>
                <c:pt idx="2185">
                  <c:v>38711</c:v>
                </c:pt>
                <c:pt idx="2186">
                  <c:v>38712</c:v>
                </c:pt>
                <c:pt idx="2187">
                  <c:v>38713</c:v>
                </c:pt>
                <c:pt idx="2188">
                  <c:v>38714</c:v>
                </c:pt>
                <c:pt idx="2189">
                  <c:v>38715</c:v>
                </c:pt>
                <c:pt idx="2190">
                  <c:v>38716</c:v>
                </c:pt>
                <c:pt idx="2191">
                  <c:v>38717</c:v>
                </c:pt>
                <c:pt idx="2192">
                  <c:v>38718</c:v>
                </c:pt>
                <c:pt idx="2193">
                  <c:v>38719</c:v>
                </c:pt>
                <c:pt idx="2194">
                  <c:v>38720</c:v>
                </c:pt>
                <c:pt idx="2195">
                  <c:v>38721</c:v>
                </c:pt>
                <c:pt idx="2196">
                  <c:v>38722</c:v>
                </c:pt>
                <c:pt idx="2197">
                  <c:v>38723</c:v>
                </c:pt>
                <c:pt idx="2198">
                  <c:v>38724</c:v>
                </c:pt>
                <c:pt idx="2199">
                  <c:v>38725</c:v>
                </c:pt>
                <c:pt idx="2200">
                  <c:v>38726</c:v>
                </c:pt>
                <c:pt idx="2201">
                  <c:v>38727</c:v>
                </c:pt>
                <c:pt idx="2202">
                  <c:v>38728</c:v>
                </c:pt>
                <c:pt idx="2203">
                  <c:v>38729</c:v>
                </c:pt>
                <c:pt idx="2204">
                  <c:v>38730</c:v>
                </c:pt>
                <c:pt idx="2205">
                  <c:v>38731</c:v>
                </c:pt>
                <c:pt idx="2206">
                  <c:v>38732</c:v>
                </c:pt>
                <c:pt idx="2207">
                  <c:v>38733</c:v>
                </c:pt>
                <c:pt idx="2208">
                  <c:v>38734</c:v>
                </c:pt>
                <c:pt idx="2209">
                  <c:v>38735</c:v>
                </c:pt>
                <c:pt idx="2210">
                  <c:v>38736</c:v>
                </c:pt>
                <c:pt idx="2211">
                  <c:v>38737</c:v>
                </c:pt>
                <c:pt idx="2212">
                  <c:v>38738</c:v>
                </c:pt>
                <c:pt idx="2213">
                  <c:v>38739</c:v>
                </c:pt>
                <c:pt idx="2214">
                  <c:v>38740</c:v>
                </c:pt>
                <c:pt idx="2215">
                  <c:v>38741</c:v>
                </c:pt>
                <c:pt idx="2216">
                  <c:v>38742</c:v>
                </c:pt>
                <c:pt idx="2217">
                  <c:v>38743</c:v>
                </c:pt>
                <c:pt idx="2218">
                  <c:v>38744</c:v>
                </c:pt>
                <c:pt idx="2219">
                  <c:v>38745</c:v>
                </c:pt>
                <c:pt idx="2220">
                  <c:v>38746</c:v>
                </c:pt>
                <c:pt idx="2221">
                  <c:v>38747</c:v>
                </c:pt>
                <c:pt idx="2222">
                  <c:v>38748</c:v>
                </c:pt>
                <c:pt idx="2223">
                  <c:v>38749</c:v>
                </c:pt>
                <c:pt idx="2224">
                  <c:v>38750</c:v>
                </c:pt>
                <c:pt idx="2225">
                  <c:v>38751</c:v>
                </c:pt>
                <c:pt idx="2226">
                  <c:v>38752</c:v>
                </c:pt>
                <c:pt idx="2227">
                  <c:v>38753</c:v>
                </c:pt>
                <c:pt idx="2228">
                  <c:v>38754</c:v>
                </c:pt>
                <c:pt idx="2229">
                  <c:v>38755</c:v>
                </c:pt>
                <c:pt idx="2230">
                  <c:v>38756</c:v>
                </c:pt>
                <c:pt idx="2231">
                  <c:v>38757</c:v>
                </c:pt>
                <c:pt idx="2232">
                  <c:v>38758</c:v>
                </c:pt>
                <c:pt idx="2233">
                  <c:v>38759</c:v>
                </c:pt>
                <c:pt idx="2234">
                  <c:v>38760</c:v>
                </c:pt>
                <c:pt idx="2235">
                  <c:v>38761</c:v>
                </c:pt>
                <c:pt idx="2236">
                  <c:v>38762</c:v>
                </c:pt>
                <c:pt idx="2237">
                  <c:v>38763</c:v>
                </c:pt>
                <c:pt idx="2238">
                  <c:v>38764</c:v>
                </c:pt>
                <c:pt idx="2239">
                  <c:v>38765</c:v>
                </c:pt>
                <c:pt idx="2240">
                  <c:v>38766</c:v>
                </c:pt>
                <c:pt idx="2241">
                  <c:v>38767</c:v>
                </c:pt>
                <c:pt idx="2242">
                  <c:v>38768</c:v>
                </c:pt>
                <c:pt idx="2243">
                  <c:v>38769</c:v>
                </c:pt>
                <c:pt idx="2244">
                  <c:v>38770</c:v>
                </c:pt>
                <c:pt idx="2245">
                  <c:v>38771</c:v>
                </c:pt>
                <c:pt idx="2246">
                  <c:v>38772</c:v>
                </c:pt>
                <c:pt idx="2247">
                  <c:v>38773</c:v>
                </c:pt>
                <c:pt idx="2248">
                  <c:v>38774</c:v>
                </c:pt>
                <c:pt idx="2249">
                  <c:v>38775</c:v>
                </c:pt>
                <c:pt idx="2250">
                  <c:v>38776</c:v>
                </c:pt>
                <c:pt idx="2251">
                  <c:v>38777</c:v>
                </c:pt>
                <c:pt idx="2252">
                  <c:v>38778</c:v>
                </c:pt>
                <c:pt idx="2253">
                  <c:v>38779</c:v>
                </c:pt>
                <c:pt idx="2254">
                  <c:v>38780</c:v>
                </c:pt>
                <c:pt idx="2255">
                  <c:v>38781</c:v>
                </c:pt>
                <c:pt idx="2256">
                  <c:v>38782</c:v>
                </c:pt>
                <c:pt idx="2257">
                  <c:v>38783</c:v>
                </c:pt>
                <c:pt idx="2258">
                  <c:v>38784</c:v>
                </c:pt>
                <c:pt idx="2259">
                  <c:v>38785</c:v>
                </c:pt>
                <c:pt idx="2260">
                  <c:v>38786</c:v>
                </c:pt>
                <c:pt idx="2261">
                  <c:v>38787</c:v>
                </c:pt>
                <c:pt idx="2262">
                  <c:v>38788</c:v>
                </c:pt>
                <c:pt idx="2263">
                  <c:v>38789</c:v>
                </c:pt>
                <c:pt idx="2264">
                  <c:v>38790</c:v>
                </c:pt>
                <c:pt idx="2265">
                  <c:v>38791</c:v>
                </c:pt>
                <c:pt idx="2266">
                  <c:v>38792</c:v>
                </c:pt>
                <c:pt idx="2267">
                  <c:v>38793</c:v>
                </c:pt>
                <c:pt idx="2268">
                  <c:v>38794</c:v>
                </c:pt>
                <c:pt idx="2269">
                  <c:v>38795</c:v>
                </c:pt>
                <c:pt idx="2270">
                  <c:v>38796</c:v>
                </c:pt>
                <c:pt idx="2271">
                  <c:v>38797</c:v>
                </c:pt>
                <c:pt idx="2272">
                  <c:v>38798</c:v>
                </c:pt>
                <c:pt idx="2273">
                  <c:v>38799</c:v>
                </c:pt>
                <c:pt idx="2274">
                  <c:v>38800</c:v>
                </c:pt>
                <c:pt idx="2275">
                  <c:v>38801</c:v>
                </c:pt>
                <c:pt idx="2276">
                  <c:v>38802</c:v>
                </c:pt>
                <c:pt idx="2277">
                  <c:v>38803</c:v>
                </c:pt>
                <c:pt idx="2278">
                  <c:v>38804</c:v>
                </c:pt>
                <c:pt idx="2279">
                  <c:v>38805</c:v>
                </c:pt>
                <c:pt idx="2280">
                  <c:v>38806</c:v>
                </c:pt>
                <c:pt idx="2281">
                  <c:v>38807</c:v>
                </c:pt>
                <c:pt idx="2282">
                  <c:v>38808</c:v>
                </c:pt>
                <c:pt idx="2283">
                  <c:v>38809</c:v>
                </c:pt>
                <c:pt idx="2284">
                  <c:v>38810</c:v>
                </c:pt>
                <c:pt idx="2285">
                  <c:v>38811</c:v>
                </c:pt>
                <c:pt idx="2286">
                  <c:v>38812</c:v>
                </c:pt>
                <c:pt idx="2287">
                  <c:v>38813</c:v>
                </c:pt>
                <c:pt idx="2288">
                  <c:v>38814</c:v>
                </c:pt>
                <c:pt idx="2289">
                  <c:v>38815</c:v>
                </c:pt>
                <c:pt idx="2290">
                  <c:v>38816</c:v>
                </c:pt>
                <c:pt idx="2291">
                  <c:v>38817</c:v>
                </c:pt>
                <c:pt idx="2292">
                  <c:v>38818</c:v>
                </c:pt>
                <c:pt idx="2293">
                  <c:v>38819</c:v>
                </c:pt>
                <c:pt idx="2294">
                  <c:v>38820</c:v>
                </c:pt>
                <c:pt idx="2295">
                  <c:v>38821</c:v>
                </c:pt>
                <c:pt idx="2296">
                  <c:v>38822</c:v>
                </c:pt>
                <c:pt idx="2297">
                  <c:v>38823</c:v>
                </c:pt>
                <c:pt idx="2298">
                  <c:v>38824</c:v>
                </c:pt>
                <c:pt idx="2299">
                  <c:v>38825</c:v>
                </c:pt>
                <c:pt idx="2300">
                  <c:v>38826</c:v>
                </c:pt>
                <c:pt idx="2301">
                  <c:v>38827</c:v>
                </c:pt>
                <c:pt idx="2302">
                  <c:v>38828</c:v>
                </c:pt>
                <c:pt idx="2303">
                  <c:v>38829</c:v>
                </c:pt>
                <c:pt idx="2304">
                  <c:v>38830</c:v>
                </c:pt>
                <c:pt idx="2305">
                  <c:v>38831</c:v>
                </c:pt>
                <c:pt idx="2306">
                  <c:v>38832</c:v>
                </c:pt>
                <c:pt idx="2307">
                  <c:v>38833</c:v>
                </c:pt>
                <c:pt idx="2308">
                  <c:v>38834</c:v>
                </c:pt>
                <c:pt idx="2309">
                  <c:v>38835</c:v>
                </c:pt>
                <c:pt idx="2310">
                  <c:v>38836</c:v>
                </c:pt>
                <c:pt idx="2311">
                  <c:v>38837</c:v>
                </c:pt>
                <c:pt idx="2312">
                  <c:v>38838</c:v>
                </c:pt>
                <c:pt idx="2313">
                  <c:v>38839</c:v>
                </c:pt>
                <c:pt idx="2314">
                  <c:v>38840</c:v>
                </c:pt>
                <c:pt idx="2315">
                  <c:v>38841</c:v>
                </c:pt>
                <c:pt idx="2316">
                  <c:v>38842</c:v>
                </c:pt>
                <c:pt idx="2317">
                  <c:v>38843</c:v>
                </c:pt>
                <c:pt idx="2318">
                  <c:v>38844</c:v>
                </c:pt>
                <c:pt idx="2319">
                  <c:v>38845</c:v>
                </c:pt>
                <c:pt idx="2320">
                  <c:v>38846</c:v>
                </c:pt>
                <c:pt idx="2321">
                  <c:v>38847</c:v>
                </c:pt>
                <c:pt idx="2322">
                  <c:v>38848</c:v>
                </c:pt>
                <c:pt idx="2323">
                  <c:v>38849</c:v>
                </c:pt>
                <c:pt idx="2324">
                  <c:v>38850</c:v>
                </c:pt>
                <c:pt idx="2325">
                  <c:v>38851</c:v>
                </c:pt>
                <c:pt idx="2326">
                  <c:v>38852</c:v>
                </c:pt>
                <c:pt idx="2327">
                  <c:v>38853</c:v>
                </c:pt>
                <c:pt idx="2328">
                  <c:v>38854</c:v>
                </c:pt>
                <c:pt idx="2329">
                  <c:v>38855</c:v>
                </c:pt>
                <c:pt idx="2330">
                  <c:v>38856</c:v>
                </c:pt>
                <c:pt idx="2331">
                  <c:v>38857</c:v>
                </c:pt>
                <c:pt idx="2332">
                  <c:v>38858</c:v>
                </c:pt>
                <c:pt idx="2333">
                  <c:v>38859</c:v>
                </c:pt>
                <c:pt idx="2334">
                  <c:v>38860</c:v>
                </c:pt>
                <c:pt idx="2335">
                  <c:v>38861</c:v>
                </c:pt>
                <c:pt idx="2336">
                  <c:v>38862</c:v>
                </c:pt>
                <c:pt idx="2337">
                  <c:v>38863</c:v>
                </c:pt>
                <c:pt idx="2338">
                  <c:v>38864</c:v>
                </c:pt>
                <c:pt idx="2339">
                  <c:v>38865</c:v>
                </c:pt>
                <c:pt idx="2340">
                  <c:v>38866</c:v>
                </c:pt>
                <c:pt idx="2341">
                  <c:v>38867</c:v>
                </c:pt>
                <c:pt idx="2342">
                  <c:v>38868</c:v>
                </c:pt>
                <c:pt idx="2343">
                  <c:v>38869</c:v>
                </c:pt>
                <c:pt idx="2344">
                  <c:v>38870</c:v>
                </c:pt>
                <c:pt idx="2345">
                  <c:v>38871</c:v>
                </c:pt>
                <c:pt idx="2346">
                  <c:v>38872</c:v>
                </c:pt>
                <c:pt idx="2347">
                  <c:v>38873</c:v>
                </c:pt>
                <c:pt idx="2348">
                  <c:v>38874</c:v>
                </c:pt>
                <c:pt idx="2349">
                  <c:v>38875</c:v>
                </c:pt>
                <c:pt idx="2350">
                  <c:v>38876</c:v>
                </c:pt>
                <c:pt idx="2351">
                  <c:v>38877</c:v>
                </c:pt>
                <c:pt idx="2352">
                  <c:v>38878</c:v>
                </c:pt>
                <c:pt idx="2353">
                  <c:v>38879</c:v>
                </c:pt>
                <c:pt idx="2354">
                  <c:v>38880</c:v>
                </c:pt>
                <c:pt idx="2355">
                  <c:v>38881</c:v>
                </c:pt>
                <c:pt idx="2356">
                  <c:v>38882</c:v>
                </c:pt>
                <c:pt idx="2357">
                  <c:v>38883</c:v>
                </c:pt>
                <c:pt idx="2358">
                  <c:v>38884</c:v>
                </c:pt>
                <c:pt idx="2359">
                  <c:v>38885</c:v>
                </c:pt>
                <c:pt idx="2360">
                  <c:v>38886</c:v>
                </c:pt>
                <c:pt idx="2361">
                  <c:v>38887</c:v>
                </c:pt>
                <c:pt idx="2362">
                  <c:v>38888</c:v>
                </c:pt>
                <c:pt idx="2363">
                  <c:v>38889</c:v>
                </c:pt>
                <c:pt idx="2364">
                  <c:v>38890</c:v>
                </c:pt>
                <c:pt idx="2365">
                  <c:v>38891</c:v>
                </c:pt>
                <c:pt idx="2366">
                  <c:v>38892</c:v>
                </c:pt>
                <c:pt idx="2367">
                  <c:v>38893</c:v>
                </c:pt>
                <c:pt idx="2368">
                  <c:v>38894</c:v>
                </c:pt>
                <c:pt idx="2369">
                  <c:v>38895</c:v>
                </c:pt>
                <c:pt idx="2370">
                  <c:v>38896</c:v>
                </c:pt>
                <c:pt idx="2371">
                  <c:v>38897</c:v>
                </c:pt>
                <c:pt idx="2372">
                  <c:v>38898</c:v>
                </c:pt>
                <c:pt idx="2373">
                  <c:v>38899</c:v>
                </c:pt>
                <c:pt idx="2374">
                  <c:v>38900</c:v>
                </c:pt>
                <c:pt idx="2375">
                  <c:v>38901</c:v>
                </c:pt>
                <c:pt idx="2376">
                  <c:v>38902</c:v>
                </c:pt>
                <c:pt idx="2377">
                  <c:v>38903</c:v>
                </c:pt>
                <c:pt idx="2378">
                  <c:v>38904</c:v>
                </c:pt>
                <c:pt idx="2379">
                  <c:v>38905</c:v>
                </c:pt>
                <c:pt idx="2380">
                  <c:v>38906</c:v>
                </c:pt>
                <c:pt idx="2381">
                  <c:v>38907</c:v>
                </c:pt>
                <c:pt idx="2382">
                  <c:v>38908</c:v>
                </c:pt>
                <c:pt idx="2383">
                  <c:v>38909</c:v>
                </c:pt>
                <c:pt idx="2384">
                  <c:v>38910</c:v>
                </c:pt>
                <c:pt idx="2385">
                  <c:v>38911</c:v>
                </c:pt>
                <c:pt idx="2386">
                  <c:v>38912</c:v>
                </c:pt>
                <c:pt idx="2387">
                  <c:v>38913</c:v>
                </c:pt>
                <c:pt idx="2388">
                  <c:v>38914</c:v>
                </c:pt>
                <c:pt idx="2389">
                  <c:v>38915</c:v>
                </c:pt>
                <c:pt idx="2390">
                  <c:v>38916</c:v>
                </c:pt>
                <c:pt idx="2391">
                  <c:v>38917</c:v>
                </c:pt>
                <c:pt idx="2392">
                  <c:v>38918</c:v>
                </c:pt>
                <c:pt idx="2393">
                  <c:v>38919</c:v>
                </c:pt>
                <c:pt idx="2394">
                  <c:v>38920</c:v>
                </c:pt>
                <c:pt idx="2395">
                  <c:v>38921</c:v>
                </c:pt>
                <c:pt idx="2396">
                  <c:v>38922</c:v>
                </c:pt>
                <c:pt idx="2397">
                  <c:v>38923</c:v>
                </c:pt>
                <c:pt idx="2398">
                  <c:v>38924</c:v>
                </c:pt>
                <c:pt idx="2399">
                  <c:v>38925</c:v>
                </c:pt>
                <c:pt idx="2400">
                  <c:v>38926</c:v>
                </c:pt>
                <c:pt idx="2401">
                  <c:v>38927</c:v>
                </c:pt>
                <c:pt idx="2402">
                  <c:v>38928</c:v>
                </c:pt>
                <c:pt idx="2403">
                  <c:v>38929</c:v>
                </c:pt>
                <c:pt idx="2404">
                  <c:v>38930</c:v>
                </c:pt>
                <c:pt idx="2405">
                  <c:v>38931</c:v>
                </c:pt>
                <c:pt idx="2406">
                  <c:v>38932</c:v>
                </c:pt>
                <c:pt idx="2407">
                  <c:v>38933</c:v>
                </c:pt>
                <c:pt idx="2408">
                  <c:v>38934</c:v>
                </c:pt>
                <c:pt idx="2409">
                  <c:v>38935</c:v>
                </c:pt>
                <c:pt idx="2410">
                  <c:v>38936</c:v>
                </c:pt>
                <c:pt idx="2411">
                  <c:v>38937</c:v>
                </c:pt>
                <c:pt idx="2412">
                  <c:v>38938</c:v>
                </c:pt>
                <c:pt idx="2413">
                  <c:v>38939</c:v>
                </c:pt>
                <c:pt idx="2414">
                  <c:v>38940</c:v>
                </c:pt>
                <c:pt idx="2415">
                  <c:v>38941</c:v>
                </c:pt>
                <c:pt idx="2416">
                  <c:v>38942</c:v>
                </c:pt>
                <c:pt idx="2417">
                  <c:v>38943</c:v>
                </c:pt>
                <c:pt idx="2418">
                  <c:v>38944</c:v>
                </c:pt>
                <c:pt idx="2419">
                  <c:v>38945</c:v>
                </c:pt>
                <c:pt idx="2420">
                  <c:v>38946</c:v>
                </c:pt>
                <c:pt idx="2421">
                  <c:v>38947</c:v>
                </c:pt>
                <c:pt idx="2422">
                  <c:v>38948</c:v>
                </c:pt>
                <c:pt idx="2423">
                  <c:v>38949</c:v>
                </c:pt>
                <c:pt idx="2424">
                  <c:v>38950</c:v>
                </c:pt>
                <c:pt idx="2425">
                  <c:v>38951</c:v>
                </c:pt>
                <c:pt idx="2426">
                  <c:v>38952</c:v>
                </c:pt>
                <c:pt idx="2427">
                  <c:v>38953</c:v>
                </c:pt>
                <c:pt idx="2428">
                  <c:v>38954</c:v>
                </c:pt>
                <c:pt idx="2429">
                  <c:v>38955</c:v>
                </c:pt>
                <c:pt idx="2430">
                  <c:v>38956</c:v>
                </c:pt>
                <c:pt idx="2431">
                  <c:v>38957</c:v>
                </c:pt>
                <c:pt idx="2432">
                  <c:v>38958</c:v>
                </c:pt>
                <c:pt idx="2433">
                  <c:v>38959</c:v>
                </c:pt>
                <c:pt idx="2434">
                  <c:v>38960</c:v>
                </c:pt>
                <c:pt idx="2435">
                  <c:v>38961</c:v>
                </c:pt>
                <c:pt idx="2436">
                  <c:v>38962</c:v>
                </c:pt>
                <c:pt idx="2437">
                  <c:v>38963</c:v>
                </c:pt>
                <c:pt idx="2438">
                  <c:v>38964</c:v>
                </c:pt>
                <c:pt idx="2439">
                  <c:v>38965</c:v>
                </c:pt>
                <c:pt idx="2440">
                  <c:v>38966</c:v>
                </c:pt>
                <c:pt idx="2441">
                  <c:v>38967</c:v>
                </c:pt>
                <c:pt idx="2442">
                  <c:v>38968</c:v>
                </c:pt>
                <c:pt idx="2443">
                  <c:v>38969</c:v>
                </c:pt>
                <c:pt idx="2444">
                  <c:v>38970</c:v>
                </c:pt>
                <c:pt idx="2445">
                  <c:v>38971</c:v>
                </c:pt>
                <c:pt idx="2446">
                  <c:v>38972</c:v>
                </c:pt>
                <c:pt idx="2447">
                  <c:v>38973</c:v>
                </c:pt>
                <c:pt idx="2448">
                  <c:v>38974</c:v>
                </c:pt>
                <c:pt idx="2449">
                  <c:v>38975</c:v>
                </c:pt>
                <c:pt idx="2450">
                  <c:v>38976</c:v>
                </c:pt>
                <c:pt idx="2451">
                  <c:v>38977</c:v>
                </c:pt>
                <c:pt idx="2452">
                  <c:v>38978</c:v>
                </c:pt>
                <c:pt idx="2453">
                  <c:v>38979</c:v>
                </c:pt>
                <c:pt idx="2454">
                  <c:v>38980</c:v>
                </c:pt>
                <c:pt idx="2455">
                  <c:v>38981</c:v>
                </c:pt>
                <c:pt idx="2456">
                  <c:v>38982</c:v>
                </c:pt>
                <c:pt idx="2457">
                  <c:v>38983</c:v>
                </c:pt>
                <c:pt idx="2458">
                  <c:v>38984</c:v>
                </c:pt>
                <c:pt idx="2459">
                  <c:v>38985</c:v>
                </c:pt>
                <c:pt idx="2460">
                  <c:v>38986</c:v>
                </c:pt>
                <c:pt idx="2461">
                  <c:v>38987</c:v>
                </c:pt>
                <c:pt idx="2462">
                  <c:v>38988</c:v>
                </c:pt>
                <c:pt idx="2463">
                  <c:v>38989</c:v>
                </c:pt>
                <c:pt idx="2464">
                  <c:v>38990</c:v>
                </c:pt>
                <c:pt idx="2465">
                  <c:v>38991</c:v>
                </c:pt>
                <c:pt idx="2466">
                  <c:v>38992</c:v>
                </c:pt>
                <c:pt idx="2467">
                  <c:v>38993</c:v>
                </c:pt>
                <c:pt idx="2468">
                  <c:v>38994</c:v>
                </c:pt>
                <c:pt idx="2469">
                  <c:v>38995</c:v>
                </c:pt>
                <c:pt idx="2470">
                  <c:v>38996</c:v>
                </c:pt>
                <c:pt idx="2471">
                  <c:v>38997</c:v>
                </c:pt>
                <c:pt idx="2472">
                  <c:v>38998</c:v>
                </c:pt>
                <c:pt idx="2473">
                  <c:v>38999</c:v>
                </c:pt>
                <c:pt idx="2474">
                  <c:v>39000</c:v>
                </c:pt>
                <c:pt idx="2475">
                  <c:v>39001</c:v>
                </c:pt>
                <c:pt idx="2476">
                  <c:v>39002</c:v>
                </c:pt>
                <c:pt idx="2477">
                  <c:v>39003</c:v>
                </c:pt>
                <c:pt idx="2478">
                  <c:v>39004</c:v>
                </c:pt>
                <c:pt idx="2479">
                  <c:v>39005</c:v>
                </c:pt>
                <c:pt idx="2480">
                  <c:v>39006</c:v>
                </c:pt>
                <c:pt idx="2481">
                  <c:v>39007</c:v>
                </c:pt>
                <c:pt idx="2482">
                  <c:v>39008</c:v>
                </c:pt>
                <c:pt idx="2483">
                  <c:v>39009</c:v>
                </c:pt>
                <c:pt idx="2484">
                  <c:v>39010</c:v>
                </c:pt>
                <c:pt idx="2485">
                  <c:v>39011</c:v>
                </c:pt>
                <c:pt idx="2486">
                  <c:v>39012</c:v>
                </c:pt>
                <c:pt idx="2487">
                  <c:v>39013</c:v>
                </c:pt>
                <c:pt idx="2488">
                  <c:v>39014</c:v>
                </c:pt>
                <c:pt idx="2489">
                  <c:v>39015</c:v>
                </c:pt>
                <c:pt idx="2490">
                  <c:v>39016</c:v>
                </c:pt>
                <c:pt idx="2491">
                  <c:v>39017</c:v>
                </c:pt>
                <c:pt idx="2492">
                  <c:v>39018</c:v>
                </c:pt>
                <c:pt idx="2493">
                  <c:v>39019</c:v>
                </c:pt>
                <c:pt idx="2494">
                  <c:v>39020</c:v>
                </c:pt>
                <c:pt idx="2495">
                  <c:v>39021</c:v>
                </c:pt>
                <c:pt idx="2496">
                  <c:v>39022</c:v>
                </c:pt>
                <c:pt idx="2497">
                  <c:v>39023</c:v>
                </c:pt>
                <c:pt idx="2498">
                  <c:v>39024</c:v>
                </c:pt>
                <c:pt idx="2499">
                  <c:v>39025</c:v>
                </c:pt>
                <c:pt idx="2500">
                  <c:v>39026</c:v>
                </c:pt>
                <c:pt idx="2501">
                  <c:v>39027</c:v>
                </c:pt>
                <c:pt idx="2502">
                  <c:v>39028</c:v>
                </c:pt>
                <c:pt idx="2503">
                  <c:v>39029</c:v>
                </c:pt>
                <c:pt idx="2504">
                  <c:v>39030</c:v>
                </c:pt>
                <c:pt idx="2505">
                  <c:v>39031</c:v>
                </c:pt>
                <c:pt idx="2506">
                  <c:v>39032</c:v>
                </c:pt>
                <c:pt idx="2507">
                  <c:v>39033</c:v>
                </c:pt>
                <c:pt idx="2508">
                  <c:v>39034</c:v>
                </c:pt>
                <c:pt idx="2509">
                  <c:v>39035</c:v>
                </c:pt>
                <c:pt idx="2510">
                  <c:v>39036</c:v>
                </c:pt>
                <c:pt idx="2511">
                  <c:v>39037</c:v>
                </c:pt>
                <c:pt idx="2512">
                  <c:v>39038</c:v>
                </c:pt>
                <c:pt idx="2513">
                  <c:v>39039</c:v>
                </c:pt>
                <c:pt idx="2514">
                  <c:v>39040</c:v>
                </c:pt>
                <c:pt idx="2515">
                  <c:v>39041</c:v>
                </c:pt>
                <c:pt idx="2516">
                  <c:v>39042</c:v>
                </c:pt>
                <c:pt idx="2517">
                  <c:v>39043</c:v>
                </c:pt>
                <c:pt idx="2518">
                  <c:v>39044</c:v>
                </c:pt>
                <c:pt idx="2519">
                  <c:v>39045</c:v>
                </c:pt>
                <c:pt idx="2520">
                  <c:v>39046</c:v>
                </c:pt>
                <c:pt idx="2521">
                  <c:v>39047</c:v>
                </c:pt>
                <c:pt idx="2522">
                  <c:v>39048</c:v>
                </c:pt>
                <c:pt idx="2523">
                  <c:v>39049</c:v>
                </c:pt>
                <c:pt idx="2524">
                  <c:v>39050</c:v>
                </c:pt>
                <c:pt idx="2525">
                  <c:v>39051</c:v>
                </c:pt>
                <c:pt idx="2526">
                  <c:v>39052</c:v>
                </c:pt>
                <c:pt idx="2527">
                  <c:v>39053</c:v>
                </c:pt>
                <c:pt idx="2528">
                  <c:v>39054</c:v>
                </c:pt>
                <c:pt idx="2529">
                  <c:v>39055</c:v>
                </c:pt>
                <c:pt idx="2530">
                  <c:v>39056</c:v>
                </c:pt>
                <c:pt idx="2531">
                  <c:v>39057</c:v>
                </c:pt>
                <c:pt idx="2532">
                  <c:v>39058</c:v>
                </c:pt>
                <c:pt idx="2533">
                  <c:v>39059</c:v>
                </c:pt>
                <c:pt idx="2534">
                  <c:v>39060</c:v>
                </c:pt>
                <c:pt idx="2535">
                  <c:v>39061</c:v>
                </c:pt>
                <c:pt idx="2536">
                  <c:v>39062</c:v>
                </c:pt>
                <c:pt idx="2537">
                  <c:v>39063</c:v>
                </c:pt>
                <c:pt idx="2538">
                  <c:v>39064</c:v>
                </c:pt>
                <c:pt idx="2539">
                  <c:v>39065</c:v>
                </c:pt>
                <c:pt idx="2540">
                  <c:v>39066</c:v>
                </c:pt>
                <c:pt idx="2541">
                  <c:v>39067</c:v>
                </c:pt>
                <c:pt idx="2542">
                  <c:v>39068</c:v>
                </c:pt>
                <c:pt idx="2543">
                  <c:v>39069</c:v>
                </c:pt>
                <c:pt idx="2544">
                  <c:v>39070</c:v>
                </c:pt>
                <c:pt idx="2545">
                  <c:v>39071</c:v>
                </c:pt>
                <c:pt idx="2546">
                  <c:v>39072</c:v>
                </c:pt>
                <c:pt idx="2547">
                  <c:v>39073</c:v>
                </c:pt>
                <c:pt idx="2548">
                  <c:v>39074</c:v>
                </c:pt>
                <c:pt idx="2549">
                  <c:v>39075</c:v>
                </c:pt>
                <c:pt idx="2550">
                  <c:v>39076</c:v>
                </c:pt>
                <c:pt idx="2551">
                  <c:v>39077</c:v>
                </c:pt>
                <c:pt idx="2552">
                  <c:v>39078</c:v>
                </c:pt>
                <c:pt idx="2553">
                  <c:v>39079</c:v>
                </c:pt>
                <c:pt idx="2554">
                  <c:v>39080</c:v>
                </c:pt>
                <c:pt idx="2555">
                  <c:v>39081</c:v>
                </c:pt>
                <c:pt idx="2556">
                  <c:v>39082</c:v>
                </c:pt>
                <c:pt idx="2557">
                  <c:v>39083</c:v>
                </c:pt>
                <c:pt idx="2558">
                  <c:v>39084</c:v>
                </c:pt>
                <c:pt idx="2559">
                  <c:v>39085</c:v>
                </c:pt>
                <c:pt idx="2560">
                  <c:v>39086</c:v>
                </c:pt>
                <c:pt idx="2561">
                  <c:v>39087</c:v>
                </c:pt>
                <c:pt idx="2562">
                  <c:v>39088</c:v>
                </c:pt>
                <c:pt idx="2563">
                  <c:v>39089</c:v>
                </c:pt>
                <c:pt idx="2564">
                  <c:v>39090</c:v>
                </c:pt>
                <c:pt idx="2565">
                  <c:v>39091</c:v>
                </c:pt>
                <c:pt idx="2566">
                  <c:v>39092</c:v>
                </c:pt>
                <c:pt idx="2567">
                  <c:v>39093</c:v>
                </c:pt>
                <c:pt idx="2568">
                  <c:v>39094</c:v>
                </c:pt>
                <c:pt idx="2569">
                  <c:v>39095</c:v>
                </c:pt>
                <c:pt idx="2570">
                  <c:v>39096</c:v>
                </c:pt>
                <c:pt idx="2571">
                  <c:v>39097</c:v>
                </c:pt>
                <c:pt idx="2572">
                  <c:v>39098</c:v>
                </c:pt>
                <c:pt idx="2573">
                  <c:v>39099</c:v>
                </c:pt>
                <c:pt idx="2574">
                  <c:v>39100</c:v>
                </c:pt>
                <c:pt idx="2575">
                  <c:v>39101</c:v>
                </c:pt>
                <c:pt idx="2576">
                  <c:v>39102</c:v>
                </c:pt>
                <c:pt idx="2577">
                  <c:v>39103</c:v>
                </c:pt>
                <c:pt idx="2578">
                  <c:v>39104</c:v>
                </c:pt>
                <c:pt idx="2579">
                  <c:v>39105</c:v>
                </c:pt>
                <c:pt idx="2580">
                  <c:v>39106</c:v>
                </c:pt>
                <c:pt idx="2581">
                  <c:v>39107</c:v>
                </c:pt>
                <c:pt idx="2582">
                  <c:v>39108</c:v>
                </c:pt>
                <c:pt idx="2583">
                  <c:v>39109</c:v>
                </c:pt>
                <c:pt idx="2584">
                  <c:v>39110</c:v>
                </c:pt>
                <c:pt idx="2585">
                  <c:v>39111</c:v>
                </c:pt>
                <c:pt idx="2586">
                  <c:v>39112</c:v>
                </c:pt>
                <c:pt idx="2587">
                  <c:v>39113</c:v>
                </c:pt>
                <c:pt idx="2588">
                  <c:v>39114</c:v>
                </c:pt>
                <c:pt idx="2589">
                  <c:v>39115</c:v>
                </c:pt>
                <c:pt idx="2590">
                  <c:v>39116</c:v>
                </c:pt>
                <c:pt idx="2591">
                  <c:v>39117</c:v>
                </c:pt>
                <c:pt idx="2592">
                  <c:v>39118</c:v>
                </c:pt>
                <c:pt idx="2593">
                  <c:v>39119</c:v>
                </c:pt>
                <c:pt idx="2594">
                  <c:v>39120</c:v>
                </c:pt>
                <c:pt idx="2595">
                  <c:v>39121</c:v>
                </c:pt>
                <c:pt idx="2596">
                  <c:v>39122</c:v>
                </c:pt>
                <c:pt idx="2597">
                  <c:v>39123</c:v>
                </c:pt>
                <c:pt idx="2598">
                  <c:v>39124</c:v>
                </c:pt>
                <c:pt idx="2599">
                  <c:v>39125</c:v>
                </c:pt>
                <c:pt idx="2600">
                  <c:v>39126</c:v>
                </c:pt>
                <c:pt idx="2601">
                  <c:v>39127</c:v>
                </c:pt>
                <c:pt idx="2602">
                  <c:v>39128</c:v>
                </c:pt>
                <c:pt idx="2603">
                  <c:v>39129</c:v>
                </c:pt>
                <c:pt idx="2604">
                  <c:v>39130</c:v>
                </c:pt>
                <c:pt idx="2605">
                  <c:v>39131</c:v>
                </c:pt>
                <c:pt idx="2606">
                  <c:v>39132</c:v>
                </c:pt>
                <c:pt idx="2607">
                  <c:v>39133</c:v>
                </c:pt>
                <c:pt idx="2608">
                  <c:v>39134</c:v>
                </c:pt>
                <c:pt idx="2609">
                  <c:v>39135</c:v>
                </c:pt>
                <c:pt idx="2610">
                  <c:v>39136</c:v>
                </c:pt>
                <c:pt idx="2611">
                  <c:v>39137</c:v>
                </c:pt>
                <c:pt idx="2612">
                  <c:v>39138</c:v>
                </c:pt>
                <c:pt idx="2613">
                  <c:v>39139</c:v>
                </c:pt>
                <c:pt idx="2614">
                  <c:v>39140</c:v>
                </c:pt>
                <c:pt idx="2615">
                  <c:v>39141</c:v>
                </c:pt>
                <c:pt idx="2616">
                  <c:v>39142</c:v>
                </c:pt>
                <c:pt idx="2617">
                  <c:v>39143</c:v>
                </c:pt>
                <c:pt idx="2618">
                  <c:v>39144</c:v>
                </c:pt>
                <c:pt idx="2619">
                  <c:v>39145</c:v>
                </c:pt>
                <c:pt idx="2620">
                  <c:v>39146</c:v>
                </c:pt>
                <c:pt idx="2621">
                  <c:v>39147</c:v>
                </c:pt>
                <c:pt idx="2622">
                  <c:v>39148</c:v>
                </c:pt>
                <c:pt idx="2623">
                  <c:v>39149</c:v>
                </c:pt>
                <c:pt idx="2624">
                  <c:v>39150</c:v>
                </c:pt>
                <c:pt idx="2625">
                  <c:v>39151</c:v>
                </c:pt>
                <c:pt idx="2626">
                  <c:v>39152</c:v>
                </c:pt>
                <c:pt idx="2627">
                  <c:v>39153</c:v>
                </c:pt>
                <c:pt idx="2628">
                  <c:v>39154</c:v>
                </c:pt>
                <c:pt idx="2629">
                  <c:v>39155</c:v>
                </c:pt>
                <c:pt idx="2630">
                  <c:v>39156</c:v>
                </c:pt>
                <c:pt idx="2631">
                  <c:v>39157</c:v>
                </c:pt>
                <c:pt idx="2632">
                  <c:v>39158</c:v>
                </c:pt>
                <c:pt idx="2633">
                  <c:v>39159</c:v>
                </c:pt>
                <c:pt idx="2634">
                  <c:v>39160</c:v>
                </c:pt>
                <c:pt idx="2635">
                  <c:v>39161</c:v>
                </c:pt>
                <c:pt idx="2636">
                  <c:v>39162</c:v>
                </c:pt>
                <c:pt idx="2637">
                  <c:v>39163</c:v>
                </c:pt>
                <c:pt idx="2638">
                  <c:v>39164</c:v>
                </c:pt>
                <c:pt idx="2639">
                  <c:v>39165</c:v>
                </c:pt>
                <c:pt idx="2640">
                  <c:v>39166</c:v>
                </c:pt>
                <c:pt idx="2641">
                  <c:v>39167</c:v>
                </c:pt>
                <c:pt idx="2642">
                  <c:v>39168</c:v>
                </c:pt>
                <c:pt idx="2643">
                  <c:v>39169</c:v>
                </c:pt>
                <c:pt idx="2644">
                  <c:v>39170</c:v>
                </c:pt>
                <c:pt idx="2645">
                  <c:v>39171</c:v>
                </c:pt>
                <c:pt idx="2646">
                  <c:v>39172</c:v>
                </c:pt>
                <c:pt idx="2647">
                  <c:v>39173</c:v>
                </c:pt>
                <c:pt idx="2648">
                  <c:v>39174</c:v>
                </c:pt>
                <c:pt idx="2649">
                  <c:v>39175</c:v>
                </c:pt>
                <c:pt idx="2650">
                  <c:v>39176</c:v>
                </c:pt>
                <c:pt idx="2651">
                  <c:v>39177</c:v>
                </c:pt>
                <c:pt idx="2652">
                  <c:v>39178</c:v>
                </c:pt>
                <c:pt idx="2653">
                  <c:v>39179</c:v>
                </c:pt>
                <c:pt idx="2654">
                  <c:v>39180</c:v>
                </c:pt>
                <c:pt idx="2655">
                  <c:v>39181</c:v>
                </c:pt>
                <c:pt idx="2656">
                  <c:v>39182</c:v>
                </c:pt>
                <c:pt idx="2657">
                  <c:v>39183</c:v>
                </c:pt>
                <c:pt idx="2658">
                  <c:v>39184</c:v>
                </c:pt>
                <c:pt idx="2659">
                  <c:v>39185</c:v>
                </c:pt>
                <c:pt idx="2660">
                  <c:v>39186</c:v>
                </c:pt>
                <c:pt idx="2661">
                  <c:v>39187</c:v>
                </c:pt>
                <c:pt idx="2662">
                  <c:v>39188</c:v>
                </c:pt>
                <c:pt idx="2663">
                  <c:v>39189</c:v>
                </c:pt>
                <c:pt idx="2664">
                  <c:v>39190</c:v>
                </c:pt>
                <c:pt idx="2665">
                  <c:v>39191</c:v>
                </c:pt>
                <c:pt idx="2666">
                  <c:v>39192</c:v>
                </c:pt>
                <c:pt idx="2667">
                  <c:v>39193</c:v>
                </c:pt>
                <c:pt idx="2668">
                  <c:v>39194</c:v>
                </c:pt>
                <c:pt idx="2669">
                  <c:v>39195</c:v>
                </c:pt>
                <c:pt idx="2670">
                  <c:v>39196</c:v>
                </c:pt>
                <c:pt idx="2671">
                  <c:v>39197</c:v>
                </c:pt>
                <c:pt idx="2672">
                  <c:v>39198</c:v>
                </c:pt>
                <c:pt idx="2673">
                  <c:v>39199</c:v>
                </c:pt>
                <c:pt idx="2674">
                  <c:v>39200</c:v>
                </c:pt>
                <c:pt idx="2675">
                  <c:v>39201</c:v>
                </c:pt>
                <c:pt idx="2676">
                  <c:v>39202</c:v>
                </c:pt>
                <c:pt idx="2677">
                  <c:v>39203</c:v>
                </c:pt>
                <c:pt idx="2678">
                  <c:v>39204</c:v>
                </c:pt>
                <c:pt idx="2679">
                  <c:v>39205</c:v>
                </c:pt>
                <c:pt idx="2680">
                  <c:v>39206</c:v>
                </c:pt>
                <c:pt idx="2681">
                  <c:v>39207</c:v>
                </c:pt>
                <c:pt idx="2682">
                  <c:v>39208</c:v>
                </c:pt>
                <c:pt idx="2683">
                  <c:v>39209</c:v>
                </c:pt>
                <c:pt idx="2684">
                  <c:v>39210</c:v>
                </c:pt>
                <c:pt idx="2685">
                  <c:v>39211</c:v>
                </c:pt>
                <c:pt idx="2686">
                  <c:v>39212</c:v>
                </c:pt>
                <c:pt idx="2687">
                  <c:v>39213</c:v>
                </c:pt>
                <c:pt idx="2688">
                  <c:v>39214</c:v>
                </c:pt>
                <c:pt idx="2689">
                  <c:v>39215</c:v>
                </c:pt>
                <c:pt idx="2690">
                  <c:v>39216</c:v>
                </c:pt>
                <c:pt idx="2691">
                  <c:v>39217</c:v>
                </c:pt>
                <c:pt idx="2692">
                  <c:v>39218</c:v>
                </c:pt>
                <c:pt idx="2693">
                  <c:v>39219</c:v>
                </c:pt>
                <c:pt idx="2694">
                  <c:v>39220</c:v>
                </c:pt>
                <c:pt idx="2695">
                  <c:v>39221</c:v>
                </c:pt>
                <c:pt idx="2696">
                  <c:v>39222</c:v>
                </c:pt>
                <c:pt idx="2697">
                  <c:v>39223</c:v>
                </c:pt>
                <c:pt idx="2698">
                  <c:v>39224</c:v>
                </c:pt>
                <c:pt idx="2699">
                  <c:v>39225</c:v>
                </c:pt>
                <c:pt idx="2700">
                  <c:v>39226</c:v>
                </c:pt>
                <c:pt idx="2701">
                  <c:v>39227</c:v>
                </c:pt>
                <c:pt idx="2702">
                  <c:v>39228</c:v>
                </c:pt>
                <c:pt idx="2703">
                  <c:v>39229</c:v>
                </c:pt>
                <c:pt idx="2704">
                  <c:v>39230</c:v>
                </c:pt>
                <c:pt idx="2705">
                  <c:v>39231</c:v>
                </c:pt>
                <c:pt idx="2706">
                  <c:v>39232</c:v>
                </c:pt>
                <c:pt idx="2707">
                  <c:v>39233</c:v>
                </c:pt>
                <c:pt idx="2708">
                  <c:v>39234</c:v>
                </c:pt>
                <c:pt idx="2709">
                  <c:v>39235</c:v>
                </c:pt>
                <c:pt idx="2710">
                  <c:v>39236</c:v>
                </c:pt>
                <c:pt idx="2711">
                  <c:v>39237</c:v>
                </c:pt>
                <c:pt idx="2712">
                  <c:v>39238</c:v>
                </c:pt>
                <c:pt idx="2713">
                  <c:v>39239</c:v>
                </c:pt>
                <c:pt idx="2714">
                  <c:v>39240</c:v>
                </c:pt>
                <c:pt idx="2715">
                  <c:v>39241</c:v>
                </c:pt>
                <c:pt idx="2716">
                  <c:v>39242</c:v>
                </c:pt>
                <c:pt idx="2717">
                  <c:v>39243</c:v>
                </c:pt>
                <c:pt idx="2718">
                  <c:v>39244</c:v>
                </c:pt>
                <c:pt idx="2719">
                  <c:v>39245</c:v>
                </c:pt>
                <c:pt idx="2720">
                  <c:v>39246</c:v>
                </c:pt>
                <c:pt idx="2721">
                  <c:v>39247</c:v>
                </c:pt>
                <c:pt idx="2722">
                  <c:v>39248</c:v>
                </c:pt>
                <c:pt idx="2723">
                  <c:v>39249</c:v>
                </c:pt>
                <c:pt idx="2724">
                  <c:v>39250</c:v>
                </c:pt>
                <c:pt idx="2725">
                  <c:v>39251</c:v>
                </c:pt>
                <c:pt idx="2726">
                  <c:v>39252</c:v>
                </c:pt>
                <c:pt idx="2727">
                  <c:v>39253</c:v>
                </c:pt>
                <c:pt idx="2728">
                  <c:v>39254</c:v>
                </c:pt>
                <c:pt idx="2729">
                  <c:v>39255</c:v>
                </c:pt>
                <c:pt idx="2730">
                  <c:v>39256</c:v>
                </c:pt>
                <c:pt idx="2731">
                  <c:v>39257</c:v>
                </c:pt>
                <c:pt idx="2732">
                  <c:v>39258</c:v>
                </c:pt>
                <c:pt idx="2733">
                  <c:v>39259</c:v>
                </c:pt>
                <c:pt idx="2734">
                  <c:v>39260</c:v>
                </c:pt>
                <c:pt idx="2735">
                  <c:v>39261</c:v>
                </c:pt>
                <c:pt idx="2736">
                  <c:v>39262</c:v>
                </c:pt>
                <c:pt idx="2737">
                  <c:v>39263</c:v>
                </c:pt>
                <c:pt idx="2738">
                  <c:v>39264</c:v>
                </c:pt>
                <c:pt idx="2739">
                  <c:v>39265</c:v>
                </c:pt>
                <c:pt idx="2740">
                  <c:v>39266</c:v>
                </c:pt>
                <c:pt idx="2741">
                  <c:v>39267</c:v>
                </c:pt>
                <c:pt idx="2742">
                  <c:v>39268</c:v>
                </c:pt>
                <c:pt idx="2743">
                  <c:v>39269</c:v>
                </c:pt>
                <c:pt idx="2744">
                  <c:v>39270</c:v>
                </c:pt>
                <c:pt idx="2745">
                  <c:v>39271</c:v>
                </c:pt>
                <c:pt idx="2746">
                  <c:v>39272</c:v>
                </c:pt>
                <c:pt idx="2747">
                  <c:v>39273</c:v>
                </c:pt>
                <c:pt idx="2748">
                  <c:v>39274</c:v>
                </c:pt>
                <c:pt idx="2749">
                  <c:v>39275</c:v>
                </c:pt>
                <c:pt idx="2750">
                  <c:v>39276</c:v>
                </c:pt>
                <c:pt idx="2751">
                  <c:v>39277</c:v>
                </c:pt>
                <c:pt idx="2752">
                  <c:v>39278</c:v>
                </c:pt>
                <c:pt idx="2753">
                  <c:v>39279</c:v>
                </c:pt>
                <c:pt idx="2754">
                  <c:v>39280</c:v>
                </c:pt>
                <c:pt idx="2755">
                  <c:v>39281</c:v>
                </c:pt>
                <c:pt idx="2756">
                  <c:v>39282</c:v>
                </c:pt>
                <c:pt idx="2757">
                  <c:v>39283</c:v>
                </c:pt>
                <c:pt idx="2758">
                  <c:v>39284</c:v>
                </c:pt>
                <c:pt idx="2759">
                  <c:v>39285</c:v>
                </c:pt>
                <c:pt idx="2760">
                  <c:v>39286</c:v>
                </c:pt>
                <c:pt idx="2761">
                  <c:v>39287</c:v>
                </c:pt>
                <c:pt idx="2762">
                  <c:v>39288</c:v>
                </c:pt>
                <c:pt idx="2763">
                  <c:v>39289</c:v>
                </c:pt>
                <c:pt idx="2764">
                  <c:v>39290</c:v>
                </c:pt>
                <c:pt idx="2765">
                  <c:v>39291</c:v>
                </c:pt>
                <c:pt idx="2766">
                  <c:v>39292</c:v>
                </c:pt>
                <c:pt idx="2767">
                  <c:v>39293</c:v>
                </c:pt>
                <c:pt idx="2768">
                  <c:v>39294</c:v>
                </c:pt>
                <c:pt idx="2769">
                  <c:v>39295</c:v>
                </c:pt>
                <c:pt idx="2770">
                  <c:v>39296</c:v>
                </c:pt>
                <c:pt idx="2771">
                  <c:v>39297</c:v>
                </c:pt>
                <c:pt idx="2772">
                  <c:v>39298</c:v>
                </c:pt>
                <c:pt idx="2773">
                  <c:v>39299</c:v>
                </c:pt>
                <c:pt idx="2774">
                  <c:v>39300</c:v>
                </c:pt>
                <c:pt idx="2775">
                  <c:v>39301</c:v>
                </c:pt>
                <c:pt idx="2776">
                  <c:v>39302</c:v>
                </c:pt>
                <c:pt idx="2777">
                  <c:v>39303</c:v>
                </c:pt>
                <c:pt idx="2778">
                  <c:v>39304</c:v>
                </c:pt>
                <c:pt idx="2779">
                  <c:v>39305</c:v>
                </c:pt>
                <c:pt idx="2780">
                  <c:v>39306</c:v>
                </c:pt>
                <c:pt idx="2781">
                  <c:v>39307</c:v>
                </c:pt>
                <c:pt idx="2782">
                  <c:v>39308</c:v>
                </c:pt>
                <c:pt idx="2783">
                  <c:v>39309</c:v>
                </c:pt>
                <c:pt idx="2784">
                  <c:v>39310</c:v>
                </c:pt>
                <c:pt idx="2785">
                  <c:v>39311</c:v>
                </c:pt>
                <c:pt idx="2786">
                  <c:v>39312</c:v>
                </c:pt>
                <c:pt idx="2787">
                  <c:v>39313</c:v>
                </c:pt>
                <c:pt idx="2788">
                  <c:v>39314</c:v>
                </c:pt>
                <c:pt idx="2789">
                  <c:v>39315</c:v>
                </c:pt>
                <c:pt idx="2790">
                  <c:v>39316</c:v>
                </c:pt>
                <c:pt idx="2791">
                  <c:v>39317</c:v>
                </c:pt>
                <c:pt idx="2792">
                  <c:v>39318</c:v>
                </c:pt>
                <c:pt idx="2793">
                  <c:v>39319</c:v>
                </c:pt>
                <c:pt idx="2794">
                  <c:v>39320</c:v>
                </c:pt>
                <c:pt idx="2795">
                  <c:v>39321</c:v>
                </c:pt>
                <c:pt idx="2796">
                  <c:v>39322</c:v>
                </c:pt>
                <c:pt idx="2797">
                  <c:v>39323</c:v>
                </c:pt>
                <c:pt idx="2798">
                  <c:v>39324</c:v>
                </c:pt>
                <c:pt idx="2799">
                  <c:v>39325</c:v>
                </c:pt>
                <c:pt idx="2800">
                  <c:v>39326</c:v>
                </c:pt>
                <c:pt idx="2801">
                  <c:v>39327</c:v>
                </c:pt>
                <c:pt idx="2802">
                  <c:v>39328</c:v>
                </c:pt>
                <c:pt idx="2803">
                  <c:v>39329</c:v>
                </c:pt>
                <c:pt idx="2804">
                  <c:v>39330</c:v>
                </c:pt>
                <c:pt idx="2805">
                  <c:v>39331</c:v>
                </c:pt>
                <c:pt idx="2806">
                  <c:v>39332</c:v>
                </c:pt>
                <c:pt idx="2807">
                  <c:v>39333</c:v>
                </c:pt>
                <c:pt idx="2808">
                  <c:v>39334</c:v>
                </c:pt>
                <c:pt idx="2809">
                  <c:v>39335</c:v>
                </c:pt>
                <c:pt idx="2810">
                  <c:v>39336</c:v>
                </c:pt>
                <c:pt idx="2811">
                  <c:v>39337</c:v>
                </c:pt>
                <c:pt idx="2812">
                  <c:v>39338</c:v>
                </c:pt>
                <c:pt idx="2813">
                  <c:v>39339</c:v>
                </c:pt>
                <c:pt idx="2814">
                  <c:v>39340</c:v>
                </c:pt>
                <c:pt idx="2815">
                  <c:v>39341</c:v>
                </c:pt>
                <c:pt idx="2816">
                  <c:v>39342</c:v>
                </c:pt>
                <c:pt idx="2817">
                  <c:v>39343</c:v>
                </c:pt>
                <c:pt idx="2818">
                  <c:v>39344</c:v>
                </c:pt>
                <c:pt idx="2819">
                  <c:v>39345</c:v>
                </c:pt>
                <c:pt idx="2820">
                  <c:v>39346</c:v>
                </c:pt>
                <c:pt idx="2821">
                  <c:v>39347</c:v>
                </c:pt>
                <c:pt idx="2822">
                  <c:v>39348</c:v>
                </c:pt>
                <c:pt idx="2823">
                  <c:v>39349</c:v>
                </c:pt>
                <c:pt idx="2824">
                  <c:v>39350</c:v>
                </c:pt>
                <c:pt idx="2825">
                  <c:v>39351</c:v>
                </c:pt>
                <c:pt idx="2826">
                  <c:v>39352</c:v>
                </c:pt>
                <c:pt idx="2827">
                  <c:v>39353</c:v>
                </c:pt>
                <c:pt idx="2828">
                  <c:v>39354</c:v>
                </c:pt>
                <c:pt idx="2829">
                  <c:v>39355</c:v>
                </c:pt>
                <c:pt idx="2830">
                  <c:v>39356</c:v>
                </c:pt>
                <c:pt idx="2831">
                  <c:v>39357</c:v>
                </c:pt>
                <c:pt idx="2832">
                  <c:v>39358</c:v>
                </c:pt>
                <c:pt idx="2833">
                  <c:v>39359</c:v>
                </c:pt>
                <c:pt idx="2834">
                  <c:v>39360</c:v>
                </c:pt>
                <c:pt idx="2835">
                  <c:v>39361</c:v>
                </c:pt>
                <c:pt idx="2836">
                  <c:v>39362</c:v>
                </c:pt>
                <c:pt idx="2837">
                  <c:v>39363</c:v>
                </c:pt>
                <c:pt idx="2838">
                  <c:v>39364</c:v>
                </c:pt>
                <c:pt idx="2839">
                  <c:v>39365</c:v>
                </c:pt>
                <c:pt idx="2840">
                  <c:v>39366</c:v>
                </c:pt>
                <c:pt idx="2841">
                  <c:v>39367</c:v>
                </c:pt>
                <c:pt idx="2842">
                  <c:v>39368</c:v>
                </c:pt>
                <c:pt idx="2843">
                  <c:v>39369</c:v>
                </c:pt>
                <c:pt idx="2844">
                  <c:v>39370</c:v>
                </c:pt>
                <c:pt idx="2845">
                  <c:v>39371</c:v>
                </c:pt>
                <c:pt idx="2846">
                  <c:v>39372</c:v>
                </c:pt>
                <c:pt idx="2847">
                  <c:v>39373</c:v>
                </c:pt>
                <c:pt idx="2848">
                  <c:v>39374</c:v>
                </c:pt>
                <c:pt idx="2849">
                  <c:v>39375</c:v>
                </c:pt>
                <c:pt idx="2850">
                  <c:v>39376</c:v>
                </c:pt>
                <c:pt idx="2851">
                  <c:v>39377</c:v>
                </c:pt>
                <c:pt idx="2852">
                  <c:v>39378</c:v>
                </c:pt>
                <c:pt idx="2853">
                  <c:v>39379</c:v>
                </c:pt>
                <c:pt idx="2854">
                  <c:v>39380</c:v>
                </c:pt>
                <c:pt idx="2855">
                  <c:v>39381</c:v>
                </c:pt>
                <c:pt idx="2856">
                  <c:v>39382</c:v>
                </c:pt>
                <c:pt idx="2857">
                  <c:v>39383</c:v>
                </c:pt>
                <c:pt idx="2858">
                  <c:v>39384</c:v>
                </c:pt>
                <c:pt idx="2859">
                  <c:v>39385</c:v>
                </c:pt>
                <c:pt idx="2860">
                  <c:v>39386</c:v>
                </c:pt>
                <c:pt idx="2861">
                  <c:v>39387</c:v>
                </c:pt>
                <c:pt idx="2862">
                  <c:v>39388</c:v>
                </c:pt>
                <c:pt idx="2863">
                  <c:v>39389</c:v>
                </c:pt>
                <c:pt idx="2864">
                  <c:v>39390</c:v>
                </c:pt>
                <c:pt idx="2865">
                  <c:v>39391</c:v>
                </c:pt>
                <c:pt idx="2866">
                  <c:v>39392</c:v>
                </c:pt>
                <c:pt idx="2867">
                  <c:v>39393</c:v>
                </c:pt>
                <c:pt idx="2868">
                  <c:v>39394</c:v>
                </c:pt>
                <c:pt idx="2869">
                  <c:v>39395</c:v>
                </c:pt>
                <c:pt idx="2870">
                  <c:v>39396</c:v>
                </c:pt>
                <c:pt idx="2871">
                  <c:v>39397</c:v>
                </c:pt>
                <c:pt idx="2872">
                  <c:v>39398</c:v>
                </c:pt>
                <c:pt idx="2873">
                  <c:v>39399</c:v>
                </c:pt>
                <c:pt idx="2874">
                  <c:v>39400</c:v>
                </c:pt>
                <c:pt idx="2875">
                  <c:v>39401</c:v>
                </c:pt>
                <c:pt idx="2876">
                  <c:v>39402</c:v>
                </c:pt>
                <c:pt idx="2877">
                  <c:v>39403</c:v>
                </c:pt>
                <c:pt idx="2878">
                  <c:v>39404</c:v>
                </c:pt>
                <c:pt idx="2879">
                  <c:v>39405</c:v>
                </c:pt>
                <c:pt idx="2880">
                  <c:v>39406</c:v>
                </c:pt>
                <c:pt idx="2881">
                  <c:v>39407</c:v>
                </c:pt>
                <c:pt idx="2882">
                  <c:v>39408</c:v>
                </c:pt>
                <c:pt idx="2883">
                  <c:v>39409</c:v>
                </c:pt>
                <c:pt idx="2884">
                  <c:v>39410</c:v>
                </c:pt>
                <c:pt idx="2885">
                  <c:v>39411</c:v>
                </c:pt>
                <c:pt idx="2886">
                  <c:v>39412</c:v>
                </c:pt>
                <c:pt idx="2887">
                  <c:v>39413</c:v>
                </c:pt>
                <c:pt idx="2888">
                  <c:v>39414</c:v>
                </c:pt>
                <c:pt idx="2889">
                  <c:v>39415</c:v>
                </c:pt>
                <c:pt idx="2890">
                  <c:v>39416</c:v>
                </c:pt>
                <c:pt idx="2891">
                  <c:v>39417</c:v>
                </c:pt>
                <c:pt idx="2892">
                  <c:v>39418</c:v>
                </c:pt>
                <c:pt idx="2893">
                  <c:v>39419</c:v>
                </c:pt>
                <c:pt idx="2894">
                  <c:v>39420</c:v>
                </c:pt>
                <c:pt idx="2895">
                  <c:v>39421</c:v>
                </c:pt>
                <c:pt idx="2896">
                  <c:v>39422</c:v>
                </c:pt>
                <c:pt idx="2897">
                  <c:v>39423</c:v>
                </c:pt>
                <c:pt idx="2898">
                  <c:v>39424</c:v>
                </c:pt>
                <c:pt idx="2899">
                  <c:v>39425</c:v>
                </c:pt>
                <c:pt idx="2900">
                  <c:v>39426</c:v>
                </c:pt>
                <c:pt idx="2901">
                  <c:v>39427</c:v>
                </c:pt>
                <c:pt idx="2902">
                  <c:v>39428</c:v>
                </c:pt>
                <c:pt idx="2903">
                  <c:v>39429</c:v>
                </c:pt>
                <c:pt idx="2904">
                  <c:v>39430</c:v>
                </c:pt>
                <c:pt idx="2905">
                  <c:v>39431</c:v>
                </c:pt>
                <c:pt idx="2906">
                  <c:v>39432</c:v>
                </c:pt>
                <c:pt idx="2907">
                  <c:v>39433</c:v>
                </c:pt>
                <c:pt idx="2908">
                  <c:v>39434</c:v>
                </c:pt>
                <c:pt idx="2909">
                  <c:v>39435</c:v>
                </c:pt>
                <c:pt idx="2910">
                  <c:v>39436</c:v>
                </c:pt>
                <c:pt idx="2911">
                  <c:v>39437</c:v>
                </c:pt>
                <c:pt idx="2912">
                  <c:v>39438</c:v>
                </c:pt>
                <c:pt idx="2913">
                  <c:v>39439</c:v>
                </c:pt>
                <c:pt idx="2914">
                  <c:v>39440</c:v>
                </c:pt>
                <c:pt idx="2915">
                  <c:v>39441</c:v>
                </c:pt>
                <c:pt idx="2916">
                  <c:v>39442</c:v>
                </c:pt>
                <c:pt idx="2917">
                  <c:v>39443</c:v>
                </c:pt>
                <c:pt idx="2918">
                  <c:v>39444</c:v>
                </c:pt>
                <c:pt idx="2919">
                  <c:v>39445</c:v>
                </c:pt>
                <c:pt idx="2920">
                  <c:v>39446</c:v>
                </c:pt>
                <c:pt idx="2921">
                  <c:v>39447</c:v>
                </c:pt>
                <c:pt idx="2922">
                  <c:v>39448</c:v>
                </c:pt>
                <c:pt idx="2923">
                  <c:v>39449</c:v>
                </c:pt>
                <c:pt idx="2924">
                  <c:v>39450</c:v>
                </c:pt>
                <c:pt idx="2925">
                  <c:v>39451</c:v>
                </c:pt>
                <c:pt idx="2926">
                  <c:v>39452</c:v>
                </c:pt>
                <c:pt idx="2927">
                  <c:v>39453</c:v>
                </c:pt>
                <c:pt idx="2928">
                  <c:v>39454</c:v>
                </c:pt>
                <c:pt idx="2929">
                  <c:v>39455</c:v>
                </c:pt>
                <c:pt idx="2930">
                  <c:v>39456</c:v>
                </c:pt>
                <c:pt idx="2931">
                  <c:v>39457</c:v>
                </c:pt>
                <c:pt idx="2932">
                  <c:v>39458</c:v>
                </c:pt>
                <c:pt idx="2933">
                  <c:v>39459</c:v>
                </c:pt>
                <c:pt idx="2934">
                  <c:v>39460</c:v>
                </c:pt>
                <c:pt idx="2935">
                  <c:v>39461</c:v>
                </c:pt>
                <c:pt idx="2936">
                  <c:v>39462</c:v>
                </c:pt>
                <c:pt idx="2937">
                  <c:v>39463</c:v>
                </c:pt>
                <c:pt idx="2938">
                  <c:v>39464</c:v>
                </c:pt>
                <c:pt idx="2939">
                  <c:v>39465</c:v>
                </c:pt>
                <c:pt idx="2940">
                  <c:v>39466</c:v>
                </c:pt>
                <c:pt idx="2941">
                  <c:v>39467</c:v>
                </c:pt>
                <c:pt idx="2942">
                  <c:v>39468</c:v>
                </c:pt>
                <c:pt idx="2943">
                  <c:v>39469</c:v>
                </c:pt>
                <c:pt idx="2944">
                  <c:v>39470</c:v>
                </c:pt>
                <c:pt idx="2945">
                  <c:v>39471</c:v>
                </c:pt>
                <c:pt idx="2946">
                  <c:v>39472</c:v>
                </c:pt>
                <c:pt idx="2947">
                  <c:v>39473</c:v>
                </c:pt>
                <c:pt idx="2948">
                  <c:v>39474</c:v>
                </c:pt>
                <c:pt idx="2949">
                  <c:v>39475</c:v>
                </c:pt>
                <c:pt idx="2950">
                  <c:v>39476</c:v>
                </c:pt>
                <c:pt idx="2951">
                  <c:v>39477</c:v>
                </c:pt>
                <c:pt idx="2952">
                  <c:v>39478</c:v>
                </c:pt>
                <c:pt idx="2953">
                  <c:v>39479</c:v>
                </c:pt>
                <c:pt idx="2954">
                  <c:v>39480</c:v>
                </c:pt>
                <c:pt idx="2955">
                  <c:v>39481</c:v>
                </c:pt>
                <c:pt idx="2956">
                  <c:v>39482</c:v>
                </c:pt>
                <c:pt idx="2957">
                  <c:v>39483</c:v>
                </c:pt>
                <c:pt idx="2958">
                  <c:v>39484</c:v>
                </c:pt>
                <c:pt idx="2959">
                  <c:v>39485</c:v>
                </c:pt>
                <c:pt idx="2960">
                  <c:v>39486</c:v>
                </c:pt>
                <c:pt idx="2961">
                  <c:v>39487</c:v>
                </c:pt>
                <c:pt idx="2962">
                  <c:v>39488</c:v>
                </c:pt>
                <c:pt idx="2963">
                  <c:v>39489</c:v>
                </c:pt>
                <c:pt idx="2964">
                  <c:v>39490</c:v>
                </c:pt>
                <c:pt idx="2965">
                  <c:v>39491</c:v>
                </c:pt>
                <c:pt idx="2966">
                  <c:v>39492</c:v>
                </c:pt>
                <c:pt idx="2967">
                  <c:v>39493</c:v>
                </c:pt>
                <c:pt idx="2968">
                  <c:v>39494</c:v>
                </c:pt>
                <c:pt idx="2969">
                  <c:v>39495</c:v>
                </c:pt>
                <c:pt idx="2970">
                  <c:v>39496</c:v>
                </c:pt>
                <c:pt idx="2971">
                  <c:v>39497</c:v>
                </c:pt>
                <c:pt idx="2972">
                  <c:v>39498</c:v>
                </c:pt>
                <c:pt idx="2973">
                  <c:v>39499</c:v>
                </c:pt>
                <c:pt idx="2974">
                  <c:v>39500</c:v>
                </c:pt>
                <c:pt idx="2975">
                  <c:v>39501</c:v>
                </c:pt>
                <c:pt idx="2976">
                  <c:v>39502</c:v>
                </c:pt>
                <c:pt idx="2977">
                  <c:v>39503</c:v>
                </c:pt>
                <c:pt idx="2978">
                  <c:v>39504</c:v>
                </c:pt>
                <c:pt idx="2979">
                  <c:v>39505</c:v>
                </c:pt>
                <c:pt idx="2980">
                  <c:v>39506</c:v>
                </c:pt>
                <c:pt idx="2981">
                  <c:v>39507</c:v>
                </c:pt>
                <c:pt idx="2982">
                  <c:v>39508</c:v>
                </c:pt>
                <c:pt idx="2983">
                  <c:v>39509</c:v>
                </c:pt>
                <c:pt idx="2984">
                  <c:v>39510</c:v>
                </c:pt>
                <c:pt idx="2985">
                  <c:v>39511</c:v>
                </c:pt>
                <c:pt idx="2986">
                  <c:v>39512</c:v>
                </c:pt>
                <c:pt idx="2987">
                  <c:v>39513</c:v>
                </c:pt>
                <c:pt idx="2988">
                  <c:v>39514</c:v>
                </c:pt>
                <c:pt idx="2989">
                  <c:v>39515</c:v>
                </c:pt>
                <c:pt idx="2990">
                  <c:v>39516</c:v>
                </c:pt>
                <c:pt idx="2991">
                  <c:v>39517</c:v>
                </c:pt>
                <c:pt idx="2992">
                  <c:v>39518</c:v>
                </c:pt>
                <c:pt idx="2993">
                  <c:v>39519</c:v>
                </c:pt>
                <c:pt idx="2994">
                  <c:v>39520</c:v>
                </c:pt>
                <c:pt idx="2995">
                  <c:v>39521</c:v>
                </c:pt>
                <c:pt idx="2996">
                  <c:v>39522</c:v>
                </c:pt>
                <c:pt idx="2997">
                  <c:v>39523</c:v>
                </c:pt>
                <c:pt idx="2998">
                  <c:v>39524</c:v>
                </c:pt>
                <c:pt idx="2999">
                  <c:v>39525</c:v>
                </c:pt>
                <c:pt idx="3000">
                  <c:v>39526</c:v>
                </c:pt>
                <c:pt idx="3001">
                  <c:v>39527</c:v>
                </c:pt>
                <c:pt idx="3002">
                  <c:v>39528</c:v>
                </c:pt>
                <c:pt idx="3003">
                  <c:v>39529</c:v>
                </c:pt>
                <c:pt idx="3004">
                  <c:v>39530</c:v>
                </c:pt>
                <c:pt idx="3005">
                  <c:v>39531</c:v>
                </c:pt>
                <c:pt idx="3006">
                  <c:v>39532</c:v>
                </c:pt>
                <c:pt idx="3007">
                  <c:v>39533</c:v>
                </c:pt>
                <c:pt idx="3008">
                  <c:v>39534</c:v>
                </c:pt>
                <c:pt idx="3009">
                  <c:v>39535</c:v>
                </c:pt>
                <c:pt idx="3010">
                  <c:v>39536</c:v>
                </c:pt>
                <c:pt idx="3011">
                  <c:v>39537</c:v>
                </c:pt>
                <c:pt idx="3012">
                  <c:v>39538</c:v>
                </c:pt>
                <c:pt idx="3013">
                  <c:v>39539</c:v>
                </c:pt>
                <c:pt idx="3014">
                  <c:v>39540</c:v>
                </c:pt>
                <c:pt idx="3015">
                  <c:v>39541</c:v>
                </c:pt>
                <c:pt idx="3016">
                  <c:v>39542</c:v>
                </c:pt>
                <c:pt idx="3017">
                  <c:v>39543</c:v>
                </c:pt>
                <c:pt idx="3018">
                  <c:v>39544</c:v>
                </c:pt>
                <c:pt idx="3019">
                  <c:v>39545</c:v>
                </c:pt>
                <c:pt idx="3020">
                  <c:v>39546</c:v>
                </c:pt>
                <c:pt idx="3021">
                  <c:v>39547</c:v>
                </c:pt>
                <c:pt idx="3022">
                  <c:v>39548</c:v>
                </c:pt>
                <c:pt idx="3023">
                  <c:v>39549</c:v>
                </c:pt>
                <c:pt idx="3024">
                  <c:v>39550</c:v>
                </c:pt>
                <c:pt idx="3025">
                  <c:v>39551</c:v>
                </c:pt>
                <c:pt idx="3026">
                  <c:v>39552</c:v>
                </c:pt>
                <c:pt idx="3027">
                  <c:v>39553</c:v>
                </c:pt>
                <c:pt idx="3028">
                  <c:v>39554</c:v>
                </c:pt>
                <c:pt idx="3029">
                  <c:v>39555</c:v>
                </c:pt>
                <c:pt idx="3030">
                  <c:v>39556</c:v>
                </c:pt>
                <c:pt idx="3031">
                  <c:v>39557</c:v>
                </c:pt>
                <c:pt idx="3032">
                  <c:v>39558</c:v>
                </c:pt>
                <c:pt idx="3033">
                  <c:v>39559</c:v>
                </c:pt>
                <c:pt idx="3034">
                  <c:v>39560</c:v>
                </c:pt>
                <c:pt idx="3035">
                  <c:v>39561</c:v>
                </c:pt>
                <c:pt idx="3036">
                  <c:v>39562</c:v>
                </c:pt>
                <c:pt idx="3037">
                  <c:v>39563</c:v>
                </c:pt>
                <c:pt idx="3038">
                  <c:v>39564</c:v>
                </c:pt>
                <c:pt idx="3039">
                  <c:v>39565</c:v>
                </c:pt>
                <c:pt idx="3040">
                  <c:v>39566</c:v>
                </c:pt>
                <c:pt idx="3041">
                  <c:v>39567</c:v>
                </c:pt>
                <c:pt idx="3042">
                  <c:v>39568</c:v>
                </c:pt>
                <c:pt idx="3043">
                  <c:v>39569</c:v>
                </c:pt>
                <c:pt idx="3044">
                  <c:v>39570</c:v>
                </c:pt>
                <c:pt idx="3045">
                  <c:v>39571</c:v>
                </c:pt>
                <c:pt idx="3046">
                  <c:v>39572</c:v>
                </c:pt>
                <c:pt idx="3047">
                  <c:v>39573</c:v>
                </c:pt>
                <c:pt idx="3048">
                  <c:v>39574</c:v>
                </c:pt>
                <c:pt idx="3049">
                  <c:v>39575</c:v>
                </c:pt>
                <c:pt idx="3050">
                  <c:v>39576</c:v>
                </c:pt>
                <c:pt idx="3051">
                  <c:v>39577</c:v>
                </c:pt>
                <c:pt idx="3052">
                  <c:v>39578</c:v>
                </c:pt>
                <c:pt idx="3053">
                  <c:v>39579</c:v>
                </c:pt>
                <c:pt idx="3054">
                  <c:v>39580</c:v>
                </c:pt>
                <c:pt idx="3055">
                  <c:v>39581</c:v>
                </c:pt>
                <c:pt idx="3056">
                  <c:v>39582</c:v>
                </c:pt>
                <c:pt idx="3057">
                  <c:v>39583</c:v>
                </c:pt>
                <c:pt idx="3058">
                  <c:v>39584</c:v>
                </c:pt>
                <c:pt idx="3059">
                  <c:v>39585</c:v>
                </c:pt>
                <c:pt idx="3060">
                  <c:v>39586</c:v>
                </c:pt>
                <c:pt idx="3061">
                  <c:v>39587</c:v>
                </c:pt>
                <c:pt idx="3062">
                  <c:v>39588</c:v>
                </c:pt>
                <c:pt idx="3063">
                  <c:v>39589</c:v>
                </c:pt>
                <c:pt idx="3064">
                  <c:v>39590</c:v>
                </c:pt>
                <c:pt idx="3065">
                  <c:v>39591</c:v>
                </c:pt>
                <c:pt idx="3066">
                  <c:v>39592</c:v>
                </c:pt>
                <c:pt idx="3067">
                  <c:v>39593</c:v>
                </c:pt>
                <c:pt idx="3068">
                  <c:v>39594</c:v>
                </c:pt>
                <c:pt idx="3069">
                  <c:v>39595</c:v>
                </c:pt>
                <c:pt idx="3070">
                  <c:v>39596</c:v>
                </c:pt>
                <c:pt idx="3071">
                  <c:v>39597</c:v>
                </c:pt>
                <c:pt idx="3072">
                  <c:v>39598</c:v>
                </c:pt>
                <c:pt idx="3073">
                  <c:v>39599</c:v>
                </c:pt>
                <c:pt idx="3074">
                  <c:v>39600</c:v>
                </c:pt>
                <c:pt idx="3075">
                  <c:v>39601</c:v>
                </c:pt>
                <c:pt idx="3076">
                  <c:v>39602</c:v>
                </c:pt>
                <c:pt idx="3077">
                  <c:v>39603</c:v>
                </c:pt>
                <c:pt idx="3078">
                  <c:v>39604</c:v>
                </c:pt>
                <c:pt idx="3079">
                  <c:v>39605</c:v>
                </c:pt>
                <c:pt idx="3080">
                  <c:v>39606</c:v>
                </c:pt>
                <c:pt idx="3081">
                  <c:v>39607</c:v>
                </c:pt>
                <c:pt idx="3082">
                  <c:v>39608</c:v>
                </c:pt>
                <c:pt idx="3083">
                  <c:v>39609</c:v>
                </c:pt>
                <c:pt idx="3084">
                  <c:v>39610</c:v>
                </c:pt>
                <c:pt idx="3085">
                  <c:v>39611</c:v>
                </c:pt>
                <c:pt idx="3086">
                  <c:v>39612</c:v>
                </c:pt>
                <c:pt idx="3087">
                  <c:v>39613</c:v>
                </c:pt>
                <c:pt idx="3088">
                  <c:v>39614</c:v>
                </c:pt>
                <c:pt idx="3089">
                  <c:v>39615</c:v>
                </c:pt>
                <c:pt idx="3090">
                  <c:v>39616</c:v>
                </c:pt>
                <c:pt idx="3091">
                  <c:v>39617</c:v>
                </c:pt>
                <c:pt idx="3092">
                  <c:v>39618</c:v>
                </c:pt>
                <c:pt idx="3093">
                  <c:v>39619</c:v>
                </c:pt>
                <c:pt idx="3094">
                  <c:v>39620</c:v>
                </c:pt>
                <c:pt idx="3095">
                  <c:v>39621</c:v>
                </c:pt>
                <c:pt idx="3096">
                  <c:v>39622</c:v>
                </c:pt>
                <c:pt idx="3097">
                  <c:v>39623</c:v>
                </c:pt>
                <c:pt idx="3098">
                  <c:v>39624</c:v>
                </c:pt>
                <c:pt idx="3099">
                  <c:v>39625</c:v>
                </c:pt>
                <c:pt idx="3100">
                  <c:v>39626</c:v>
                </c:pt>
                <c:pt idx="3101">
                  <c:v>39627</c:v>
                </c:pt>
                <c:pt idx="3102">
                  <c:v>39628</c:v>
                </c:pt>
                <c:pt idx="3103">
                  <c:v>39629</c:v>
                </c:pt>
                <c:pt idx="3104">
                  <c:v>39630</c:v>
                </c:pt>
                <c:pt idx="3105">
                  <c:v>39631</c:v>
                </c:pt>
                <c:pt idx="3106">
                  <c:v>39632</c:v>
                </c:pt>
                <c:pt idx="3107">
                  <c:v>39633</c:v>
                </c:pt>
                <c:pt idx="3108">
                  <c:v>39634</c:v>
                </c:pt>
                <c:pt idx="3109">
                  <c:v>39635</c:v>
                </c:pt>
                <c:pt idx="3110">
                  <c:v>39636</c:v>
                </c:pt>
                <c:pt idx="3111">
                  <c:v>39637</c:v>
                </c:pt>
                <c:pt idx="3112">
                  <c:v>39638</c:v>
                </c:pt>
                <c:pt idx="3113">
                  <c:v>39639</c:v>
                </c:pt>
                <c:pt idx="3114">
                  <c:v>39640</c:v>
                </c:pt>
                <c:pt idx="3115">
                  <c:v>39641</c:v>
                </c:pt>
                <c:pt idx="3116">
                  <c:v>39642</c:v>
                </c:pt>
                <c:pt idx="3117">
                  <c:v>39643</c:v>
                </c:pt>
                <c:pt idx="3118">
                  <c:v>39644</c:v>
                </c:pt>
                <c:pt idx="3119">
                  <c:v>39645</c:v>
                </c:pt>
                <c:pt idx="3120">
                  <c:v>39646</c:v>
                </c:pt>
                <c:pt idx="3121">
                  <c:v>39647</c:v>
                </c:pt>
                <c:pt idx="3122">
                  <c:v>39648</c:v>
                </c:pt>
                <c:pt idx="3123">
                  <c:v>39649</c:v>
                </c:pt>
                <c:pt idx="3124">
                  <c:v>39650</c:v>
                </c:pt>
                <c:pt idx="3125">
                  <c:v>39651</c:v>
                </c:pt>
                <c:pt idx="3126">
                  <c:v>39652</c:v>
                </c:pt>
                <c:pt idx="3127">
                  <c:v>39653</c:v>
                </c:pt>
                <c:pt idx="3128">
                  <c:v>39654</c:v>
                </c:pt>
                <c:pt idx="3129">
                  <c:v>39655</c:v>
                </c:pt>
                <c:pt idx="3130">
                  <c:v>39656</c:v>
                </c:pt>
                <c:pt idx="3131">
                  <c:v>39657</c:v>
                </c:pt>
                <c:pt idx="3132">
                  <c:v>39658</c:v>
                </c:pt>
                <c:pt idx="3133">
                  <c:v>39659</c:v>
                </c:pt>
                <c:pt idx="3134">
                  <c:v>39660</c:v>
                </c:pt>
                <c:pt idx="3135">
                  <c:v>39661</c:v>
                </c:pt>
                <c:pt idx="3136">
                  <c:v>39662</c:v>
                </c:pt>
                <c:pt idx="3137">
                  <c:v>39663</c:v>
                </c:pt>
                <c:pt idx="3138">
                  <c:v>39664</c:v>
                </c:pt>
                <c:pt idx="3139">
                  <c:v>39665</c:v>
                </c:pt>
                <c:pt idx="3140">
                  <c:v>39666</c:v>
                </c:pt>
                <c:pt idx="3141">
                  <c:v>39667</c:v>
                </c:pt>
                <c:pt idx="3142">
                  <c:v>39668</c:v>
                </c:pt>
                <c:pt idx="3143">
                  <c:v>39669</c:v>
                </c:pt>
                <c:pt idx="3144">
                  <c:v>39670</c:v>
                </c:pt>
                <c:pt idx="3145">
                  <c:v>39671</c:v>
                </c:pt>
                <c:pt idx="3146">
                  <c:v>39672</c:v>
                </c:pt>
                <c:pt idx="3147">
                  <c:v>39673</c:v>
                </c:pt>
                <c:pt idx="3148">
                  <c:v>39674</c:v>
                </c:pt>
                <c:pt idx="3149">
                  <c:v>39675</c:v>
                </c:pt>
                <c:pt idx="3150">
                  <c:v>39676</c:v>
                </c:pt>
                <c:pt idx="3151">
                  <c:v>39677</c:v>
                </c:pt>
                <c:pt idx="3152">
                  <c:v>39678</c:v>
                </c:pt>
                <c:pt idx="3153">
                  <c:v>39679</c:v>
                </c:pt>
                <c:pt idx="3154">
                  <c:v>39680</c:v>
                </c:pt>
                <c:pt idx="3155">
                  <c:v>39681</c:v>
                </c:pt>
                <c:pt idx="3156">
                  <c:v>39682</c:v>
                </c:pt>
                <c:pt idx="3157">
                  <c:v>39683</c:v>
                </c:pt>
                <c:pt idx="3158">
                  <c:v>39684</c:v>
                </c:pt>
                <c:pt idx="3159">
                  <c:v>39685</c:v>
                </c:pt>
                <c:pt idx="3160">
                  <c:v>39686</c:v>
                </c:pt>
                <c:pt idx="3161">
                  <c:v>39687</c:v>
                </c:pt>
                <c:pt idx="3162">
                  <c:v>39688</c:v>
                </c:pt>
                <c:pt idx="3163">
                  <c:v>39689</c:v>
                </c:pt>
                <c:pt idx="3164">
                  <c:v>39690</c:v>
                </c:pt>
                <c:pt idx="3165">
                  <c:v>39691</c:v>
                </c:pt>
                <c:pt idx="3166">
                  <c:v>39692</c:v>
                </c:pt>
                <c:pt idx="3167">
                  <c:v>39693</c:v>
                </c:pt>
                <c:pt idx="3168">
                  <c:v>39694</c:v>
                </c:pt>
                <c:pt idx="3169">
                  <c:v>39695</c:v>
                </c:pt>
                <c:pt idx="3170">
                  <c:v>39696</c:v>
                </c:pt>
                <c:pt idx="3171">
                  <c:v>39697</c:v>
                </c:pt>
                <c:pt idx="3172">
                  <c:v>39698</c:v>
                </c:pt>
                <c:pt idx="3173">
                  <c:v>39699</c:v>
                </c:pt>
                <c:pt idx="3174">
                  <c:v>39700</c:v>
                </c:pt>
                <c:pt idx="3175">
                  <c:v>39701</c:v>
                </c:pt>
                <c:pt idx="3176">
                  <c:v>39702</c:v>
                </c:pt>
                <c:pt idx="3177">
                  <c:v>39703</c:v>
                </c:pt>
                <c:pt idx="3178">
                  <c:v>39704</c:v>
                </c:pt>
                <c:pt idx="3179">
                  <c:v>39705</c:v>
                </c:pt>
                <c:pt idx="3180">
                  <c:v>39706</c:v>
                </c:pt>
                <c:pt idx="3181">
                  <c:v>39707</c:v>
                </c:pt>
                <c:pt idx="3182">
                  <c:v>39708</c:v>
                </c:pt>
                <c:pt idx="3183">
                  <c:v>39709</c:v>
                </c:pt>
                <c:pt idx="3184">
                  <c:v>39710</c:v>
                </c:pt>
                <c:pt idx="3185">
                  <c:v>39711</c:v>
                </c:pt>
                <c:pt idx="3186">
                  <c:v>39712</c:v>
                </c:pt>
                <c:pt idx="3187">
                  <c:v>39713</c:v>
                </c:pt>
                <c:pt idx="3188">
                  <c:v>39714</c:v>
                </c:pt>
                <c:pt idx="3189">
                  <c:v>39715</c:v>
                </c:pt>
                <c:pt idx="3190">
                  <c:v>39716</c:v>
                </c:pt>
                <c:pt idx="3191">
                  <c:v>39717</c:v>
                </c:pt>
                <c:pt idx="3192">
                  <c:v>39718</c:v>
                </c:pt>
                <c:pt idx="3193">
                  <c:v>39719</c:v>
                </c:pt>
                <c:pt idx="3194">
                  <c:v>39720</c:v>
                </c:pt>
                <c:pt idx="3195">
                  <c:v>39721</c:v>
                </c:pt>
                <c:pt idx="3196">
                  <c:v>39722</c:v>
                </c:pt>
                <c:pt idx="3197">
                  <c:v>39723</c:v>
                </c:pt>
                <c:pt idx="3198">
                  <c:v>39724</c:v>
                </c:pt>
                <c:pt idx="3199">
                  <c:v>39725</c:v>
                </c:pt>
                <c:pt idx="3200">
                  <c:v>39726</c:v>
                </c:pt>
                <c:pt idx="3201">
                  <c:v>39727</c:v>
                </c:pt>
                <c:pt idx="3202">
                  <c:v>39728</c:v>
                </c:pt>
                <c:pt idx="3203">
                  <c:v>39729</c:v>
                </c:pt>
                <c:pt idx="3204">
                  <c:v>39730</c:v>
                </c:pt>
                <c:pt idx="3205">
                  <c:v>39731</c:v>
                </c:pt>
                <c:pt idx="3206">
                  <c:v>39732</c:v>
                </c:pt>
                <c:pt idx="3207">
                  <c:v>39733</c:v>
                </c:pt>
                <c:pt idx="3208">
                  <c:v>39734</c:v>
                </c:pt>
                <c:pt idx="3209">
                  <c:v>39735</c:v>
                </c:pt>
                <c:pt idx="3210">
                  <c:v>39736</c:v>
                </c:pt>
                <c:pt idx="3211">
                  <c:v>39737</c:v>
                </c:pt>
                <c:pt idx="3212">
                  <c:v>39738</c:v>
                </c:pt>
                <c:pt idx="3213">
                  <c:v>39739</c:v>
                </c:pt>
                <c:pt idx="3214">
                  <c:v>39740</c:v>
                </c:pt>
                <c:pt idx="3215">
                  <c:v>39741</c:v>
                </c:pt>
                <c:pt idx="3216">
                  <c:v>39742</c:v>
                </c:pt>
                <c:pt idx="3217">
                  <c:v>39743</c:v>
                </c:pt>
                <c:pt idx="3218">
                  <c:v>39744</c:v>
                </c:pt>
                <c:pt idx="3219">
                  <c:v>39745</c:v>
                </c:pt>
                <c:pt idx="3220">
                  <c:v>39746</c:v>
                </c:pt>
                <c:pt idx="3221">
                  <c:v>39747</c:v>
                </c:pt>
                <c:pt idx="3222">
                  <c:v>39748</c:v>
                </c:pt>
                <c:pt idx="3223">
                  <c:v>39749</c:v>
                </c:pt>
                <c:pt idx="3224">
                  <c:v>39750</c:v>
                </c:pt>
                <c:pt idx="3225">
                  <c:v>39751</c:v>
                </c:pt>
                <c:pt idx="3226">
                  <c:v>39752</c:v>
                </c:pt>
                <c:pt idx="3227">
                  <c:v>39753</c:v>
                </c:pt>
                <c:pt idx="3228">
                  <c:v>39754</c:v>
                </c:pt>
                <c:pt idx="3229">
                  <c:v>39755</c:v>
                </c:pt>
                <c:pt idx="3230">
                  <c:v>39756</c:v>
                </c:pt>
                <c:pt idx="3231">
                  <c:v>39757</c:v>
                </c:pt>
                <c:pt idx="3232">
                  <c:v>39758</c:v>
                </c:pt>
                <c:pt idx="3233">
                  <c:v>39759</c:v>
                </c:pt>
                <c:pt idx="3234">
                  <c:v>39760</c:v>
                </c:pt>
                <c:pt idx="3235">
                  <c:v>39761</c:v>
                </c:pt>
                <c:pt idx="3236">
                  <c:v>39762</c:v>
                </c:pt>
                <c:pt idx="3237">
                  <c:v>39763</c:v>
                </c:pt>
                <c:pt idx="3238">
                  <c:v>39764</c:v>
                </c:pt>
                <c:pt idx="3239">
                  <c:v>39765</c:v>
                </c:pt>
                <c:pt idx="3240">
                  <c:v>39766</c:v>
                </c:pt>
                <c:pt idx="3241">
                  <c:v>39767</c:v>
                </c:pt>
                <c:pt idx="3242">
                  <c:v>39768</c:v>
                </c:pt>
                <c:pt idx="3243">
                  <c:v>39769</c:v>
                </c:pt>
                <c:pt idx="3244">
                  <c:v>39770</c:v>
                </c:pt>
                <c:pt idx="3245">
                  <c:v>39771</c:v>
                </c:pt>
                <c:pt idx="3246">
                  <c:v>39772</c:v>
                </c:pt>
                <c:pt idx="3247">
                  <c:v>39773</c:v>
                </c:pt>
                <c:pt idx="3248">
                  <c:v>39774</c:v>
                </c:pt>
                <c:pt idx="3249">
                  <c:v>39775</c:v>
                </c:pt>
                <c:pt idx="3250">
                  <c:v>39776</c:v>
                </c:pt>
                <c:pt idx="3251">
                  <c:v>39777</c:v>
                </c:pt>
                <c:pt idx="3252">
                  <c:v>39778</c:v>
                </c:pt>
                <c:pt idx="3253">
                  <c:v>39779</c:v>
                </c:pt>
                <c:pt idx="3254">
                  <c:v>39780</c:v>
                </c:pt>
                <c:pt idx="3255">
                  <c:v>39781</c:v>
                </c:pt>
                <c:pt idx="3256">
                  <c:v>39782</c:v>
                </c:pt>
                <c:pt idx="3257">
                  <c:v>39783</c:v>
                </c:pt>
                <c:pt idx="3258">
                  <c:v>39784</c:v>
                </c:pt>
                <c:pt idx="3259">
                  <c:v>39785</c:v>
                </c:pt>
                <c:pt idx="3260">
                  <c:v>39786</c:v>
                </c:pt>
                <c:pt idx="3261">
                  <c:v>39787</c:v>
                </c:pt>
                <c:pt idx="3262">
                  <c:v>39788</c:v>
                </c:pt>
                <c:pt idx="3263">
                  <c:v>39789</c:v>
                </c:pt>
                <c:pt idx="3264">
                  <c:v>39790</c:v>
                </c:pt>
                <c:pt idx="3265">
                  <c:v>39791</c:v>
                </c:pt>
                <c:pt idx="3266">
                  <c:v>39792</c:v>
                </c:pt>
                <c:pt idx="3267">
                  <c:v>39793</c:v>
                </c:pt>
                <c:pt idx="3268">
                  <c:v>39794</c:v>
                </c:pt>
                <c:pt idx="3269">
                  <c:v>39795</c:v>
                </c:pt>
                <c:pt idx="3270">
                  <c:v>39796</c:v>
                </c:pt>
                <c:pt idx="3271">
                  <c:v>39797</c:v>
                </c:pt>
                <c:pt idx="3272">
                  <c:v>39798</c:v>
                </c:pt>
                <c:pt idx="3273">
                  <c:v>39799</c:v>
                </c:pt>
                <c:pt idx="3274">
                  <c:v>39800</c:v>
                </c:pt>
                <c:pt idx="3275">
                  <c:v>39801</c:v>
                </c:pt>
                <c:pt idx="3276">
                  <c:v>39802</c:v>
                </c:pt>
                <c:pt idx="3277">
                  <c:v>39803</c:v>
                </c:pt>
                <c:pt idx="3278">
                  <c:v>39804</c:v>
                </c:pt>
                <c:pt idx="3279">
                  <c:v>39805</c:v>
                </c:pt>
                <c:pt idx="3280">
                  <c:v>39806</c:v>
                </c:pt>
                <c:pt idx="3281">
                  <c:v>39807</c:v>
                </c:pt>
                <c:pt idx="3282">
                  <c:v>39808</c:v>
                </c:pt>
                <c:pt idx="3283">
                  <c:v>39809</c:v>
                </c:pt>
                <c:pt idx="3284">
                  <c:v>39810</c:v>
                </c:pt>
                <c:pt idx="3285">
                  <c:v>39811</c:v>
                </c:pt>
                <c:pt idx="3286">
                  <c:v>39812</c:v>
                </c:pt>
                <c:pt idx="3287">
                  <c:v>39813</c:v>
                </c:pt>
                <c:pt idx="3288">
                  <c:v>39814</c:v>
                </c:pt>
                <c:pt idx="3289">
                  <c:v>39815</c:v>
                </c:pt>
                <c:pt idx="3290">
                  <c:v>39816</c:v>
                </c:pt>
                <c:pt idx="3291">
                  <c:v>39817</c:v>
                </c:pt>
                <c:pt idx="3292">
                  <c:v>39818</c:v>
                </c:pt>
                <c:pt idx="3293">
                  <c:v>39819</c:v>
                </c:pt>
                <c:pt idx="3294">
                  <c:v>39820</c:v>
                </c:pt>
                <c:pt idx="3295">
                  <c:v>39821</c:v>
                </c:pt>
                <c:pt idx="3296">
                  <c:v>39822</c:v>
                </c:pt>
                <c:pt idx="3297">
                  <c:v>39823</c:v>
                </c:pt>
                <c:pt idx="3298">
                  <c:v>39824</c:v>
                </c:pt>
                <c:pt idx="3299">
                  <c:v>39825</c:v>
                </c:pt>
                <c:pt idx="3300">
                  <c:v>39826</c:v>
                </c:pt>
                <c:pt idx="3301">
                  <c:v>39827</c:v>
                </c:pt>
                <c:pt idx="3302">
                  <c:v>39828</c:v>
                </c:pt>
                <c:pt idx="3303">
                  <c:v>39829</c:v>
                </c:pt>
                <c:pt idx="3304">
                  <c:v>39830</c:v>
                </c:pt>
                <c:pt idx="3305">
                  <c:v>39831</c:v>
                </c:pt>
                <c:pt idx="3306">
                  <c:v>39832</c:v>
                </c:pt>
                <c:pt idx="3307">
                  <c:v>39833</c:v>
                </c:pt>
                <c:pt idx="3308">
                  <c:v>39834</c:v>
                </c:pt>
                <c:pt idx="3309">
                  <c:v>39835</c:v>
                </c:pt>
                <c:pt idx="3310">
                  <c:v>39836</c:v>
                </c:pt>
                <c:pt idx="3311">
                  <c:v>39837</c:v>
                </c:pt>
                <c:pt idx="3312">
                  <c:v>39838</c:v>
                </c:pt>
                <c:pt idx="3313">
                  <c:v>39839</c:v>
                </c:pt>
                <c:pt idx="3314">
                  <c:v>39840</c:v>
                </c:pt>
                <c:pt idx="3315">
                  <c:v>39841</c:v>
                </c:pt>
                <c:pt idx="3316">
                  <c:v>39842</c:v>
                </c:pt>
                <c:pt idx="3317">
                  <c:v>39843</c:v>
                </c:pt>
                <c:pt idx="3318">
                  <c:v>39844</c:v>
                </c:pt>
                <c:pt idx="3319">
                  <c:v>39845</c:v>
                </c:pt>
                <c:pt idx="3320">
                  <c:v>39846</c:v>
                </c:pt>
                <c:pt idx="3321">
                  <c:v>39847</c:v>
                </c:pt>
                <c:pt idx="3322">
                  <c:v>39848</c:v>
                </c:pt>
                <c:pt idx="3323">
                  <c:v>39849</c:v>
                </c:pt>
                <c:pt idx="3324">
                  <c:v>39850</c:v>
                </c:pt>
                <c:pt idx="3325">
                  <c:v>39851</c:v>
                </c:pt>
                <c:pt idx="3326">
                  <c:v>39852</c:v>
                </c:pt>
                <c:pt idx="3327">
                  <c:v>39853</c:v>
                </c:pt>
                <c:pt idx="3328">
                  <c:v>39854</c:v>
                </c:pt>
                <c:pt idx="3329">
                  <c:v>39855</c:v>
                </c:pt>
                <c:pt idx="3330">
                  <c:v>39856</c:v>
                </c:pt>
                <c:pt idx="3331">
                  <c:v>39857</c:v>
                </c:pt>
                <c:pt idx="3332">
                  <c:v>39858</c:v>
                </c:pt>
                <c:pt idx="3333">
                  <c:v>39859</c:v>
                </c:pt>
                <c:pt idx="3334">
                  <c:v>39860</c:v>
                </c:pt>
                <c:pt idx="3335">
                  <c:v>39861</c:v>
                </c:pt>
                <c:pt idx="3336">
                  <c:v>39862</c:v>
                </c:pt>
                <c:pt idx="3337">
                  <c:v>39863</c:v>
                </c:pt>
                <c:pt idx="3338">
                  <c:v>39864</c:v>
                </c:pt>
                <c:pt idx="3339">
                  <c:v>39865</c:v>
                </c:pt>
                <c:pt idx="3340">
                  <c:v>39866</c:v>
                </c:pt>
                <c:pt idx="3341">
                  <c:v>39867</c:v>
                </c:pt>
                <c:pt idx="3342">
                  <c:v>39868</c:v>
                </c:pt>
                <c:pt idx="3343">
                  <c:v>39869</c:v>
                </c:pt>
                <c:pt idx="3344">
                  <c:v>39870</c:v>
                </c:pt>
                <c:pt idx="3345">
                  <c:v>39871</c:v>
                </c:pt>
                <c:pt idx="3346">
                  <c:v>39872</c:v>
                </c:pt>
                <c:pt idx="3347">
                  <c:v>39873</c:v>
                </c:pt>
                <c:pt idx="3348">
                  <c:v>39874</c:v>
                </c:pt>
                <c:pt idx="3349">
                  <c:v>39875</c:v>
                </c:pt>
                <c:pt idx="3350">
                  <c:v>39876</c:v>
                </c:pt>
                <c:pt idx="3351">
                  <c:v>39877</c:v>
                </c:pt>
                <c:pt idx="3352">
                  <c:v>39878</c:v>
                </c:pt>
                <c:pt idx="3353">
                  <c:v>39879</c:v>
                </c:pt>
                <c:pt idx="3354">
                  <c:v>39880</c:v>
                </c:pt>
                <c:pt idx="3355">
                  <c:v>39881</c:v>
                </c:pt>
                <c:pt idx="3356">
                  <c:v>39882</c:v>
                </c:pt>
                <c:pt idx="3357">
                  <c:v>39883</c:v>
                </c:pt>
                <c:pt idx="3358">
                  <c:v>39884</c:v>
                </c:pt>
                <c:pt idx="3359">
                  <c:v>39885</c:v>
                </c:pt>
                <c:pt idx="3360">
                  <c:v>39886</c:v>
                </c:pt>
                <c:pt idx="3361">
                  <c:v>39887</c:v>
                </c:pt>
                <c:pt idx="3362">
                  <c:v>39888</c:v>
                </c:pt>
                <c:pt idx="3363">
                  <c:v>39889</c:v>
                </c:pt>
                <c:pt idx="3364">
                  <c:v>39890</c:v>
                </c:pt>
                <c:pt idx="3365">
                  <c:v>39891</c:v>
                </c:pt>
                <c:pt idx="3366">
                  <c:v>39892</c:v>
                </c:pt>
                <c:pt idx="3367">
                  <c:v>39893</c:v>
                </c:pt>
                <c:pt idx="3368">
                  <c:v>39894</c:v>
                </c:pt>
                <c:pt idx="3369">
                  <c:v>39895</c:v>
                </c:pt>
                <c:pt idx="3370">
                  <c:v>39896</c:v>
                </c:pt>
                <c:pt idx="3371">
                  <c:v>39897</c:v>
                </c:pt>
                <c:pt idx="3372">
                  <c:v>39898</c:v>
                </c:pt>
                <c:pt idx="3373">
                  <c:v>39899</c:v>
                </c:pt>
                <c:pt idx="3374">
                  <c:v>39900</c:v>
                </c:pt>
                <c:pt idx="3375">
                  <c:v>39901</c:v>
                </c:pt>
                <c:pt idx="3376">
                  <c:v>39902</c:v>
                </c:pt>
                <c:pt idx="3377">
                  <c:v>39903</c:v>
                </c:pt>
                <c:pt idx="3378">
                  <c:v>39904</c:v>
                </c:pt>
                <c:pt idx="3379">
                  <c:v>39905</c:v>
                </c:pt>
                <c:pt idx="3380">
                  <c:v>39906</c:v>
                </c:pt>
                <c:pt idx="3381">
                  <c:v>39907</c:v>
                </c:pt>
                <c:pt idx="3382">
                  <c:v>39908</c:v>
                </c:pt>
                <c:pt idx="3383">
                  <c:v>39909</c:v>
                </c:pt>
                <c:pt idx="3384">
                  <c:v>39910</c:v>
                </c:pt>
                <c:pt idx="3385">
                  <c:v>39911</c:v>
                </c:pt>
                <c:pt idx="3386">
                  <c:v>39912</c:v>
                </c:pt>
                <c:pt idx="3387">
                  <c:v>39913</c:v>
                </c:pt>
                <c:pt idx="3388">
                  <c:v>39914</c:v>
                </c:pt>
                <c:pt idx="3389">
                  <c:v>39915</c:v>
                </c:pt>
                <c:pt idx="3390">
                  <c:v>39916</c:v>
                </c:pt>
                <c:pt idx="3391">
                  <c:v>39917</c:v>
                </c:pt>
                <c:pt idx="3392">
                  <c:v>39918</c:v>
                </c:pt>
                <c:pt idx="3393">
                  <c:v>39919</c:v>
                </c:pt>
                <c:pt idx="3394">
                  <c:v>39920</c:v>
                </c:pt>
                <c:pt idx="3395">
                  <c:v>39921</c:v>
                </c:pt>
                <c:pt idx="3396">
                  <c:v>39922</c:v>
                </c:pt>
                <c:pt idx="3397">
                  <c:v>39923</c:v>
                </c:pt>
                <c:pt idx="3398">
                  <c:v>39924</c:v>
                </c:pt>
                <c:pt idx="3399">
                  <c:v>39925</c:v>
                </c:pt>
                <c:pt idx="3400">
                  <c:v>39926</c:v>
                </c:pt>
                <c:pt idx="3401">
                  <c:v>39927</c:v>
                </c:pt>
                <c:pt idx="3402">
                  <c:v>39928</c:v>
                </c:pt>
                <c:pt idx="3403">
                  <c:v>39929</c:v>
                </c:pt>
                <c:pt idx="3404">
                  <c:v>39930</c:v>
                </c:pt>
                <c:pt idx="3405">
                  <c:v>39931</c:v>
                </c:pt>
                <c:pt idx="3406">
                  <c:v>39932</c:v>
                </c:pt>
                <c:pt idx="3407">
                  <c:v>39933</c:v>
                </c:pt>
                <c:pt idx="3408">
                  <c:v>39934</c:v>
                </c:pt>
                <c:pt idx="3409">
                  <c:v>39935</c:v>
                </c:pt>
                <c:pt idx="3410">
                  <c:v>39936</c:v>
                </c:pt>
                <c:pt idx="3411">
                  <c:v>39937</c:v>
                </c:pt>
                <c:pt idx="3412">
                  <c:v>39938</c:v>
                </c:pt>
                <c:pt idx="3413">
                  <c:v>39939</c:v>
                </c:pt>
                <c:pt idx="3414">
                  <c:v>39940</c:v>
                </c:pt>
                <c:pt idx="3415">
                  <c:v>39941</c:v>
                </c:pt>
                <c:pt idx="3416">
                  <c:v>39942</c:v>
                </c:pt>
                <c:pt idx="3417">
                  <c:v>39943</c:v>
                </c:pt>
                <c:pt idx="3418">
                  <c:v>39944</c:v>
                </c:pt>
                <c:pt idx="3419">
                  <c:v>39945</c:v>
                </c:pt>
                <c:pt idx="3420">
                  <c:v>39946</c:v>
                </c:pt>
                <c:pt idx="3421">
                  <c:v>39947</c:v>
                </c:pt>
                <c:pt idx="3422">
                  <c:v>39948</c:v>
                </c:pt>
                <c:pt idx="3423">
                  <c:v>39949</c:v>
                </c:pt>
                <c:pt idx="3424">
                  <c:v>39950</c:v>
                </c:pt>
                <c:pt idx="3425">
                  <c:v>39951</c:v>
                </c:pt>
                <c:pt idx="3426">
                  <c:v>39952</c:v>
                </c:pt>
                <c:pt idx="3427">
                  <c:v>39953</c:v>
                </c:pt>
                <c:pt idx="3428">
                  <c:v>39954</c:v>
                </c:pt>
                <c:pt idx="3429">
                  <c:v>39955</c:v>
                </c:pt>
                <c:pt idx="3430">
                  <c:v>39956</c:v>
                </c:pt>
                <c:pt idx="3431">
                  <c:v>39957</c:v>
                </c:pt>
                <c:pt idx="3432">
                  <c:v>39958</c:v>
                </c:pt>
                <c:pt idx="3433">
                  <c:v>39959</c:v>
                </c:pt>
                <c:pt idx="3434">
                  <c:v>39960</c:v>
                </c:pt>
                <c:pt idx="3435">
                  <c:v>39961</c:v>
                </c:pt>
                <c:pt idx="3436">
                  <c:v>39962</c:v>
                </c:pt>
                <c:pt idx="3437">
                  <c:v>39963</c:v>
                </c:pt>
                <c:pt idx="3438">
                  <c:v>39964</c:v>
                </c:pt>
                <c:pt idx="3439">
                  <c:v>39965</c:v>
                </c:pt>
                <c:pt idx="3440">
                  <c:v>39966</c:v>
                </c:pt>
                <c:pt idx="3441">
                  <c:v>39967</c:v>
                </c:pt>
                <c:pt idx="3442">
                  <c:v>39968</c:v>
                </c:pt>
                <c:pt idx="3443">
                  <c:v>39969</c:v>
                </c:pt>
                <c:pt idx="3444">
                  <c:v>39970</c:v>
                </c:pt>
                <c:pt idx="3445">
                  <c:v>39971</c:v>
                </c:pt>
                <c:pt idx="3446">
                  <c:v>39972</c:v>
                </c:pt>
                <c:pt idx="3447">
                  <c:v>39973</c:v>
                </c:pt>
                <c:pt idx="3448">
                  <c:v>39974</c:v>
                </c:pt>
                <c:pt idx="3449">
                  <c:v>39975</c:v>
                </c:pt>
                <c:pt idx="3450">
                  <c:v>39976</c:v>
                </c:pt>
                <c:pt idx="3451">
                  <c:v>39977</c:v>
                </c:pt>
                <c:pt idx="3452">
                  <c:v>39978</c:v>
                </c:pt>
                <c:pt idx="3453">
                  <c:v>39979</c:v>
                </c:pt>
                <c:pt idx="3454">
                  <c:v>39980</c:v>
                </c:pt>
                <c:pt idx="3455">
                  <c:v>39981</c:v>
                </c:pt>
                <c:pt idx="3456">
                  <c:v>39982</c:v>
                </c:pt>
                <c:pt idx="3457">
                  <c:v>39983</c:v>
                </c:pt>
                <c:pt idx="3458">
                  <c:v>39984</c:v>
                </c:pt>
                <c:pt idx="3459">
                  <c:v>39985</c:v>
                </c:pt>
                <c:pt idx="3460">
                  <c:v>39986</c:v>
                </c:pt>
                <c:pt idx="3461">
                  <c:v>39987</c:v>
                </c:pt>
                <c:pt idx="3462">
                  <c:v>39988</c:v>
                </c:pt>
                <c:pt idx="3463">
                  <c:v>39989</c:v>
                </c:pt>
                <c:pt idx="3464">
                  <c:v>39990</c:v>
                </c:pt>
                <c:pt idx="3465">
                  <c:v>39991</c:v>
                </c:pt>
                <c:pt idx="3466">
                  <c:v>39992</c:v>
                </c:pt>
                <c:pt idx="3467">
                  <c:v>39993</c:v>
                </c:pt>
                <c:pt idx="3468">
                  <c:v>39994</c:v>
                </c:pt>
                <c:pt idx="3469">
                  <c:v>39995</c:v>
                </c:pt>
                <c:pt idx="3470">
                  <c:v>39996</c:v>
                </c:pt>
                <c:pt idx="3471">
                  <c:v>39997</c:v>
                </c:pt>
                <c:pt idx="3472">
                  <c:v>39998</c:v>
                </c:pt>
                <c:pt idx="3473">
                  <c:v>39999</c:v>
                </c:pt>
                <c:pt idx="3474">
                  <c:v>40000</c:v>
                </c:pt>
                <c:pt idx="3475">
                  <c:v>40001</c:v>
                </c:pt>
                <c:pt idx="3476">
                  <c:v>40002</c:v>
                </c:pt>
                <c:pt idx="3477">
                  <c:v>40003</c:v>
                </c:pt>
                <c:pt idx="3478">
                  <c:v>40004</c:v>
                </c:pt>
                <c:pt idx="3479">
                  <c:v>40005</c:v>
                </c:pt>
                <c:pt idx="3480">
                  <c:v>40006</c:v>
                </c:pt>
                <c:pt idx="3481">
                  <c:v>40007</c:v>
                </c:pt>
                <c:pt idx="3482">
                  <c:v>40008</c:v>
                </c:pt>
                <c:pt idx="3483">
                  <c:v>40009</c:v>
                </c:pt>
                <c:pt idx="3484">
                  <c:v>40010</c:v>
                </c:pt>
                <c:pt idx="3485">
                  <c:v>40011</c:v>
                </c:pt>
                <c:pt idx="3486">
                  <c:v>40012</c:v>
                </c:pt>
                <c:pt idx="3487">
                  <c:v>40013</c:v>
                </c:pt>
                <c:pt idx="3488">
                  <c:v>40014</c:v>
                </c:pt>
                <c:pt idx="3489">
                  <c:v>40015</c:v>
                </c:pt>
                <c:pt idx="3490">
                  <c:v>40016</c:v>
                </c:pt>
                <c:pt idx="3491">
                  <c:v>40017</c:v>
                </c:pt>
                <c:pt idx="3492">
                  <c:v>40018</c:v>
                </c:pt>
                <c:pt idx="3493">
                  <c:v>40019</c:v>
                </c:pt>
                <c:pt idx="3494">
                  <c:v>40020</c:v>
                </c:pt>
                <c:pt idx="3495">
                  <c:v>40021</c:v>
                </c:pt>
                <c:pt idx="3496">
                  <c:v>40022</c:v>
                </c:pt>
                <c:pt idx="3497">
                  <c:v>40023</c:v>
                </c:pt>
                <c:pt idx="3498">
                  <c:v>40024</c:v>
                </c:pt>
                <c:pt idx="3499">
                  <c:v>40025</c:v>
                </c:pt>
                <c:pt idx="3500">
                  <c:v>40026</c:v>
                </c:pt>
                <c:pt idx="3501">
                  <c:v>40027</c:v>
                </c:pt>
                <c:pt idx="3502">
                  <c:v>40028</c:v>
                </c:pt>
                <c:pt idx="3503">
                  <c:v>40029</c:v>
                </c:pt>
                <c:pt idx="3504">
                  <c:v>40030</c:v>
                </c:pt>
                <c:pt idx="3505">
                  <c:v>40031</c:v>
                </c:pt>
                <c:pt idx="3506">
                  <c:v>40032</c:v>
                </c:pt>
                <c:pt idx="3507">
                  <c:v>40033</c:v>
                </c:pt>
                <c:pt idx="3508">
                  <c:v>40034</c:v>
                </c:pt>
                <c:pt idx="3509">
                  <c:v>40035</c:v>
                </c:pt>
                <c:pt idx="3510">
                  <c:v>40036</c:v>
                </c:pt>
                <c:pt idx="3511">
                  <c:v>40037</c:v>
                </c:pt>
                <c:pt idx="3512">
                  <c:v>40038</c:v>
                </c:pt>
                <c:pt idx="3513">
                  <c:v>40039</c:v>
                </c:pt>
                <c:pt idx="3514">
                  <c:v>40040</c:v>
                </c:pt>
                <c:pt idx="3515">
                  <c:v>40041</c:v>
                </c:pt>
                <c:pt idx="3516">
                  <c:v>40042</c:v>
                </c:pt>
                <c:pt idx="3517">
                  <c:v>40043</c:v>
                </c:pt>
                <c:pt idx="3518">
                  <c:v>40044</c:v>
                </c:pt>
                <c:pt idx="3519">
                  <c:v>40045</c:v>
                </c:pt>
                <c:pt idx="3520">
                  <c:v>40046</c:v>
                </c:pt>
                <c:pt idx="3521">
                  <c:v>40047</c:v>
                </c:pt>
                <c:pt idx="3522">
                  <c:v>40048</c:v>
                </c:pt>
                <c:pt idx="3523">
                  <c:v>40049</c:v>
                </c:pt>
                <c:pt idx="3524">
                  <c:v>40050</c:v>
                </c:pt>
                <c:pt idx="3525">
                  <c:v>40051</c:v>
                </c:pt>
                <c:pt idx="3526">
                  <c:v>40052</c:v>
                </c:pt>
                <c:pt idx="3527">
                  <c:v>40053</c:v>
                </c:pt>
                <c:pt idx="3528">
                  <c:v>40054</c:v>
                </c:pt>
                <c:pt idx="3529">
                  <c:v>40055</c:v>
                </c:pt>
                <c:pt idx="3530">
                  <c:v>40056</c:v>
                </c:pt>
                <c:pt idx="3531">
                  <c:v>40057</c:v>
                </c:pt>
                <c:pt idx="3532">
                  <c:v>40058</c:v>
                </c:pt>
                <c:pt idx="3533">
                  <c:v>40059</c:v>
                </c:pt>
                <c:pt idx="3534">
                  <c:v>40060</c:v>
                </c:pt>
                <c:pt idx="3535">
                  <c:v>40061</c:v>
                </c:pt>
                <c:pt idx="3536">
                  <c:v>40062</c:v>
                </c:pt>
                <c:pt idx="3537">
                  <c:v>40063</c:v>
                </c:pt>
                <c:pt idx="3538">
                  <c:v>40064</c:v>
                </c:pt>
                <c:pt idx="3539">
                  <c:v>40065</c:v>
                </c:pt>
                <c:pt idx="3540">
                  <c:v>40066</c:v>
                </c:pt>
                <c:pt idx="3541">
                  <c:v>40067</c:v>
                </c:pt>
                <c:pt idx="3542">
                  <c:v>40068</c:v>
                </c:pt>
                <c:pt idx="3543">
                  <c:v>40069</c:v>
                </c:pt>
                <c:pt idx="3544">
                  <c:v>40070</c:v>
                </c:pt>
                <c:pt idx="3545">
                  <c:v>40071</c:v>
                </c:pt>
                <c:pt idx="3546">
                  <c:v>40072</c:v>
                </c:pt>
                <c:pt idx="3547">
                  <c:v>40073</c:v>
                </c:pt>
                <c:pt idx="3548">
                  <c:v>40074</c:v>
                </c:pt>
                <c:pt idx="3549">
                  <c:v>40075</c:v>
                </c:pt>
                <c:pt idx="3550">
                  <c:v>40076</c:v>
                </c:pt>
                <c:pt idx="3551">
                  <c:v>40077</c:v>
                </c:pt>
                <c:pt idx="3552">
                  <c:v>40078</c:v>
                </c:pt>
                <c:pt idx="3553">
                  <c:v>40079</c:v>
                </c:pt>
                <c:pt idx="3554">
                  <c:v>40080</c:v>
                </c:pt>
                <c:pt idx="3555">
                  <c:v>40081</c:v>
                </c:pt>
                <c:pt idx="3556">
                  <c:v>40082</c:v>
                </c:pt>
                <c:pt idx="3557">
                  <c:v>40083</c:v>
                </c:pt>
                <c:pt idx="3558">
                  <c:v>40084</c:v>
                </c:pt>
                <c:pt idx="3559">
                  <c:v>40085</c:v>
                </c:pt>
                <c:pt idx="3560">
                  <c:v>40086</c:v>
                </c:pt>
                <c:pt idx="3561">
                  <c:v>40087</c:v>
                </c:pt>
                <c:pt idx="3562">
                  <c:v>40088</c:v>
                </c:pt>
                <c:pt idx="3563">
                  <c:v>40089</c:v>
                </c:pt>
                <c:pt idx="3564">
                  <c:v>40090</c:v>
                </c:pt>
                <c:pt idx="3565">
                  <c:v>40091</c:v>
                </c:pt>
                <c:pt idx="3566">
                  <c:v>40092</c:v>
                </c:pt>
                <c:pt idx="3567">
                  <c:v>40093</c:v>
                </c:pt>
                <c:pt idx="3568">
                  <c:v>40094</c:v>
                </c:pt>
                <c:pt idx="3569">
                  <c:v>40095</c:v>
                </c:pt>
                <c:pt idx="3570">
                  <c:v>40096</c:v>
                </c:pt>
                <c:pt idx="3571">
                  <c:v>40097</c:v>
                </c:pt>
                <c:pt idx="3572">
                  <c:v>40098</c:v>
                </c:pt>
                <c:pt idx="3573">
                  <c:v>40099</c:v>
                </c:pt>
                <c:pt idx="3574">
                  <c:v>40100</c:v>
                </c:pt>
                <c:pt idx="3575">
                  <c:v>40101</c:v>
                </c:pt>
                <c:pt idx="3576">
                  <c:v>40102</c:v>
                </c:pt>
                <c:pt idx="3577">
                  <c:v>40103</c:v>
                </c:pt>
                <c:pt idx="3578">
                  <c:v>40104</c:v>
                </c:pt>
                <c:pt idx="3579">
                  <c:v>40105</c:v>
                </c:pt>
                <c:pt idx="3580">
                  <c:v>40106</c:v>
                </c:pt>
                <c:pt idx="3581">
                  <c:v>40107</c:v>
                </c:pt>
                <c:pt idx="3582">
                  <c:v>40108</c:v>
                </c:pt>
                <c:pt idx="3583">
                  <c:v>40109</c:v>
                </c:pt>
                <c:pt idx="3584">
                  <c:v>40110</c:v>
                </c:pt>
                <c:pt idx="3585">
                  <c:v>40111</c:v>
                </c:pt>
                <c:pt idx="3586">
                  <c:v>40112</c:v>
                </c:pt>
                <c:pt idx="3587">
                  <c:v>40113</c:v>
                </c:pt>
                <c:pt idx="3588">
                  <c:v>40114</c:v>
                </c:pt>
                <c:pt idx="3589">
                  <c:v>40115</c:v>
                </c:pt>
                <c:pt idx="3590">
                  <c:v>40116</c:v>
                </c:pt>
                <c:pt idx="3591">
                  <c:v>40117</c:v>
                </c:pt>
                <c:pt idx="3592">
                  <c:v>40118</c:v>
                </c:pt>
                <c:pt idx="3593">
                  <c:v>40119</c:v>
                </c:pt>
                <c:pt idx="3594">
                  <c:v>40120</c:v>
                </c:pt>
                <c:pt idx="3595">
                  <c:v>40121</c:v>
                </c:pt>
                <c:pt idx="3596">
                  <c:v>40122</c:v>
                </c:pt>
                <c:pt idx="3597">
                  <c:v>40123</c:v>
                </c:pt>
                <c:pt idx="3598">
                  <c:v>40124</c:v>
                </c:pt>
                <c:pt idx="3599">
                  <c:v>40125</c:v>
                </c:pt>
                <c:pt idx="3600">
                  <c:v>40126</c:v>
                </c:pt>
                <c:pt idx="3601">
                  <c:v>40127</c:v>
                </c:pt>
                <c:pt idx="3602">
                  <c:v>40128</c:v>
                </c:pt>
                <c:pt idx="3603">
                  <c:v>40129</c:v>
                </c:pt>
                <c:pt idx="3604">
                  <c:v>40130</c:v>
                </c:pt>
                <c:pt idx="3605">
                  <c:v>40131</c:v>
                </c:pt>
                <c:pt idx="3606">
                  <c:v>40132</c:v>
                </c:pt>
                <c:pt idx="3607">
                  <c:v>40133</c:v>
                </c:pt>
                <c:pt idx="3608">
                  <c:v>40134</c:v>
                </c:pt>
                <c:pt idx="3609">
                  <c:v>40135</c:v>
                </c:pt>
                <c:pt idx="3610">
                  <c:v>40136</c:v>
                </c:pt>
                <c:pt idx="3611">
                  <c:v>40137</c:v>
                </c:pt>
                <c:pt idx="3612">
                  <c:v>40138</c:v>
                </c:pt>
                <c:pt idx="3613">
                  <c:v>40139</c:v>
                </c:pt>
                <c:pt idx="3614">
                  <c:v>40140</c:v>
                </c:pt>
                <c:pt idx="3615">
                  <c:v>40141</c:v>
                </c:pt>
                <c:pt idx="3616">
                  <c:v>40142</c:v>
                </c:pt>
                <c:pt idx="3617">
                  <c:v>40143</c:v>
                </c:pt>
                <c:pt idx="3618">
                  <c:v>40144</c:v>
                </c:pt>
                <c:pt idx="3619">
                  <c:v>40145</c:v>
                </c:pt>
                <c:pt idx="3620">
                  <c:v>40146</c:v>
                </c:pt>
                <c:pt idx="3621">
                  <c:v>40147</c:v>
                </c:pt>
                <c:pt idx="3622">
                  <c:v>40148</c:v>
                </c:pt>
                <c:pt idx="3623">
                  <c:v>40149</c:v>
                </c:pt>
                <c:pt idx="3624">
                  <c:v>40150</c:v>
                </c:pt>
                <c:pt idx="3625">
                  <c:v>40151</c:v>
                </c:pt>
                <c:pt idx="3626">
                  <c:v>40152</c:v>
                </c:pt>
                <c:pt idx="3627">
                  <c:v>40153</c:v>
                </c:pt>
                <c:pt idx="3628">
                  <c:v>40154</c:v>
                </c:pt>
                <c:pt idx="3629">
                  <c:v>40155</c:v>
                </c:pt>
                <c:pt idx="3630">
                  <c:v>40156</c:v>
                </c:pt>
                <c:pt idx="3631">
                  <c:v>40157</c:v>
                </c:pt>
                <c:pt idx="3632">
                  <c:v>40158</c:v>
                </c:pt>
                <c:pt idx="3633">
                  <c:v>40159</c:v>
                </c:pt>
                <c:pt idx="3634">
                  <c:v>40160</c:v>
                </c:pt>
                <c:pt idx="3635">
                  <c:v>40161</c:v>
                </c:pt>
                <c:pt idx="3636">
                  <c:v>40162</c:v>
                </c:pt>
                <c:pt idx="3637">
                  <c:v>40163</c:v>
                </c:pt>
                <c:pt idx="3638">
                  <c:v>40164</c:v>
                </c:pt>
                <c:pt idx="3639">
                  <c:v>40165</c:v>
                </c:pt>
                <c:pt idx="3640">
                  <c:v>40166</c:v>
                </c:pt>
                <c:pt idx="3641">
                  <c:v>40167</c:v>
                </c:pt>
                <c:pt idx="3642">
                  <c:v>40168</c:v>
                </c:pt>
                <c:pt idx="3643">
                  <c:v>40169</c:v>
                </c:pt>
                <c:pt idx="3644">
                  <c:v>40170</c:v>
                </c:pt>
                <c:pt idx="3645">
                  <c:v>40171</c:v>
                </c:pt>
                <c:pt idx="3646">
                  <c:v>40172</c:v>
                </c:pt>
                <c:pt idx="3647">
                  <c:v>40173</c:v>
                </c:pt>
                <c:pt idx="3648">
                  <c:v>40174</c:v>
                </c:pt>
                <c:pt idx="3649">
                  <c:v>40175</c:v>
                </c:pt>
                <c:pt idx="3650">
                  <c:v>40176</c:v>
                </c:pt>
                <c:pt idx="3651">
                  <c:v>40177</c:v>
                </c:pt>
                <c:pt idx="3652">
                  <c:v>40178</c:v>
                </c:pt>
                <c:pt idx="3653">
                  <c:v>40179</c:v>
                </c:pt>
                <c:pt idx="3654">
                  <c:v>40180</c:v>
                </c:pt>
                <c:pt idx="3655">
                  <c:v>40181</c:v>
                </c:pt>
                <c:pt idx="3656">
                  <c:v>40182</c:v>
                </c:pt>
                <c:pt idx="3657">
                  <c:v>40183</c:v>
                </c:pt>
                <c:pt idx="3658">
                  <c:v>40184</c:v>
                </c:pt>
                <c:pt idx="3659">
                  <c:v>40185</c:v>
                </c:pt>
                <c:pt idx="3660">
                  <c:v>40186</c:v>
                </c:pt>
                <c:pt idx="3661">
                  <c:v>40187</c:v>
                </c:pt>
                <c:pt idx="3662">
                  <c:v>40188</c:v>
                </c:pt>
                <c:pt idx="3663">
                  <c:v>40189</c:v>
                </c:pt>
                <c:pt idx="3664">
                  <c:v>40190</c:v>
                </c:pt>
                <c:pt idx="3665">
                  <c:v>40191</c:v>
                </c:pt>
                <c:pt idx="3666">
                  <c:v>40192</c:v>
                </c:pt>
                <c:pt idx="3667">
                  <c:v>40193</c:v>
                </c:pt>
                <c:pt idx="3668">
                  <c:v>40194</c:v>
                </c:pt>
                <c:pt idx="3669">
                  <c:v>40195</c:v>
                </c:pt>
                <c:pt idx="3670">
                  <c:v>40196</c:v>
                </c:pt>
                <c:pt idx="3671">
                  <c:v>40197</c:v>
                </c:pt>
                <c:pt idx="3672">
                  <c:v>40198</c:v>
                </c:pt>
                <c:pt idx="3673">
                  <c:v>40199</c:v>
                </c:pt>
                <c:pt idx="3674">
                  <c:v>40200</c:v>
                </c:pt>
                <c:pt idx="3675">
                  <c:v>40201</c:v>
                </c:pt>
                <c:pt idx="3676">
                  <c:v>40202</c:v>
                </c:pt>
                <c:pt idx="3677">
                  <c:v>40203</c:v>
                </c:pt>
                <c:pt idx="3678">
                  <c:v>40204</c:v>
                </c:pt>
                <c:pt idx="3679">
                  <c:v>40205</c:v>
                </c:pt>
                <c:pt idx="3680">
                  <c:v>40206</c:v>
                </c:pt>
                <c:pt idx="3681">
                  <c:v>40207</c:v>
                </c:pt>
                <c:pt idx="3682">
                  <c:v>40208</c:v>
                </c:pt>
                <c:pt idx="3683">
                  <c:v>40209</c:v>
                </c:pt>
                <c:pt idx="3684">
                  <c:v>40210</c:v>
                </c:pt>
                <c:pt idx="3685">
                  <c:v>40211</c:v>
                </c:pt>
                <c:pt idx="3686">
                  <c:v>40212</c:v>
                </c:pt>
                <c:pt idx="3687">
                  <c:v>40213</c:v>
                </c:pt>
                <c:pt idx="3688">
                  <c:v>40214</c:v>
                </c:pt>
                <c:pt idx="3689">
                  <c:v>40215</c:v>
                </c:pt>
                <c:pt idx="3690">
                  <c:v>40216</c:v>
                </c:pt>
                <c:pt idx="3691">
                  <c:v>40217</c:v>
                </c:pt>
                <c:pt idx="3692">
                  <c:v>40218</c:v>
                </c:pt>
                <c:pt idx="3693">
                  <c:v>40219</c:v>
                </c:pt>
                <c:pt idx="3694">
                  <c:v>40220</c:v>
                </c:pt>
                <c:pt idx="3695">
                  <c:v>40221</c:v>
                </c:pt>
                <c:pt idx="3696">
                  <c:v>40222</c:v>
                </c:pt>
                <c:pt idx="3697">
                  <c:v>40223</c:v>
                </c:pt>
                <c:pt idx="3698">
                  <c:v>40224</c:v>
                </c:pt>
                <c:pt idx="3699">
                  <c:v>40225</c:v>
                </c:pt>
                <c:pt idx="3700">
                  <c:v>40226</c:v>
                </c:pt>
                <c:pt idx="3701">
                  <c:v>40227</c:v>
                </c:pt>
                <c:pt idx="3702">
                  <c:v>40228</c:v>
                </c:pt>
                <c:pt idx="3703">
                  <c:v>40229</c:v>
                </c:pt>
                <c:pt idx="3704">
                  <c:v>40230</c:v>
                </c:pt>
                <c:pt idx="3705">
                  <c:v>40231</c:v>
                </c:pt>
                <c:pt idx="3706">
                  <c:v>40232</c:v>
                </c:pt>
                <c:pt idx="3707">
                  <c:v>40233</c:v>
                </c:pt>
                <c:pt idx="3708">
                  <c:v>40234</c:v>
                </c:pt>
                <c:pt idx="3709">
                  <c:v>40235</c:v>
                </c:pt>
                <c:pt idx="3710">
                  <c:v>40236</c:v>
                </c:pt>
                <c:pt idx="3711">
                  <c:v>40237</c:v>
                </c:pt>
                <c:pt idx="3712">
                  <c:v>40238</c:v>
                </c:pt>
                <c:pt idx="3713">
                  <c:v>40239</c:v>
                </c:pt>
                <c:pt idx="3714">
                  <c:v>40240</c:v>
                </c:pt>
                <c:pt idx="3715">
                  <c:v>40241</c:v>
                </c:pt>
                <c:pt idx="3716">
                  <c:v>40242</c:v>
                </c:pt>
                <c:pt idx="3717">
                  <c:v>40243</c:v>
                </c:pt>
                <c:pt idx="3718">
                  <c:v>40244</c:v>
                </c:pt>
                <c:pt idx="3719">
                  <c:v>40245</c:v>
                </c:pt>
                <c:pt idx="3720">
                  <c:v>40246</c:v>
                </c:pt>
                <c:pt idx="3721">
                  <c:v>40247</c:v>
                </c:pt>
                <c:pt idx="3722">
                  <c:v>40248</c:v>
                </c:pt>
                <c:pt idx="3723">
                  <c:v>40249</c:v>
                </c:pt>
                <c:pt idx="3724">
                  <c:v>40250</c:v>
                </c:pt>
                <c:pt idx="3725">
                  <c:v>40251</c:v>
                </c:pt>
                <c:pt idx="3726">
                  <c:v>40252</c:v>
                </c:pt>
                <c:pt idx="3727">
                  <c:v>40253</c:v>
                </c:pt>
                <c:pt idx="3728">
                  <c:v>40254</c:v>
                </c:pt>
                <c:pt idx="3729">
                  <c:v>40255</c:v>
                </c:pt>
                <c:pt idx="3730">
                  <c:v>40256</c:v>
                </c:pt>
                <c:pt idx="3731">
                  <c:v>40257</c:v>
                </c:pt>
                <c:pt idx="3732">
                  <c:v>40258</c:v>
                </c:pt>
                <c:pt idx="3733">
                  <c:v>40259</c:v>
                </c:pt>
                <c:pt idx="3734">
                  <c:v>40260</c:v>
                </c:pt>
                <c:pt idx="3735">
                  <c:v>40261</c:v>
                </c:pt>
                <c:pt idx="3736">
                  <c:v>40262</c:v>
                </c:pt>
                <c:pt idx="3737">
                  <c:v>40263</c:v>
                </c:pt>
                <c:pt idx="3738">
                  <c:v>40264</c:v>
                </c:pt>
                <c:pt idx="3739">
                  <c:v>40265</c:v>
                </c:pt>
                <c:pt idx="3740">
                  <c:v>40266</c:v>
                </c:pt>
                <c:pt idx="3741">
                  <c:v>40267</c:v>
                </c:pt>
                <c:pt idx="3742">
                  <c:v>40268</c:v>
                </c:pt>
                <c:pt idx="3743">
                  <c:v>40269</c:v>
                </c:pt>
                <c:pt idx="3744">
                  <c:v>40270</c:v>
                </c:pt>
                <c:pt idx="3745">
                  <c:v>40271</c:v>
                </c:pt>
                <c:pt idx="3746">
                  <c:v>40272</c:v>
                </c:pt>
                <c:pt idx="3747">
                  <c:v>40273</c:v>
                </c:pt>
                <c:pt idx="3748">
                  <c:v>40274</c:v>
                </c:pt>
                <c:pt idx="3749">
                  <c:v>40275</c:v>
                </c:pt>
                <c:pt idx="3750">
                  <c:v>40276</c:v>
                </c:pt>
                <c:pt idx="3751">
                  <c:v>40277</c:v>
                </c:pt>
                <c:pt idx="3752">
                  <c:v>40278</c:v>
                </c:pt>
                <c:pt idx="3753">
                  <c:v>40279</c:v>
                </c:pt>
                <c:pt idx="3754">
                  <c:v>40280</c:v>
                </c:pt>
                <c:pt idx="3755">
                  <c:v>40281</c:v>
                </c:pt>
                <c:pt idx="3756">
                  <c:v>40282</c:v>
                </c:pt>
                <c:pt idx="3757">
                  <c:v>40283</c:v>
                </c:pt>
                <c:pt idx="3758">
                  <c:v>40284</c:v>
                </c:pt>
                <c:pt idx="3759">
                  <c:v>40285</c:v>
                </c:pt>
                <c:pt idx="3760">
                  <c:v>40286</c:v>
                </c:pt>
                <c:pt idx="3761">
                  <c:v>40287</c:v>
                </c:pt>
                <c:pt idx="3762">
                  <c:v>40288</c:v>
                </c:pt>
                <c:pt idx="3763">
                  <c:v>40289</c:v>
                </c:pt>
                <c:pt idx="3764">
                  <c:v>40290</c:v>
                </c:pt>
                <c:pt idx="3765">
                  <c:v>40291</c:v>
                </c:pt>
                <c:pt idx="3766">
                  <c:v>40292</c:v>
                </c:pt>
                <c:pt idx="3767">
                  <c:v>40293</c:v>
                </c:pt>
                <c:pt idx="3768">
                  <c:v>40294</c:v>
                </c:pt>
                <c:pt idx="3769">
                  <c:v>40295</c:v>
                </c:pt>
                <c:pt idx="3770">
                  <c:v>40296</c:v>
                </c:pt>
                <c:pt idx="3771">
                  <c:v>40297</c:v>
                </c:pt>
                <c:pt idx="3772">
                  <c:v>40298</c:v>
                </c:pt>
                <c:pt idx="3773">
                  <c:v>40299</c:v>
                </c:pt>
                <c:pt idx="3774">
                  <c:v>40300</c:v>
                </c:pt>
                <c:pt idx="3775">
                  <c:v>40301</c:v>
                </c:pt>
                <c:pt idx="3776">
                  <c:v>40302</c:v>
                </c:pt>
                <c:pt idx="3777">
                  <c:v>40303</c:v>
                </c:pt>
                <c:pt idx="3778">
                  <c:v>40304</c:v>
                </c:pt>
                <c:pt idx="3779">
                  <c:v>40305</c:v>
                </c:pt>
                <c:pt idx="3780">
                  <c:v>40306</c:v>
                </c:pt>
                <c:pt idx="3781">
                  <c:v>40307</c:v>
                </c:pt>
                <c:pt idx="3782">
                  <c:v>40308</c:v>
                </c:pt>
                <c:pt idx="3783">
                  <c:v>40309</c:v>
                </c:pt>
                <c:pt idx="3784">
                  <c:v>40310</c:v>
                </c:pt>
                <c:pt idx="3785">
                  <c:v>40311</c:v>
                </c:pt>
                <c:pt idx="3786">
                  <c:v>40312</c:v>
                </c:pt>
                <c:pt idx="3787">
                  <c:v>40313</c:v>
                </c:pt>
                <c:pt idx="3788">
                  <c:v>40314</c:v>
                </c:pt>
                <c:pt idx="3789">
                  <c:v>40315</c:v>
                </c:pt>
                <c:pt idx="3790">
                  <c:v>40316</c:v>
                </c:pt>
                <c:pt idx="3791">
                  <c:v>40317</c:v>
                </c:pt>
                <c:pt idx="3792">
                  <c:v>40318</c:v>
                </c:pt>
                <c:pt idx="3793">
                  <c:v>40319</c:v>
                </c:pt>
                <c:pt idx="3794">
                  <c:v>40320</c:v>
                </c:pt>
                <c:pt idx="3795">
                  <c:v>40321</c:v>
                </c:pt>
                <c:pt idx="3796">
                  <c:v>40322</c:v>
                </c:pt>
                <c:pt idx="3797">
                  <c:v>40323</c:v>
                </c:pt>
                <c:pt idx="3798">
                  <c:v>40324</c:v>
                </c:pt>
                <c:pt idx="3799">
                  <c:v>40325</c:v>
                </c:pt>
                <c:pt idx="3800">
                  <c:v>40326</c:v>
                </c:pt>
                <c:pt idx="3801">
                  <c:v>40327</c:v>
                </c:pt>
                <c:pt idx="3802">
                  <c:v>40328</c:v>
                </c:pt>
                <c:pt idx="3803">
                  <c:v>40329</c:v>
                </c:pt>
                <c:pt idx="3804">
                  <c:v>40330</c:v>
                </c:pt>
                <c:pt idx="3805">
                  <c:v>40331</c:v>
                </c:pt>
                <c:pt idx="3806">
                  <c:v>40332</c:v>
                </c:pt>
                <c:pt idx="3807">
                  <c:v>40333</c:v>
                </c:pt>
                <c:pt idx="3808">
                  <c:v>40334</c:v>
                </c:pt>
                <c:pt idx="3809">
                  <c:v>40335</c:v>
                </c:pt>
                <c:pt idx="3810">
                  <c:v>40336</c:v>
                </c:pt>
                <c:pt idx="3811">
                  <c:v>40337</c:v>
                </c:pt>
                <c:pt idx="3812">
                  <c:v>40338</c:v>
                </c:pt>
                <c:pt idx="3813">
                  <c:v>40339</c:v>
                </c:pt>
                <c:pt idx="3814">
                  <c:v>40340</c:v>
                </c:pt>
                <c:pt idx="3815">
                  <c:v>40341</c:v>
                </c:pt>
                <c:pt idx="3816">
                  <c:v>40342</c:v>
                </c:pt>
                <c:pt idx="3817">
                  <c:v>40343</c:v>
                </c:pt>
                <c:pt idx="3818">
                  <c:v>40344</c:v>
                </c:pt>
                <c:pt idx="3819">
                  <c:v>40345</c:v>
                </c:pt>
                <c:pt idx="3820">
                  <c:v>40346</c:v>
                </c:pt>
                <c:pt idx="3821">
                  <c:v>40347</c:v>
                </c:pt>
                <c:pt idx="3822">
                  <c:v>40348</c:v>
                </c:pt>
                <c:pt idx="3823">
                  <c:v>40349</c:v>
                </c:pt>
                <c:pt idx="3824">
                  <c:v>40350</c:v>
                </c:pt>
                <c:pt idx="3825">
                  <c:v>40351</c:v>
                </c:pt>
                <c:pt idx="3826">
                  <c:v>40352</c:v>
                </c:pt>
                <c:pt idx="3827">
                  <c:v>40353</c:v>
                </c:pt>
                <c:pt idx="3828">
                  <c:v>40354</c:v>
                </c:pt>
                <c:pt idx="3829">
                  <c:v>40355</c:v>
                </c:pt>
                <c:pt idx="3830">
                  <c:v>40356</c:v>
                </c:pt>
                <c:pt idx="3831">
                  <c:v>40357</c:v>
                </c:pt>
                <c:pt idx="3832">
                  <c:v>40358</c:v>
                </c:pt>
                <c:pt idx="3833">
                  <c:v>40359</c:v>
                </c:pt>
                <c:pt idx="3834">
                  <c:v>40360</c:v>
                </c:pt>
                <c:pt idx="3835">
                  <c:v>40361</c:v>
                </c:pt>
                <c:pt idx="3836">
                  <c:v>40362</c:v>
                </c:pt>
                <c:pt idx="3837">
                  <c:v>40363</c:v>
                </c:pt>
                <c:pt idx="3838">
                  <c:v>40364</c:v>
                </c:pt>
                <c:pt idx="3839">
                  <c:v>40365</c:v>
                </c:pt>
                <c:pt idx="3840">
                  <c:v>40366</c:v>
                </c:pt>
                <c:pt idx="3841">
                  <c:v>40367</c:v>
                </c:pt>
                <c:pt idx="3842">
                  <c:v>40368</c:v>
                </c:pt>
                <c:pt idx="3843">
                  <c:v>40369</c:v>
                </c:pt>
                <c:pt idx="3844">
                  <c:v>40370</c:v>
                </c:pt>
                <c:pt idx="3845">
                  <c:v>40371</c:v>
                </c:pt>
                <c:pt idx="3846">
                  <c:v>40372</c:v>
                </c:pt>
                <c:pt idx="3847">
                  <c:v>40373</c:v>
                </c:pt>
                <c:pt idx="3848">
                  <c:v>40374</c:v>
                </c:pt>
                <c:pt idx="3849">
                  <c:v>40375</c:v>
                </c:pt>
                <c:pt idx="3850">
                  <c:v>40376</c:v>
                </c:pt>
                <c:pt idx="3851">
                  <c:v>40377</c:v>
                </c:pt>
                <c:pt idx="3852">
                  <c:v>40378</c:v>
                </c:pt>
                <c:pt idx="3853">
                  <c:v>40379</c:v>
                </c:pt>
                <c:pt idx="3854">
                  <c:v>40380</c:v>
                </c:pt>
                <c:pt idx="3855">
                  <c:v>40381</c:v>
                </c:pt>
                <c:pt idx="3856">
                  <c:v>40382</c:v>
                </c:pt>
                <c:pt idx="3857">
                  <c:v>40383</c:v>
                </c:pt>
                <c:pt idx="3858">
                  <c:v>40384</c:v>
                </c:pt>
                <c:pt idx="3859">
                  <c:v>40385</c:v>
                </c:pt>
                <c:pt idx="3860">
                  <c:v>40386</c:v>
                </c:pt>
                <c:pt idx="3861">
                  <c:v>40387</c:v>
                </c:pt>
                <c:pt idx="3862">
                  <c:v>40388</c:v>
                </c:pt>
                <c:pt idx="3863">
                  <c:v>40389</c:v>
                </c:pt>
                <c:pt idx="3864">
                  <c:v>40390</c:v>
                </c:pt>
                <c:pt idx="3865">
                  <c:v>40391</c:v>
                </c:pt>
                <c:pt idx="3866">
                  <c:v>40392</c:v>
                </c:pt>
                <c:pt idx="3867">
                  <c:v>40393</c:v>
                </c:pt>
                <c:pt idx="3868">
                  <c:v>40394</c:v>
                </c:pt>
                <c:pt idx="3869">
                  <c:v>40395</c:v>
                </c:pt>
                <c:pt idx="3870">
                  <c:v>40396</c:v>
                </c:pt>
                <c:pt idx="3871">
                  <c:v>40397</c:v>
                </c:pt>
                <c:pt idx="3872">
                  <c:v>40398</c:v>
                </c:pt>
                <c:pt idx="3873">
                  <c:v>40399</c:v>
                </c:pt>
                <c:pt idx="3874">
                  <c:v>40400</c:v>
                </c:pt>
                <c:pt idx="3875">
                  <c:v>40401</c:v>
                </c:pt>
                <c:pt idx="3876">
                  <c:v>40402</c:v>
                </c:pt>
                <c:pt idx="3877">
                  <c:v>40403</c:v>
                </c:pt>
                <c:pt idx="3878">
                  <c:v>40404</c:v>
                </c:pt>
                <c:pt idx="3879">
                  <c:v>40405</c:v>
                </c:pt>
                <c:pt idx="3880">
                  <c:v>40406</c:v>
                </c:pt>
                <c:pt idx="3881">
                  <c:v>40407</c:v>
                </c:pt>
                <c:pt idx="3882">
                  <c:v>40408</c:v>
                </c:pt>
                <c:pt idx="3883">
                  <c:v>40409</c:v>
                </c:pt>
                <c:pt idx="3884">
                  <c:v>40410</c:v>
                </c:pt>
                <c:pt idx="3885">
                  <c:v>40411</c:v>
                </c:pt>
                <c:pt idx="3886">
                  <c:v>40412</c:v>
                </c:pt>
                <c:pt idx="3887">
                  <c:v>40413</c:v>
                </c:pt>
                <c:pt idx="3888">
                  <c:v>40414</c:v>
                </c:pt>
                <c:pt idx="3889">
                  <c:v>40415</c:v>
                </c:pt>
                <c:pt idx="3890">
                  <c:v>40416</c:v>
                </c:pt>
                <c:pt idx="3891">
                  <c:v>40417</c:v>
                </c:pt>
                <c:pt idx="3892">
                  <c:v>40418</c:v>
                </c:pt>
                <c:pt idx="3893">
                  <c:v>40419</c:v>
                </c:pt>
                <c:pt idx="3894">
                  <c:v>40420</c:v>
                </c:pt>
                <c:pt idx="3895">
                  <c:v>40421</c:v>
                </c:pt>
                <c:pt idx="3896">
                  <c:v>40422</c:v>
                </c:pt>
                <c:pt idx="3897">
                  <c:v>40423</c:v>
                </c:pt>
                <c:pt idx="3898">
                  <c:v>40424</c:v>
                </c:pt>
                <c:pt idx="3899">
                  <c:v>40425</c:v>
                </c:pt>
                <c:pt idx="3900">
                  <c:v>40426</c:v>
                </c:pt>
                <c:pt idx="3901">
                  <c:v>40427</c:v>
                </c:pt>
                <c:pt idx="3902">
                  <c:v>40428</c:v>
                </c:pt>
                <c:pt idx="3903">
                  <c:v>40429</c:v>
                </c:pt>
                <c:pt idx="3904">
                  <c:v>40430</c:v>
                </c:pt>
                <c:pt idx="3905">
                  <c:v>40431</c:v>
                </c:pt>
                <c:pt idx="3906">
                  <c:v>40432</c:v>
                </c:pt>
                <c:pt idx="3907">
                  <c:v>40433</c:v>
                </c:pt>
                <c:pt idx="3908">
                  <c:v>40434</c:v>
                </c:pt>
                <c:pt idx="3909">
                  <c:v>40435</c:v>
                </c:pt>
                <c:pt idx="3910">
                  <c:v>40436</c:v>
                </c:pt>
                <c:pt idx="3911">
                  <c:v>40437</c:v>
                </c:pt>
                <c:pt idx="3912">
                  <c:v>40438</c:v>
                </c:pt>
                <c:pt idx="3913">
                  <c:v>40439</c:v>
                </c:pt>
                <c:pt idx="3914">
                  <c:v>40440</c:v>
                </c:pt>
                <c:pt idx="3915">
                  <c:v>40441</c:v>
                </c:pt>
                <c:pt idx="3916">
                  <c:v>40442</c:v>
                </c:pt>
                <c:pt idx="3917">
                  <c:v>40443</c:v>
                </c:pt>
                <c:pt idx="3918">
                  <c:v>40444</c:v>
                </c:pt>
                <c:pt idx="3919">
                  <c:v>40445</c:v>
                </c:pt>
                <c:pt idx="3920">
                  <c:v>40446</c:v>
                </c:pt>
                <c:pt idx="3921">
                  <c:v>40447</c:v>
                </c:pt>
                <c:pt idx="3922">
                  <c:v>40448</c:v>
                </c:pt>
                <c:pt idx="3923">
                  <c:v>40449</c:v>
                </c:pt>
                <c:pt idx="3924">
                  <c:v>40450</c:v>
                </c:pt>
                <c:pt idx="3925">
                  <c:v>40451</c:v>
                </c:pt>
                <c:pt idx="3926">
                  <c:v>40452</c:v>
                </c:pt>
                <c:pt idx="3927">
                  <c:v>40453</c:v>
                </c:pt>
                <c:pt idx="3928">
                  <c:v>40454</c:v>
                </c:pt>
                <c:pt idx="3929">
                  <c:v>40455</c:v>
                </c:pt>
                <c:pt idx="3930">
                  <c:v>40456</c:v>
                </c:pt>
                <c:pt idx="3931">
                  <c:v>40457</c:v>
                </c:pt>
                <c:pt idx="3932">
                  <c:v>40458</c:v>
                </c:pt>
                <c:pt idx="3933">
                  <c:v>40459</c:v>
                </c:pt>
                <c:pt idx="3934">
                  <c:v>40460</c:v>
                </c:pt>
                <c:pt idx="3935">
                  <c:v>40461</c:v>
                </c:pt>
                <c:pt idx="3936">
                  <c:v>40462</c:v>
                </c:pt>
                <c:pt idx="3937">
                  <c:v>40463</c:v>
                </c:pt>
                <c:pt idx="3938">
                  <c:v>40464</c:v>
                </c:pt>
                <c:pt idx="3939">
                  <c:v>40465</c:v>
                </c:pt>
                <c:pt idx="3940">
                  <c:v>40466</c:v>
                </c:pt>
                <c:pt idx="3941">
                  <c:v>40467</c:v>
                </c:pt>
                <c:pt idx="3942">
                  <c:v>40468</c:v>
                </c:pt>
                <c:pt idx="3943">
                  <c:v>40469</c:v>
                </c:pt>
                <c:pt idx="3944">
                  <c:v>40470</c:v>
                </c:pt>
                <c:pt idx="3945">
                  <c:v>40471</c:v>
                </c:pt>
                <c:pt idx="3946">
                  <c:v>40472</c:v>
                </c:pt>
                <c:pt idx="3947">
                  <c:v>40473</c:v>
                </c:pt>
                <c:pt idx="3948">
                  <c:v>40474</c:v>
                </c:pt>
                <c:pt idx="3949">
                  <c:v>40475</c:v>
                </c:pt>
                <c:pt idx="3950">
                  <c:v>40476</c:v>
                </c:pt>
                <c:pt idx="3951">
                  <c:v>40477</c:v>
                </c:pt>
                <c:pt idx="3952">
                  <c:v>40478</c:v>
                </c:pt>
                <c:pt idx="3953">
                  <c:v>40479</c:v>
                </c:pt>
                <c:pt idx="3954">
                  <c:v>40480</c:v>
                </c:pt>
                <c:pt idx="3955">
                  <c:v>40481</c:v>
                </c:pt>
                <c:pt idx="3956">
                  <c:v>40482</c:v>
                </c:pt>
                <c:pt idx="3957">
                  <c:v>40483</c:v>
                </c:pt>
                <c:pt idx="3958">
                  <c:v>40484</c:v>
                </c:pt>
                <c:pt idx="3959">
                  <c:v>40485</c:v>
                </c:pt>
                <c:pt idx="3960">
                  <c:v>40486</c:v>
                </c:pt>
                <c:pt idx="3961">
                  <c:v>40487</c:v>
                </c:pt>
                <c:pt idx="3962">
                  <c:v>40488</c:v>
                </c:pt>
                <c:pt idx="3963">
                  <c:v>40489</c:v>
                </c:pt>
                <c:pt idx="3964">
                  <c:v>40490</c:v>
                </c:pt>
                <c:pt idx="3965">
                  <c:v>40491</c:v>
                </c:pt>
                <c:pt idx="3966">
                  <c:v>40492</c:v>
                </c:pt>
                <c:pt idx="3967">
                  <c:v>40493</c:v>
                </c:pt>
                <c:pt idx="3968">
                  <c:v>40494</c:v>
                </c:pt>
                <c:pt idx="3969">
                  <c:v>40495</c:v>
                </c:pt>
                <c:pt idx="3970">
                  <c:v>40496</c:v>
                </c:pt>
                <c:pt idx="3971">
                  <c:v>40497</c:v>
                </c:pt>
                <c:pt idx="3972">
                  <c:v>40498</c:v>
                </c:pt>
                <c:pt idx="3973">
                  <c:v>40499</c:v>
                </c:pt>
                <c:pt idx="3974">
                  <c:v>40500</c:v>
                </c:pt>
                <c:pt idx="3975">
                  <c:v>40501</c:v>
                </c:pt>
                <c:pt idx="3976">
                  <c:v>40502</c:v>
                </c:pt>
                <c:pt idx="3977">
                  <c:v>40503</c:v>
                </c:pt>
                <c:pt idx="3978">
                  <c:v>40504</c:v>
                </c:pt>
                <c:pt idx="3979">
                  <c:v>40505</c:v>
                </c:pt>
                <c:pt idx="3980">
                  <c:v>40506</c:v>
                </c:pt>
                <c:pt idx="3981">
                  <c:v>40507</c:v>
                </c:pt>
                <c:pt idx="3982">
                  <c:v>40508</c:v>
                </c:pt>
                <c:pt idx="3983">
                  <c:v>40509</c:v>
                </c:pt>
                <c:pt idx="3984">
                  <c:v>40510</c:v>
                </c:pt>
                <c:pt idx="3985">
                  <c:v>40511</c:v>
                </c:pt>
                <c:pt idx="3986">
                  <c:v>40512</c:v>
                </c:pt>
                <c:pt idx="3987">
                  <c:v>40513</c:v>
                </c:pt>
                <c:pt idx="3988">
                  <c:v>40514</c:v>
                </c:pt>
                <c:pt idx="3989">
                  <c:v>40515</c:v>
                </c:pt>
                <c:pt idx="3990">
                  <c:v>40516</c:v>
                </c:pt>
                <c:pt idx="3991">
                  <c:v>40517</c:v>
                </c:pt>
                <c:pt idx="3992">
                  <c:v>40518</c:v>
                </c:pt>
                <c:pt idx="3993">
                  <c:v>40519</c:v>
                </c:pt>
                <c:pt idx="3994">
                  <c:v>40520</c:v>
                </c:pt>
                <c:pt idx="3995">
                  <c:v>40521</c:v>
                </c:pt>
                <c:pt idx="3996">
                  <c:v>40522</c:v>
                </c:pt>
                <c:pt idx="3997">
                  <c:v>40523</c:v>
                </c:pt>
                <c:pt idx="3998">
                  <c:v>40524</c:v>
                </c:pt>
                <c:pt idx="3999">
                  <c:v>40525</c:v>
                </c:pt>
                <c:pt idx="4000">
                  <c:v>40526</c:v>
                </c:pt>
                <c:pt idx="4001">
                  <c:v>40527</c:v>
                </c:pt>
                <c:pt idx="4002">
                  <c:v>40528</c:v>
                </c:pt>
                <c:pt idx="4003">
                  <c:v>40529</c:v>
                </c:pt>
                <c:pt idx="4004">
                  <c:v>40530</c:v>
                </c:pt>
                <c:pt idx="4005">
                  <c:v>40531</c:v>
                </c:pt>
                <c:pt idx="4006">
                  <c:v>40532</c:v>
                </c:pt>
                <c:pt idx="4007">
                  <c:v>40533</c:v>
                </c:pt>
                <c:pt idx="4008">
                  <c:v>40534</c:v>
                </c:pt>
                <c:pt idx="4009">
                  <c:v>40535</c:v>
                </c:pt>
                <c:pt idx="4010">
                  <c:v>40536</c:v>
                </c:pt>
                <c:pt idx="4011">
                  <c:v>40537</c:v>
                </c:pt>
                <c:pt idx="4012">
                  <c:v>40538</c:v>
                </c:pt>
                <c:pt idx="4013">
                  <c:v>40539</c:v>
                </c:pt>
                <c:pt idx="4014">
                  <c:v>40540</c:v>
                </c:pt>
                <c:pt idx="4015">
                  <c:v>40541</c:v>
                </c:pt>
                <c:pt idx="4016">
                  <c:v>40542</c:v>
                </c:pt>
                <c:pt idx="4017">
                  <c:v>40543</c:v>
                </c:pt>
                <c:pt idx="4018">
                  <c:v>40544</c:v>
                </c:pt>
                <c:pt idx="4019">
                  <c:v>40545</c:v>
                </c:pt>
                <c:pt idx="4020">
                  <c:v>40546</c:v>
                </c:pt>
                <c:pt idx="4021">
                  <c:v>40547</c:v>
                </c:pt>
                <c:pt idx="4022">
                  <c:v>40548</c:v>
                </c:pt>
                <c:pt idx="4023">
                  <c:v>40549</c:v>
                </c:pt>
                <c:pt idx="4024">
                  <c:v>40550</c:v>
                </c:pt>
                <c:pt idx="4025">
                  <c:v>40551</c:v>
                </c:pt>
                <c:pt idx="4026">
                  <c:v>40552</c:v>
                </c:pt>
                <c:pt idx="4027">
                  <c:v>40553</c:v>
                </c:pt>
                <c:pt idx="4028">
                  <c:v>40554</c:v>
                </c:pt>
                <c:pt idx="4029">
                  <c:v>40555</c:v>
                </c:pt>
                <c:pt idx="4030">
                  <c:v>40556</c:v>
                </c:pt>
                <c:pt idx="4031">
                  <c:v>40557</c:v>
                </c:pt>
                <c:pt idx="4032">
                  <c:v>40558</c:v>
                </c:pt>
                <c:pt idx="4033">
                  <c:v>40559</c:v>
                </c:pt>
                <c:pt idx="4034">
                  <c:v>40560</c:v>
                </c:pt>
                <c:pt idx="4035">
                  <c:v>40561</c:v>
                </c:pt>
                <c:pt idx="4036">
                  <c:v>40562</c:v>
                </c:pt>
                <c:pt idx="4037">
                  <c:v>40563</c:v>
                </c:pt>
                <c:pt idx="4038">
                  <c:v>40564</c:v>
                </c:pt>
                <c:pt idx="4039">
                  <c:v>40565</c:v>
                </c:pt>
                <c:pt idx="4040">
                  <c:v>40566</c:v>
                </c:pt>
                <c:pt idx="4041">
                  <c:v>40567</c:v>
                </c:pt>
                <c:pt idx="4042">
                  <c:v>40568</c:v>
                </c:pt>
                <c:pt idx="4043">
                  <c:v>40569</c:v>
                </c:pt>
                <c:pt idx="4044">
                  <c:v>40570</c:v>
                </c:pt>
                <c:pt idx="4045">
                  <c:v>40571</c:v>
                </c:pt>
                <c:pt idx="4046">
                  <c:v>40572</c:v>
                </c:pt>
                <c:pt idx="4047">
                  <c:v>40573</c:v>
                </c:pt>
                <c:pt idx="4048">
                  <c:v>40574</c:v>
                </c:pt>
                <c:pt idx="4049">
                  <c:v>40575</c:v>
                </c:pt>
                <c:pt idx="4050">
                  <c:v>40576</c:v>
                </c:pt>
                <c:pt idx="4051">
                  <c:v>40577</c:v>
                </c:pt>
                <c:pt idx="4052">
                  <c:v>40578</c:v>
                </c:pt>
                <c:pt idx="4053">
                  <c:v>40579</c:v>
                </c:pt>
                <c:pt idx="4054">
                  <c:v>40580</c:v>
                </c:pt>
                <c:pt idx="4055">
                  <c:v>40581</c:v>
                </c:pt>
                <c:pt idx="4056">
                  <c:v>40582</c:v>
                </c:pt>
                <c:pt idx="4057">
                  <c:v>40583</c:v>
                </c:pt>
                <c:pt idx="4058">
                  <c:v>40584</c:v>
                </c:pt>
                <c:pt idx="4059">
                  <c:v>40585</c:v>
                </c:pt>
                <c:pt idx="4060">
                  <c:v>40586</c:v>
                </c:pt>
                <c:pt idx="4061">
                  <c:v>40587</c:v>
                </c:pt>
                <c:pt idx="4062">
                  <c:v>40588</c:v>
                </c:pt>
                <c:pt idx="4063">
                  <c:v>40589</c:v>
                </c:pt>
                <c:pt idx="4064">
                  <c:v>40590</c:v>
                </c:pt>
                <c:pt idx="4065">
                  <c:v>40591</c:v>
                </c:pt>
                <c:pt idx="4066">
                  <c:v>40592</c:v>
                </c:pt>
                <c:pt idx="4067">
                  <c:v>40593</c:v>
                </c:pt>
                <c:pt idx="4068">
                  <c:v>40594</c:v>
                </c:pt>
                <c:pt idx="4069">
                  <c:v>40595</c:v>
                </c:pt>
                <c:pt idx="4070">
                  <c:v>40596</c:v>
                </c:pt>
                <c:pt idx="4071">
                  <c:v>40597</c:v>
                </c:pt>
                <c:pt idx="4072">
                  <c:v>40598</c:v>
                </c:pt>
                <c:pt idx="4073">
                  <c:v>40599</c:v>
                </c:pt>
                <c:pt idx="4074">
                  <c:v>40600</c:v>
                </c:pt>
                <c:pt idx="4075">
                  <c:v>40601</c:v>
                </c:pt>
                <c:pt idx="4076">
                  <c:v>40602</c:v>
                </c:pt>
                <c:pt idx="4077">
                  <c:v>40603</c:v>
                </c:pt>
                <c:pt idx="4078">
                  <c:v>40604</c:v>
                </c:pt>
                <c:pt idx="4079">
                  <c:v>40605</c:v>
                </c:pt>
                <c:pt idx="4080">
                  <c:v>40606</c:v>
                </c:pt>
                <c:pt idx="4081">
                  <c:v>40607</c:v>
                </c:pt>
                <c:pt idx="4082">
                  <c:v>40608</c:v>
                </c:pt>
                <c:pt idx="4083">
                  <c:v>40609</c:v>
                </c:pt>
                <c:pt idx="4084">
                  <c:v>40610</c:v>
                </c:pt>
                <c:pt idx="4085">
                  <c:v>40611</c:v>
                </c:pt>
                <c:pt idx="4086">
                  <c:v>40612</c:v>
                </c:pt>
                <c:pt idx="4087">
                  <c:v>40613</c:v>
                </c:pt>
                <c:pt idx="4088">
                  <c:v>40614</c:v>
                </c:pt>
                <c:pt idx="4089">
                  <c:v>40615</c:v>
                </c:pt>
                <c:pt idx="4090">
                  <c:v>40616</c:v>
                </c:pt>
                <c:pt idx="4091">
                  <c:v>40617</c:v>
                </c:pt>
                <c:pt idx="4092">
                  <c:v>40618</c:v>
                </c:pt>
                <c:pt idx="4093">
                  <c:v>40619</c:v>
                </c:pt>
                <c:pt idx="4094">
                  <c:v>40620</c:v>
                </c:pt>
                <c:pt idx="4095">
                  <c:v>40621</c:v>
                </c:pt>
                <c:pt idx="4096">
                  <c:v>40622</c:v>
                </c:pt>
                <c:pt idx="4097">
                  <c:v>40623</c:v>
                </c:pt>
                <c:pt idx="4098">
                  <c:v>40624</c:v>
                </c:pt>
                <c:pt idx="4099">
                  <c:v>40625</c:v>
                </c:pt>
                <c:pt idx="4100">
                  <c:v>40626</c:v>
                </c:pt>
                <c:pt idx="4101">
                  <c:v>40627</c:v>
                </c:pt>
                <c:pt idx="4102">
                  <c:v>40628</c:v>
                </c:pt>
                <c:pt idx="4103">
                  <c:v>40629</c:v>
                </c:pt>
                <c:pt idx="4104">
                  <c:v>40630</c:v>
                </c:pt>
                <c:pt idx="4105">
                  <c:v>40631</c:v>
                </c:pt>
                <c:pt idx="4106">
                  <c:v>40632</c:v>
                </c:pt>
                <c:pt idx="4107">
                  <c:v>40633</c:v>
                </c:pt>
                <c:pt idx="4108">
                  <c:v>40634</c:v>
                </c:pt>
                <c:pt idx="4109">
                  <c:v>40635</c:v>
                </c:pt>
                <c:pt idx="4110">
                  <c:v>40636</c:v>
                </c:pt>
                <c:pt idx="4111">
                  <c:v>40637</c:v>
                </c:pt>
                <c:pt idx="4112">
                  <c:v>40638</c:v>
                </c:pt>
                <c:pt idx="4113">
                  <c:v>40639</c:v>
                </c:pt>
                <c:pt idx="4114">
                  <c:v>40640</c:v>
                </c:pt>
                <c:pt idx="4115">
                  <c:v>40641</c:v>
                </c:pt>
                <c:pt idx="4116">
                  <c:v>40642</c:v>
                </c:pt>
                <c:pt idx="4117">
                  <c:v>40643</c:v>
                </c:pt>
                <c:pt idx="4118">
                  <c:v>40644</c:v>
                </c:pt>
                <c:pt idx="4119">
                  <c:v>40645</c:v>
                </c:pt>
                <c:pt idx="4120">
                  <c:v>40646</c:v>
                </c:pt>
                <c:pt idx="4121">
                  <c:v>40647</c:v>
                </c:pt>
                <c:pt idx="4122">
                  <c:v>40648</c:v>
                </c:pt>
                <c:pt idx="4123">
                  <c:v>40649</c:v>
                </c:pt>
                <c:pt idx="4124">
                  <c:v>40650</c:v>
                </c:pt>
                <c:pt idx="4125">
                  <c:v>40651</c:v>
                </c:pt>
                <c:pt idx="4126">
                  <c:v>40652</c:v>
                </c:pt>
                <c:pt idx="4127">
                  <c:v>40653</c:v>
                </c:pt>
                <c:pt idx="4128">
                  <c:v>40654</c:v>
                </c:pt>
                <c:pt idx="4129">
                  <c:v>40655</c:v>
                </c:pt>
                <c:pt idx="4130">
                  <c:v>40656</c:v>
                </c:pt>
                <c:pt idx="4131">
                  <c:v>40657</c:v>
                </c:pt>
                <c:pt idx="4132">
                  <c:v>40658</c:v>
                </c:pt>
                <c:pt idx="4133">
                  <c:v>40659</c:v>
                </c:pt>
                <c:pt idx="4134">
                  <c:v>40660</c:v>
                </c:pt>
                <c:pt idx="4135">
                  <c:v>40661</c:v>
                </c:pt>
                <c:pt idx="4136">
                  <c:v>40662</c:v>
                </c:pt>
                <c:pt idx="4137">
                  <c:v>40663</c:v>
                </c:pt>
                <c:pt idx="4138">
                  <c:v>40664</c:v>
                </c:pt>
                <c:pt idx="4139">
                  <c:v>40665</c:v>
                </c:pt>
                <c:pt idx="4140">
                  <c:v>40666</c:v>
                </c:pt>
                <c:pt idx="4141">
                  <c:v>40667</c:v>
                </c:pt>
                <c:pt idx="4142">
                  <c:v>40668</c:v>
                </c:pt>
                <c:pt idx="4143">
                  <c:v>40669</c:v>
                </c:pt>
                <c:pt idx="4144">
                  <c:v>40670</c:v>
                </c:pt>
                <c:pt idx="4145">
                  <c:v>40671</c:v>
                </c:pt>
                <c:pt idx="4146">
                  <c:v>40672</c:v>
                </c:pt>
                <c:pt idx="4147">
                  <c:v>40673</c:v>
                </c:pt>
                <c:pt idx="4148">
                  <c:v>40674</c:v>
                </c:pt>
                <c:pt idx="4149">
                  <c:v>40675</c:v>
                </c:pt>
                <c:pt idx="4150">
                  <c:v>40676</c:v>
                </c:pt>
                <c:pt idx="4151">
                  <c:v>40677</c:v>
                </c:pt>
                <c:pt idx="4152">
                  <c:v>40678</c:v>
                </c:pt>
                <c:pt idx="4153">
                  <c:v>40679</c:v>
                </c:pt>
                <c:pt idx="4154">
                  <c:v>40680</c:v>
                </c:pt>
                <c:pt idx="4155">
                  <c:v>40681</c:v>
                </c:pt>
                <c:pt idx="4156">
                  <c:v>40682</c:v>
                </c:pt>
                <c:pt idx="4157">
                  <c:v>40683</c:v>
                </c:pt>
                <c:pt idx="4158">
                  <c:v>40684</c:v>
                </c:pt>
                <c:pt idx="4159">
                  <c:v>40685</c:v>
                </c:pt>
                <c:pt idx="4160">
                  <c:v>40686</c:v>
                </c:pt>
                <c:pt idx="4161">
                  <c:v>40687</c:v>
                </c:pt>
                <c:pt idx="4162">
                  <c:v>40688</c:v>
                </c:pt>
                <c:pt idx="4163">
                  <c:v>40689</c:v>
                </c:pt>
                <c:pt idx="4164">
                  <c:v>40690</c:v>
                </c:pt>
                <c:pt idx="4165">
                  <c:v>40691</c:v>
                </c:pt>
                <c:pt idx="4166">
                  <c:v>40692</c:v>
                </c:pt>
                <c:pt idx="4167">
                  <c:v>40693</c:v>
                </c:pt>
                <c:pt idx="4168">
                  <c:v>40694</c:v>
                </c:pt>
                <c:pt idx="4169">
                  <c:v>40695</c:v>
                </c:pt>
                <c:pt idx="4170">
                  <c:v>40696</c:v>
                </c:pt>
                <c:pt idx="4171">
                  <c:v>40697</c:v>
                </c:pt>
                <c:pt idx="4172">
                  <c:v>40698</c:v>
                </c:pt>
                <c:pt idx="4173">
                  <c:v>40699</c:v>
                </c:pt>
                <c:pt idx="4174">
                  <c:v>40700</c:v>
                </c:pt>
                <c:pt idx="4175">
                  <c:v>40701</c:v>
                </c:pt>
                <c:pt idx="4176">
                  <c:v>40702</c:v>
                </c:pt>
                <c:pt idx="4177">
                  <c:v>40703</c:v>
                </c:pt>
                <c:pt idx="4178">
                  <c:v>40704</c:v>
                </c:pt>
                <c:pt idx="4179">
                  <c:v>40705</c:v>
                </c:pt>
                <c:pt idx="4180">
                  <c:v>40706</c:v>
                </c:pt>
                <c:pt idx="4181">
                  <c:v>40707</c:v>
                </c:pt>
                <c:pt idx="4182">
                  <c:v>40708</c:v>
                </c:pt>
                <c:pt idx="4183">
                  <c:v>40709</c:v>
                </c:pt>
                <c:pt idx="4184">
                  <c:v>40710</c:v>
                </c:pt>
                <c:pt idx="4185">
                  <c:v>40711</c:v>
                </c:pt>
                <c:pt idx="4186">
                  <c:v>40712</c:v>
                </c:pt>
                <c:pt idx="4187">
                  <c:v>40713</c:v>
                </c:pt>
                <c:pt idx="4188">
                  <c:v>40714</c:v>
                </c:pt>
                <c:pt idx="4189">
                  <c:v>40715</c:v>
                </c:pt>
                <c:pt idx="4190">
                  <c:v>40716</c:v>
                </c:pt>
                <c:pt idx="4191">
                  <c:v>40717</c:v>
                </c:pt>
                <c:pt idx="4192">
                  <c:v>40718</c:v>
                </c:pt>
                <c:pt idx="4193">
                  <c:v>40719</c:v>
                </c:pt>
                <c:pt idx="4194">
                  <c:v>40720</c:v>
                </c:pt>
                <c:pt idx="4195">
                  <c:v>40721</c:v>
                </c:pt>
                <c:pt idx="4196">
                  <c:v>40722</c:v>
                </c:pt>
                <c:pt idx="4197">
                  <c:v>40723</c:v>
                </c:pt>
                <c:pt idx="4198">
                  <c:v>40724</c:v>
                </c:pt>
                <c:pt idx="4199">
                  <c:v>40725</c:v>
                </c:pt>
                <c:pt idx="4200">
                  <c:v>40726</c:v>
                </c:pt>
                <c:pt idx="4201">
                  <c:v>40727</c:v>
                </c:pt>
                <c:pt idx="4202">
                  <c:v>40728</c:v>
                </c:pt>
                <c:pt idx="4203">
                  <c:v>40729</c:v>
                </c:pt>
                <c:pt idx="4204">
                  <c:v>40730</c:v>
                </c:pt>
                <c:pt idx="4205">
                  <c:v>40731</c:v>
                </c:pt>
                <c:pt idx="4206">
                  <c:v>40732</c:v>
                </c:pt>
                <c:pt idx="4207">
                  <c:v>40733</c:v>
                </c:pt>
                <c:pt idx="4208">
                  <c:v>40734</c:v>
                </c:pt>
                <c:pt idx="4209">
                  <c:v>40735</c:v>
                </c:pt>
                <c:pt idx="4210">
                  <c:v>40736</c:v>
                </c:pt>
                <c:pt idx="4211">
                  <c:v>40737</c:v>
                </c:pt>
                <c:pt idx="4212">
                  <c:v>40738</c:v>
                </c:pt>
                <c:pt idx="4213">
                  <c:v>40739</c:v>
                </c:pt>
                <c:pt idx="4214">
                  <c:v>40740</c:v>
                </c:pt>
                <c:pt idx="4215">
                  <c:v>40741</c:v>
                </c:pt>
                <c:pt idx="4216">
                  <c:v>40742</c:v>
                </c:pt>
                <c:pt idx="4217">
                  <c:v>40743</c:v>
                </c:pt>
                <c:pt idx="4218">
                  <c:v>40744</c:v>
                </c:pt>
                <c:pt idx="4219">
                  <c:v>40745</c:v>
                </c:pt>
                <c:pt idx="4220">
                  <c:v>40746</c:v>
                </c:pt>
                <c:pt idx="4221">
                  <c:v>40747</c:v>
                </c:pt>
                <c:pt idx="4222">
                  <c:v>40748</c:v>
                </c:pt>
                <c:pt idx="4223">
                  <c:v>40749</c:v>
                </c:pt>
                <c:pt idx="4224">
                  <c:v>40750</c:v>
                </c:pt>
                <c:pt idx="4225">
                  <c:v>40751</c:v>
                </c:pt>
                <c:pt idx="4226">
                  <c:v>40752</c:v>
                </c:pt>
                <c:pt idx="4227">
                  <c:v>40753</c:v>
                </c:pt>
                <c:pt idx="4228">
                  <c:v>40754</c:v>
                </c:pt>
                <c:pt idx="4229">
                  <c:v>40755</c:v>
                </c:pt>
                <c:pt idx="4230">
                  <c:v>40756</c:v>
                </c:pt>
                <c:pt idx="4231">
                  <c:v>40757</c:v>
                </c:pt>
                <c:pt idx="4232">
                  <c:v>40758</c:v>
                </c:pt>
                <c:pt idx="4233">
                  <c:v>40759</c:v>
                </c:pt>
                <c:pt idx="4234">
                  <c:v>40760</c:v>
                </c:pt>
                <c:pt idx="4235">
                  <c:v>40761</c:v>
                </c:pt>
                <c:pt idx="4236">
                  <c:v>40762</c:v>
                </c:pt>
                <c:pt idx="4237">
                  <c:v>40763</c:v>
                </c:pt>
                <c:pt idx="4238">
                  <c:v>40764</c:v>
                </c:pt>
                <c:pt idx="4239">
                  <c:v>40765</c:v>
                </c:pt>
                <c:pt idx="4240">
                  <c:v>40766</c:v>
                </c:pt>
                <c:pt idx="4241">
                  <c:v>40767</c:v>
                </c:pt>
                <c:pt idx="4242">
                  <c:v>40768</c:v>
                </c:pt>
                <c:pt idx="4243">
                  <c:v>40769</c:v>
                </c:pt>
                <c:pt idx="4244">
                  <c:v>40770</c:v>
                </c:pt>
                <c:pt idx="4245">
                  <c:v>40771</c:v>
                </c:pt>
                <c:pt idx="4246">
                  <c:v>40772</c:v>
                </c:pt>
                <c:pt idx="4247">
                  <c:v>40773</c:v>
                </c:pt>
                <c:pt idx="4248">
                  <c:v>40774</c:v>
                </c:pt>
                <c:pt idx="4249">
                  <c:v>40775</c:v>
                </c:pt>
                <c:pt idx="4250">
                  <c:v>40776</c:v>
                </c:pt>
                <c:pt idx="4251">
                  <c:v>40777</c:v>
                </c:pt>
                <c:pt idx="4252">
                  <c:v>40778</c:v>
                </c:pt>
                <c:pt idx="4253">
                  <c:v>40779</c:v>
                </c:pt>
                <c:pt idx="4254">
                  <c:v>40780</c:v>
                </c:pt>
                <c:pt idx="4255">
                  <c:v>40781</c:v>
                </c:pt>
                <c:pt idx="4256">
                  <c:v>40782</c:v>
                </c:pt>
                <c:pt idx="4257">
                  <c:v>40783</c:v>
                </c:pt>
                <c:pt idx="4258">
                  <c:v>40784</c:v>
                </c:pt>
                <c:pt idx="4259">
                  <c:v>40785</c:v>
                </c:pt>
                <c:pt idx="4260">
                  <c:v>40786</c:v>
                </c:pt>
                <c:pt idx="4261">
                  <c:v>40787</c:v>
                </c:pt>
                <c:pt idx="4262">
                  <c:v>40788</c:v>
                </c:pt>
                <c:pt idx="4263">
                  <c:v>40789</c:v>
                </c:pt>
                <c:pt idx="4264">
                  <c:v>40790</c:v>
                </c:pt>
                <c:pt idx="4265">
                  <c:v>40791</c:v>
                </c:pt>
                <c:pt idx="4266">
                  <c:v>40792</c:v>
                </c:pt>
                <c:pt idx="4267">
                  <c:v>40793</c:v>
                </c:pt>
                <c:pt idx="4268">
                  <c:v>40794</c:v>
                </c:pt>
                <c:pt idx="4269">
                  <c:v>40795</c:v>
                </c:pt>
                <c:pt idx="4270">
                  <c:v>40796</c:v>
                </c:pt>
                <c:pt idx="4271">
                  <c:v>40797</c:v>
                </c:pt>
                <c:pt idx="4272">
                  <c:v>40798</c:v>
                </c:pt>
                <c:pt idx="4273">
                  <c:v>40799</c:v>
                </c:pt>
                <c:pt idx="4274">
                  <c:v>40800</c:v>
                </c:pt>
                <c:pt idx="4275">
                  <c:v>40801</c:v>
                </c:pt>
                <c:pt idx="4276">
                  <c:v>40802</c:v>
                </c:pt>
                <c:pt idx="4277">
                  <c:v>40803</c:v>
                </c:pt>
                <c:pt idx="4278">
                  <c:v>40804</c:v>
                </c:pt>
                <c:pt idx="4279">
                  <c:v>40805</c:v>
                </c:pt>
                <c:pt idx="4280">
                  <c:v>40806</c:v>
                </c:pt>
                <c:pt idx="4281">
                  <c:v>40807</c:v>
                </c:pt>
                <c:pt idx="4282">
                  <c:v>40808</c:v>
                </c:pt>
                <c:pt idx="4283">
                  <c:v>40809</c:v>
                </c:pt>
                <c:pt idx="4284">
                  <c:v>40810</c:v>
                </c:pt>
                <c:pt idx="4285">
                  <c:v>40811</c:v>
                </c:pt>
                <c:pt idx="4286">
                  <c:v>40812</c:v>
                </c:pt>
                <c:pt idx="4287">
                  <c:v>40813</c:v>
                </c:pt>
                <c:pt idx="4288">
                  <c:v>40814</c:v>
                </c:pt>
                <c:pt idx="4289">
                  <c:v>40815</c:v>
                </c:pt>
                <c:pt idx="4290">
                  <c:v>40816</c:v>
                </c:pt>
                <c:pt idx="4291">
                  <c:v>40817</c:v>
                </c:pt>
                <c:pt idx="4292">
                  <c:v>40818</c:v>
                </c:pt>
                <c:pt idx="4293">
                  <c:v>40819</c:v>
                </c:pt>
                <c:pt idx="4294">
                  <c:v>40820</c:v>
                </c:pt>
                <c:pt idx="4295">
                  <c:v>40821</c:v>
                </c:pt>
                <c:pt idx="4296">
                  <c:v>40822</c:v>
                </c:pt>
                <c:pt idx="4297">
                  <c:v>40823</c:v>
                </c:pt>
                <c:pt idx="4298">
                  <c:v>40824</c:v>
                </c:pt>
                <c:pt idx="4299">
                  <c:v>40825</c:v>
                </c:pt>
                <c:pt idx="4300">
                  <c:v>40826</c:v>
                </c:pt>
                <c:pt idx="4301">
                  <c:v>40827</c:v>
                </c:pt>
                <c:pt idx="4302">
                  <c:v>40828</c:v>
                </c:pt>
                <c:pt idx="4303">
                  <c:v>40829</c:v>
                </c:pt>
                <c:pt idx="4304">
                  <c:v>40830</c:v>
                </c:pt>
                <c:pt idx="4305">
                  <c:v>40831</c:v>
                </c:pt>
                <c:pt idx="4306">
                  <c:v>40832</c:v>
                </c:pt>
                <c:pt idx="4307">
                  <c:v>40833</c:v>
                </c:pt>
                <c:pt idx="4308">
                  <c:v>40834</c:v>
                </c:pt>
                <c:pt idx="4309">
                  <c:v>40835</c:v>
                </c:pt>
                <c:pt idx="4310">
                  <c:v>40836</c:v>
                </c:pt>
                <c:pt idx="4311">
                  <c:v>40837</c:v>
                </c:pt>
                <c:pt idx="4312">
                  <c:v>40838</c:v>
                </c:pt>
                <c:pt idx="4313">
                  <c:v>40839</c:v>
                </c:pt>
                <c:pt idx="4314">
                  <c:v>40840</c:v>
                </c:pt>
                <c:pt idx="4315">
                  <c:v>40841</c:v>
                </c:pt>
                <c:pt idx="4316">
                  <c:v>40842</c:v>
                </c:pt>
                <c:pt idx="4317">
                  <c:v>40843</c:v>
                </c:pt>
                <c:pt idx="4318">
                  <c:v>40844</c:v>
                </c:pt>
                <c:pt idx="4319">
                  <c:v>40845</c:v>
                </c:pt>
                <c:pt idx="4320">
                  <c:v>40846</c:v>
                </c:pt>
                <c:pt idx="4321">
                  <c:v>40847</c:v>
                </c:pt>
                <c:pt idx="4322">
                  <c:v>40848</c:v>
                </c:pt>
                <c:pt idx="4323">
                  <c:v>40849</c:v>
                </c:pt>
                <c:pt idx="4324">
                  <c:v>40850</c:v>
                </c:pt>
                <c:pt idx="4325">
                  <c:v>40851</c:v>
                </c:pt>
                <c:pt idx="4326">
                  <c:v>40852</c:v>
                </c:pt>
                <c:pt idx="4327">
                  <c:v>40853</c:v>
                </c:pt>
                <c:pt idx="4328">
                  <c:v>40854</c:v>
                </c:pt>
                <c:pt idx="4329">
                  <c:v>40855</c:v>
                </c:pt>
                <c:pt idx="4330">
                  <c:v>40856</c:v>
                </c:pt>
                <c:pt idx="4331">
                  <c:v>40857</c:v>
                </c:pt>
                <c:pt idx="4332">
                  <c:v>40858</c:v>
                </c:pt>
                <c:pt idx="4333">
                  <c:v>40859</c:v>
                </c:pt>
                <c:pt idx="4334">
                  <c:v>40860</c:v>
                </c:pt>
                <c:pt idx="4335">
                  <c:v>40861</c:v>
                </c:pt>
                <c:pt idx="4336">
                  <c:v>40862</c:v>
                </c:pt>
                <c:pt idx="4337">
                  <c:v>40863</c:v>
                </c:pt>
                <c:pt idx="4338">
                  <c:v>40864</c:v>
                </c:pt>
                <c:pt idx="4339">
                  <c:v>40865</c:v>
                </c:pt>
                <c:pt idx="4340">
                  <c:v>40866</c:v>
                </c:pt>
                <c:pt idx="4341">
                  <c:v>40867</c:v>
                </c:pt>
                <c:pt idx="4342">
                  <c:v>40868</c:v>
                </c:pt>
                <c:pt idx="4343">
                  <c:v>40869</c:v>
                </c:pt>
                <c:pt idx="4344">
                  <c:v>40870</c:v>
                </c:pt>
                <c:pt idx="4345">
                  <c:v>40871</c:v>
                </c:pt>
                <c:pt idx="4346">
                  <c:v>40872</c:v>
                </c:pt>
                <c:pt idx="4347">
                  <c:v>40873</c:v>
                </c:pt>
                <c:pt idx="4348">
                  <c:v>40874</c:v>
                </c:pt>
                <c:pt idx="4349">
                  <c:v>40875</c:v>
                </c:pt>
                <c:pt idx="4350">
                  <c:v>40876</c:v>
                </c:pt>
                <c:pt idx="4351">
                  <c:v>40877</c:v>
                </c:pt>
                <c:pt idx="4352">
                  <c:v>40878</c:v>
                </c:pt>
                <c:pt idx="4353">
                  <c:v>40879</c:v>
                </c:pt>
                <c:pt idx="4354">
                  <c:v>40880</c:v>
                </c:pt>
                <c:pt idx="4355">
                  <c:v>40881</c:v>
                </c:pt>
                <c:pt idx="4356">
                  <c:v>40882</c:v>
                </c:pt>
                <c:pt idx="4357">
                  <c:v>40883</c:v>
                </c:pt>
                <c:pt idx="4358">
                  <c:v>40884</c:v>
                </c:pt>
                <c:pt idx="4359">
                  <c:v>40885</c:v>
                </c:pt>
                <c:pt idx="4360">
                  <c:v>40886</c:v>
                </c:pt>
                <c:pt idx="4361">
                  <c:v>40887</c:v>
                </c:pt>
                <c:pt idx="4362">
                  <c:v>40888</c:v>
                </c:pt>
                <c:pt idx="4363">
                  <c:v>40889</c:v>
                </c:pt>
                <c:pt idx="4364">
                  <c:v>40890</c:v>
                </c:pt>
                <c:pt idx="4365">
                  <c:v>40891</c:v>
                </c:pt>
                <c:pt idx="4366">
                  <c:v>40892</c:v>
                </c:pt>
                <c:pt idx="4367">
                  <c:v>40893</c:v>
                </c:pt>
                <c:pt idx="4368">
                  <c:v>40894</c:v>
                </c:pt>
                <c:pt idx="4369">
                  <c:v>40895</c:v>
                </c:pt>
                <c:pt idx="4370">
                  <c:v>40896</c:v>
                </c:pt>
                <c:pt idx="4371">
                  <c:v>40897</c:v>
                </c:pt>
                <c:pt idx="4372">
                  <c:v>40898</c:v>
                </c:pt>
                <c:pt idx="4373">
                  <c:v>40899</c:v>
                </c:pt>
                <c:pt idx="4374">
                  <c:v>40900</c:v>
                </c:pt>
                <c:pt idx="4375">
                  <c:v>40901</c:v>
                </c:pt>
                <c:pt idx="4376">
                  <c:v>40902</c:v>
                </c:pt>
                <c:pt idx="4377">
                  <c:v>40903</c:v>
                </c:pt>
                <c:pt idx="4378">
                  <c:v>40904</c:v>
                </c:pt>
                <c:pt idx="4379">
                  <c:v>40905</c:v>
                </c:pt>
                <c:pt idx="4380">
                  <c:v>40906</c:v>
                </c:pt>
                <c:pt idx="4381">
                  <c:v>40907</c:v>
                </c:pt>
                <c:pt idx="4382">
                  <c:v>40908</c:v>
                </c:pt>
                <c:pt idx="4383">
                  <c:v>40909</c:v>
                </c:pt>
                <c:pt idx="4384">
                  <c:v>40910</c:v>
                </c:pt>
                <c:pt idx="4385">
                  <c:v>40911</c:v>
                </c:pt>
                <c:pt idx="4386">
                  <c:v>40912</c:v>
                </c:pt>
                <c:pt idx="4387">
                  <c:v>40913</c:v>
                </c:pt>
                <c:pt idx="4388">
                  <c:v>40914</c:v>
                </c:pt>
                <c:pt idx="4389">
                  <c:v>40915</c:v>
                </c:pt>
                <c:pt idx="4390">
                  <c:v>40916</c:v>
                </c:pt>
                <c:pt idx="4391">
                  <c:v>40917</c:v>
                </c:pt>
                <c:pt idx="4392">
                  <c:v>40918</c:v>
                </c:pt>
                <c:pt idx="4393">
                  <c:v>40919</c:v>
                </c:pt>
                <c:pt idx="4394">
                  <c:v>40920</c:v>
                </c:pt>
                <c:pt idx="4395">
                  <c:v>40921</c:v>
                </c:pt>
                <c:pt idx="4396">
                  <c:v>40922</c:v>
                </c:pt>
                <c:pt idx="4397">
                  <c:v>40923</c:v>
                </c:pt>
                <c:pt idx="4398">
                  <c:v>40924</c:v>
                </c:pt>
                <c:pt idx="4399">
                  <c:v>40925</c:v>
                </c:pt>
                <c:pt idx="4400">
                  <c:v>40926</c:v>
                </c:pt>
                <c:pt idx="4401">
                  <c:v>40927</c:v>
                </c:pt>
                <c:pt idx="4402">
                  <c:v>40928</c:v>
                </c:pt>
                <c:pt idx="4403">
                  <c:v>40929</c:v>
                </c:pt>
                <c:pt idx="4404">
                  <c:v>40930</c:v>
                </c:pt>
                <c:pt idx="4405">
                  <c:v>40931</c:v>
                </c:pt>
                <c:pt idx="4406">
                  <c:v>40932</c:v>
                </c:pt>
                <c:pt idx="4407">
                  <c:v>40933</c:v>
                </c:pt>
                <c:pt idx="4408">
                  <c:v>40934</c:v>
                </c:pt>
                <c:pt idx="4409">
                  <c:v>40935</c:v>
                </c:pt>
                <c:pt idx="4410">
                  <c:v>40936</c:v>
                </c:pt>
                <c:pt idx="4411">
                  <c:v>40937</c:v>
                </c:pt>
                <c:pt idx="4412">
                  <c:v>40938</c:v>
                </c:pt>
                <c:pt idx="4413">
                  <c:v>40939</c:v>
                </c:pt>
                <c:pt idx="4414">
                  <c:v>40940</c:v>
                </c:pt>
                <c:pt idx="4415">
                  <c:v>40941</c:v>
                </c:pt>
                <c:pt idx="4416">
                  <c:v>40942</c:v>
                </c:pt>
                <c:pt idx="4417">
                  <c:v>40943</c:v>
                </c:pt>
                <c:pt idx="4418">
                  <c:v>40944</c:v>
                </c:pt>
                <c:pt idx="4419">
                  <c:v>40945</c:v>
                </c:pt>
                <c:pt idx="4420">
                  <c:v>40946</c:v>
                </c:pt>
                <c:pt idx="4421">
                  <c:v>40947</c:v>
                </c:pt>
                <c:pt idx="4422">
                  <c:v>40948</c:v>
                </c:pt>
                <c:pt idx="4423">
                  <c:v>40949</c:v>
                </c:pt>
                <c:pt idx="4424">
                  <c:v>40950</c:v>
                </c:pt>
                <c:pt idx="4425">
                  <c:v>40951</c:v>
                </c:pt>
                <c:pt idx="4426">
                  <c:v>40952</c:v>
                </c:pt>
                <c:pt idx="4427">
                  <c:v>40953</c:v>
                </c:pt>
                <c:pt idx="4428">
                  <c:v>40954</c:v>
                </c:pt>
                <c:pt idx="4429">
                  <c:v>40955</c:v>
                </c:pt>
                <c:pt idx="4430">
                  <c:v>40956</c:v>
                </c:pt>
                <c:pt idx="4431">
                  <c:v>40957</c:v>
                </c:pt>
                <c:pt idx="4432">
                  <c:v>40958</c:v>
                </c:pt>
                <c:pt idx="4433">
                  <c:v>40959</c:v>
                </c:pt>
                <c:pt idx="4434">
                  <c:v>40960</c:v>
                </c:pt>
                <c:pt idx="4435">
                  <c:v>40961</c:v>
                </c:pt>
                <c:pt idx="4436">
                  <c:v>40962</c:v>
                </c:pt>
                <c:pt idx="4437">
                  <c:v>40963</c:v>
                </c:pt>
                <c:pt idx="4438">
                  <c:v>40964</c:v>
                </c:pt>
                <c:pt idx="4439">
                  <c:v>40965</c:v>
                </c:pt>
                <c:pt idx="4440">
                  <c:v>40966</c:v>
                </c:pt>
                <c:pt idx="4441">
                  <c:v>40967</c:v>
                </c:pt>
                <c:pt idx="4442">
                  <c:v>40968</c:v>
                </c:pt>
                <c:pt idx="4443">
                  <c:v>40969</c:v>
                </c:pt>
                <c:pt idx="4444">
                  <c:v>40970</c:v>
                </c:pt>
                <c:pt idx="4445">
                  <c:v>40971</c:v>
                </c:pt>
                <c:pt idx="4446">
                  <c:v>40972</c:v>
                </c:pt>
                <c:pt idx="4447">
                  <c:v>40973</c:v>
                </c:pt>
                <c:pt idx="4448">
                  <c:v>40974</c:v>
                </c:pt>
                <c:pt idx="4449">
                  <c:v>40975</c:v>
                </c:pt>
                <c:pt idx="4450">
                  <c:v>40976</c:v>
                </c:pt>
                <c:pt idx="4451">
                  <c:v>40977</c:v>
                </c:pt>
                <c:pt idx="4452">
                  <c:v>40978</c:v>
                </c:pt>
                <c:pt idx="4453">
                  <c:v>40979</c:v>
                </c:pt>
                <c:pt idx="4454">
                  <c:v>40980</c:v>
                </c:pt>
                <c:pt idx="4455">
                  <c:v>40981</c:v>
                </c:pt>
                <c:pt idx="4456">
                  <c:v>40982</c:v>
                </c:pt>
                <c:pt idx="4457">
                  <c:v>40983</c:v>
                </c:pt>
                <c:pt idx="4458">
                  <c:v>40984</c:v>
                </c:pt>
                <c:pt idx="4459">
                  <c:v>40985</c:v>
                </c:pt>
                <c:pt idx="4460">
                  <c:v>40986</c:v>
                </c:pt>
                <c:pt idx="4461">
                  <c:v>40987</c:v>
                </c:pt>
                <c:pt idx="4462">
                  <c:v>40988</c:v>
                </c:pt>
                <c:pt idx="4463">
                  <c:v>40989</c:v>
                </c:pt>
                <c:pt idx="4464">
                  <c:v>40990</c:v>
                </c:pt>
                <c:pt idx="4465">
                  <c:v>40991</c:v>
                </c:pt>
                <c:pt idx="4466">
                  <c:v>40992</c:v>
                </c:pt>
                <c:pt idx="4467">
                  <c:v>40993</c:v>
                </c:pt>
                <c:pt idx="4468">
                  <c:v>40994</c:v>
                </c:pt>
                <c:pt idx="4469">
                  <c:v>40995</c:v>
                </c:pt>
                <c:pt idx="4470">
                  <c:v>40996</c:v>
                </c:pt>
                <c:pt idx="4471">
                  <c:v>40997</c:v>
                </c:pt>
                <c:pt idx="4472">
                  <c:v>40998</c:v>
                </c:pt>
                <c:pt idx="4473">
                  <c:v>40999</c:v>
                </c:pt>
                <c:pt idx="4474">
                  <c:v>41000</c:v>
                </c:pt>
                <c:pt idx="4475">
                  <c:v>41001</c:v>
                </c:pt>
                <c:pt idx="4476">
                  <c:v>41002</c:v>
                </c:pt>
                <c:pt idx="4477">
                  <c:v>41003</c:v>
                </c:pt>
                <c:pt idx="4478">
                  <c:v>41004</c:v>
                </c:pt>
                <c:pt idx="4479">
                  <c:v>41005</c:v>
                </c:pt>
                <c:pt idx="4480">
                  <c:v>41006</c:v>
                </c:pt>
                <c:pt idx="4481">
                  <c:v>41007</c:v>
                </c:pt>
                <c:pt idx="4482">
                  <c:v>41008</c:v>
                </c:pt>
                <c:pt idx="4483">
                  <c:v>41009</c:v>
                </c:pt>
                <c:pt idx="4484">
                  <c:v>41010</c:v>
                </c:pt>
                <c:pt idx="4485">
                  <c:v>41011</c:v>
                </c:pt>
                <c:pt idx="4486">
                  <c:v>41012</c:v>
                </c:pt>
                <c:pt idx="4487">
                  <c:v>41013</c:v>
                </c:pt>
                <c:pt idx="4488">
                  <c:v>41014</c:v>
                </c:pt>
                <c:pt idx="4489">
                  <c:v>41015</c:v>
                </c:pt>
                <c:pt idx="4490">
                  <c:v>41016</c:v>
                </c:pt>
                <c:pt idx="4491">
                  <c:v>41017</c:v>
                </c:pt>
                <c:pt idx="4492">
                  <c:v>41018</c:v>
                </c:pt>
                <c:pt idx="4493">
                  <c:v>41019</c:v>
                </c:pt>
                <c:pt idx="4494">
                  <c:v>41020</c:v>
                </c:pt>
                <c:pt idx="4495">
                  <c:v>41021</c:v>
                </c:pt>
                <c:pt idx="4496">
                  <c:v>41022</c:v>
                </c:pt>
                <c:pt idx="4497">
                  <c:v>41023</c:v>
                </c:pt>
                <c:pt idx="4498">
                  <c:v>41024</c:v>
                </c:pt>
                <c:pt idx="4499">
                  <c:v>41025</c:v>
                </c:pt>
                <c:pt idx="4500">
                  <c:v>41026</c:v>
                </c:pt>
                <c:pt idx="4501">
                  <c:v>41027</c:v>
                </c:pt>
                <c:pt idx="4502">
                  <c:v>41028</c:v>
                </c:pt>
                <c:pt idx="4503">
                  <c:v>41029</c:v>
                </c:pt>
                <c:pt idx="4504">
                  <c:v>41030</c:v>
                </c:pt>
                <c:pt idx="4505">
                  <c:v>41031</c:v>
                </c:pt>
                <c:pt idx="4506">
                  <c:v>41032</c:v>
                </c:pt>
                <c:pt idx="4507">
                  <c:v>41033</c:v>
                </c:pt>
                <c:pt idx="4508">
                  <c:v>41034</c:v>
                </c:pt>
                <c:pt idx="4509">
                  <c:v>41035</c:v>
                </c:pt>
                <c:pt idx="4510">
                  <c:v>41036</c:v>
                </c:pt>
                <c:pt idx="4511">
                  <c:v>41037</c:v>
                </c:pt>
                <c:pt idx="4512">
                  <c:v>41038</c:v>
                </c:pt>
                <c:pt idx="4513">
                  <c:v>41039</c:v>
                </c:pt>
                <c:pt idx="4514">
                  <c:v>41040</c:v>
                </c:pt>
                <c:pt idx="4515">
                  <c:v>41041</c:v>
                </c:pt>
                <c:pt idx="4516">
                  <c:v>41042</c:v>
                </c:pt>
                <c:pt idx="4517">
                  <c:v>41043</c:v>
                </c:pt>
                <c:pt idx="4518">
                  <c:v>41044</c:v>
                </c:pt>
                <c:pt idx="4519">
                  <c:v>41045</c:v>
                </c:pt>
                <c:pt idx="4520">
                  <c:v>41046</c:v>
                </c:pt>
                <c:pt idx="4521">
                  <c:v>41047</c:v>
                </c:pt>
                <c:pt idx="4522">
                  <c:v>41048</c:v>
                </c:pt>
                <c:pt idx="4523">
                  <c:v>41049</c:v>
                </c:pt>
                <c:pt idx="4524">
                  <c:v>41050</c:v>
                </c:pt>
                <c:pt idx="4525">
                  <c:v>41051</c:v>
                </c:pt>
                <c:pt idx="4526">
                  <c:v>41052</c:v>
                </c:pt>
                <c:pt idx="4527">
                  <c:v>41053</c:v>
                </c:pt>
                <c:pt idx="4528">
                  <c:v>41054</c:v>
                </c:pt>
                <c:pt idx="4529">
                  <c:v>41055</c:v>
                </c:pt>
                <c:pt idx="4530">
                  <c:v>41056</c:v>
                </c:pt>
                <c:pt idx="4531">
                  <c:v>41057</c:v>
                </c:pt>
                <c:pt idx="4532">
                  <c:v>41058</c:v>
                </c:pt>
                <c:pt idx="4533">
                  <c:v>41059</c:v>
                </c:pt>
                <c:pt idx="4534">
                  <c:v>41060</c:v>
                </c:pt>
                <c:pt idx="4535">
                  <c:v>41061</c:v>
                </c:pt>
                <c:pt idx="4536">
                  <c:v>41062</c:v>
                </c:pt>
                <c:pt idx="4537">
                  <c:v>41063</c:v>
                </c:pt>
                <c:pt idx="4538">
                  <c:v>41064</c:v>
                </c:pt>
                <c:pt idx="4539">
                  <c:v>41065</c:v>
                </c:pt>
                <c:pt idx="4540">
                  <c:v>41066</c:v>
                </c:pt>
                <c:pt idx="4541">
                  <c:v>41067</c:v>
                </c:pt>
                <c:pt idx="4542">
                  <c:v>41068</c:v>
                </c:pt>
                <c:pt idx="4543">
                  <c:v>41069</c:v>
                </c:pt>
                <c:pt idx="4544">
                  <c:v>41070</c:v>
                </c:pt>
                <c:pt idx="4545">
                  <c:v>41071</c:v>
                </c:pt>
                <c:pt idx="4546">
                  <c:v>41072</c:v>
                </c:pt>
                <c:pt idx="4547">
                  <c:v>41073</c:v>
                </c:pt>
                <c:pt idx="4548">
                  <c:v>41074</c:v>
                </c:pt>
                <c:pt idx="4549">
                  <c:v>41075</c:v>
                </c:pt>
                <c:pt idx="4550">
                  <c:v>41076</c:v>
                </c:pt>
                <c:pt idx="4551">
                  <c:v>41077</c:v>
                </c:pt>
                <c:pt idx="4552">
                  <c:v>41078</c:v>
                </c:pt>
                <c:pt idx="4553">
                  <c:v>41079</c:v>
                </c:pt>
                <c:pt idx="4554">
                  <c:v>41080</c:v>
                </c:pt>
                <c:pt idx="4555">
                  <c:v>41081</c:v>
                </c:pt>
                <c:pt idx="4556">
                  <c:v>41082</c:v>
                </c:pt>
                <c:pt idx="4557">
                  <c:v>41083</c:v>
                </c:pt>
                <c:pt idx="4558">
                  <c:v>41084</c:v>
                </c:pt>
                <c:pt idx="4559">
                  <c:v>41085</c:v>
                </c:pt>
                <c:pt idx="4560">
                  <c:v>41086</c:v>
                </c:pt>
                <c:pt idx="4561">
                  <c:v>41087</c:v>
                </c:pt>
                <c:pt idx="4562">
                  <c:v>41088</c:v>
                </c:pt>
                <c:pt idx="4563">
                  <c:v>41089</c:v>
                </c:pt>
                <c:pt idx="4564">
                  <c:v>41090</c:v>
                </c:pt>
                <c:pt idx="4565">
                  <c:v>41091</c:v>
                </c:pt>
                <c:pt idx="4566">
                  <c:v>41092</c:v>
                </c:pt>
                <c:pt idx="4567">
                  <c:v>41093</c:v>
                </c:pt>
                <c:pt idx="4568">
                  <c:v>41094</c:v>
                </c:pt>
                <c:pt idx="4569">
                  <c:v>41095</c:v>
                </c:pt>
                <c:pt idx="4570">
                  <c:v>41096</c:v>
                </c:pt>
                <c:pt idx="4571">
                  <c:v>41097</c:v>
                </c:pt>
                <c:pt idx="4572">
                  <c:v>41098</c:v>
                </c:pt>
                <c:pt idx="4573">
                  <c:v>41099</c:v>
                </c:pt>
                <c:pt idx="4574">
                  <c:v>41100</c:v>
                </c:pt>
                <c:pt idx="4575">
                  <c:v>41101</c:v>
                </c:pt>
                <c:pt idx="4576">
                  <c:v>41102</c:v>
                </c:pt>
                <c:pt idx="4577">
                  <c:v>41103</c:v>
                </c:pt>
                <c:pt idx="4578">
                  <c:v>41104</c:v>
                </c:pt>
                <c:pt idx="4579">
                  <c:v>41105</c:v>
                </c:pt>
                <c:pt idx="4580">
                  <c:v>41106</c:v>
                </c:pt>
                <c:pt idx="4581">
                  <c:v>41107</c:v>
                </c:pt>
                <c:pt idx="4582">
                  <c:v>41108</c:v>
                </c:pt>
                <c:pt idx="4583">
                  <c:v>41109</c:v>
                </c:pt>
                <c:pt idx="4584">
                  <c:v>41110</c:v>
                </c:pt>
                <c:pt idx="4585">
                  <c:v>41111</c:v>
                </c:pt>
                <c:pt idx="4586">
                  <c:v>41112</c:v>
                </c:pt>
                <c:pt idx="4587">
                  <c:v>41113</c:v>
                </c:pt>
                <c:pt idx="4588">
                  <c:v>41114</c:v>
                </c:pt>
                <c:pt idx="4589">
                  <c:v>41115</c:v>
                </c:pt>
                <c:pt idx="4590">
                  <c:v>41116</c:v>
                </c:pt>
                <c:pt idx="4591">
                  <c:v>41117</c:v>
                </c:pt>
                <c:pt idx="4592">
                  <c:v>41118</c:v>
                </c:pt>
                <c:pt idx="4593">
                  <c:v>41119</c:v>
                </c:pt>
                <c:pt idx="4594">
                  <c:v>41120</c:v>
                </c:pt>
                <c:pt idx="4595">
                  <c:v>41121</c:v>
                </c:pt>
                <c:pt idx="4596">
                  <c:v>41122</c:v>
                </c:pt>
                <c:pt idx="4597">
                  <c:v>41123</c:v>
                </c:pt>
                <c:pt idx="4598">
                  <c:v>41124</c:v>
                </c:pt>
                <c:pt idx="4599">
                  <c:v>41125</c:v>
                </c:pt>
                <c:pt idx="4600">
                  <c:v>41126</c:v>
                </c:pt>
                <c:pt idx="4601">
                  <c:v>41127</c:v>
                </c:pt>
                <c:pt idx="4602">
                  <c:v>41128</c:v>
                </c:pt>
                <c:pt idx="4603">
                  <c:v>41129</c:v>
                </c:pt>
                <c:pt idx="4604">
                  <c:v>41130</c:v>
                </c:pt>
                <c:pt idx="4605">
                  <c:v>41131</c:v>
                </c:pt>
                <c:pt idx="4606">
                  <c:v>41132</c:v>
                </c:pt>
                <c:pt idx="4607">
                  <c:v>41133</c:v>
                </c:pt>
                <c:pt idx="4608">
                  <c:v>41134</c:v>
                </c:pt>
                <c:pt idx="4609">
                  <c:v>41135</c:v>
                </c:pt>
                <c:pt idx="4610">
                  <c:v>41136</c:v>
                </c:pt>
                <c:pt idx="4611">
                  <c:v>41137</c:v>
                </c:pt>
                <c:pt idx="4612">
                  <c:v>41138</c:v>
                </c:pt>
                <c:pt idx="4613">
                  <c:v>41139</c:v>
                </c:pt>
                <c:pt idx="4614">
                  <c:v>41140</c:v>
                </c:pt>
                <c:pt idx="4615">
                  <c:v>41141</c:v>
                </c:pt>
                <c:pt idx="4616">
                  <c:v>41142</c:v>
                </c:pt>
                <c:pt idx="4617">
                  <c:v>41143</c:v>
                </c:pt>
                <c:pt idx="4618">
                  <c:v>41144</c:v>
                </c:pt>
                <c:pt idx="4619">
                  <c:v>41145</c:v>
                </c:pt>
                <c:pt idx="4620">
                  <c:v>41146</c:v>
                </c:pt>
                <c:pt idx="4621">
                  <c:v>41147</c:v>
                </c:pt>
                <c:pt idx="4622">
                  <c:v>41148</c:v>
                </c:pt>
                <c:pt idx="4623">
                  <c:v>41149</c:v>
                </c:pt>
                <c:pt idx="4624">
                  <c:v>41150</c:v>
                </c:pt>
                <c:pt idx="4625">
                  <c:v>41151</c:v>
                </c:pt>
                <c:pt idx="4626">
                  <c:v>41152</c:v>
                </c:pt>
                <c:pt idx="4627">
                  <c:v>41153</c:v>
                </c:pt>
                <c:pt idx="4628">
                  <c:v>41154</c:v>
                </c:pt>
                <c:pt idx="4629">
                  <c:v>41155</c:v>
                </c:pt>
                <c:pt idx="4630">
                  <c:v>41156</c:v>
                </c:pt>
                <c:pt idx="4631">
                  <c:v>41157</c:v>
                </c:pt>
                <c:pt idx="4632">
                  <c:v>41158</c:v>
                </c:pt>
                <c:pt idx="4633">
                  <c:v>41159</c:v>
                </c:pt>
                <c:pt idx="4634">
                  <c:v>41160</c:v>
                </c:pt>
                <c:pt idx="4635">
                  <c:v>41161</c:v>
                </c:pt>
                <c:pt idx="4636">
                  <c:v>41162</c:v>
                </c:pt>
                <c:pt idx="4637">
                  <c:v>41163</c:v>
                </c:pt>
                <c:pt idx="4638">
                  <c:v>41164</c:v>
                </c:pt>
                <c:pt idx="4639">
                  <c:v>41165</c:v>
                </c:pt>
                <c:pt idx="4640">
                  <c:v>41166</c:v>
                </c:pt>
                <c:pt idx="4641">
                  <c:v>41167</c:v>
                </c:pt>
                <c:pt idx="4642">
                  <c:v>41168</c:v>
                </c:pt>
                <c:pt idx="4643">
                  <c:v>41169</c:v>
                </c:pt>
                <c:pt idx="4644">
                  <c:v>41170</c:v>
                </c:pt>
                <c:pt idx="4645">
                  <c:v>41171</c:v>
                </c:pt>
                <c:pt idx="4646">
                  <c:v>41172</c:v>
                </c:pt>
                <c:pt idx="4647">
                  <c:v>41173</c:v>
                </c:pt>
                <c:pt idx="4648">
                  <c:v>41174</c:v>
                </c:pt>
                <c:pt idx="4649">
                  <c:v>41175</c:v>
                </c:pt>
                <c:pt idx="4650">
                  <c:v>41176</c:v>
                </c:pt>
                <c:pt idx="4651">
                  <c:v>41177</c:v>
                </c:pt>
                <c:pt idx="4652">
                  <c:v>41178</c:v>
                </c:pt>
                <c:pt idx="4653">
                  <c:v>41179</c:v>
                </c:pt>
                <c:pt idx="4654">
                  <c:v>41180</c:v>
                </c:pt>
                <c:pt idx="4655">
                  <c:v>41181</c:v>
                </c:pt>
                <c:pt idx="4656">
                  <c:v>41182</c:v>
                </c:pt>
                <c:pt idx="4657">
                  <c:v>41183</c:v>
                </c:pt>
                <c:pt idx="4658">
                  <c:v>41184</c:v>
                </c:pt>
                <c:pt idx="4659">
                  <c:v>41185</c:v>
                </c:pt>
                <c:pt idx="4660">
                  <c:v>41186</c:v>
                </c:pt>
                <c:pt idx="4661">
                  <c:v>41187</c:v>
                </c:pt>
                <c:pt idx="4662">
                  <c:v>41188</c:v>
                </c:pt>
                <c:pt idx="4663">
                  <c:v>41189</c:v>
                </c:pt>
                <c:pt idx="4664">
                  <c:v>41190</c:v>
                </c:pt>
                <c:pt idx="4665">
                  <c:v>41191</c:v>
                </c:pt>
                <c:pt idx="4666">
                  <c:v>41192</c:v>
                </c:pt>
                <c:pt idx="4667">
                  <c:v>41193</c:v>
                </c:pt>
                <c:pt idx="4668">
                  <c:v>41194</c:v>
                </c:pt>
                <c:pt idx="4669">
                  <c:v>41195</c:v>
                </c:pt>
                <c:pt idx="4670">
                  <c:v>41196</c:v>
                </c:pt>
                <c:pt idx="4671">
                  <c:v>41197</c:v>
                </c:pt>
                <c:pt idx="4672">
                  <c:v>41198</c:v>
                </c:pt>
                <c:pt idx="4673">
                  <c:v>41199</c:v>
                </c:pt>
                <c:pt idx="4674">
                  <c:v>41200</c:v>
                </c:pt>
                <c:pt idx="4675">
                  <c:v>41201</c:v>
                </c:pt>
                <c:pt idx="4676">
                  <c:v>41202</c:v>
                </c:pt>
                <c:pt idx="4677">
                  <c:v>41203</c:v>
                </c:pt>
                <c:pt idx="4678">
                  <c:v>41204</c:v>
                </c:pt>
                <c:pt idx="4679">
                  <c:v>41205</c:v>
                </c:pt>
                <c:pt idx="4680">
                  <c:v>41206</c:v>
                </c:pt>
                <c:pt idx="4681">
                  <c:v>41207</c:v>
                </c:pt>
                <c:pt idx="4682">
                  <c:v>41208</c:v>
                </c:pt>
                <c:pt idx="4683">
                  <c:v>41209</c:v>
                </c:pt>
                <c:pt idx="4684">
                  <c:v>41210</c:v>
                </c:pt>
                <c:pt idx="4685">
                  <c:v>41211</c:v>
                </c:pt>
                <c:pt idx="4686">
                  <c:v>41212</c:v>
                </c:pt>
                <c:pt idx="4687">
                  <c:v>41213</c:v>
                </c:pt>
                <c:pt idx="4688">
                  <c:v>41214</c:v>
                </c:pt>
                <c:pt idx="4689">
                  <c:v>41215</c:v>
                </c:pt>
                <c:pt idx="4690">
                  <c:v>41216</c:v>
                </c:pt>
                <c:pt idx="4691">
                  <c:v>41217</c:v>
                </c:pt>
                <c:pt idx="4692">
                  <c:v>41218</c:v>
                </c:pt>
                <c:pt idx="4693">
                  <c:v>41219</c:v>
                </c:pt>
                <c:pt idx="4694">
                  <c:v>41220</c:v>
                </c:pt>
                <c:pt idx="4695">
                  <c:v>41221</c:v>
                </c:pt>
                <c:pt idx="4696">
                  <c:v>41222</c:v>
                </c:pt>
                <c:pt idx="4697">
                  <c:v>41223</c:v>
                </c:pt>
                <c:pt idx="4698">
                  <c:v>41224</c:v>
                </c:pt>
                <c:pt idx="4699">
                  <c:v>41225</c:v>
                </c:pt>
                <c:pt idx="4700">
                  <c:v>41226</c:v>
                </c:pt>
                <c:pt idx="4701">
                  <c:v>41227</c:v>
                </c:pt>
                <c:pt idx="4702">
                  <c:v>41228</c:v>
                </c:pt>
                <c:pt idx="4703">
                  <c:v>41229</c:v>
                </c:pt>
                <c:pt idx="4704">
                  <c:v>41230</c:v>
                </c:pt>
                <c:pt idx="4705">
                  <c:v>41231</c:v>
                </c:pt>
                <c:pt idx="4706">
                  <c:v>41232</c:v>
                </c:pt>
                <c:pt idx="4707">
                  <c:v>41233</c:v>
                </c:pt>
                <c:pt idx="4708">
                  <c:v>41234</c:v>
                </c:pt>
                <c:pt idx="4709">
                  <c:v>41235</c:v>
                </c:pt>
                <c:pt idx="4710">
                  <c:v>41236</c:v>
                </c:pt>
                <c:pt idx="4711">
                  <c:v>41237</c:v>
                </c:pt>
                <c:pt idx="4712">
                  <c:v>41238</c:v>
                </c:pt>
                <c:pt idx="4713">
                  <c:v>41239</c:v>
                </c:pt>
                <c:pt idx="4714">
                  <c:v>41240</c:v>
                </c:pt>
                <c:pt idx="4715">
                  <c:v>41241</c:v>
                </c:pt>
                <c:pt idx="4716">
                  <c:v>41242</c:v>
                </c:pt>
                <c:pt idx="4717">
                  <c:v>41243</c:v>
                </c:pt>
                <c:pt idx="4718">
                  <c:v>41244</c:v>
                </c:pt>
                <c:pt idx="4719">
                  <c:v>41245</c:v>
                </c:pt>
                <c:pt idx="4720">
                  <c:v>41246</c:v>
                </c:pt>
                <c:pt idx="4721">
                  <c:v>41247</c:v>
                </c:pt>
                <c:pt idx="4722">
                  <c:v>41248</c:v>
                </c:pt>
                <c:pt idx="4723">
                  <c:v>41249</c:v>
                </c:pt>
                <c:pt idx="4724">
                  <c:v>41250</c:v>
                </c:pt>
                <c:pt idx="4725">
                  <c:v>41251</c:v>
                </c:pt>
                <c:pt idx="4726">
                  <c:v>41252</c:v>
                </c:pt>
                <c:pt idx="4727">
                  <c:v>41253</c:v>
                </c:pt>
                <c:pt idx="4728">
                  <c:v>41254</c:v>
                </c:pt>
                <c:pt idx="4729">
                  <c:v>41255</c:v>
                </c:pt>
                <c:pt idx="4730">
                  <c:v>41256</c:v>
                </c:pt>
                <c:pt idx="4731">
                  <c:v>41257</c:v>
                </c:pt>
                <c:pt idx="4732">
                  <c:v>41258</c:v>
                </c:pt>
                <c:pt idx="4733">
                  <c:v>41259</c:v>
                </c:pt>
                <c:pt idx="4734">
                  <c:v>41260</c:v>
                </c:pt>
                <c:pt idx="4735">
                  <c:v>41261</c:v>
                </c:pt>
                <c:pt idx="4736">
                  <c:v>41262</c:v>
                </c:pt>
                <c:pt idx="4737">
                  <c:v>41263</c:v>
                </c:pt>
                <c:pt idx="4738">
                  <c:v>41264</c:v>
                </c:pt>
                <c:pt idx="4739">
                  <c:v>41265</c:v>
                </c:pt>
                <c:pt idx="4740">
                  <c:v>41266</c:v>
                </c:pt>
                <c:pt idx="4741">
                  <c:v>41267</c:v>
                </c:pt>
                <c:pt idx="4742">
                  <c:v>41268</c:v>
                </c:pt>
                <c:pt idx="4743">
                  <c:v>41269</c:v>
                </c:pt>
                <c:pt idx="4744">
                  <c:v>41270</c:v>
                </c:pt>
                <c:pt idx="4745">
                  <c:v>41271</c:v>
                </c:pt>
                <c:pt idx="4746">
                  <c:v>41272</c:v>
                </c:pt>
                <c:pt idx="4747">
                  <c:v>41273</c:v>
                </c:pt>
                <c:pt idx="4748">
                  <c:v>41274</c:v>
                </c:pt>
                <c:pt idx="4749">
                  <c:v>41275</c:v>
                </c:pt>
                <c:pt idx="4750">
                  <c:v>41276</c:v>
                </c:pt>
                <c:pt idx="4751">
                  <c:v>41277</c:v>
                </c:pt>
                <c:pt idx="4752">
                  <c:v>41278</c:v>
                </c:pt>
                <c:pt idx="4753">
                  <c:v>41279</c:v>
                </c:pt>
                <c:pt idx="4754">
                  <c:v>41280</c:v>
                </c:pt>
                <c:pt idx="4755">
                  <c:v>41281</c:v>
                </c:pt>
                <c:pt idx="4756">
                  <c:v>41282</c:v>
                </c:pt>
                <c:pt idx="4757">
                  <c:v>41283</c:v>
                </c:pt>
                <c:pt idx="4758">
                  <c:v>41284</c:v>
                </c:pt>
                <c:pt idx="4759">
                  <c:v>41285</c:v>
                </c:pt>
                <c:pt idx="4760">
                  <c:v>41286</c:v>
                </c:pt>
                <c:pt idx="4761">
                  <c:v>41287</c:v>
                </c:pt>
                <c:pt idx="4762">
                  <c:v>41288</c:v>
                </c:pt>
                <c:pt idx="4763">
                  <c:v>41289</c:v>
                </c:pt>
                <c:pt idx="4764">
                  <c:v>41290</c:v>
                </c:pt>
                <c:pt idx="4765">
                  <c:v>41291</c:v>
                </c:pt>
                <c:pt idx="4766">
                  <c:v>41292</c:v>
                </c:pt>
                <c:pt idx="4767">
                  <c:v>41293</c:v>
                </c:pt>
                <c:pt idx="4768">
                  <c:v>41294</c:v>
                </c:pt>
                <c:pt idx="4769">
                  <c:v>41295</c:v>
                </c:pt>
                <c:pt idx="4770">
                  <c:v>41296</c:v>
                </c:pt>
                <c:pt idx="4771">
                  <c:v>41297</c:v>
                </c:pt>
                <c:pt idx="4772">
                  <c:v>41298</c:v>
                </c:pt>
                <c:pt idx="4773">
                  <c:v>41299</c:v>
                </c:pt>
                <c:pt idx="4774">
                  <c:v>41300</c:v>
                </c:pt>
                <c:pt idx="4775">
                  <c:v>41301</c:v>
                </c:pt>
                <c:pt idx="4776">
                  <c:v>41302</c:v>
                </c:pt>
                <c:pt idx="4777">
                  <c:v>41303</c:v>
                </c:pt>
                <c:pt idx="4778">
                  <c:v>41304</c:v>
                </c:pt>
                <c:pt idx="4779">
                  <c:v>41305</c:v>
                </c:pt>
                <c:pt idx="4780">
                  <c:v>41306</c:v>
                </c:pt>
                <c:pt idx="4781">
                  <c:v>41307</c:v>
                </c:pt>
                <c:pt idx="4782">
                  <c:v>41308</c:v>
                </c:pt>
                <c:pt idx="4783">
                  <c:v>41309</c:v>
                </c:pt>
                <c:pt idx="4784">
                  <c:v>41310</c:v>
                </c:pt>
                <c:pt idx="4785">
                  <c:v>41311</c:v>
                </c:pt>
                <c:pt idx="4786">
                  <c:v>41312</c:v>
                </c:pt>
                <c:pt idx="4787">
                  <c:v>41313</c:v>
                </c:pt>
                <c:pt idx="4788">
                  <c:v>41314</c:v>
                </c:pt>
                <c:pt idx="4789">
                  <c:v>41315</c:v>
                </c:pt>
                <c:pt idx="4790">
                  <c:v>41316</c:v>
                </c:pt>
                <c:pt idx="4791">
                  <c:v>41317</c:v>
                </c:pt>
                <c:pt idx="4792">
                  <c:v>41318</c:v>
                </c:pt>
                <c:pt idx="4793">
                  <c:v>41319</c:v>
                </c:pt>
                <c:pt idx="4794">
                  <c:v>41320</c:v>
                </c:pt>
                <c:pt idx="4795">
                  <c:v>41321</c:v>
                </c:pt>
                <c:pt idx="4796">
                  <c:v>41322</c:v>
                </c:pt>
                <c:pt idx="4797">
                  <c:v>41323</c:v>
                </c:pt>
                <c:pt idx="4798">
                  <c:v>41324</c:v>
                </c:pt>
                <c:pt idx="4799">
                  <c:v>41325</c:v>
                </c:pt>
                <c:pt idx="4800">
                  <c:v>41326</c:v>
                </c:pt>
                <c:pt idx="4801">
                  <c:v>41327</c:v>
                </c:pt>
                <c:pt idx="4802">
                  <c:v>41328</c:v>
                </c:pt>
                <c:pt idx="4803">
                  <c:v>41329</c:v>
                </c:pt>
                <c:pt idx="4804">
                  <c:v>41330</c:v>
                </c:pt>
                <c:pt idx="4805">
                  <c:v>41331</c:v>
                </c:pt>
                <c:pt idx="4806">
                  <c:v>41332</c:v>
                </c:pt>
                <c:pt idx="4807">
                  <c:v>41333</c:v>
                </c:pt>
                <c:pt idx="4808">
                  <c:v>41334</c:v>
                </c:pt>
                <c:pt idx="4809">
                  <c:v>41335</c:v>
                </c:pt>
                <c:pt idx="4810">
                  <c:v>41336</c:v>
                </c:pt>
                <c:pt idx="4811">
                  <c:v>41337</c:v>
                </c:pt>
                <c:pt idx="4812">
                  <c:v>41338</c:v>
                </c:pt>
                <c:pt idx="4813">
                  <c:v>41339</c:v>
                </c:pt>
                <c:pt idx="4814">
                  <c:v>41340</c:v>
                </c:pt>
                <c:pt idx="4815">
                  <c:v>41341</c:v>
                </c:pt>
                <c:pt idx="4816">
                  <c:v>41342</c:v>
                </c:pt>
                <c:pt idx="4817">
                  <c:v>41343</c:v>
                </c:pt>
                <c:pt idx="4818">
                  <c:v>41344</c:v>
                </c:pt>
                <c:pt idx="4819">
                  <c:v>41345</c:v>
                </c:pt>
                <c:pt idx="4820">
                  <c:v>41346</c:v>
                </c:pt>
                <c:pt idx="4821">
                  <c:v>41347</c:v>
                </c:pt>
                <c:pt idx="4822">
                  <c:v>41348</c:v>
                </c:pt>
                <c:pt idx="4823">
                  <c:v>41349</c:v>
                </c:pt>
                <c:pt idx="4824">
                  <c:v>41350</c:v>
                </c:pt>
                <c:pt idx="4825">
                  <c:v>41351</c:v>
                </c:pt>
                <c:pt idx="4826">
                  <c:v>41352</c:v>
                </c:pt>
                <c:pt idx="4827">
                  <c:v>41353</c:v>
                </c:pt>
                <c:pt idx="4828">
                  <c:v>41354</c:v>
                </c:pt>
                <c:pt idx="4829">
                  <c:v>41355</c:v>
                </c:pt>
                <c:pt idx="4830">
                  <c:v>41356</c:v>
                </c:pt>
                <c:pt idx="4831">
                  <c:v>41357</c:v>
                </c:pt>
                <c:pt idx="4832">
                  <c:v>41358</c:v>
                </c:pt>
                <c:pt idx="4833">
                  <c:v>41359</c:v>
                </c:pt>
                <c:pt idx="4834">
                  <c:v>41360</c:v>
                </c:pt>
                <c:pt idx="4835">
                  <c:v>41361</c:v>
                </c:pt>
                <c:pt idx="4836">
                  <c:v>41362</c:v>
                </c:pt>
                <c:pt idx="4837">
                  <c:v>41363</c:v>
                </c:pt>
                <c:pt idx="4838">
                  <c:v>41364</c:v>
                </c:pt>
                <c:pt idx="4839">
                  <c:v>41365</c:v>
                </c:pt>
                <c:pt idx="4840">
                  <c:v>41366</c:v>
                </c:pt>
                <c:pt idx="4841">
                  <c:v>41367</c:v>
                </c:pt>
                <c:pt idx="4842">
                  <c:v>41368</c:v>
                </c:pt>
                <c:pt idx="4843">
                  <c:v>41369</c:v>
                </c:pt>
                <c:pt idx="4844">
                  <c:v>41370</c:v>
                </c:pt>
                <c:pt idx="4845">
                  <c:v>41371</c:v>
                </c:pt>
                <c:pt idx="4846">
                  <c:v>41372</c:v>
                </c:pt>
                <c:pt idx="4847">
                  <c:v>41373</c:v>
                </c:pt>
                <c:pt idx="4848">
                  <c:v>41374</c:v>
                </c:pt>
                <c:pt idx="4849">
                  <c:v>41375</c:v>
                </c:pt>
                <c:pt idx="4850">
                  <c:v>41376</c:v>
                </c:pt>
                <c:pt idx="4851">
                  <c:v>41377</c:v>
                </c:pt>
                <c:pt idx="4852">
                  <c:v>41378</c:v>
                </c:pt>
                <c:pt idx="4853">
                  <c:v>41379</c:v>
                </c:pt>
                <c:pt idx="4854">
                  <c:v>41380</c:v>
                </c:pt>
                <c:pt idx="4855">
                  <c:v>41381</c:v>
                </c:pt>
                <c:pt idx="4856">
                  <c:v>41382</c:v>
                </c:pt>
                <c:pt idx="4857">
                  <c:v>41383</c:v>
                </c:pt>
                <c:pt idx="4858">
                  <c:v>41384</c:v>
                </c:pt>
                <c:pt idx="4859">
                  <c:v>41385</c:v>
                </c:pt>
                <c:pt idx="4860">
                  <c:v>41386</c:v>
                </c:pt>
                <c:pt idx="4861">
                  <c:v>41387</c:v>
                </c:pt>
                <c:pt idx="4862">
                  <c:v>41388</c:v>
                </c:pt>
                <c:pt idx="4863">
                  <c:v>41389</c:v>
                </c:pt>
                <c:pt idx="4864">
                  <c:v>41390</c:v>
                </c:pt>
                <c:pt idx="4865">
                  <c:v>41391</c:v>
                </c:pt>
                <c:pt idx="4866">
                  <c:v>41392</c:v>
                </c:pt>
                <c:pt idx="4867">
                  <c:v>41393</c:v>
                </c:pt>
                <c:pt idx="4868">
                  <c:v>41394</c:v>
                </c:pt>
                <c:pt idx="4869">
                  <c:v>41395</c:v>
                </c:pt>
                <c:pt idx="4870">
                  <c:v>41396</c:v>
                </c:pt>
                <c:pt idx="4871">
                  <c:v>41397</c:v>
                </c:pt>
                <c:pt idx="4872">
                  <c:v>41398</c:v>
                </c:pt>
                <c:pt idx="4873">
                  <c:v>41399</c:v>
                </c:pt>
                <c:pt idx="4874">
                  <c:v>41400</c:v>
                </c:pt>
                <c:pt idx="4875">
                  <c:v>41401</c:v>
                </c:pt>
                <c:pt idx="4876">
                  <c:v>41402</c:v>
                </c:pt>
                <c:pt idx="4877">
                  <c:v>41403</c:v>
                </c:pt>
                <c:pt idx="4878">
                  <c:v>41404</c:v>
                </c:pt>
                <c:pt idx="4879">
                  <c:v>41405</c:v>
                </c:pt>
                <c:pt idx="4880">
                  <c:v>41406</c:v>
                </c:pt>
                <c:pt idx="4881">
                  <c:v>41407</c:v>
                </c:pt>
                <c:pt idx="4882">
                  <c:v>41408</c:v>
                </c:pt>
                <c:pt idx="4883">
                  <c:v>41409</c:v>
                </c:pt>
                <c:pt idx="4884">
                  <c:v>41410</c:v>
                </c:pt>
                <c:pt idx="4885">
                  <c:v>41411</c:v>
                </c:pt>
                <c:pt idx="4886">
                  <c:v>41412</c:v>
                </c:pt>
                <c:pt idx="4887">
                  <c:v>41413</c:v>
                </c:pt>
                <c:pt idx="4888">
                  <c:v>41414</c:v>
                </c:pt>
                <c:pt idx="4889">
                  <c:v>41415</c:v>
                </c:pt>
                <c:pt idx="4890">
                  <c:v>41416</c:v>
                </c:pt>
                <c:pt idx="4891">
                  <c:v>41417</c:v>
                </c:pt>
                <c:pt idx="4892">
                  <c:v>41418</c:v>
                </c:pt>
                <c:pt idx="4893">
                  <c:v>41419</c:v>
                </c:pt>
                <c:pt idx="4894">
                  <c:v>41420</c:v>
                </c:pt>
                <c:pt idx="4895">
                  <c:v>41421</c:v>
                </c:pt>
                <c:pt idx="4896">
                  <c:v>41422</c:v>
                </c:pt>
                <c:pt idx="4897">
                  <c:v>41423</c:v>
                </c:pt>
                <c:pt idx="4898">
                  <c:v>41424</c:v>
                </c:pt>
                <c:pt idx="4899">
                  <c:v>41425</c:v>
                </c:pt>
                <c:pt idx="4900">
                  <c:v>41426</c:v>
                </c:pt>
                <c:pt idx="4901">
                  <c:v>41427</c:v>
                </c:pt>
                <c:pt idx="4902">
                  <c:v>41428</c:v>
                </c:pt>
                <c:pt idx="4903">
                  <c:v>41429</c:v>
                </c:pt>
                <c:pt idx="4904">
                  <c:v>41430</c:v>
                </c:pt>
                <c:pt idx="4905">
                  <c:v>41431</c:v>
                </c:pt>
                <c:pt idx="4906">
                  <c:v>41432</c:v>
                </c:pt>
                <c:pt idx="4907">
                  <c:v>41433</c:v>
                </c:pt>
                <c:pt idx="4908">
                  <c:v>41434</c:v>
                </c:pt>
                <c:pt idx="4909">
                  <c:v>41435</c:v>
                </c:pt>
                <c:pt idx="4910">
                  <c:v>41436</c:v>
                </c:pt>
                <c:pt idx="4911">
                  <c:v>41437</c:v>
                </c:pt>
                <c:pt idx="4912">
                  <c:v>41438</c:v>
                </c:pt>
                <c:pt idx="4913">
                  <c:v>41439</c:v>
                </c:pt>
                <c:pt idx="4914">
                  <c:v>41440</c:v>
                </c:pt>
                <c:pt idx="4915">
                  <c:v>41441</c:v>
                </c:pt>
                <c:pt idx="4916">
                  <c:v>41442</c:v>
                </c:pt>
                <c:pt idx="4917">
                  <c:v>41443</c:v>
                </c:pt>
                <c:pt idx="4918">
                  <c:v>41444</c:v>
                </c:pt>
                <c:pt idx="4919">
                  <c:v>41445</c:v>
                </c:pt>
                <c:pt idx="4920">
                  <c:v>41446</c:v>
                </c:pt>
                <c:pt idx="4921">
                  <c:v>41447</c:v>
                </c:pt>
                <c:pt idx="4922">
                  <c:v>41448</c:v>
                </c:pt>
                <c:pt idx="4923">
                  <c:v>41449</c:v>
                </c:pt>
                <c:pt idx="4924">
                  <c:v>41450</c:v>
                </c:pt>
                <c:pt idx="4925">
                  <c:v>41451</c:v>
                </c:pt>
                <c:pt idx="4926">
                  <c:v>41452</c:v>
                </c:pt>
                <c:pt idx="4927">
                  <c:v>41453</c:v>
                </c:pt>
                <c:pt idx="4928">
                  <c:v>41454</c:v>
                </c:pt>
                <c:pt idx="4929">
                  <c:v>41455</c:v>
                </c:pt>
                <c:pt idx="4930">
                  <c:v>41456</c:v>
                </c:pt>
                <c:pt idx="4931">
                  <c:v>41457</c:v>
                </c:pt>
                <c:pt idx="4932">
                  <c:v>41458</c:v>
                </c:pt>
                <c:pt idx="4933">
                  <c:v>41459</c:v>
                </c:pt>
                <c:pt idx="4934">
                  <c:v>41460</c:v>
                </c:pt>
                <c:pt idx="4935">
                  <c:v>41461</c:v>
                </c:pt>
                <c:pt idx="4936">
                  <c:v>41462</c:v>
                </c:pt>
                <c:pt idx="4937">
                  <c:v>41463</c:v>
                </c:pt>
                <c:pt idx="4938">
                  <c:v>41464</c:v>
                </c:pt>
                <c:pt idx="4939">
                  <c:v>41465</c:v>
                </c:pt>
                <c:pt idx="4940">
                  <c:v>41466</c:v>
                </c:pt>
                <c:pt idx="4941">
                  <c:v>41467</c:v>
                </c:pt>
                <c:pt idx="4942">
                  <c:v>41468</c:v>
                </c:pt>
                <c:pt idx="4943">
                  <c:v>41469</c:v>
                </c:pt>
                <c:pt idx="4944">
                  <c:v>41470</c:v>
                </c:pt>
                <c:pt idx="4945">
                  <c:v>41471</c:v>
                </c:pt>
                <c:pt idx="4946">
                  <c:v>41472</c:v>
                </c:pt>
                <c:pt idx="4947">
                  <c:v>41473</c:v>
                </c:pt>
                <c:pt idx="4948">
                  <c:v>41474</c:v>
                </c:pt>
                <c:pt idx="4949">
                  <c:v>41475</c:v>
                </c:pt>
                <c:pt idx="4950">
                  <c:v>41476</c:v>
                </c:pt>
                <c:pt idx="4951">
                  <c:v>41477</c:v>
                </c:pt>
                <c:pt idx="4952">
                  <c:v>41478</c:v>
                </c:pt>
                <c:pt idx="4953">
                  <c:v>41479</c:v>
                </c:pt>
                <c:pt idx="4954">
                  <c:v>41480</c:v>
                </c:pt>
                <c:pt idx="4955">
                  <c:v>41481</c:v>
                </c:pt>
                <c:pt idx="4956">
                  <c:v>41482</c:v>
                </c:pt>
                <c:pt idx="4957">
                  <c:v>41483</c:v>
                </c:pt>
                <c:pt idx="4958">
                  <c:v>41484</c:v>
                </c:pt>
                <c:pt idx="4959">
                  <c:v>41485</c:v>
                </c:pt>
                <c:pt idx="4960">
                  <c:v>41486</c:v>
                </c:pt>
                <c:pt idx="4961">
                  <c:v>41487</c:v>
                </c:pt>
                <c:pt idx="4962">
                  <c:v>41488</c:v>
                </c:pt>
                <c:pt idx="4963">
                  <c:v>41489</c:v>
                </c:pt>
                <c:pt idx="4964">
                  <c:v>41490</c:v>
                </c:pt>
                <c:pt idx="4965">
                  <c:v>41491</c:v>
                </c:pt>
                <c:pt idx="4966">
                  <c:v>41492</c:v>
                </c:pt>
                <c:pt idx="4967">
                  <c:v>41493</c:v>
                </c:pt>
                <c:pt idx="4968">
                  <c:v>41494</c:v>
                </c:pt>
                <c:pt idx="4969">
                  <c:v>41495</c:v>
                </c:pt>
                <c:pt idx="4970">
                  <c:v>41496</c:v>
                </c:pt>
                <c:pt idx="4971">
                  <c:v>41497</c:v>
                </c:pt>
                <c:pt idx="4972">
                  <c:v>41498</c:v>
                </c:pt>
                <c:pt idx="4973">
                  <c:v>41499</c:v>
                </c:pt>
                <c:pt idx="4974">
                  <c:v>41500</c:v>
                </c:pt>
                <c:pt idx="4975">
                  <c:v>41501</c:v>
                </c:pt>
                <c:pt idx="4976">
                  <c:v>41502</c:v>
                </c:pt>
                <c:pt idx="4977">
                  <c:v>41503</c:v>
                </c:pt>
                <c:pt idx="4978">
                  <c:v>41504</c:v>
                </c:pt>
                <c:pt idx="4979">
                  <c:v>41505</c:v>
                </c:pt>
                <c:pt idx="4980">
                  <c:v>41506</c:v>
                </c:pt>
                <c:pt idx="4981">
                  <c:v>41507</c:v>
                </c:pt>
                <c:pt idx="4982">
                  <c:v>41508</c:v>
                </c:pt>
                <c:pt idx="4983">
                  <c:v>41509</c:v>
                </c:pt>
                <c:pt idx="4984">
                  <c:v>41510</c:v>
                </c:pt>
                <c:pt idx="4985">
                  <c:v>41511</c:v>
                </c:pt>
                <c:pt idx="4986">
                  <c:v>41512</c:v>
                </c:pt>
                <c:pt idx="4987">
                  <c:v>41513</c:v>
                </c:pt>
                <c:pt idx="4988">
                  <c:v>41514</c:v>
                </c:pt>
                <c:pt idx="4989">
                  <c:v>41515</c:v>
                </c:pt>
                <c:pt idx="4990">
                  <c:v>41516</c:v>
                </c:pt>
                <c:pt idx="4991">
                  <c:v>41517</c:v>
                </c:pt>
                <c:pt idx="4992">
                  <c:v>41518</c:v>
                </c:pt>
                <c:pt idx="4993">
                  <c:v>41519</c:v>
                </c:pt>
                <c:pt idx="4994">
                  <c:v>41520</c:v>
                </c:pt>
                <c:pt idx="4995">
                  <c:v>41521</c:v>
                </c:pt>
                <c:pt idx="4996">
                  <c:v>41522</c:v>
                </c:pt>
                <c:pt idx="4997">
                  <c:v>41523</c:v>
                </c:pt>
                <c:pt idx="4998">
                  <c:v>41524</c:v>
                </c:pt>
                <c:pt idx="4999">
                  <c:v>41525</c:v>
                </c:pt>
                <c:pt idx="5000">
                  <c:v>41526</c:v>
                </c:pt>
                <c:pt idx="5001">
                  <c:v>41527</c:v>
                </c:pt>
                <c:pt idx="5002">
                  <c:v>41528</c:v>
                </c:pt>
                <c:pt idx="5003">
                  <c:v>41529</c:v>
                </c:pt>
                <c:pt idx="5004">
                  <c:v>41530</c:v>
                </c:pt>
                <c:pt idx="5005">
                  <c:v>41531</c:v>
                </c:pt>
                <c:pt idx="5006">
                  <c:v>41532</c:v>
                </c:pt>
                <c:pt idx="5007">
                  <c:v>41533</c:v>
                </c:pt>
                <c:pt idx="5008">
                  <c:v>41534</c:v>
                </c:pt>
                <c:pt idx="5009">
                  <c:v>41535</c:v>
                </c:pt>
                <c:pt idx="5010">
                  <c:v>41536</c:v>
                </c:pt>
                <c:pt idx="5011">
                  <c:v>41537</c:v>
                </c:pt>
                <c:pt idx="5012">
                  <c:v>41538</c:v>
                </c:pt>
                <c:pt idx="5013">
                  <c:v>41539</c:v>
                </c:pt>
                <c:pt idx="5014">
                  <c:v>41540</c:v>
                </c:pt>
                <c:pt idx="5015">
                  <c:v>41541</c:v>
                </c:pt>
                <c:pt idx="5016">
                  <c:v>41542</c:v>
                </c:pt>
                <c:pt idx="5017">
                  <c:v>41543</c:v>
                </c:pt>
                <c:pt idx="5018">
                  <c:v>41544</c:v>
                </c:pt>
                <c:pt idx="5019">
                  <c:v>41545</c:v>
                </c:pt>
                <c:pt idx="5020">
                  <c:v>41546</c:v>
                </c:pt>
                <c:pt idx="5021">
                  <c:v>41547</c:v>
                </c:pt>
                <c:pt idx="5022">
                  <c:v>41548</c:v>
                </c:pt>
                <c:pt idx="5023">
                  <c:v>41549</c:v>
                </c:pt>
                <c:pt idx="5024">
                  <c:v>41550</c:v>
                </c:pt>
                <c:pt idx="5025">
                  <c:v>41551</c:v>
                </c:pt>
                <c:pt idx="5026">
                  <c:v>41552</c:v>
                </c:pt>
                <c:pt idx="5027">
                  <c:v>41553</c:v>
                </c:pt>
                <c:pt idx="5028">
                  <c:v>41554</c:v>
                </c:pt>
                <c:pt idx="5029">
                  <c:v>41555</c:v>
                </c:pt>
                <c:pt idx="5030">
                  <c:v>41556</c:v>
                </c:pt>
                <c:pt idx="5031">
                  <c:v>41557</c:v>
                </c:pt>
                <c:pt idx="5032">
                  <c:v>41558</c:v>
                </c:pt>
                <c:pt idx="5033">
                  <c:v>41559</c:v>
                </c:pt>
                <c:pt idx="5034">
                  <c:v>41560</c:v>
                </c:pt>
                <c:pt idx="5035">
                  <c:v>41561</c:v>
                </c:pt>
                <c:pt idx="5036">
                  <c:v>41562</c:v>
                </c:pt>
                <c:pt idx="5037">
                  <c:v>41563</c:v>
                </c:pt>
                <c:pt idx="5038">
                  <c:v>41564</c:v>
                </c:pt>
                <c:pt idx="5039">
                  <c:v>41565</c:v>
                </c:pt>
                <c:pt idx="5040">
                  <c:v>41566</c:v>
                </c:pt>
                <c:pt idx="5041">
                  <c:v>41567</c:v>
                </c:pt>
                <c:pt idx="5042">
                  <c:v>41568</c:v>
                </c:pt>
                <c:pt idx="5043">
                  <c:v>41569</c:v>
                </c:pt>
                <c:pt idx="5044">
                  <c:v>41570</c:v>
                </c:pt>
                <c:pt idx="5045">
                  <c:v>41571</c:v>
                </c:pt>
                <c:pt idx="5046">
                  <c:v>41572</c:v>
                </c:pt>
                <c:pt idx="5047">
                  <c:v>41573</c:v>
                </c:pt>
                <c:pt idx="5048">
                  <c:v>41574</c:v>
                </c:pt>
                <c:pt idx="5049">
                  <c:v>41575</c:v>
                </c:pt>
                <c:pt idx="5050">
                  <c:v>41576</c:v>
                </c:pt>
                <c:pt idx="5051">
                  <c:v>41577</c:v>
                </c:pt>
                <c:pt idx="5052">
                  <c:v>41578</c:v>
                </c:pt>
                <c:pt idx="5053">
                  <c:v>41579</c:v>
                </c:pt>
                <c:pt idx="5054">
                  <c:v>41580</c:v>
                </c:pt>
                <c:pt idx="5055">
                  <c:v>41581</c:v>
                </c:pt>
                <c:pt idx="5056">
                  <c:v>41582</c:v>
                </c:pt>
                <c:pt idx="5057">
                  <c:v>41583</c:v>
                </c:pt>
                <c:pt idx="5058">
                  <c:v>41584</c:v>
                </c:pt>
                <c:pt idx="5059">
                  <c:v>41585</c:v>
                </c:pt>
                <c:pt idx="5060">
                  <c:v>41586</c:v>
                </c:pt>
                <c:pt idx="5061">
                  <c:v>41587</c:v>
                </c:pt>
                <c:pt idx="5062">
                  <c:v>41588</c:v>
                </c:pt>
                <c:pt idx="5063">
                  <c:v>41589</c:v>
                </c:pt>
                <c:pt idx="5064">
                  <c:v>41590</c:v>
                </c:pt>
                <c:pt idx="5065">
                  <c:v>41591</c:v>
                </c:pt>
                <c:pt idx="5066">
                  <c:v>41592</c:v>
                </c:pt>
                <c:pt idx="5067">
                  <c:v>41593</c:v>
                </c:pt>
                <c:pt idx="5068">
                  <c:v>41594</c:v>
                </c:pt>
                <c:pt idx="5069">
                  <c:v>41595</c:v>
                </c:pt>
                <c:pt idx="5070">
                  <c:v>41596</c:v>
                </c:pt>
                <c:pt idx="5071">
                  <c:v>41597</c:v>
                </c:pt>
                <c:pt idx="5072">
                  <c:v>41598</c:v>
                </c:pt>
                <c:pt idx="5073">
                  <c:v>41599</c:v>
                </c:pt>
                <c:pt idx="5074">
                  <c:v>41600</c:v>
                </c:pt>
                <c:pt idx="5075">
                  <c:v>41601</c:v>
                </c:pt>
                <c:pt idx="5076">
                  <c:v>41602</c:v>
                </c:pt>
                <c:pt idx="5077">
                  <c:v>41603</c:v>
                </c:pt>
                <c:pt idx="5078">
                  <c:v>41604</c:v>
                </c:pt>
                <c:pt idx="5079">
                  <c:v>41605</c:v>
                </c:pt>
                <c:pt idx="5080">
                  <c:v>41606</c:v>
                </c:pt>
                <c:pt idx="5081">
                  <c:v>41607</c:v>
                </c:pt>
                <c:pt idx="5082">
                  <c:v>41608</c:v>
                </c:pt>
                <c:pt idx="5083">
                  <c:v>41609</c:v>
                </c:pt>
                <c:pt idx="5084">
                  <c:v>41610</c:v>
                </c:pt>
                <c:pt idx="5085">
                  <c:v>41611</c:v>
                </c:pt>
                <c:pt idx="5086">
                  <c:v>41612</c:v>
                </c:pt>
                <c:pt idx="5087">
                  <c:v>41613</c:v>
                </c:pt>
                <c:pt idx="5088">
                  <c:v>41614</c:v>
                </c:pt>
                <c:pt idx="5089">
                  <c:v>41615</c:v>
                </c:pt>
                <c:pt idx="5090">
                  <c:v>41616</c:v>
                </c:pt>
                <c:pt idx="5091">
                  <c:v>41617</c:v>
                </c:pt>
                <c:pt idx="5092">
                  <c:v>41618</c:v>
                </c:pt>
                <c:pt idx="5093">
                  <c:v>41619</c:v>
                </c:pt>
                <c:pt idx="5094">
                  <c:v>41620</c:v>
                </c:pt>
                <c:pt idx="5095">
                  <c:v>41621</c:v>
                </c:pt>
                <c:pt idx="5096">
                  <c:v>41622</c:v>
                </c:pt>
                <c:pt idx="5097">
                  <c:v>41623</c:v>
                </c:pt>
                <c:pt idx="5098">
                  <c:v>41624</c:v>
                </c:pt>
                <c:pt idx="5099">
                  <c:v>41625</c:v>
                </c:pt>
                <c:pt idx="5100">
                  <c:v>41626</c:v>
                </c:pt>
                <c:pt idx="5101">
                  <c:v>41627</c:v>
                </c:pt>
                <c:pt idx="5102">
                  <c:v>41628</c:v>
                </c:pt>
                <c:pt idx="5103">
                  <c:v>41629</c:v>
                </c:pt>
                <c:pt idx="5104">
                  <c:v>41630</c:v>
                </c:pt>
                <c:pt idx="5105">
                  <c:v>41631</c:v>
                </c:pt>
                <c:pt idx="5106">
                  <c:v>41632</c:v>
                </c:pt>
                <c:pt idx="5107">
                  <c:v>41633</c:v>
                </c:pt>
                <c:pt idx="5108">
                  <c:v>41634</c:v>
                </c:pt>
                <c:pt idx="5109">
                  <c:v>41635</c:v>
                </c:pt>
                <c:pt idx="5110">
                  <c:v>41636</c:v>
                </c:pt>
                <c:pt idx="5111">
                  <c:v>41637</c:v>
                </c:pt>
                <c:pt idx="5112">
                  <c:v>41638</c:v>
                </c:pt>
                <c:pt idx="5113">
                  <c:v>41639</c:v>
                </c:pt>
                <c:pt idx="5114">
                  <c:v>41640</c:v>
                </c:pt>
                <c:pt idx="5115">
                  <c:v>41641</c:v>
                </c:pt>
                <c:pt idx="5116">
                  <c:v>41642</c:v>
                </c:pt>
                <c:pt idx="5117">
                  <c:v>41643</c:v>
                </c:pt>
                <c:pt idx="5118">
                  <c:v>41644</c:v>
                </c:pt>
                <c:pt idx="5119">
                  <c:v>41645</c:v>
                </c:pt>
                <c:pt idx="5120">
                  <c:v>41646</c:v>
                </c:pt>
                <c:pt idx="5121">
                  <c:v>41647</c:v>
                </c:pt>
                <c:pt idx="5122">
                  <c:v>41648</c:v>
                </c:pt>
                <c:pt idx="5123">
                  <c:v>41649</c:v>
                </c:pt>
                <c:pt idx="5124">
                  <c:v>41650</c:v>
                </c:pt>
                <c:pt idx="5125">
                  <c:v>41651</c:v>
                </c:pt>
                <c:pt idx="5126">
                  <c:v>41652</c:v>
                </c:pt>
                <c:pt idx="5127">
                  <c:v>41653</c:v>
                </c:pt>
                <c:pt idx="5128">
                  <c:v>41654</c:v>
                </c:pt>
                <c:pt idx="5129">
                  <c:v>41655</c:v>
                </c:pt>
                <c:pt idx="5130">
                  <c:v>41656</c:v>
                </c:pt>
                <c:pt idx="5131">
                  <c:v>41657</c:v>
                </c:pt>
                <c:pt idx="5132">
                  <c:v>41658</c:v>
                </c:pt>
                <c:pt idx="5133">
                  <c:v>41659</c:v>
                </c:pt>
                <c:pt idx="5134">
                  <c:v>41660</c:v>
                </c:pt>
                <c:pt idx="5135">
                  <c:v>41661</c:v>
                </c:pt>
                <c:pt idx="5136">
                  <c:v>41662</c:v>
                </c:pt>
                <c:pt idx="5137">
                  <c:v>41663</c:v>
                </c:pt>
                <c:pt idx="5138">
                  <c:v>41664</c:v>
                </c:pt>
                <c:pt idx="5139">
                  <c:v>41665</c:v>
                </c:pt>
                <c:pt idx="5140">
                  <c:v>41666</c:v>
                </c:pt>
                <c:pt idx="5141">
                  <c:v>41667</c:v>
                </c:pt>
                <c:pt idx="5142">
                  <c:v>41668</c:v>
                </c:pt>
                <c:pt idx="5143">
                  <c:v>41669</c:v>
                </c:pt>
                <c:pt idx="5144">
                  <c:v>41670</c:v>
                </c:pt>
                <c:pt idx="5145">
                  <c:v>41671</c:v>
                </c:pt>
                <c:pt idx="5146">
                  <c:v>41672</c:v>
                </c:pt>
                <c:pt idx="5147">
                  <c:v>41673</c:v>
                </c:pt>
                <c:pt idx="5148">
                  <c:v>41674</c:v>
                </c:pt>
                <c:pt idx="5149">
                  <c:v>41675</c:v>
                </c:pt>
                <c:pt idx="5150">
                  <c:v>41676</c:v>
                </c:pt>
                <c:pt idx="5151">
                  <c:v>41677</c:v>
                </c:pt>
                <c:pt idx="5152">
                  <c:v>41678</c:v>
                </c:pt>
                <c:pt idx="5153">
                  <c:v>41679</c:v>
                </c:pt>
                <c:pt idx="5154">
                  <c:v>41680</c:v>
                </c:pt>
                <c:pt idx="5155">
                  <c:v>41681</c:v>
                </c:pt>
                <c:pt idx="5156">
                  <c:v>41682</c:v>
                </c:pt>
                <c:pt idx="5157">
                  <c:v>41683</c:v>
                </c:pt>
                <c:pt idx="5158">
                  <c:v>41684</c:v>
                </c:pt>
                <c:pt idx="5159">
                  <c:v>41685</c:v>
                </c:pt>
                <c:pt idx="5160">
                  <c:v>41686</c:v>
                </c:pt>
                <c:pt idx="5161">
                  <c:v>41687</c:v>
                </c:pt>
                <c:pt idx="5162">
                  <c:v>41688</c:v>
                </c:pt>
                <c:pt idx="5163">
                  <c:v>41689</c:v>
                </c:pt>
                <c:pt idx="5164">
                  <c:v>41690</c:v>
                </c:pt>
                <c:pt idx="5165">
                  <c:v>41691</c:v>
                </c:pt>
                <c:pt idx="5166">
                  <c:v>41692</c:v>
                </c:pt>
                <c:pt idx="5167">
                  <c:v>41693</c:v>
                </c:pt>
                <c:pt idx="5168">
                  <c:v>41694</c:v>
                </c:pt>
                <c:pt idx="5169">
                  <c:v>41695</c:v>
                </c:pt>
                <c:pt idx="5170">
                  <c:v>41696</c:v>
                </c:pt>
                <c:pt idx="5171">
                  <c:v>41697</c:v>
                </c:pt>
                <c:pt idx="5172">
                  <c:v>41698</c:v>
                </c:pt>
                <c:pt idx="5173">
                  <c:v>41699</c:v>
                </c:pt>
                <c:pt idx="5174">
                  <c:v>41700</c:v>
                </c:pt>
                <c:pt idx="5175">
                  <c:v>41701</c:v>
                </c:pt>
                <c:pt idx="5176">
                  <c:v>41702</c:v>
                </c:pt>
                <c:pt idx="5177">
                  <c:v>41703</c:v>
                </c:pt>
                <c:pt idx="5178">
                  <c:v>41704</c:v>
                </c:pt>
                <c:pt idx="5179">
                  <c:v>41705</c:v>
                </c:pt>
                <c:pt idx="5180">
                  <c:v>41706</c:v>
                </c:pt>
                <c:pt idx="5181">
                  <c:v>41707</c:v>
                </c:pt>
                <c:pt idx="5182">
                  <c:v>41708</c:v>
                </c:pt>
                <c:pt idx="5183">
                  <c:v>41709</c:v>
                </c:pt>
                <c:pt idx="5184">
                  <c:v>41710</c:v>
                </c:pt>
                <c:pt idx="5185">
                  <c:v>41711</c:v>
                </c:pt>
                <c:pt idx="5186">
                  <c:v>41712</c:v>
                </c:pt>
                <c:pt idx="5187">
                  <c:v>41713</c:v>
                </c:pt>
                <c:pt idx="5188">
                  <c:v>41714</c:v>
                </c:pt>
                <c:pt idx="5189">
                  <c:v>41715</c:v>
                </c:pt>
                <c:pt idx="5190">
                  <c:v>41716</c:v>
                </c:pt>
                <c:pt idx="5191">
                  <c:v>41717</c:v>
                </c:pt>
                <c:pt idx="5192">
                  <c:v>41718</c:v>
                </c:pt>
                <c:pt idx="5193">
                  <c:v>41719</c:v>
                </c:pt>
                <c:pt idx="5194">
                  <c:v>41720</c:v>
                </c:pt>
                <c:pt idx="5195">
                  <c:v>41721</c:v>
                </c:pt>
                <c:pt idx="5196">
                  <c:v>41722</c:v>
                </c:pt>
                <c:pt idx="5197">
                  <c:v>41723</c:v>
                </c:pt>
                <c:pt idx="5198">
                  <c:v>41724</c:v>
                </c:pt>
                <c:pt idx="5199">
                  <c:v>41725</c:v>
                </c:pt>
                <c:pt idx="5200">
                  <c:v>41726</c:v>
                </c:pt>
                <c:pt idx="5201">
                  <c:v>41727</c:v>
                </c:pt>
                <c:pt idx="5202">
                  <c:v>41728</c:v>
                </c:pt>
                <c:pt idx="5203">
                  <c:v>41729</c:v>
                </c:pt>
                <c:pt idx="5204">
                  <c:v>41730</c:v>
                </c:pt>
                <c:pt idx="5205">
                  <c:v>41731</c:v>
                </c:pt>
                <c:pt idx="5206">
                  <c:v>41732</c:v>
                </c:pt>
                <c:pt idx="5207">
                  <c:v>41733</c:v>
                </c:pt>
                <c:pt idx="5208">
                  <c:v>41734</c:v>
                </c:pt>
                <c:pt idx="5209">
                  <c:v>41735</c:v>
                </c:pt>
                <c:pt idx="5210">
                  <c:v>41736</c:v>
                </c:pt>
                <c:pt idx="5211">
                  <c:v>41737</c:v>
                </c:pt>
                <c:pt idx="5212">
                  <c:v>41738</c:v>
                </c:pt>
                <c:pt idx="5213">
                  <c:v>41739</c:v>
                </c:pt>
                <c:pt idx="5214">
                  <c:v>41740</c:v>
                </c:pt>
                <c:pt idx="5215">
                  <c:v>41741</c:v>
                </c:pt>
                <c:pt idx="5216">
                  <c:v>41742</c:v>
                </c:pt>
                <c:pt idx="5217">
                  <c:v>41743</c:v>
                </c:pt>
                <c:pt idx="5218">
                  <c:v>41744</c:v>
                </c:pt>
                <c:pt idx="5219">
                  <c:v>41745</c:v>
                </c:pt>
                <c:pt idx="5220">
                  <c:v>41746</c:v>
                </c:pt>
                <c:pt idx="5221">
                  <c:v>41747</c:v>
                </c:pt>
                <c:pt idx="5222">
                  <c:v>41748</c:v>
                </c:pt>
                <c:pt idx="5223">
                  <c:v>41749</c:v>
                </c:pt>
                <c:pt idx="5224">
                  <c:v>41750</c:v>
                </c:pt>
                <c:pt idx="5225">
                  <c:v>41751</c:v>
                </c:pt>
                <c:pt idx="5226">
                  <c:v>41752</c:v>
                </c:pt>
                <c:pt idx="5227">
                  <c:v>41753</c:v>
                </c:pt>
                <c:pt idx="5228">
                  <c:v>41754</c:v>
                </c:pt>
                <c:pt idx="5229">
                  <c:v>41755</c:v>
                </c:pt>
                <c:pt idx="5230">
                  <c:v>41756</c:v>
                </c:pt>
                <c:pt idx="5231">
                  <c:v>41757</c:v>
                </c:pt>
                <c:pt idx="5232">
                  <c:v>41758</c:v>
                </c:pt>
                <c:pt idx="5233">
                  <c:v>41759</c:v>
                </c:pt>
                <c:pt idx="5234">
                  <c:v>41760</c:v>
                </c:pt>
                <c:pt idx="5235">
                  <c:v>41761</c:v>
                </c:pt>
                <c:pt idx="5236">
                  <c:v>41762</c:v>
                </c:pt>
                <c:pt idx="5237">
                  <c:v>41763</c:v>
                </c:pt>
                <c:pt idx="5238">
                  <c:v>41764</c:v>
                </c:pt>
                <c:pt idx="5239">
                  <c:v>41765</c:v>
                </c:pt>
                <c:pt idx="5240">
                  <c:v>41766</c:v>
                </c:pt>
                <c:pt idx="5241">
                  <c:v>41767</c:v>
                </c:pt>
                <c:pt idx="5242">
                  <c:v>41768</c:v>
                </c:pt>
                <c:pt idx="5243">
                  <c:v>41769</c:v>
                </c:pt>
                <c:pt idx="5244">
                  <c:v>41770</c:v>
                </c:pt>
                <c:pt idx="5245">
                  <c:v>41771</c:v>
                </c:pt>
                <c:pt idx="5246">
                  <c:v>41772</c:v>
                </c:pt>
                <c:pt idx="5247">
                  <c:v>41773</c:v>
                </c:pt>
                <c:pt idx="5248">
                  <c:v>41774</c:v>
                </c:pt>
                <c:pt idx="5249">
                  <c:v>41775</c:v>
                </c:pt>
                <c:pt idx="5250">
                  <c:v>41776</c:v>
                </c:pt>
                <c:pt idx="5251">
                  <c:v>41777</c:v>
                </c:pt>
                <c:pt idx="5252">
                  <c:v>41778</c:v>
                </c:pt>
                <c:pt idx="5253">
                  <c:v>41779</c:v>
                </c:pt>
                <c:pt idx="5254">
                  <c:v>41780</c:v>
                </c:pt>
                <c:pt idx="5255">
                  <c:v>41781</c:v>
                </c:pt>
                <c:pt idx="5256">
                  <c:v>41782</c:v>
                </c:pt>
                <c:pt idx="5257">
                  <c:v>41783</c:v>
                </c:pt>
                <c:pt idx="5258">
                  <c:v>41784</c:v>
                </c:pt>
                <c:pt idx="5259">
                  <c:v>41785</c:v>
                </c:pt>
                <c:pt idx="5260">
                  <c:v>41786</c:v>
                </c:pt>
                <c:pt idx="5261">
                  <c:v>41787</c:v>
                </c:pt>
                <c:pt idx="5262">
                  <c:v>41788</c:v>
                </c:pt>
                <c:pt idx="5263">
                  <c:v>41789</c:v>
                </c:pt>
                <c:pt idx="5264">
                  <c:v>41790</c:v>
                </c:pt>
                <c:pt idx="5265">
                  <c:v>41791</c:v>
                </c:pt>
                <c:pt idx="5266">
                  <c:v>41792</c:v>
                </c:pt>
                <c:pt idx="5267">
                  <c:v>41793</c:v>
                </c:pt>
                <c:pt idx="5268">
                  <c:v>41794</c:v>
                </c:pt>
                <c:pt idx="5269">
                  <c:v>41795</c:v>
                </c:pt>
                <c:pt idx="5270">
                  <c:v>41796</c:v>
                </c:pt>
                <c:pt idx="5271">
                  <c:v>41797</c:v>
                </c:pt>
                <c:pt idx="5272">
                  <c:v>41798</c:v>
                </c:pt>
                <c:pt idx="5273">
                  <c:v>41799</c:v>
                </c:pt>
                <c:pt idx="5274">
                  <c:v>41800</c:v>
                </c:pt>
                <c:pt idx="5275">
                  <c:v>41801</c:v>
                </c:pt>
                <c:pt idx="5276">
                  <c:v>41802</c:v>
                </c:pt>
                <c:pt idx="5277">
                  <c:v>41803</c:v>
                </c:pt>
                <c:pt idx="5278">
                  <c:v>41804</c:v>
                </c:pt>
                <c:pt idx="5279">
                  <c:v>41805</c:v>
                </c:pt>
                <c:pt idx="5280">
                  <c:v>41806</c:v>
                </c:pt>
                <c:pt idx="5281">
                  <c:v>41807</c:v>
                </c:pt>
                <c:pt idx="5282">
                  <c:v>41808</c:v>
                </c:pt>
                <c:pt idx="5283">
                  <c:v>41809</c:v>
                </c:pt>
                <c:pt idx="5284">
                  <c:v>41810</c:v>
                </c:pt>
                <c:pt idx="5285">
                  <c:v>41811</c:v>
                </c:pt>
                <c:pt idx="5286">
                  <c:v>41812</c:v>
                </c:pt>
                <c:pt idx="5287">
                  <c:v>41813</c:v>
                </c:pt>
                <c:pt idx="5288">
                  <c:v>41814</c:v>
                </c:pt>
                <c:pt idx="5289">
                  <c:v>41815</c:v>
                </c:pt>
                <c:pt idx="5290">
                  <c:v>41816</c:v>
                </c:pt>
                <c:pt idx="5291">
                  <c:v>41817</c:v>
                </c:pt>
                <c:pt idx="5292">
                  <c:v>41818</c:v>
                </c:pt>
                <c:pt idx="5293">
                  <c:v>41819</c:v>
                </c:pt>
                <c:pt idx="5294">
                  <c:v>41820</c:v>
                </c:pt>
                <c:pt idx="5295">
                  <c:v>41821</c:v>
                </c:pt>
                <c:pt idx="5296">
                  <c:v>41822</c:v>
                </c:pt>
                <c:pt idx="5297">
                  <c:v>41823</c:v>
                </c:pt>
                <c:pt idx="5298">
                  <c:v>41824</c:v>
                </c:pt>
                <c:pt idx="5299">
                  <c:v>41825</c:v>
                </c:pt>
                <c:pt idx="5300">
                  <c:v>41826</c:v>
                </c:pt>
                <c:pt idx="5301">
                  <c:v>41827</c:v>
                </c:pt>
                <c:pt idx="5302">
                  <c:v>41828</c:v>
                </c:pt>
                <c:pt idx="5303">
                  <c:v>41829</c:v>
                </c:pt>
                <c:pt idx="5304">
                  <c:v>41830</c:v>
                </c:pt>
                <c:pt idx="5305">
                  <c:v>41831</c:v>
                </c:pt>
                <c:pt idx="5306">
                  <c:v>41832</c:v>
                </c:pt>
                <c:pt idx="5307">
                  <c:v>41833</c:v>
                </c:pt>
                <c:pt idx="5308">
                  <c:v>41834</c:v>
                </c:pt>
                <c:pt idx="5309">
                  <c:v>41835</c:v>
                </c:pt>
                <c:pt idx="5310">
                  <c:v>41836</c:v>
                </c:pt>
                <c:pt idx="5311">
                  <c:v>41837</c:v>
                </c:pt>
                <c:pt idx="5312">
                  <c:v>41838</c:v>
                </c:pt>
                <c:pt idx="5313">
                  <c:v>41839</c:v>
                </c:pt>
                <c:pt idx="5314">
                  <c:v>41840</c:v>
                </c:pt>
                <c:pt idx="5315">
                  <c:v>41841</c:v>
                </c:pt>
                <c:pt idx="5316">
                  <c:v>41842</c:v>
                </c:pt>
                <c:pt idx="5317">
                  <c:v>41843</c:v>
                </c:pt>
                <c:pt idx="5318">
                  <c:v>41844</c:v>
                </c:pt>
                <c:pt idx="5319">
                  <c:v>41845</c:v>
                </c:pt>
                <c:pt idx="5320">
                  <c:v>41846</c:v>
                </c:pt>
                <c:pt idx="5321">
                  <c:v>41847</c:v>
                </c:pt>
                <c:pt idx="5322">
                  <c:v>41848</c:v>
                </c:pt>
                <c:pt idx="5323">
                  <c:v>41849</c:v>
                </c:pt>
                <c:pt idx="5324">
                  <c:v>41850</c:v>
                </c:pt>
                <c:pt idx="5325">
                  <c:v>41851</c:v>
                </c:pt>
                <c:pt idx="5326">
                  <c:v>41852</c:v>
                </c:pt>
                <c:pt idx="5327">
                  <c:v>41853</c:v>
                </c:pt>
                <c:pt idx="5328">
                  <c:v>41854</c:v>
                </c:pt>
                <c:pt idx="5329">
                  <c:v>41855</c:v>
                </c:pt>
                <c:pt idx="5330">
                  <c:v>41856</c:v>
                </c:pt>
                <c:pt idx="5331">
                  <c:v>41857</c:v>
                </c:pt>
                <c:pt idx="5332">
                  <c:v>41858</c:v>
                </c:pt>
                <c:pt idx="5333">
                  <c:v>41859</c:v>
                </c:pt>
                <c:pt idx="5334">
                  <c:v>41860</c:v>
                </c:pt>
                <c:pt idx="5335">
                  <c:v>41861</c:v>
                </c:pt>
                <c:pt idx="5336">
                  <c:v>41862</c:v>
                </c:pt>
                <c:pt idx="5337">
                  <c:v>41863</c:v>
                </c:pt>
                <c:pt idx="5338">
                  <c:v>41864</c:v>
                </c:pt>
                <c:pt idx="5339">
                  <c:v>41865</c:v>
                </c:pt>
                <c:pt idx="5340">
                  <c:v>41866</c:v>
                </c:pt>
                <c:pt idx="5341">
                  <c:v>41867</c:v>
                </c:pt>
                <c:pt idx="5342">
                  <c:v>41868</c:v>
                </c:pt>
                <c:pt idx="5343">
                  <c:v>41869</c:v>
                </c:pt>
                <c:pt idx="5344">
                  <c:v>41870</c:v>
                </c:pt>
                <c:pt idx="5345">
                  <c:v>41871</c:v>
                </c:pt>
                <c:pt idx="5346">
                  <c:v>41872</c:v>
                </c:pt>
                <c:pt idx="5347">
                  <c:v>41873</c:v>
                </c:pt>
                <c:pt idx="5348">
                  <c:v>41874</c:v>
                </c:pt>
                <c:pt idx="5349">
                  <c:v>41875</c:v>
                </c:pt>
                <c:pt idx="5350">
                  <c:v>41876</c:v>
                </c:pt>
                <c:pt idx="5351">
                  <c:v>41877</c:v>
                </c:pt>
                <c:pt idx="5352">
                  <c:v>41878</c:v>
                </c:pt>
                <c:pt idx="5353">
                  <c:v>41879</c:v>
                </c:pt>
                <c:pt idx="5354">
                  <c:v>41880</c:v>
                </c:pt>
                <c:pt idx="5355">
                  <c:v>41881</c:v>
                </c:pt>
                <c:pt idx="5356">
                  <c:v>41882</c:v>
                </c:pt>
                <c:pt idx="5357">
                  <c:v>41883</c:v>
                </c:pt>
                <c:pt idx="5358">
                  <c:v>41884</c:v>
                </c:pt>
                <c:pt idx="5359">
                  <c:v>41885</c:v>
                </c:pt>
                <c:pt idx="5360">
                  <c:v>41886</c:v>
                </c:pt>
                <c:pt idx="5361">
                  <c:v>41887</c:v>
                </c:pt>
                <c:pt idx="5362">
                  <c:v>41888</c:v>
                </c:pt>
                <c:pt idx="5363">
                  <c:v>41889</c:v>
                </c:pt>
                <c:pt idx="5364">
                  <c:v>41890</c:v>
                </c:pt>
                <c:pt idx="5365">
                  <c:v>41891</c:v>
                </c:pt>
                <c:pt idx="5366">
                  <c:v>41892</c:v>
                </c:pt>
                <c:pt idx="5367">
                  <c:v>41893</c:v>
                </c:pt>
                <c:pt idx="5368">
                  <c:v>41894</c:v>
                </c:pt>
                <c:pt idx="5369">
                  <c:v>41895</c:v>
                </c:pt>
                <c:pt idx="5370">
                  <c:v>41896</c:v>
                </c:pt>
                <c:pt idx="5371">
                  <c:v>41897</c:v>
                </c:pt>
                <c:pt idx="5372">
                  <c:v>41898</c:v>
                </c:pt>
                <c:pt idx="5373">
                  <c:v>41899</c:v>
                </c:pt>
                <c:pt idx="5374">
                  <c:v>41900</c:v>
                </c:pt>
                <c:pt idx="5375">
                  <c:v>41901</c:v>
                </c:pt>
                <c:pt idx="5376">
                  <c:v>41902</c:v>
                </c:pt>
                <c:pt idx="5377">
                  <c:v>41903</c:v>
                </c:pt>
                <c:pt idx="5378">
                  <c:v>41904</c:v>
                </c:pt>
                <c:pt idx="5379">
                  <c:v>41905</c:v>
                </c:pt>
                <c:pt idx="5380">
                  <c:v>41906</c:v>
                </c:pt>
                <c:pt idx="5381">
                  <c:v>41907</c:v>
                </c:pt>
                <c:pt idx="5382">
                  <c:v>41908</c:v>
                </c:pt>
                <c:pt idx="5383">
                  <c:v>41909</c:v>
                </c:pt>
                <c:pt idx="5384">
                  <c:v>41910</c:v>
                </c:pt>
                <c:pt idx="5385">
                  <c:v>41911</c:v>
                </c:pt>
                <c:pt idx="5386">
                  <c:v>41912</c:v>
                </c:pt>
                <c:pt idx="5387">
                  <c:v>41913</c:v>
                </c:pt>
                <c:pt idx="5388">
                  <c:v>41914</c:v>
                </c:pt>
                <c:pt idx="5389">
                  <c:v>41915</c:v>
                </c:pt>
                <c:pt idx="5390">
                  <c:v>41916</c:v>
                </c:pt>
                <c:pt idx="5391">
                  <c:v>41917</c:v>
                </c:pt>
                <c:pt idx="5392">
                  <c:v>41918</c:v>
                </c:pt>
                <c:pt idx="5393">
                  <c:v>41919</c:v>
                </c:pt>
                <c:pt idx="5394">
                  <c:v>41920</c:v>
                </c:pt>
                <c:pt idx="5395">
                  <c:v>41921</c:v>
                </c:pt>
                <c:pt idx="5396">
                  <c:v>41922</c:v>
                </c:pt>
                <c:pt idx="5397">
                  <c:v>41923</c:v>
                </c:pt>
                <c:pt idx="5398">
                  <c:v>41924</c:v>
                </c:pt>
                <c:pt idx="5399">
                  <c:v>41925</c:v>
                </c:pt>
                <c:pt idx="5400">
                  <c:v>41926</c:v>
                </c:pt>
                <c:pt idx="5401">
                  <c:v>41927</c:v>
                </c:pt>
                <c:pt idx="5402">
                  <c:v>41928</c:v>
                </c:pt>
                <c:pt idx="5403">
                  <c:v>41929</c:v>
                </c:pt>
                <c:pt idx="5404">
                  <c:v>41930</c:v>
                </c:pt>
                <c:pt idx="5405">
                  <c:v>41931</c:v>
                </c:pt>
                <c:pt idx="5406">
                  <c:v>41932</c:v>
                </c:pt>
                <c:pt idx="5407">
                  <c:v>41933</c:v>
                </c:pt>
                <c:pt idx="5408">
                  <c:v>41934</c:v>
                </c:pt>
                <c:pt idx="5409">
                  <c:v>41935</c:v>
                </c:pt>
                <c:pt idx="5410">
                  <c:v>41936</c:v>
                </c:pt>
                <c:pt idx="5411">
                  <c:v>41937</c:v>
                </c:pt>
                <c:pt idx="5412">
                  <c:v>41938</c:v>
                </c:pt>
                <c:pt idx="5413">
                  <c:v>41939</c:v>
                </c:pt>
                <c:pt idx="5414">
                  <c:v>41940</c:v>
                </c:pt>
                <c:pt idx="5415">
                  <c:v>41941</c:v>
                </c:pt>
                <c:pt idx="5416">
                  <c:v>41942</c:v>
                </c:pt>
                <c:pt idx="5417">
                  <c:v>41943</c:v>
                </c:pt>
                <c:pt idx="5418">
                  <c:v>41944</c:v>
                </c:pt>
                <c:pt idx="5419">
                  <c:v>41945</c:v>
                </c:pt>
                <c:pt idx="5420">
                  <c:v>41946</c:v>
                </c:pt>
                <c:pt idx="5421">
                  <c:v>41947</c:v>
                </c:pt>
                <c:pt idx="5422">
                  <c:v>41948</c:v>
                </c:pt>
                <c:pt idx="5423">
                  <c:v>41949</c:v>
                </c:pt>
                <c:pt idx="5424">
                  <c:v>41950</c:v>
                </c:pt>
                <c:pt idx="5425">
                  <c:v>41951</c:v>
                </c:pt>
                <c:pt idx="5426">
                  <c:v>41952</c:v>
                </c:pt>
                <c:pt idx="5427">
                  <c:v>41953</c:v>
                </c:pt>
                <c:pt idx="5428">
                  <c:v>41954</c:v>
                </c:pt>
                <c:pt idx="5429">
                  <c:v>41955</c:v>
                </c:pt>
                <c:pt idx="5430">
                  <c:v>41956</c:v>
                </c:pt>
                <c:pt idx="5431">
                  <c:v>41957</c:v>
                </c:pt>
                <c:pt idx="5432">
                  <c:v>41958</c:v>
                </c:pt>
                <c:pt idx="5433">
                  <c:v>41959</c:v>
                </c:pt>
                <c:pt idx="5434">
                  <c:v>41960</c:v>
                </c:pt>
                <c:pt idx="5435">
                  <c:v>41961</c:v>
                </c:pt>
                <c:pt idx="5436">
                  <c:v>41962</c:v>
                </c:pt>
                <c:pt idx="5437">
                  <c:v>41963</c:v>
                </c:pt>
                <c:pt idx="5438">
                  <c:v>41964</c:v>
                </c:pt>
                <c:pt idx="5439">
                  <c:v>41965</c:v>
                </c:pt>
                <c:pt idx="5440">
                  <c:v>41966</c:v>
                </c:pt>
                <c:pt idx="5441">
                  <c:v>41967</c:v>
                </c:pt>
                <c:pt idx="5442">
                  <c:v>41968</c:v>
                </c:pt>
                <c:pt idx="5443">
                  <c:v>41969</c:v>
                </c:pt>
                <c:pt idx="5444">
                  <c:v>41970</c:v>
                </c:pt>
                <c:pt idx="5445">
                  <c:v>41971</c:v>
                </c:pt>
                <c:pt idx="5446">
                  <c:v>41972</c:v>
                </c:pt>
                <c:pt idx="5447">
                  <c:v>41973</c:v>
                </c:pt>
                <c:pt idx="5448">
                  <c:v>41974</c:v>
                </c:pt>
                <c:pt idx="5449">
                  <c:v>41975</c:v>
                </c:pt>
                <c:pt idx="5450">
                  <c:v>41976</c:v>
                </c:pt>
                <c:pt idx="5451">
                  <c:v>41977</c:v>
                </c:pt>
                <c:pt idx="5452">
                  <c:v>41978</c:v>
                </c:pt>
                <c:pt idx="5453">
                  <c:v>41979</c:v>
                </c:pt>
                <c:pt idx="5454">
                  <c:v>41980</c:v>
                </c:pt>
                <c:pt idx="5455">
                  <c:v>41981</c:v>
                </c:pt>
                <c:pt idx="5456">
                  <c:v>41982</c:v>
                </c:pt>
                <c:pt idx="5457">
                  <c:v>41983</c:v>
                </c:pt>
                <c:pt idx="5458">
                  <c:v>41984</c:v>
                </c:pt>
                <c:pt idx="5459">
                  <c:v>41985</c:v>
                </c:pt>
                <c:pt idx="5460">
                  <c:v>41986</c:v>
                </c:pt>
                <c:pt idx="5461">
                  <c:v>41987</c:v>
                </c:pt>
                <c:pt idx="5462">
                  <c:v>41988</c:v>
                </c:pt>
                <c:pt idx="5463">
                  <c:v>41989</c:v>
                </c:pt>
                <c:pt idx="5464">
                  <c:v>41990</c:v>
                </c:pt>
                <c:pt idx="5465">
                  <c:v>41991</c:v>
                </c:pt>
                <c:pt idx="5466">
                  <c:v>41992</c:v>
                </c:pt>
                <c:pt idx="5467">
                  <c:v>41993</c:v>
                </c:pt>
                <c:pt idx="5468">
                  <c:v>41994</c:v>
                </c:pt>
                <c:pt idx="5469">
                  <c:v>41995</c:v>
                </c:pt>
                <c:pt idx="5470">
                  <c:v>41996</c:v>
                </c:pt>
                <c:pt idx="5471">
                  <c:v>41997</c:v>
                </c:pt>
                <c:pt idx="5472">
                  <c:v>41998</c:v>
                </c:pt>
                <c:pt idx="5473">
                  <c:v>41999</c:v>
                </c:pt>
                <c:pt idx="5474">
                  <c:v>42000</c:v>
                </c:pt>
                <c:pt idx="5475">
                  <c:v>42001</c:v>
                </c:pt>
                <c:pt idx="5476">
                  <c:v>42002</c:v>
                </c:pt>
                <c:pt idx="5477">
                  <c:v>42003</c:v>
                </c:pt>
                <c:pt idx="5478">
                  <c:v>42004</c:v>
                </c:pt>
                <c:pt idx="5479">
                  <c:v>42005</c:v>
                </c:pt>
                <c:pt idx="5480">
                  <c:v>42006</c:v>
                </c:pt>
                <c:pt idx="5481">
                  <c:v>42007</c:v>
                </c:pt>
                <c:pt idx="5482">
                  <c:v>42008</c:v>
                </c:pt>
                <c:pt idx="5483">
                  <c:v>42009</c:v>
                </c:pt>
                <c:pt idx="5484">
                  <c:v>42010</c:v>
                </c:pt>
                <c:pt idx="5485">
                  <c:v>42011</c:v>
                </c:pt>
                <c:pt idx="5486">
                  <c:v>42012</c:v>
                </c:pt>
                <c:pt idx="5487">
                  <c:v>42013</c:v>
                </c:pt>
                <c:pt idx="5488">
                  <c:v>42014</c:v>
                </c:pt>
                <c:pt idx="5489">
                  <c:v>42015</c:v>
                </c:pt>
                <c:pt idx="5490">
                  <c:v>42016</c:v>
                </c:pt>
                <c:pt idx="5491">
                  <c:v>42017</c:v>
                </c:pt>
                <c:pt idx="5492">
                  <c:v>42018</c:v>
                </c:pt>
                <c:pt idx="5493">
                  <c:v>42019</c:v>
                </c:pt>
                <c:pt idx="5494">
                  <c:v>42020</c:v>
                </c:pt>
                <c:pt idx="5495">
                  <c:v>42021</c:v>
                </c:pt>
                <c:pt idx="5496">
                  <c:v>42022</c:v>
                </c:pt>
                <c:pt idx="5497">
                  <c:v>42023</c:v>
                </c:pt>
                <c:pt idx="5498">
                  <c:v>42024</c:v>
                </c:pt>
                <c:pt idx="5499">
                  <c:v>42025</c:v>
                </c:pt>
                <c:pt idx="5500">
                  <c:v>42026</c:v>
                </c:pt>
                <c:pt idx="5501">
                  <c:v>42027</c:v>
                </c:pt>
                <c:pt idx="5502">
                  <c:v>42028</c:v>
                </c:pt>
                <c:pt idx="5503">
                  <c:v>42029</c:v>
                </c:pt>
                <c:pt idx="5504">
                  <c:v>42030</c:v>
                </c:pt>
                <c:pt idx="5505">
                  <c:v>42031</c:v>
                </c:pt>
                <c:pt idx="5506">
                  <c:v>42032</c:v>
                </c:pt>
                <c:pt idx="5507">
                  <c:v>42033</c:v>
                </c:pt>
                <c:pt idx="5508">
                  <c:v>42034</c:v>
                </c:pt>
                <c:pt idx="5509">
                  <c:v>42035</c:v>
                </c:pt>
                <c:pt idx="5510">
                  <c:v>42036</c:v>
                </c:pt>
                <c:pt idx="5511">
                  <c:v>42037</c:v>
                </c:pt>
                <c:pt idx="5512">
                  <c:v>42038</c:v>
                </c:pt>
                <c:pt idx="5513">
                  <c:v>42039</c:v>
                </c:pt>
                <c:pt idx="5514">
                  <c:v>42040</c:v>
                </c:pt>
                <c:pt idx="5515">
                  <c:v>42041</c:v>
                </c:pt>
                <c:pt idx="5516">
                  <c:v>42042</c:v>
                </c:pt>
                <c:pt idx="5517">
                  <c:v>42043</c:v>
                </c:pt>
                <c:pt idx="5518">
                  <c:v>42044</c:v>
                </c:pt>
                <c:pt idx="5519">
                  <c:v>42045</c:v>
                </c:pt>
                <c:pt idx="5520">
                  <c:v>42046</c:v>
                </c:pt>
                <c:pt idx="5521">
                  <c:v>42047</c:v>
                </c:pt>
                <c:pt idx="5522">
                  <c:v>42048</c:v>
                </c:pt>
                <c:pt idx="5523">
                  <c:v>42049</c:v>
                </c:pt>
                <c:pt idx="5524">
                  <c:v>42050</c:v>
                </c:pt>
                <c:pt idx="5525">
                  <c:v>42051</c:v>
                </c:pt>
                <c:pt idx="5526">
                  <c:v>42052</c:v>
                </c:pt>
                <c:pt idx="5527">
                  <c:v>42053</c:v>
                </c:pt>
                <c:pt idx="5528">
                  <c:v>42054</c:v>
                </c:pt>
                <c:pt idx="5529">
                  <c:v>42055</c:v>
                </c:pt>
                <c:pt idx="5530">
                  <c:v>42056</c:v>
                </c:pt>
                <c:pt idx="5531">
                  <c:v>42057</c:v>
                </c:pt>
                <c:pt idx="5532">
                  <c:v>42058</c:v>
                </c:pt>
                <c:pt idx="5533">
                  <c:v>42059</c:v>
                </c:pt>
                <c:pt idx="5534">
                  <c:v>42060</c:v>
                </c:pt>
                <c:pt idx="5535">
                  <c:v>42061</c:v>
                </c:pt>
                <c:pt idx="5536">
                  <c:v>42062</c:v>
                </c:pt>
                <c:pt idx="5537">
                  <c:v>42063</c:v>
                </c:pt>
                <c:pt idx="5538">
                  <c:v>42064</c:v>
                </c:pt>
                <c:pt idx="5539">
                  <c:v>42065</c:v>
                </c:pt>
                <c:pt idx="5540">
                  <c:v>42066</c:v>
                </c:pt>
                <c:pt idx="5541">
                  <c:v>42067</c:v>
                </c:pt>
                <c:pt idx="5542">
                  <c:v>42068</c:v>
                </c:pt>
                <c:pt idx="5543">
                  <c:v>42069</c:v>
                </c:pt>
                <c:pt idx="5544">
                  <c:v>42070</c:v>
                </c:pt>
                <c:pt idx="5545">
                  <c:v>42071</c:v>
                </c:pt>
                <c:pt idx="5546">
                  <c:v>42072</c:v>
                </c:pt>
                <c:pt idx="5547">
                  <c:v>42073</c:v>
                </c:pt>
                <c:pt idx="5548">
                  <c:v>42074</c:v>
                </c:pt>
                <c:pt idx="5549">
                  <c:v>42075</c:v>
                </c:pt>
                <c:pt idx="5550">
                  <c:v>42076</c:v>
                </c:pt>
                <c:pt idx="5551">
                  <c:v>42077</c:v>
                </c:pt>
                <c:pt idx="5552">
                  <c:v>42078</c:v>
                </c:pt>
                <c:pt idx="5553">
                  <c:v>42079</c:v>
                </c:pt>
                <c:pt idx="5554">
                  <c:v>42080</c:v>
                </c:pt>
                <c:pt idx="5555">
                  <c:v>42081</c:v>
                </c:pt>
                <c:pt idx="5556">
                  <c:v>42082</c:v>
                </c:pt>
                <c:pt idx="5557">
                  <c:v>42083</c:v>
                </c:pt>
                <c:pt idx="5558">
                  <c:v>42084</c:v>
                </c:pt>
                <c:pt idx="5559">
                  <c:v>42085</c:v>
                </c:pt>
                <c:pt idx="5560">
                  <c:v>42086</c:v>
                </c:pt>
                <c:pt idx="5561">
                  <c:v>42087</c:v>
                </c:pt>
                <c:pt idx="5562">
                  <c:v>42088</c:v>
                </c:pt>
                <c:pt idx="5563">
                  <c:v>42089</c:v>
                </c:pt>
                <c:pt idx="5564">
                  <c:v>42090</c:v>
                </c:pt>
                <c:pt idx="5565">
                  <c:v>42091</c:v>
                </c:pt>
                <c:pt idx="5566">
                  <c:v>42092</c:v>
                </c:pt>
                <c:pt idx="5567">
                  <c:v>42093</c:v>
                </c:pt>
                <c:pt idx="5568">
                  <c:v>42094</c:v>
                </c:pt>
                <c:pt idx="5569">
                  <c:v>42095</c:v>
                </c:pt>
                <c:pt idx="5570">
                  <c:v>42096</c:v>
                </c:pt>
                <c:pt idx="5571">
                  <c:v>42097</c:v>
                </c:pt>
                <c:pt idx="5572">
                  <c:v>42098</c:v>
                </c:pt>
                <c:pt idx="5573">
                  <c:v>42099</c:v>
                </c:pt>
                <c:pt idx="5574">
                  <c:v>42100</c:v>
                </c:pt>
                <c:pt idx="5575">
                  <c:v>42101</c:v>
                </c:pt>
                <c:pt idx="5576">
                  <c:v>42102</c:v>
                </c:pt>
                <c:pt idx="5577">
                  <c:v>42103</c:v>
                </c:pt>
                <c:pt idx="5578">
                  <c:v>42104</c:v>
                </c:pt>
                <c:pt idx="5579">
                  <c:v>42105</c:v>
                </c:pt>
                <c:pt idx="5580">
                  <c:v>42106</c:v>
                </c:pt>
                <c:pt idx="5581">
                  <c:v>42107</c:v>
                </c:pt>
                <c:pt idx="5582">
                  <c:v>42108</c:v>
                </c:pt>
                <c:pt idx="5583">
                  <c:v>42109</c:v>
                </c:pt>
                <c:pt idx="5584">
                  <c:v>42110</c:v>
                </c:pt>
                <c:pt idx="5585">
                  <c:v>42111</c:v>
                </c:pt>
                <c:pt idx="5586">
                  <c:v>42112</c:v>
                </c:pt>
                <c:pt idx="5587">
                  <c:v>42113</c:v>
                </c:pt>
                <c:pt idx="5588">
                  <c:v>42114</c:v>
                </c:pt>
                <c:pt idx="5589">
                  <c:v>42115</c:v>
                </c:pt>
                <c:pt idx="5590">
                  <c:v>42116</c:v>
                </c:pt>
                <c:pt idx="5591">
                  <c:v>42117</c:v>
                </c:pt>
                <c:pt idx="5592">
                  <c:v>42118</c:v>
                </c:pt>
                <c:pt idx="5593">
                  <c:v>42119</c:v>
                </c:pt>
                <c:pt idx="5594">
                  <c:v>42120</c:v>
                </c:pt>
                <c:pt idx="5595">
                  <c:v>42121</c:v>
                </c:pt>
                <c:pt idx="5596">
                  <c:v>42122</c:v>
                </c:pt>
                <c:pt idx="5597">
                  <c:v>42123</c:v>
                </c:pt>
                <c:pt idx="5598">
                  <c:v>42124</c:v>
                </c:pt>
                <c:pt idx="5599">
                  <c:v>42125</c:v>
                </c:pt>
                <c:pt idx="5600">
                  <c:v>42126</c:v>
                </c:pt>
                <c:pt idx="5601">
                  <c:v>42127</c:v>
                </c:pt>
                <c:pt idx="5602">
                  <c:v>42128</c:v>
                </c:pt>
                <c:pt idx="5603">
                  <c:v>42129</c:v>
                </c:pt>
                <c:pt idx="5604">
                  <c:v>42130</c:v>
                </c:pt>
                <c:pt idx="5605">
                  <c:v>42131</c:v>
                </c:pt>
                <c:pt idx="5606">
                  <c:v>42132</c:v>
                </c:pt>
                <c:pt idx="5607">
                  <c:v>42133</c:v>
                </c:pt>
                <c:pt idx="5608">
                  <c:v>42134</c:v>
                </c:pt>
                <c:pt idx="5609">
                  <c:v>42135</c:v>
                </c:pt>
                <c:pt idx="5610">
                  <c:v>42136</c:v>
                </c:pt>
                <c:pt idx="5611">
                  <c:v>42137</c:v>
                </c:pt>
                <c:pt idx="5612">
                  <c:v>42138</c:v>
                </c:pt>
                <c:pt idx="5613">
                  <c:v>42139</c:v>
                </c:pt>
                <c:pt idx="5614">
                  <c:v>42140</c:v>
                </c:pt>
                <c:pt idx="5615">
                  <c:v>42141</c:v>
                </c:pt>
                <c:pt idx="5616">
                  <c:v>42142</c:v>
                </c:pt>
                <c:pt idx="5617">
                  <c:v>42143</c:v>
                </c:pt>
                <c:pt idx="5618">
                  <c:v>42144</c:v>
                </c:pt>
                <c:pt idx="5619">
                  <c:v>42145</c:v>
                </c:pt>
                <c:pt idx="5620">
                  <c:v>42146</c:v>
                </c:pt>
                <c:pt idx="5621">
                  <c:v>42147</c:v>
                </c:pt>
                <c:pt idx="5622">
                  <c:v>42148</c:v>
                </c:pt>
                <c:pt idx="5623">
                  <c:v>42149</c:v>
                </c:pt>
                <c:pt idx="5624">
                  <c:v>42150</c:v>
                </c:pt>
                <c:pt idx="5625">
                  <c:v>42151</c:v>
                </c:pt>
                <c:pt idx="5626">
                  <c:v>42152</c:v>
                </c:pt>
                <c:pt idx="5627">
                  <c:v>42153</c:v>
                </c:pt>
                <c:pt idx="5628">
                  <c:v>42154</c:v>
                </c:pt>
                <c:pt idx="5629">
                  <c:v>42155</c:v>
                </c:pt>
                <c:pt idx="5630">
                  <c:v>42156</c:v>
                </c:pt>
                <c:pt idx="5631">
                  <c:v>42157</c:v>
                </c:pt>
                <c:pt idx="5632">
                  <c:v>42158</c:v>
                </c:pt>
                <c:pt idx="5633">
                  <c:v>42159</c:v>
                </c:pt>
                <c:pt idx="5634">
                  <c:v>42160</c:v>
                </c:pt>
                <c:pt idx="5635">
                  <c:v>42161</c:v>
                </c:pt>
                <c:pt idx="5636">
                  <c:v>42162</c:v>
                </c:pt>
                <c:pt idx="5637">
                  <c:v>42163</c:v>
                </c:pt>
                <c:pt idx="5638">
                  <c:v>42164</c:v>
                </c:pt>
                <c:pt idx="5639">
                  <c:v>42165</c:v>
                </c:pt>
                <c:pt idx="5640">
                  <c:v>42166</c:v>
                </c:pt>
                <c:pt idx="5641">
                  <c:v>42167</c:v>
                </c:pt>
                <c:pt idx="5642">
                  <c:v>42168</c:v>
                </c:pt>
                <c:pt idx="5643">
                  <c:v>42169</c:v>
                </c:pt>
                <c:pt idx="5644">
                  <c:v>42170</c:v>
                </c:pt>
                <c:pt idx="5645">
                  <c:v>42171</c:v>
                </c:pt>
                <c:pt idx="5646">
                  <c:v>42172</c:v>
                </c:pt>
                <c:pt idx="5647">
                  <c:v>42173</c:v>
                </c:pt>
                <c:pt idx="5648">
                  <c:v>42174</c:v>
                </c:pt>
                <c:pt idx="5649">
                  <c:v>42175</c:v>
                </c:pt>
                <c:pt idx="5650">
                  <c:v>42176</c:v>
                </c:pt>
                <c:pt idx="5651">
                  <c:v>42177</c:v>
                </c:pt>
                <c:pt idx="5652">
                  <c:v>42178</c:v>
                </c:pt>
                <c:pt idx="5653">
                  <c:v>42179</c:v>
                </c:pt>
                <c:pt idx="5654">
                  <c:v>42180</c:v>
                </c:pt>
                <c:pt idx="5655">
                  <c:v>42181</c:v>
                </c:pt>
                <c:pt idx="5656">
                  <c:v>42182</c:v>
                </c:pt>
                <c:pt idx="5657">
                  <c:v>42183</c:v>
                </c:pt>
                <c:pt idx="5658">
                  <c:v>42184</c:v>
                </c:pt>
                <c:pt idx="5659">
                  <c:v>42185</c:v>
                </c:pt>
                <c:pt idx="5660">
                  <c:v>42186</c:v>
                </c:pt>
                <c:pt idx="5661">
                  <c:v>42187</c:v>
                </c:pt>
                <c:pt idx="5662">
                  <c:v>42188</c:v>
                </c:pt>
                <c:pt idx="5663">
                  <c:v>42189</c:v>
                </c:pt>
                <c:pt idx="5664">
                  <c:v>42190</c:v>
                </c:pt>
                <c:pt idx="5665">
                  <c:v>42191</c:v>
                </c:pt>
                <c:pt idx="5666">
                  <c:v>42192</c:v>
                </c:pt>
                <c:pt idx="5667">
                  <c:v>42193</c:v>
                </c:pt>
                <c:pt idx="5668">
                  <c:v>42194</c:v>
                </c:pt>
                <c:pt idx="5669">
                  <c:v>42195</c:v>
                </c:pt>
                <c:pt idx="5670">
                  <c:v>42196</c:v>
                </c:pt>
                <c:pt idx="5671">
                  <c:v>42197</c:v>
                </c:pt>
                <c:pt idx="5672">
                  <c:v>42198</c:v>
                </c:pt>
                <c:pt idx="5673">
                  <c:v>42199</c:v>
                </c:pt>
                <c:pt idx="5674">
                  <c:v>42200</c:v>
                </c:pt>
                <c:pt idx="5675">
                  <c:v>42201</c:v>
                </c:pt>
                <c:pt idx="5676">
                  <c:v>42202</c:v>
                </c:pt>
                <c:pt idx="5677">
                  <c:v>42203</c:v>
                </c:pt>
                <c:pt idx="5678">
                  <c:v>42204</c:v>
                </c:pt>
                <c:pt idx="5679">
                  <c:v>42205</c:v>
                </c:pt>
                <c:pt idx="5680">
                  <c:v>42206</c:v>
                </c:pt>
                <c:pt idx="5681">
                  <c:v>42207</c:v>
                </c:pt>
                <c:pt idx="5682">
                  <c:v>42208</c:v>
                </c:pt>
                <c:pt idx="5683">
                  <c:v>42209</c:v>
                </c:pt>
                <c:pt idx="5684">
                  <c:v>42210</c:v>
                </c:pt>
                <c:pt idx="5685">
                  <c:v>42211</c:v>
                </c:pt>
                <c:pt idx="5686">
                  <c:v>42212</c:v>
                </c:pt>
                <c:pt idx="5687">
                  <c:v>42213</c:v>
                </c:pt>
                <c:pt idx="5688">
                  <c:v>42214</c:v>
                </c:pt>
                <c:pt idx="5689">
                  <c:v>42215</c:v>
                </c:pt>
                <c:pt idx="5690">
                  <c:v>42216</c:v>
                </c:pt>
                <c:pt idx="5691">
                  <c:v>42217</c:v>
                </c:pt>
                <c:pt idx="5692">
                  <c:v>42218</c:v>
                </c:pt>
                <c:pt idx="5693">
                  <c:v>42219</c:v>
                </c:pt>
                <c:pt idx="5694">
                  <c:v>42220</c:v>
                </c:pt>
                <c:pt idx="5695">
                  <c:v>42221</c:v>
                </c:pt>
                <c:pt idx="5696">
                  <c:v>42222</c:v>
                </c:pt>
                <c:pt idx="5697">
                  <c:v>42223</c:v>
                </c:pt>
                <c:pt idx="5698">
                  <c:v>42224</c:v>
                </c:pt>
                <c:pt idx="5699">
                  <c:v>42225</c:v>
                </c:pt>
                <c:pt idx="5700">
                  <c:v>42226</c:v>
                </c:pt>
                <c:pt idx="5701">
                  <c:v>42227</c:v>
                </c:pt>
                <c:pt idx="5702">
                  <c:v>42228</c:v>
                </c:pt>
                <c:pt idx="5703">
                  <c:v>42229</c:v>
                </c:pt>
                <c:pt idx="5704">
                  <c:v>42230</c:v>
                </c:pt>
                <c:pt idx="5705">
                  <c:v>42231</c:v>
                </c:pt>
                <c:pt idx="5706">
                  <c:v>42232</c:v>
                </c:pt>
                <c:pt idx="5707">
                  <c:v>42233</c:v>
                </c:pt>
                <c:pt idx="5708">
                  <c:v>42234</c:v>
                </c:pt>
                <c:pt idx="5709">
                  <c:v>42235</c:v>
                </c:pt>
                <c:pt idx="5710">
                  <c:v>42236</c:v>
                </c:pt>
                <c:pt idx="5711">
                  <c:v>42237</c:v>
                </c:pt>
                <c:pt idx="5712">
                  <c:v>42238</c:v>
                </c:pt>
                <c:pt idx="5713">
                  <c:v>42239</c:v>
                </c:pt>
                <c:pt idx="5714">
                  <c:v>42240</c:v>
                </c:pt>
                <c:pt idx="5715">
                  <c:v>42241</c:v>
                </c:pt>
                <c:pt idx="5716">
                  <c:v>42242</c:v>
                </c:pt>
                <c:pt idx="5717">
                  <c:v>42243</c:v>
                </c:pt>
                <c:pt idx="5718">
                  <c:v>42244</c:v>
                </c:pt>
                <c:pt idx="5719">
                  <c:v>42245</c:v>
                </c:pt>
                <c:pt idx="5720">
                  <c:v>42246</c:v>
                </c:pt>
                <c:pt idx="5721">
                  <c:v>42247</c:v>
                </c:pt>
                <c:pt idx="5722">
                  <c:v>42248</c:v>
                </c:pt>
                <c:pt idx="5723">
                  <c:v>42249</c:v>
                </c:pt>
                <c:pt idx="5724">
                  <c:v>42250</c:v>
                </c:pt>
                <c:pt idx="5725">
                  <c:v>42251</c:v>
                </c:pt>
                <c:pt idx="5726">
                  <c:v>42252</c:v>
                </c:pt>
                <c:pt idx="5727">
                  <c:v>42253</c:v>
                </c:pt>
                <c:pt idx="5728">
                  <c:v>42254</c:v>
                </c:pt>
                <c:pt idx="5729">
                  <c:v>42255</c:v>
                </c:pt>
                <c:pt idx="5730">
                  <c:v>42256</c:v>
                </c:pt>
                <c:pt idx="5731">
                  <c:v>42257</c:v>
                </c:pt>
                <c:pt idx="5732">
                  <c:v>42258</c:v>
                </c:pt>
                <c:pt idx="5733">
                  <c:v>42259</c:v>
                </c:pt>
                <c:pt idx="5734">
                  <c:v>42260</c:v>
                </c:pt>
                <c:pt idx="5735">
                  <c:v>42261</c:v>
                </c:pt>
                <c:pt idx="5736">
                  <c:v>42262</c:v>
                </c:pt>
                <c:pt idx="5737">
                  <c:v>42263</c:v>
                </c:pt>
                <c:pt idx="5738">
                  <c:v>42264</c:v>
                </c:pt>
                <c:pt idx="5739">
                  <c:v>42265</c:v>
                </c:pt>
                <c:pt idx="5740">
                  <c:v>42266</c:v>
                </c:pt>
                <c:pt idx="5741">
                  <c:v>42267</c:v>
                </c:pt>
                <c:pt idx="5742">
                  <c:v>42268</c:v>
                </c:pt>
                <c:pt idx="5743">
                  <c:v>42269</c:v>
                </c:pt>
                <c:pt idx="5744">
                  <c:v>42270</c:v>
                </c:pt>
                <c:pt idx="5745">
                  <c:v>42271</c:v>
                </c:pt>
                <c:pt idx="5746">
                  <c:v>42272</c:v>
                </c:pt>
                <c:pt idx="5747">
                  <c:v>42273</c:v>
                </c:pt>
                <c:pt idx="5748">
                  <c:v>42274</c:v>
                </c:pt>
                <c:pt idx="5749">
                  <c:v>42275</c:v>
                </c:pt>
                <c:pt idx="5750">
                  <c:v>42276</c:v>
                </c:pt>
                <c:pt idx="5751">
                  <c:v>42277</c:v>
                </c:pt>
                <c:pt idx="5752">
                  <c:v>42278</c:v>
                </c:pt>
                <c:pt idx="5753">
                  <c:v>42279</c:v>
                </c:pt>
                <c:pt idx="5754">
                  <c:v>42280</c:v>
                </c:pt>
                <c:pt idx="5755">
                  <c:v>42281</c:v>
                </c:pt>
                <c:pt idx="5756">
                  <c:v>42282</c:v>
                </c:pt>
                <c:pt idx="5757">
                  <c:v>42283</c:v>
                </c:pt>
                <c:pt idx="5758">
                  <c:v>42284</c:v>
                </c:pt>
                <c:pt idx="5759">
                  <c:v>42285</c:v>
                </c:pt>
                <c:pt idx="5760">
                  <c:v>42286</c:v>
                </c:pt>
                <c:pt idx="5761">
                  <c:v>42287</c:v>
                </c:pt>
                <c:pt idx="5762">
                  <c:v>42288</c:v>
                </c:pt>
                <c:pt idx="5763">
                  <c:v>42289</c:v>
                </c:pt>
                <c:pt idx="5764">
                  <c:v>42290</c:v>
                </c:pt>
                <c:pt idx="5765">
                  <c:v>42291</c:v>
                </c:pt>
                <c:pt idx="5766">
                  <c:v>42292</c:v>
                </c:pt>
                <c:pt idx="5767">
                  <c:v>42293</c:v>
                </c:pt>
                <c:pt idx="5768">
                  <c:v>42294</c:v>
                </c:pt>
                <c:pt idx="5769">
                  <c:v>42295</c:v>
                </c:pt>
                <c:pt idx="5770">
                  <c:v>42296</c:v>
                </c:pt>
                <c:pt idx="5771">
                  <c:v>42297</c:v>
                </c:pt>
                <c:pt idx="5772">
                  <c:v>42298</c:v>
                </c:pt>
                <c:pt idx="5773">
                  <c:v>42299</c:v>
                </c:pt>
                <c:pt idx="5774">
                  <c:v>42300</c:v>
                </c:pt>
                <c:pt idx="5775">
                  <c:v>42301</c:v>
                </c:pt>
                <c:pt idx="5776">
                  <c:v>42302</c:v>
                </c:pt>
                <c:pt idx="5777">
                  <c:v>42303</c:v>
                </c:pt>
                <c:pt idx="5778">
                  <c:v>42304</c:v>
                </c:pt>
                <c:pt idx="5779">
                  <c:v>42305</c:v>
                </c:pt>
                <c:pt idx="5780">
                  <c:v>42306</c:v>
                </c:pt>
                <c:pt idx="5781">
                  <c:v>42307</c:v>
                </c:pt>
                <c:pt idx="5782">
                  <c:v>42308</c:v>
                </c:pt>
                <c:pt idx="5783">
                  <c:v>42309</c:v>
                </c:pt>
                <c:pt idx="5784">
                  <c:v>42310</c:v>
                </c:pt>
                <c:pt idx="5785">
                  <c:v>42311</c:v>
                </c:pt>
                <c:pt idx="5786">
                  <c:v>42312</c:v>
                </c:pt>
                <c:pt idx="5787">
                  <c:v>42313</c:v>
                </c:pt>
                <c:pt idx="5788">
                  <c:v>42314</c:v>
                </c:pt>
                <c:pt idx="5789">
                  <c:v>42315</c:v>
                </c:pt>
                <c:pt idx="5790">
                  <c:v>42316</c:v>
                </c:pt>
                <c:pt idx="5791">
                  <c:v>42317</c:v>
                </c:pt>
                <c:pt idx="5792">
                  <c:v>42318</c:v>
                </c:pt>
                <c:pt idx="5793">
                  <c:v>42319</c:v>
                </c:pt>
                <c:pt idx="5794">
                  <c:v>42320</c:v>
                </c:pt>
                <c:pt idx="5795">
                  <c:v>42321</c:v>
                </c:pt>
                <c:pt idx="5796">
                  <c:v>42322</c:v>
                </c:pt>
                <c:pt idx="5797">
                  <c:v>42323</c:v>
                </c:pt>
                <c:pt idx="5798">
                  <c:v>42324</c:v>
                </c:pt>
                <c:pt idx="5799">
                  <c:v>42325</c:v>
                </c:pt>
                <c:pt idx="5800">
                  <c:v>42326</c:v>
                </c:pt>
                <c:pt idx="5801">
                  <c:v>42327</c:v>
                </c:pt>
                <c:pt idx="5802">
                  <c:v>42328</c:v>
                </c:pt>
                <c:pt idx="5803">
                  <c:v>42329</c:v>
                </c:pt>
                <c:pt idx="5804">
                  <c:v>42330</c:v>
                </c:pt>
                <c:pt idx="5805">
                  <c:v>42331</c:v>
                </c:pt>
                <c:pt idx="5806">
                  <c:v>42332</c:v>
                </c:pt>
                <c:pt idx="5807">
                  <c:v>42333</c:v>
                </c:pt>
                <c:pt idx="5808">
                  <c:v>42334</c:v>
                </c:pt>
                <c:pt idx="5809">
                  <c:v>42335</c:v>
                </c:pt>
                <c:pt idx="5810">
                  <c:v>42336</c:v>
                </c:pt>
                <c:pt idx="5811">
                  <c:v>42337</c:v>
                </c:pt>
                <c:pt idx="5812">
                  <c:v>42338</c:v>
                </c:pt>
                <c:pt idx="5813">
                  <c:v>42339</c:v>
                </c:pt>
                <c:pt idx="5814">
                  <c:v>42340</c:v>
                </c:pt>
                <c:pt idx="5815">
                  <c:v>42341</c:v>
                </c:pt>
                <c:pt idx="5816">
                  <c:v>42342</c:v>
                </c:pt>
                <c:pt idx="5817">
                  <c:v>42343</c:v>
                </c:pt>
                <c:pt idx="5818">
                  <c:v>42344</c:v>
                </c:pt>
                <c:pt idx="5819">
                  <c:v>42345</c:v>
                </c:pt>
                <c:pt idx="5820">
                  <c:v>42346</c:v>
                </c:pt>
                <c:pt idx="5821">
                  <c:v>42347</c:v>
                </c:pt>
                <c:pt idx="5822">
                  <c:v>42348</c:v>
                </c:pt>
                <c:pt idx="5823">
                  <c:v>42349</c:v>
                </c:pt>
                <c:pt idx="5824">
                  <c:v>42350</c:v>
                </c:pt>
                <c:pt idx="5825">
                  <c:v>42351</c:v>
                </c:pt>
                <c:pt idx="5826">
                  <c:v>42352</c:v>
                </c:pt>
                <c:pt idx="5827">
                  <c:v>42353</c:v>
                </c:pt>
                <c:pt idx="5828">
                  <c:v>42354</c:v>
                </c:pt>
                <c:pt idx="5829">
                  <c:v>42355</c:v>
                </c:pt>
                <c:pt idx="5830">
                  <c:v>42356</c:v>
                </c:pt>
                <c:pt idx="5831">
                  <c:v>42357</c:v>
                </c:pt>
                <c:pt idx="5832">
                  <c:v>42358</c:v>
                </c:pt>
                <c:pt idx="5833">
                  <c:v>42359</c:v>
                </c:pt>
                <c:pt idx="5834">
                  <c:v>42360</c:v>
                </c:pt>
                <c:pt idx="5835">
                  <c:v>42361</c:v>
                </c:pt>
                <c:pt idx="5836">
                  <c:v>42362</c:v>
                </c:pt>
                <c:pt idx="5837">
                  <c:v>42363</c:v>
                </c:pt>
                <c:pt idx="5838">
                  <c:v>42364</c:v>
                </c:pt>
                <c:pt idx="5839">
                  <c:v>42365</c:v>
                </c:pt>
                <c:pt idx="5840">
                  <c:v>42366</c:v>
                </c:pt>
                <c:pt idx="5841">
                  <c:v>42367</c:v>
                </c:pt>
                <c:pt idx="5842">
                  <c:v>42368</c:v>
                </c:pt>
                <c:pt idx="5843">
                  <c:v>42369</c:v>
                </c:pt>
                <c:pt idx="5844">
                  <c:v>42370</c:v>
                </c:pt>
                <c:pt idx="5845">
                  <c:v>42371</c:v>
                </c:pt>
                <c:pt idx="5846">
                  <c:v>42372</c:v>
                </c:pt>
                <c:pt idx="5847">
                  <c:v>42373</c:v>
                </c:pt>
                <c:pt idx="5848">
                  <c:v>42374</c:v>
                </c:pt>
                <c:pt idx="5849">
                  <c:v>42375</c:v>
                </c:pt>
                <c:pt idx="5850">
                  <c:v>42376</c:v>
                </c:pt>
                <c:pt idx="5851">
                  <c:v>42377</c:v>
                </c:pt>
                <c:pt idx="5852">
                  <c:v>42378</c:v>
                </c:pt>
                <c:pt idx="5853">
                  <c:v>42379</c:v>
                </c:pt>
                <c:pt idx="5854">
                  <c:v>42380</c:v>
                </c:pt>
                <c:pt idx="5855">
                  <c:v>42381</c:v>
                </c:pt>
                <c:pt idx="5856">
                  <c:v>42382</c:v>
                </c:pt>
                <c:pt idx="5857">
                  <c:v>42383</c:v>
                </c:pt>
                <c:pt idx="5858">
                  <c:v>42384</c:v>
                </c:pt>
                <c:pt idx="5859">
                  <c:v>42385</c:v>
                </c:pt>
                <c:pt idx="5860">
                  <c:v>42386</c:v>
                </c:pt>
                <c:pt idx="5861">
                  <c:v>42387</c:v>
                </c:pt>
                <c:pt idx="5862">
                  <c:v>42388</c:v>
                </c:pt>
                <c:pt idx="5863">
                  <c:v>42389</c:v>
                </c:pt>
                <c:pt idx="5864">
                  <c:v>42390</c:v>
                </c:pt>
                <c:pt idx="5865">
                  <c:v>42391</c:v>
                </c:pt>
                <c:pt idx="5866">
                  <c:v>42392</c:v>
                </c:pt>
                <c:pt idx="5867">
                  <c:v>42393</c:v>
                </c:pt>
                <c:pt idx="5868">
                  <c:v>42394</c:v>
                </c:pt>
                <c:pt idx="5869">
                  <c:v>42395</c:v>
                </c:pt>
                <c:pt idx="5870">
                  <c:v>42396</c:v>
                </c:pt>
                <c:pt idx="5871">
                  <c:v>42397</c:v>
                </c:pt>
                <c:pt idx="5872">
                  <c:v>42398</c:v>
                </c:pt>
                <c:pt idx="5873">
                  <c:v>42399</c:v>
                </c:pt>
                <c:pt idx="5874">
                  <c:v>42400</c:v>
                </c:pt>
                <c:pt idx="5875">
                  <c:v>42401</c:v>
                </c:pt>
                <c:pt idx="5876">
                  <c:v>42402</c:v>
                </c:pt>
                <c:pt idx="5877">
                  <c:v>42403</c:v>
                </c:pt>
                <c:pt idx="5878">
                  <c:v>42404</c:v>
                </c:pt>
                <c:pt idx="5879">
                  <c:v>42405</c:v>
                </c:pt>
                <c:pt idx="5880">
                  <c:v>42406</c:v>
                </c:pt>
                <c:pt idx="5881">
                  <c:v>42407</c:v>
                </c:pt>
                <c:pt idx="5882">
                  <c:v>42408</c:v>
                </c:pt>
                <c:pt idx="5883">
                  <c:v>42409</c:v>
                </c:pt>
                <c:pt idx="5884">
                  <c:v>42410</c:v>
                </c:pt>
                <c:pt idx="5885">
                  <c:v>42411</c:v>
                </c:pt>
                <c:pt idx="5886">
                  <c:v>42412</c:v>
                </c:pt>
                <c:pt idx="5887">
                  <c:v>42413</c:v>
                </c:pt>
                <c:pt idx="5888">
                  <c:v>42414</c:v>
                </c:pt>
                <c:pt idx="5889">
                  <c:v>42415</c:v>
                </c:pt>
                <c:pt idx="5890">
                  <c:v>42416</c:v>
                </c:pt>
                <c:pt idx="5891">
                  <c:v>42417</c:v>
                </c:pt>
                <c:pt idx="5892">
                  <c:v>42418</c:v>
                </c:pt>
                <c:pt idx="5893">
                  <c:v>42419</c:v>
                </c:pt>
                <c:pt idx="5894">
                  <c:v>42420</c:v>
                </c:pt>
                <c:pt idx="5895">
                  <c:v>42421</c:v>
                </c:pt>
                <c:pt idx="5896">
                  <c:v>42422</c:v>
                </c:pt>
                <c:pt idx="5897">
                  <c:v>42423</c:v>
                </c:pt>
                <c:pt idx="5898">
                  <c:v>42424</c:v>
                </c:pt>
                <c:pt idx="5899">
                  <c:v>42425</c:v>
                </c:pt>
                <c:pt idx="5900">
                  <c:v>42426</c:v>
                </c:pt>
                <c:pt idx="5901">
                  <c:v>42427</c:v>
                </c:pt>
                <c:pt idx="5902">
                  <c:v>42428</c:v>
                </c:pt>
                <c:pt idx="5903">
                  <c:v>42429</c:v>
                </c:pt>
                <c:pt idx="5904">
                  <c:v>42430</c:v>
                </c:pt>
                <c:pt idx="5905">
                  <c:v>42431</c:v>
                </c:pt>
                <c:pt idx="5906">
                  <c:v>42432</c:v>
                </c:pt>
                <c:pt idx="5907">
                  <c:v>42433</c:v>
                </c:pt>
                <c:pt idx="5908">
                  <c:v>42434</c:v>
                </c:pt>
                <c:pt idx="5909">
                  <c:v>42435</c:v>
                </c:pt>
                <c:pt idx="5910">
                  <c:v>42436</c:v>
                </c:pt>
                <c:pt idx="5911">
                  <c:v>42437</c:v>
                </c:pt>
                <c:pt idx="5912">
                  <c:v>42438</c:v>
                </c:pt>
                <c:pt idx="5913">
                  <c:v>42439</c:v>
                </c:pt>
                <c:pt idx="5914">
                  <c:v>42440</c:v>
                </c:pt>
                <c:pt idx="5915">
                  <c:v>42441</c:v>
                </c:pt>
                <c:pt idx="5916">
                  <c:v>42442</c:v>
                </c:pt>
                <c:pt idx="5917">
                  <c:v>42443</c:v>
                </c:pt>
                <c:pt idx="5918">
                  <c:v>42444</c:v>
                </c:pt>
                <c:pt idx="5919">
                  <c:v>42445</c:v>
                </c:pt>
                <c:pt idx="5920">
                  <c:v>42446</c:v>
                </c:pt>
                <c:pt idx="5921">
                  <c:v>42447</c:v>
                </c:pt>
                <c:pt idx="5922">
                  <c:v>42448</c:v>
                </c:pt>
                <c:pt idx="5923">
                  <c:v>42449</c:v>
                </c:pt>
                <c:pt idx="5924">
                  <c:v>42450</c:v>
                </c:pt>
                <c:pt idx="5925">
                  <c:v>42451</c:v>
                </c:pt>
                <c:pt idx="5926">
                  <c:v>42452</c:v>
                </c:pt>
                <c:pt idx="5927">
                  <c:v>42453</c:v>
                </c:pt>
                <c:pt idx="5928">
                  <c:v>42454</c:v>
                </c:pt>
                <c:pt idx="5929">
                  <c:v>42455</c:v>
                </c:pt>
                <c:pt idx="5930">
                  <c:v>42456</c:v>
                </c:pt>
                <c:pt idx="5931">
                  <c:v>42457</c:v>
                </c:pt>
                <c:pt idx="5932">
                  <c:v>42458</c:v>
                </c:pt>
                <c:pt idx="5933">
                  <c:v>42459</c:v>
                </c:pt>
                <c:pt idx="5934">
                  <c:v>42460</c:v>
                </c:pt>
                <c:pt idx="5935">
                  <c:v>42461</c:v>
                </c:pt>
                <c:pt idx="5936">
                  <c:v>42462</c:v>
                </c:pt>
                <c:pt idx="5937">
                  <c:v>42463</c:v>
                </c:pt>
                <c:pt idx="5938">
                  <c:v>42464</c:v>
                </c:pt>
                <c:pt idx="5939">
                  <c:v>42465</c:v>
                </c:pt>
                <c:pt idx="5940">
                  <c:v>42466</c:v>
                </c:pt>
                <c:pt idx="5941">
                  <c:v>42467</c:v>
                </c:pt>
                <c:pt idx="5942">
                  <c:v>42468</c:v>
                </c:pt>
                <c:pt idx="5943">
                  <c:v>42469</c:v>
                </c:pt>
                <c:pt idx="5944">
                  <c:v>42470</c:v>
                </c:pt>
                <c:pt idx="5945">
                  <c:v>42471</c:v>
                </c:pt>
                <c:pt idx="5946">
                  <c:v>42472</c:v>
                </c:pt>
                <c:pt idx="5947">
                  <c:v>42473</c:v>
                </c:pt>
                <c:pt idx="5948">
                  <c:v>42474</c:v>
                </c:pt>
                <c:pt idx="5949">
                  <c:v>42475</c:v>
                </c:pt>
                <c:pt idx="5950">
                  <c:v>42476</c:v>
                </c:pt>
                <c:pt idx="5951">
                  <c:v>42477</c:v>
                </c:pt>
                <c:pt idx="5952">
                  <c:v>42478</c:v>
                </c:pt>
                <c:pt idx="5953">
                  <c:v>42479</c:v>
                </c:pt>
                <c:pt idx="5954">
                  <c:v>42480</c:v>
                </c:pt>
                <c:pt idx="5955">
                  <c:v>42481</c:v>
                </c:pt>
                <c:pt idx="5956">
                  <c:v>42482</c:v>
                </c:pt>
                <c:pt idx="5957">
                  <c:v>42483</c:v>
                </c:pt>
                <c:pt idx="5958">
                  <c:v>42484</c:v>
                </c:pt>
                <c:pt idx="5959">
                  <c:v>42485</c:v>
                </c:pt>
                <c:pt idx="5960">
                  <c:v>42486</c:v>
                </c:pt>
                <c:pt idx="5961">
                  <c:v>42487</c:v>
                </c:pt>
                <c:pt idx="5962">
                  <c:v>42488</c:v>
                </c:pt>
                <c:pt idx="5963">
                  <c:v>42489</c:v>
                </c:pt>
                <c:pt idx="5964">
                  <c:v>42490</c:v>
                </c:pt>
                <c:pt idx="5965">
                  <c:v>42491</c:v>
                </c:pt>
                <c:pt idx="5966">
                  <c:v>42492</c:v>
                </c:pt>
                <c:pt idx="5967">
                  <c:v>42493</c:v>
                </c:pt>
                <c:pt idx="5968">
                  <c:v>42494</c:v>
                </c:pt>
                <c:pt idx="5969">
                  <c:v>42495</c:v>
                </c:pt>
                <c:pt idx="5970">
                  <c:v>42496</c:v>
                </c:pt>
                <c:pt idx="5971">
                  <c:v>42497</c:v>
                </c:pt>
                <c:pt idx="5972">
                  <c:v>42498</c:v>
                </c:pt>
                <c:pt idx="5973">
                  <c:v>42499</c:v>
                </c:pt>
                <c:pt idx="5974">
                  <c:v>42500</c:v>
                </c:pt>
                <c:pt idx="5975">
                  <c:v>42501</c:v>
                </c:pt>
                <c:pt idx="5976">
                  <c:v>42502</c:v>
                </c:pt>
                <c:pt idx="5977">
                  <c:v>42503</c:v>
                </c:pt>
                <c:pt idx="5978">
                  <c:v>42504</c:v>
                </c:pt>
                <c:pt idx="5979">
                  <c:v>42505</c:v>
                </c:pt>
                <c:pt idx="5980">
                  <c:v>42506</c:v>
                </c:pt>
                <c:pt idx="5981">
                  <c:v>42507</c:v>
                </c:pt>
                <c:pt idx="5982">
                  <c:v>42508</c:v>
                </c:pt>
                <c:pt idx="5983">
                  <c:v>42509</c:v>
                </c:pt>
                <c:pt idx="5984">
                  <c:v>42510</c:v>
                </c:pt>
                <c:pt idx="5985">
                  <c:v>42511</c:v>
                </c:pt>
                <c:pt idx="5986">
                  <c:v>42512</c:v>
                </c:pt>
                <c:pt idx="5987">
                  <c:v>42513</c:v>
                </c:pt>
                <c:pt idx="5988">
                  <c:v>42514</c:v>
                </c:pt>
                <c:pt idx="5989">
                  <c:v>42515</c:v>
                </c:pt>
                <c:pt idx="5990">
                  <c:v>42516</c:v>
                </c:pt>
                <c:pt idx="5991">
                  <c:v>42517</c:v>
                </c:pt>
                <c:pt idx="5992">
                  <c:v>42518</c:v>
                </c:pt>
                <c:pt idx="5993">
                  <c:v>42519</c:v>
                </c:pt>
                <c:pt idx="5994">
                  <c:v>42520</c:v>
                </c:pt>
                <c:pt idx="5995">
                  <c:v>42521</c:v>
                </c:pt>
                <c:pt idx="5996">
                  <c:v>42522</c:v>
                </c:pt>
                <c:pt idx="5997">
                  <c:v>42523</c:v>
                </c:pt>
                <c:pt idx="5998">
                  <c:v>42524</c:v>
                </c:pt>
                <c:pt idx="5999">
                  <c:v>42525</c:v>
                </c:pt>
                <c:pt idx="6000">
                  <c:v>42526</c:v>
                </c:pt>
                <c:pt idx="6001">
                  <c:v>42527</c:v>
                </c:pt>
                <c:pt idx="6002">
                  <c:v>42528</c:v>
                </c:pt>
                <c:pt idx="6003">
                  <c:v>42529</c:v>
                </c:pt>
                <c:pt idx="6004">
                  <c:v>42530</c:v>
                </c:pt>
                <c:pt idx="6005">
                  <c:v>42531</c:v>
                </c:pt>
                <c:pt idx="6006">
                  <c:v>42532</c:v>
                </c:pt>
                <c:pt idx="6007">
                  <c:v>42533</c:v>
                </c:pt>
                <c:pt idx="6008">
                  <c:v>42534</c:v>
                </c:pt>
                <c:pt idx="6009">
                  <c:v>42535</c:v>
                </c:pt>
                <c:pt idx="6010">
                  <c:v>42536</c:v>
                </c:pt>
                <c:pt idx="6011">
                  <c:v>42537</c:v>
                </c:pt>
                <c:pt idx="6012">
                  <c:v>42538</c:v>
                </c:pt>
                <c:pt idx="6013">
                  <c:v>42539</c:v>
                </c:pt>
                <c:pt idx="6014">
                  <c:v>42540</c:v>
                </c:pt>
                <c:pt idx="6015">
                  <c:v>42541</c:v>
                </c:pt>
                <c:pt idx="6016">
                  <c:v>42542</c:v>
                </c:pt>
                <c:pt idx="6017">
                  <c:v>42543</c:v>
                </c:pt>
                <c:pt idx="6018">
                  <c:v>42544</c:v>
                </c:pt>
                <c:pt idx="6019">
                  <c:v>42545</c:v>
                </c:pt>
                <c:pt idx="6020">
                  <c:v>42546</c:v>
                </c:pt>
                <c:pt idx="6021">
                  <c:v>42547</c:v>
                </c:pt>
                <c:pt idx="6022">
                  <c:v>42548</c:v>
                </c:pt>
                <c:pt idx="6023">
                  <c:v>42549</c:v>
                </c:pt>
                <c:pt idx="6024">
                  <c:v>42550</c:v>
                </c:pt>
                <c:pt idx="6025">
                  <c:v>42551</c:v>
                </c:pt>
                <c:pt idx="6026">
                  <c:v>42552</c:v>
                </c:pt>
                <c:pt idx="6027">
                  <c:v>42553</c:v>
                </c:pt>
                <c:pt idx="6028">
                  <c:v>42554</c:v>
                </c:pt>
                <c:pt idx="6029">
                  <c:v>42555</c:v>
                </c:pt>
                <c:pt idx="6030">
                  <c:v>42556</c:v>
                </c:pt>
                <c:pt idx="6031">
                  <c:v>42557</c:v>
                </c:pt>
                <c:pt idx="6032">
                  <c:v>42558</c:v>
                </c:pt>
                <c:pt idx="6033">
                  <c:v>42559</c:v>
                </c:pt>
                <c:pt idx="6034">
                  <c:v>42560</c:v>
                </c:pt>
                <c:pt idx="6035">
                  <c:v>42561</c:v>
                </c:pt>
                <c:pt idx="6036">
                  <c:v>42562</c:v>
                </c:pt>
                <c:pt idx="6037">
                  <c:v>42563</c:v>
                </c:pt>
                <c:pt idx="6038">
                  <c:v>42564</c:v>
                </c:pt>
                <c:pt idx="6039">
                  <c:v>42565</c:v>
                </c:pt>
                <c:pt idx="6040">
                  <c:v>42566</c:v>
                </c:pt>
                <c:pt idx="6041">
                  <c:v>42567</c:v>
                </c:pt>
                <c:pt idx="6042">
                  <c:v>42568</c:v>
                </c:pt>
                <c:pt idx="6043">
                  <c:v>42569</c:v>
                </c:pt>
                <c:pt idx="6044">
                  <c:v>42570</c:v>
                </c:pt>
                <c:pt idx="6045">
                  <c:v>42571</c:v>
                </c:pt>
                <c:pt idx="6046">
                  <c:v>42572</c:v>
                </c:pt>
                <c:pt idx="6047">
                  <c:v>42573</c:v>
                </c:pt>
                <c:pt idx="6048">
                  <c:v>42574</c:v>
                </c:pt>
                <c:pt idx="6049">
                  <c:v>42575</c:v>
                </c:pt>
                <c:pt idx="6050">
                  <c:v>42576</c:v>
                </c:pt>
                <c:pt idx="6051">
                  <c:v>42577</c:v>
                </c:pt>
                <c:pt idx="6052">
                  <c:v>42578</c:v>
                </c:pt>
                <c:pt idx="6053">
                  <c:v>42579</c:v>
                </c:pt>
                <c:pt idx="6054">
                  <c:v>42580</c:v>
                </c:pt>
                <c:pt idx="6055">
                  <c:v>42581</c:v>
                </c:pt>
                <c:pt idx="6056">
                  <c:v>42582</c:v>
                </c:pt>
                <c:pt idx="6057">
                  <c:v>42583</c:v>
                </c:pt>
                <c:pt idx="6058">
                  <c:v>42584</c:v>
                </c:pt>
                <c:pt idx="6059">
                  <c:v>42585</c:v>
                </c:pt>
                <c:pt idx="6060">
                  <c:v>42586</c:v>
                </c:pt>
                <c:pt idx="6061">
                  <c:v>42587</c:v>
                </c:pt>
                <c:pt idx="6062">
                  <c:v>42588</c:v>
                </c:pt>
                <c:pt idx="6063">
                  <c:v>42589</c:v>
                </c:pt>
                <c:pt idx="6064">
                  <c:v>42590</c:v>
                </c:pt>
                <c:pt idx="6065">
                  <c:v>42591</c:v>
                </c:pt>
                <c:pt idx="6066">
                  <c:v>42592</c:v>
                </c:pt>
                <c:pt idx="6067">
                  <c:v>42593</c:v>
                </c:pt>
                <c:pt idx="6068">
                  <c:v>42594</c:v>
                </c:pt>
                <c:pt idx="6069">
                  <c:v>42595</c:v>
                </c:pt>
                <c:pt idx="6070">
                  <c:v>42596</c:v>
                </c:pt>
                <c:pt idx="6071">
                  <c:v>42597</c:v>
                </c:pt>
                <c:pt idx="6072">
                  <c:v>42598</c:v>
                </c:pt>
                <c:pt idx="6073">
                  <c:v>42599</c:v>
                </c:pt>
                <c:pt idx="6074">
                  <c:v>42600</c:v>
                </c:pt>
                <c:pt idx="6075">
                  <c:v>42601</c:v>
                </c:pt>
                <c:pt idx="6076">
                  <c:v>42602</c:v>
                </c:pt>
                <c:pt idx="6077">
                  <c:v>42603</c:v>
                </c:pt>
                <c:pt idx="6078">
                  <c:v>42604</c:v>
                </c:pt>
                <c:pt idx="6079">
                  <c:v>42605</c:v>
                </c:pt>
                <c:pt idx="6080">
                  <c:v>42606</c:v>
                </c:pt>
                <c:pt idx="6081">
                  <c:v>42607</c:v>
                </c:pt>
                <c:pt idx="6082">
                  <c:v>42608</c:v>
                </c:pt>
                <c:pt idx="6083">
                  <c:v>42609</c:v>
                </c:pt>
                <c:pt idx="6084">
                  <c:v>42610</c:v>
                </c:pt>
                <c:pt idx="6085">
                  <c:v>42611</c:v>
                </c:pt>
                <c:pt idx="6086">
                  <c:v>42612</c:v>
                </c:pt>
                <c:pt idx="6087">
                  <c:v>42613</c:v>
                </c:pt>
                <c:pt idx="6088">
                  <c:v>42614</c:v>
                </c:pt>
                <c:pt idx="6089">
                  <c:v>42615</c:v>
                </c:pt>
                <c:pt idx="6090">
                  <c:v>42616</c:v>
                </c:pt>
                <c:pt idx="6091">
                  <c:v>42617</c:v>
                </c:pt>
                <c:pt idx="6092">
                  <c:v>42618</c:v>
                </c:pt>
                <c:pt idx="6093">
                  <c:v>42619</c:v>
                </c:pt>
                <c:pt idx="6094">
                  <c:v>42620</c:v>
                </c:pt>
                <c:pt idx="6095">
                  <c:v>42621</c:v>
                </c:pt>
                <c:pt idx="6096">
                  <c:v>42622</c:v>
                </c:pt>
                <c:pt idx="6097">
                  <c:v>42623</c:v>
                </c:pt>
                <c:pt idx="6098">
                  <c:v>42624</c:v>
                </c:pt>
                <c:pt idx="6099">
                  <c:v>42625</c:v>
                </c:pt>
                <c:pt idx="6100">
                  <c:v>42626</c:v>
                </c:pt>
                <c:pt idx="6101">
                  <c:v>42627</c:v>
                </c:pt>
                <c:pt idx="6102">
                  <c:v>42628</c:v>
                </c:pt>
                <c:pt idx="6103">
                  <c:v>42629</c:v>
                </c:pt>
                <c:pt idx="6104">
                  <c:v>42630</c:v>
                </c:pt>
                <c:pt idx="6105">
                  <c:v>42631</c:v>
                </c:pt>
                <c:pt idx="6106">
                  <c:v>42632</c:v>
                </c:pt>
                <c:pt idx="6107">
                  <c:v>42633</c:v>
                </c:pt>
                <c:pt idx="6108">
                  <c:v>42634</c:v>
                </c:pt>
                <c:pt idx="6109">
                  <c:v>42635</c:v>
                </c:pt>
                <c:pt idx="6110">
                  <c:v>42636</c:v>
                </c:pt>
                <c:pt idx="6111">
                  <c:v>42637</c:v>
                </c:pt>
                <c:pt idx="6112">
                  <c:v>42638</c:v>
                </c:pt>
                <c:pt idx="6113">
                  <c:v>42639</c:v>
                </c:pt>
                <c:pt idx="6114">
                  <c:v>42640</c:v>
                </c:pt>
                <c:pt idx="6115">
                  <c:v>42641</c:v>
                </c:pt>
                <c:pt idx="6116">
                  <c:v>42642</c:v>
                </c:pt>
                <c:pt idx="6117">
                  <c:v>42643</c:v>
                </c:pt>
                <c:pt idx="6118">
                  <c:v>42644</c:v>
                </c:pt>
                <c:pt idx="6119">
                  <c:v>42645</c:v>
                </c:pt>
                <c:pt idx="6120">
                  <c:v>42646</c:v>
                </c:pt>
                <c:pt idx="6121">
                  <c:v>42647</c:v>
                </c:pt>
                <c:pt idx="6122">
                  <c:v>42648</c:v>
                </c:pt>
                <c:pt idx="6123">
                  <c:v>42649</c:v>
                </c:pt>
                <c:pt idx="6124">
                  <c:v>42650</c:v>
                </c:pt>
                <c:pt idx="6125">
                  <c:v>42651</c:v>
                </c:pt>
                <c:pt idx="6126">
                  <c:v>42652</c:v>
                </c:pt>
                <c:pt idx="6127">
                  <c:v>42653</c:v>
                </c:pt>
                <c:pt idx="6128">
                  <c:v>42654</c:v>
                </c:pt>
                <c:pt idx="6129">
                  <c:v>42655</c:v>
                </c:pt>
                <c:pt idx="6130">
                  <c:v>42656</c:v>
                </c:pt>
                <c:pt idx="6131">
                  <c:v>42657</c:v>
                </c:pt>
                <c:pt idx="6132">
                  <c:v>42658</c:v>
                </c:pt>
                <c:pt idx="6133">
                  <c:v>42659</c:v>
                </c:pt>
                <c:pt idx="6134">
                  <c:v>42660</c:v>
                </c:pt>
                <c:pt idx="6135">
                  <c:v>42661</c:v>
                </c:pt>
                <c:pt idx="6136">
                  <c:v>42662</c:v>
                </c:pt>
                <c:pt idx="6137">
                  <c:v>42663</c:v>
                </c:pt>
                <c:pt idx="6138">
                  <c:v>42664</c:v>
                </c:pt>
                <c:pt idx="6139">
                  <c:v>42665</c:v>
                </c:pt>
                <c:pt idx="6140">
                  <c:v>42666</c:v>
                </c:pt>
                <c:pt idx="6141">
                  <c:v>42667</c:v>
                </c:pt>
                <c:pt idx="6142">
                  <c:v>42668</c:v>
                </c:pt>
                <c:pt idx="6143">
                  <c:v>42669</c:v>
                </c:pt>
                <c:pt idx="6144">
                  <c:v>42670</c:v>
                </c:pt>
                <c:pt idx="6145">
                  <c:v>42671</c:v>
                </c:pt>
                <c:pt idx="6146">
                  <c:v>42672</c:v>
                </c:pt>
                <c:pt idx="6147">
                  <c:v>42673</c:v>
                </c:pt>
                <c:pt idx="6148">
                  <c:v>42674</c:v>
                </c:pt>
                <c:pt idx="6149">
                  <c:v>42675</c:v>
                </c:pt>
                <c:pt idx="6150">
                  <c:v>42676</c:v>
                </c:pt>
                <c:pt idx="6151">
                  <c:v>42677</c:v>
                </c:pt>
                <c:pt idx="6152">
                  <c:v>42678</c:v>
                </c:pt>
                <c:pt idx="6153">
                  <c:v>42679</c:v>
                </c:pt>
                <c:pt idx="6154">
                  <c:v>42680</c:v>
                </c:pt>
                <c:pt idx="6155">
                  <c:v>42681</c:v>
                </c:pt>
                <c:pt idx="6156">
                  <c:v>42682</c:v>
                </c:pt>
                <c:pt idx="6157">
                  <c:v>42683</c:v>
                </c:pt>
                <c:pt idx="6158">
                  <c:v>42684</c:v>
                </c:pt>
                <c:pt idx="6159">
                  <c:v>42685</c:v>
                </c:pt>
                <c:pt idx="6160">
                  <c:v>42686</c:v>
                </c:pt>
                <c:pt idx="6161">
                  <c:v>42687</c:v>
                </c:pt>
                <c:pt idx="6162">
                  <c:v>42688</c:v>
                </c:pt>
                <c:pt idx="6163">
                  <c:v>42689</c:v>
                </c:pt>
                <c:pt idx="6164">
                  <c:v>42690</c:v>
                </c:pt>
                <c:pt idx="6165">
                  <c:v>42691</c:v>
                </c:pt>
                <c:pt idx="6166">
                  <c:v>42692</c:v>
                </c:pt>
                <c:pt idx="6167">
                  <c:v>42693</c:v>
                </c:pt>
                <c:pt idx="6168">
                  <c:v>42694</c:v>
                </c:pt>
                <c:pt idx="6169">
                  <c:v>42695</c:v>
                </c:pt>
                <c:pt idx="6170">
                  <c:v>42696</c:v>
                </c:pt>
                <c:pt idx="6171">
                  <c:v>42697</c:v>
                </c:pt>
                <c:pt idx="6172">
                  <c:v>42698</c:v>
                </c:pt>
                <c:pt idx="6173">
                  <c:v>42699</c:v>
                </c:pt>
                <c:pt idx="6174">
                  <c:v>42700</c:v>
                </c:pt>
                <c:pt idx="6175">
                  <c:v>42701</c:v>
                </c:pt>
                <c:pt idx="6176">
                  <c:v>42702</c:v>
                </c:pt>
                <c:pt idx="6177">
                  <c:v>42703</c:v>
                </c:pt>
                <c:pt idx="6178">
                  <c:v>42704</c:v>
                </c:pt>
                <c:pt idx="6179">
                  <c:v>42705</c:v>
                </c:pt>
                <c:pt idx="6180">
                  <c:v>42706</c:v>
                </c:pt>
                <c:pt idx="6181">
                  <c:v>42707</c:v>
                </c:pt>
                <c:pt idx="6182">
                  <c:v>42708</c:v>
                </c:pt>
                <c:pt idx="6183">
                  <c:v>42709</c:v>
                </c:pt>
                <c:pt idx="6184">
                  <c:v>42710</c:v>
                </c:pt>
                <c:pt idx="6185">
                  <c:v>42711</c:v>
                </c:pt>
                <c:pt idx="6186">
                  <c:v>42712</c:v>
                </c:pt>
                <c:pt idx="6187">
                  <c:v>42713</c:v>
                </c:pt>
                <c:pt idx="6188">
                  <c:v>42714</c:v>
                </c:pt>
                <c:pt idx="6189">
                  <c:v>42715</c:v>
                </c:pt>
                <c:pt idx="6190">
                  <c:v>42716</c:v>
                </c:pt>
                <c:pt idx="6191">
                  <c:v>42717</c:v>
                </c:pt>
                <c:pt idx="6192">
                  <c:v>42718</c:v>
                </c:pt>
                <c:pt idx="6193">
                  <c:v>42719</c:v>
                </c:pt>
                <c:pt idx="6194">
                  <c:v>42720</c:v>
                </c:pt>
                <c:pt idx="6195">
                  <c:v>42721</c:v>
                </c:pt>
                <c:pt idx="6196">
                  <c:v>42722</c:v>
                </c:pt>
                <c:pt idx="6197">
                  <c:v>42723</c:v>
                </c:pt>
                <c:pt idx="6198">
                  <c:v>42724</c:v>
                </c:pt>
                <c:pt idx="6199">
                  <c:v>42725</c:v>
                </c:pt>
                <c:pt idx="6200">
                  <c:v>42726</c:v>
                </c:pt>
                <c:pt idx="6201">
                  <c:v>42727</c:v>
                </c:pt>
                <c:pt idx="6202">
                  <c:v>42728</c:v>
                </c:pt>
                <c:pt idx="6203">
                  <c:v>42729</c:v>
                </c:pt>
                <c:pt idx="6204">
                  <c:v>42730</c:v>
                </c:pt>
                <c:pt idx="6205">
                  <c:v>42731</c:v>
                </c:pt>
                <c:pt idx="6206">
                  <c:v>42732</c:v>
                </c:pt>
                <c:pt idx="6207">
                  <c:v>42733</c:v>
                </c:pt>
                <c:pt idx="6208">
                  <c:v>42734</c:v>
                </c:pt>
                <c:pt idx="6209">
                  <c:v>42735</c:v>
                </c:pt>
                <c:pt idx="6210">
                  <c:v>42736</c:v>
                </c:pt>
                <c:pt idx="6211">
                  <c:v>42737</c:v>
                </c:pt>
                <c:pt idx="6212">
                  <c:v>42738</c:v>
                </c:pt>
                <c:pt idx="6213">
                  <c:v>42739</c:v>
                </c:pt>
                <c:pt idx="6214">
                  <c:v>42740</c:v>
                </c:pt>
                <c:pt idx="6215">
                  <c:v>42741</c:v>
                </c:pt>
                <c:pt idx="6216">
                  <c:v>42742</c:v>
                </c:pt>
                <c:pt idx="6217">
                  <c:v>42743</c:v>
                </c:pt>
                <c:pt idx="6218">
                  <c:v>42744</c:v>
                </c:pt>
                <c:pt idx="6219">
                  <c:v>42745</c:v>
                </c:pt>
                <c:pt idx="6220">
                  <c:v>42746</c:v>
                </c:pt>
                <c:pt idx="6221">
                  <c:v>42747</c:v>
                </c:pt>
                <c:pt idx="6222">
                  <c:v>42748</c:v>
                </c:pt>
                <c:pt idx="6223">
                  <c:v>42749</c:v>
                </c:pt>
                <c:pt idx="6224">
                  <c:v>42750</c:v>
                </c:pt>
                <c:pt idx="6225">
                  <c:v>42751</c:v>
                </c:pt>
                <c:pt idx="6226">
                  <c:v>42752</c:v>
                </c:pt>
                <c:pt idx="6227">
                  <c:v>42753</c:v>
                </c:pt>
                <c:pt idx="6228">
                  <c:v>42754</c:v>
                </c:pt>
                <c:pt idx="6229">
                  <c:v>42755</c:v>
                </c:pt>
                <c:pt idx="6230">
                  <c:v>42756</c:v>
                </c:pt>
                <c:pt idx="6231">
                  <c:v>42757</c:v>
                </c:pt>
                <c:pt idx="6232">
                  <c:v>42758</c:v>
                </c:pt>
                <c:pt idx="6233">
                  <c:v>42759</c:v>
                </c:pt>
                <c:pt idx="6234">
                  <c:v>42760</c:v>
                </c:pt>
                <c:pt idx="6235">
                  <c:v>42761</c:v>
                </c:pt>
                <c:pt idx="6236">
                  <c:v>42762</c:v>
                </c:pt>
                <c:pt idx="6237">
                  <c:v>42763</c:v>
                </c:pt>
                <c:pt idx="6238">
                  <c:v>42764</c:v>
                </c:pt>
                <c:pt idx="6239">
                  <c:v>42765</c:v>
                </c:pt>
                <c:pt idx="6240">
                  <c:v>42766</c:v>
                </c:pt>
                <c:pt idx="6241">
                  <c:v>42767</c:v>
                </c:pt>
                <c:pt idx="6242">
                  <c:v>42768</c:v>
                </c:pt>
                <c:pt idx="6243">
                  <c:v>42769</c:v>
                </c:pt>
                <c:pt idx="6244">
                  <c:v>42770</c:v>
                </c:pt>
                <c:pt idx="6245">
                  <c:v>42771</c:v>
                </c:pt>
                <c:pt idx="6246">
                  <c:v>42772</c:v>
                </c:pt>
                <c:pt idx="6247">
                  <c:v>42773</c:v>
                </c:pt>
                <c:pt idx="6248">
                  <c:v>42774</c:v>
                </c:pt>
                <c:pt idx="6249">
                  <c:v>42775</c:v>
                </c:pt>
                <c:pt idx="6250">
                  <c:v>42776</c:v>
                </c:pt>
                <c:pt idx="6251">
                  <c:v>42777</c:v>
                </c:pt>
                <c:pt idx="6252">
                  <c:v>42778</c:v>
                </c:pt>
                <c:pt idx="6253">
                  <c:v>42779</c:v>
                </c:pt>
                <c:pt idx="6254">
                  <c:v>42780</c:v>
                </c:pt>
                <c:pt idx="6255">
                  <c:v>42781</c:v>
                </c:pt>
                <c:pt idx="6256">
                  <c:v>42782</c:v>
                </c:pt>
                <c:pt idx="6257">
                  <c:v>42783</c:v>
                </c:pt>
                <c:pt idx="6258">
                  <c:v>42784</c:v>
                </c:pt>
                <c:pt idx="6259">
                  <c:v>42785</c:v>
                </c:pt>
                <c:pt idx="6260">
                  <c:v>42786</c:v>
                </c:pt>
                <c:pt idx="6261">
                  <c:v>42787</c:v>
                </c:pt>
                <c:pt idx="6262">
                  <c:v>42788</c:v>
                </c:pt>
                <c:pt idx="6263">
                  <c:v>42789</c:v>
                </c:pt>
                <c:pt idx="6264">
                  <c:v>42790</c:v>
                </c:pt>
                <c:pt idx="6265">
                  <c:v>42791</c:v>
                </c:pt>
                <c:pt idx="6266">
                  <c:v>42792</c:v>
                </c:pt>
                <c:pt idx="6267">
                  <c:v>42793</c:v>
                </c:pt>
                <c:pt idx="6268">
                  <c:v>42794</c:v>
                </c:pt>
                <c:pt idx="6269">
                  <c:v>42795</c:v>
                </c:pt>
                <c:pt idx="6270">
                  <c:v>42796</c:v>
                </c:pt>
                <c:pt idx="6271">
                  <c:v>42797</c:v>
                </c:pt>
                <c:pt idx="6272">
                  <c:v>42798</c:v>
                </c:pt>
                <c:pt idx="6273">
                  <c:v>42799</c:v>
                </c:pt>
                <c:pt idx="6274">
                  <c:v>42800</c:v>
                </c:pt>
                <c:pt idx="6275">
                  <c:v>42801</c:v>
                </c:pt>
                <c:pt idx="6276">
                  <c:v>42802</c:v>
                </c:pt>
                <c:pt idx="6277">
                  <c:v>42803</c:v>
                </c:pt>
                <c:pt idx="6278">
                  <c:v>42804</c:v>
                </c:pt>
                <c:pt idx="6279">
                  <c:v>42805</c:v>
                </c:pt>
                <c:pt idx="6280">
                  <c:v>42806</c:v>
                </c:pt>
                <c:pt idx="6281">
                  <c:v>42807</c:v>
                </c:pt>
                <c:pt idx="6282">
                  <c:v>42808</c:v>
                </c:pt>
                <c:pt idx="6283">
                  <c:v>42809</c:v>
                </c:pt>
                <c:pt idx="6284">
                  <c:v>42810</c:v>
                </c:pt>
                <c:pt idx="6285">
                  <c:v>42811</c:v>
                </c:pt>
                <c:pt idx="6286">
                  <c:v>42812</c:v>
                </c:pt>
                <c:pt idx="6287">
                  <c:v>42813</c:v>
                </c:pt>
                <c:pt idx="6288">
                  <c:v>42814</c:v>
                </c:pt>
                <c:pt idx="6289">
                  <c:v>42815</c:v>
                </c:pt>
                <c:pt idx="6290">
                  <c:v>42816</c:v>
                </c:pt>
                <c:pt idx="6291">
                  <c:v>42817</c:v>
                </c:pt>
                <c:pt idx="6292">
                  <c:v>42818</c:v>
                </c:pt>
                <c:pt idx="6293">
                  <c:v>42819</c:v>
                </c:pt>
                <c:pt idx="6294">
                  <c:v>42820</c:v>
                </c:pt>
                <c:pt idx="6295">
                  <c:v>42821</c:v>
                </c:pt>
                <c:pt idx="6296">
                  <c:v>42822</c:v>
                </c:pt>
                <c:pt idx="6297">
                  <c:v>42823</c:v>
                </c:pt>
                <c:pt idx="6298">
                  <c:v>42824</c:v>
                </c:pt>
                <c:pt idx="6299">
                  <c:v>42825</c:v>
                </c:pt>
                <c:pt idx="6300">
                  <c:v>42826</c:v>
                </c:pt>
                <c:pt idx="6301">
                  <c:v>42827</c:v>
                </c:pt>
                <c:pt idx="6302">
                  <c:v>42828</c:v>
                </c:pt>
                <c:pt idx="6303">
                  <c:v>42829</c:v>
                </c:pt>
                <c:pt idx="6304">
                  <c:v>42830</c:v>
                </c:pt>
                <c:pt idx="6305">
                  <c:v>42831</c:v>
                </c:pt>
                <c:pt idx="6306">
                  <c:v>42832</c:v>
                </c:pt>
                <c:pt idx="6307">
                  <c:v>42833</c:v>
                </c:pt>
                <c:pt idx="6308">
                  <c:v>42834</c:v>
                </c:pt>
                <c:pt idx="6309">
                  <c:v>42835</c:v>
                </c:pt>
                <c:pt idx="6310">
                  <c:v>42836</c:v>
                </c:pt>
                <c:pt idx="6311">
                  <c:v>42837</c:v>
                </c:pt>
                <c:pt idx="6312">
                  <c:v>42838</c:v>
                </c:pt>
                <c:pt idx="6313">
                  <c:v>42839</c:v>
                </c:pt>
                <c:pt idx="6314">
                  <c:v>42840</c:v>
                </c:pt>
                <c:pt idx="6315">
                  <c:v>42841</c:v>
                </c:pt>
                <c:pt idx="6316">
                  <c:v>42842</c:v>
                </c:pt>
                <c:pt idx="6317">
                  <c:v>42843</c:v>
                </c:pt>
                <c:pt idx="6318">
                  <c:v>42844</c:v>
                </c:pt>
                <c:pt idx="6319">
                  <c:v>42845</c:v>
                </c:pt>
                <c:pt idx="6320">
                  <c:v>42846</c:v>
                </c:pt>
                <c:pt idx="6321">
                  <c:v>42847</c:v>
                </c:pt>
                <c:pt idx="6322">
                  <c:v>42848</c:v>
                </c:pt>
                <c:pt idx="6323">
                  <c:v>42849</c:v>
                </c:pt>
                <c:pt idx="6324">
                  <c:v>42850</c:v>
                </c:pt>
                <c:pt idx="6325">
                  <c:v>42851</c:v>
                </c:pt>
                <c:pt idx="6326">
                  <c:v>42852</c:v>
                </c:pt>
                <c:pt idx="6327">
                  <c:v>42853</c:v>
                </c:pt>
                <c:pt idx="6328">
                  <c:v>42854</c:v>
                </c:pt>
                <c:pt idx="6329">
                  <c:v>42855</c:v>
                </c:pt>
                <c:pt idx="6330">
                  <c:v>42856</c:v>
                </c:pt>
                <c:pt idx="6331">
                  <c:v>42857</c:v>
                </c:pt>
                <c:pt idx="6332">
                  <c:v>42858</c:v>
                </c:pt>
                <c:pt idx="6333">
                  <c:v>42859</c:v>
                </c:pt>
                <c:pt idx="6334">
                  <c:v>42860</c:v>
                </c:pt>
                <c:pt idx="6335">
                  <c:v>42861</c:v>
                </c:pt>
                <c:pt idx="6336">
                  <c:v>42862</c:v>
                </c:pt>
                <c:pt idx="6337">
                  <c:v>42863</c:v>
                </c:pt>
                <c:pt idx="6338">
                  <c:v>42864</c:v>
                </c:pt>
                <c:pt idx="6339">
                  <c:v>42865</c:v>
                </c:pt>
                <c:pt idx="6340">
                  <c:v>42866</c:v>
                </c:pt>
                <c:pt idx="6341">
                  <c:v>42867</c:v>
                </c:pt>
                <c:pt idx="6342">
                  <c:v>42868</c:v>
                </c:pt>
                <c:pt idx="6343">
                  <c:v>42869</c:v>
                </c:pt>
                <c:pt idx="6344">
                  <c:v>42870</c:v>
                </c:pt>
                <c:pt idx="6345">
                  <c:v>42871</c:v>
                </c:pt>
                <c:pt idx="6346">
                  <c:v>42872</c:v>
                </c:pt>
                <c:pt idx="6347">
                  <c:v>42873</c:v>
                </c:pt>
                <c:pt idx="6348">
                  <c:v>42874</c:v>
                </c:pt>
                <c:pt idx="6349">
                  <c:v>42875</c:v>
                </c:pt>
                <c:pt idx="6350">
                  <c:v>42876</c:v>
                </c:pt>
                <c:pt idx="6351">
                  <c:v>42877</c:v>
                </c:pt>
                <c:pt idx="6352">
                  <c:v>42878</c:v>
                </c:pt>
                <c:pt idx="6353">
                  <c:v>42879</c:v>
                </c:pt>
                <c:pt idx="6354">
                  <c:v>42880</c:v>
                </c:pt>
                <c:pt idx="6355">
                  <c:v>42881</c:v>
                </c:pt>
                <c:pt idx="6356">
                  <c:v>42882</c:v>
                </c:pt>
                <c:pt idx="6357">
                  <c:v>42883</c:v>
                </c:pt>
                <c:pt idx="6358">
                  <c:v>42884</c:v>
                </c:pt>
                <c:pt idx="6359">
                  <c:v>42885</c:v>
                </c:pt>
                <c:pt idx="6360">
                  <c:v>42886</c:v>
                </c:pt>
                <c:pt idx="6361">
                  <c:v>42887</c:v>
                </c:pt>
                <c:pt idx="6362">
                  <c:v>42888</c:v>
                </c:pt>
                <c:pt idx="6363">
                  <c:v>42889</c:v>
                </c:pt>
                <c:pt idx="6364">
                  <c:v>42890</c:v>
                </c:pt>
                <c:pt idx="6365">
                  <c:v>42891</c:v>
                </c:pt>
                <c:pt idx="6366">
                  <c:v>42892</c:v>
                </c:pt>
                <c:pt idx="6367">
                  <c:v>42893</c:v>
                </c:pt>
                <c:pt idx="6368">
                  <c:v>42894</c:v>
                </c:pt>
                <c:pt idx="6369">
                  <c:v>42895</c:v>
                </c:pt>
                <c:pt idx="6370">
                  <c:v>42896</c:v>
                </c:pt>
                <c:pt idx="6371">
                  <c:v>42897</c:v>
                </c:pt>
                <c:pt idx="6372">
                  <c:v>42898</c:v>
                </c:pt>
                <c:pt idx="6373">
                  <c:v>42899</c:v>
                </c:pt>
                <c:pt idx="6374">
                  <c:v>42900</c:v>
                </c:pt>
                <c:pt idx="6375">
                  <c:v>42901</c:v>
                </c:pt>
                <c:pt idx="6376">
                  <c:v>42902</c:v>
                </c:pt>
                <c:pt idx="6377">
                  <c:v>42903</c:v>
                </c:pt>
                <c:pt idx="6378">
                  <c:v>42904</c:v>
                </c:pt>
                <c:pt idx="6379">
                  <c:v>42905</c:v>
                </c:pt>
                <c:pt idx="6380">
                  <c:v>42906</c:v>
                </c:pt>
                <c:pt idx="6381">
                  <c:v>42907</c:v>
                </c:pt>
                <c:pt idx="6382">
                  <c:v>42908</c:v>
                </c:pt>
                <c:pt idx="6383">
                  <c:v>42909</c:v>
                </c:pt>
                <c:pt idx="6384">
                  <c:v>42910</c:v>
                </c:pt>
                <c:pt idx="6385">
                  <c:v>42911</c:v>
                </c:pt>
                <c:pt idx="6386">
                  <c:v>42912</c:v>
                </c:pt>
                <c:pt idx="6387">
                  <c:v>42913</c:v>
                </c:pt>
                <c:pt idx="6388">
                  <c:v>42914</c:v>
                </c:pt>
                <c:pt idx="6389">
                  <c:v>42915</c:v>
                </c:pt>
                <c:pt idx="6390">
                  <c:v>42916</c:v>
                </c:pt>
                <c:pt idx="6391">
                  <c:v>42917</c:v>
                </c:pt>
                <c:pt idx="6392">
                  <c:v>42918</c:v>
                </c:pt>
                <c:pt idx="6393">
                  <c:v>42919</c:v>
                </c:pt>
                <c:pt idx="6394">
                  <c:v>42920</c:v>
                </c:pt>
                <c:pt idx="6395">
                  <c:v>42921</c:v>
                </c:pt>
                <c:pt idx="6396">
                  <c:v>42922</c:v>
                </c:pt>
                <c:pt idx="6397">
                  <c:v>42923</c:v>
                </c:pt>
                <c:pt idx="6398">
                  <c:v>42924</c:v>
                </c:pt>
                <c:pt idx="6399">
                  <c:v>42925</c:v>
                </c:pt>
                <c:pt idx="6400">
                  <c:v>42926</c:v>
                </c:pt>
                <c:pt idx="6401">
                  <c:v>42927</c:v>
                </c:pt>
                <c:pt idx="6402">
                  <c:v>42928</c:v>
                </c:pt>
                <c:pt idx="6403">
                  <c:v>42929</c:v>
                </c:pt>
                <c:pt idx="6404">
                  <c:v>42930</c:v>
                </c:pt>
                <c:pt idx="6405">
                  <c:v>42931</c:v>
                </c:pt>
                <c:pt idx="6406">
                  <c:v>42932</c:v>
                </c:pt>
                <c:pt idx="6407">
                  <c:v>42933</c:v>
                </c:pt>
                <c:pt idx="6408">
                  <c:v>42934</c:v>
                </c:pt>
                <c:pt idx="6409">
                  <c:v>42935</c:v>
                </c:pt>
                <c:pt idx="6410">
                  <c:v>42936</c:v>
                </c:pt>
                <c:pt idx="6411">
                  <c:v>42937</c:v>
                </c:pt>
                <c:pt idx="6412">
                  <c:v>42938</c:v>
                </c:pt>
                <c:pt idx="6413">
                  <c:v>42939</c:v>
                </c:pt>
                <c:pt idx="6414">
                  <c:v>42940</c:v>
                </c:pt>
                <c:pt idx="6415">
                  <c:v>42941</c:v>
                </c:pt>
                <c:pt idx="6416">
                  <c:v>42942</c:v>
                </c:pt>
                <c:pt idx="6417">
                  <c:v>42943</c:v>
                </c:pt>
                <c:pt idx="6418">
                  <c:v>42944</c:v>
                </c:pt>
                <c:pt idx="6419">
                  <c:v>42945</c:v>
                </c:pt>
                <c:pt idx="6420">
                  <c:v>42946</c:v>
                </c:pt>
                <c:pt idx="6421">
                  <c:v>42947</c:v>
                </c:pt>
                <c:pt idx="6422">
                  <c:v>42948</c:v>
                </c:pt>
                <c:pt idx="6423">
                  <c:v>42949</c:v>
                </c:pt>
                <c:pt idx="6424">
                  <c:v>42950</c:v>
                </c:pt>
                <c:pt idx="6425">
                  <c:v>42951</c:v>
                </c:pt>
                <c:pt idx="6426">
                  <c:v>42952</c:v>
                </c:pt>
                <c:pt idx="6427">
                  <c:v>42953</c:v>
                </c:pt>
                <c:pt idx="6428">
                  <c:v>42954</c:v>
                </c:pt>
                <c:pt idx="6429">
                  <c:v>42955</c:v>
                </c:pt>
                <c:pt idx="6430">
                  <c:v>42956</c:v>
                </c:pt>
                <c:pt idx="6431">
                  <c:v>42957</c:v>
                </c:pt>
                <c:pt idx="6432">
                  <c:v>42958</c:v>
                </c:pt>
                <c:pt idx="6433">
                  <c:v>42959</c:v>
                </c:pt>
                <c:pt idx="6434">
                  <c:v>42960</c:v>
                </c:pt>
                <c:pt idx="6435">
                  <c:v>42961</c:v>
                </c:pt>
                <c:pt idx="6436">
                  <c:v>42962</c:v>
                </c:pt>
                <c:pt idx="6437">
                  <c:v>42963</c:v>
                </c:pt>
                <c:pt idx="6438">
                  <c:v>42964</c:v>
                </c:pt>
                <c:pt idx="6439">
                  <c:v>42965</c:v>
                </c:pt>
                <c:pt idx="6440">
                  <c:v>42966</c:v>
                </c:pt>
                <c:pt idx="6441">
                  <c:v>42967</c:v>
                </c:pt>
                <c:pt idx="6442">
                  <c:v>42968</c:v>
                </c:pt>
                <c:pt idx="6443">
                  <c:v>42969</c:v>
                </c:pt>
                <c:pt idx="6444">
                  <c:v>42970</c:v>
                </c:pt>
                <c:pt idx="6445">
                  <c:v>42971</c:v>
                </c:pt>
                <c:pt idx="6446">
                  <c:v>42972</c:v>
                </c:pt>
                <c:pt idx="6447">
                  <c:v>42973</c:v>
                </c:pt>
                <c:pt idx="6448">
                  <c:v>42974</c:v>
                </c:pt>
                <c:pt idx="6449">
                  <c:v>42975</c:v>
                </c:pt>
                <c:pt idx="6450">
                  <c:v>42976</c:v>
                </c:pt>
                <c:pt idx="6451">
                  <c:v>42977</c:v>
                </c:pt>
                <c:pt idx="6452">
                  <c:v>42978</c:v>
                </c:pt>
                <c:pt idx="6453">
                  <c:v>42979</c:v>
                </c:pt>
                <c:pt idx="6454">
                  <c:v>42980</c:v>
                </c:pt>
                <c:pt idx="6455">
                  <c:v>42981</c:v>
                </c:pt>
                <c:pt idx="6456">
                  <c:v>42982</c:v>
                </c:pt>
                <c:pt idx="6457">
                  <c:v>42983</c:v>
                </c:pt>
                <c:pt idx="6458">
                  <c:v>42984</c:v>
                </c:pt>
                <c:pt idx="6459">
                  <c:v>42985</c:v>
                </c:pt>
                <c:pt idx="6460">
                  <c:v>42986</c:v>
                </c:pt>
                <c:pt idx="6461">
                  <c:v>42987</c:v>
                </c:pt>
                <c:pt idx="6462">
                  <c:v>42988</c:v>
                </c:pt>
                <c:pt idx="6463">
                  <c:v>42989</c:v>
                </c:pt>
                <c:pt idx="6464">
                  <c:v>42990</c:v>
                </c:pt>
                <c:pt idx="6465">
                  <c:v>42991</c:v>
                </c:pt>
                <c:pt idx="6466">
                  <c:v>42992</c:v>
                </c:pt>
                <c:pt idx="6467">
                  <c:v>42993</c:v>
                </c:pt>
                <c:pt idx="6468">
                  <c:v>42994</c:v>
                </c:pt>
                <c:pt idx="6469">
                  <c:v>42995</c:v>
                </c:pt>
                <c:pt idx="6470">
                  <c:v>42996</c:v>
                </c:pt>
                <c:pt idx="6471">
                  <c:v>42997</c:v>
                </c:pt>
                <c:pt idx="6472">
                  <c:v>42998</c:v>
                </c:pt>
                <c:pt idx="6473">
                  <c:v>42999</c:v>
                </c:pt>
                <c:pt idx="6474">
                  <c:v>43000</c:v>
                </c:pt>
                <c:pt idx="6475">
                  <c:v>43001</c:v>
                </c:pt>
                <c:pt idx="6476">
                  <c:v>43002</c:v>
                </c:pt>
                <c:pt idx="6477">
                  <c:v>43003</c:v>
                </c:pt>
                <c:pt idx="6478">
                  <c:v>43004</c:v>
                </c:pt>
                <c:pt idx="6479">
                  <c:v>43005</c:v>
                </c:pt>
                <c:pt idx="6480">
                  <c:v>43006</c:v>
                </c:pt>
                <c:pt idx="6481">
                  <c:v>43007</c:v>
                </c:pt>
                <c:pt idx="6482">
                  <c:v>43008</c:v>
                </c:pt>
                <c:pt idx="6483">
                  <c:v>43009</c:v>
                </c:pt>
                <c:pt idx="6484">
                  <c:v>43010</c:v>
                </c:pt>
                <c:pt idx="6485">
                  <c:v>43011</c:v>
                </c:pt>
                <c:pt idx="6486">
                  <c:v>43012</c:v>
                </c:pt>
                <c:pt idx="6487">
                  <c:v>43013</c:v>
                </c:pt>
                <c:pt idx="6488">
                  <c:v>43014</c:v>
                </c:pt>
                <c:pt idx="6489">
                  <c:v>43015</c:v>
                </c:pt>
                <c:pt idx="6490">
                  <c:v>43016</c:v>
                </c:pt>
                <c:pt idx="6491">
                  <c:v>43017</c:v>
                </c:pt>
                <c:pt idx="6492">
                  <c:v>43018</c:v>
                </c:pt>
                <c:pt idx="6493">
                  <c:v>43019</c:v>
                </c:pt>
                <c:pt idx="6494">
                  <c:v>43020</c:v>
                </c:pt>
                <c:pt idx="6495">
                  <c:v>43021</c:v>
                </c:pt>
                <c:pt idx="6496">
                  <c:v>43022</c:v>
                </c:pt>
                <c:pt idx="6497">
                  <c:v>43023</c:v>
                </c:pt>
                <c:pt idx="6498">
                  <c:v>43024</c:v>
                </c:pt>
                <c:pt idx="6499">
                  <c:v>43025</c:v>
                </c:pt>
                <c:pt idx="6500">
                  <c:v>43026</c:v>
                </c:pt>
                <c:pt idx="6501">
                  <c:v>43027</c:v>
                </c:pt>
                <c:pt idx="6502">
                  <c:v>43028</c:v>
                </c:pt>
                <c:pt idx="6503">
                  <c:v>43029</c:v>
                </c:pt>
                <c:pt idx="6504">
                  <c:v>43030</c:v>
                </c:pt>
                <c:pt idx="6505">
                  <c:v>43031</c:v>
                </c:pt>
                <c:pt idx="6506">
                  <c:v>43032</c:v>
                </c:pt>
                <c:pt idx="6507">
                  <c:v>43033</c:v>
                </c:pt>
                <c:pt idx="6508">
                  <c:v>43034</c:v>
                </c:pt>
                <c:pt idx="6509">
                  <c:v>43035</c:v>
                </c:pt>
                <c:pt idx="6510">
                  <c:v>43036</c:v>
                </c:pt>
                <c:pt idx="6511">
                  <c:v>43037</c:v>
                </c:pt>
                <c:pt idx="6512">
                  <c:v>43038</c:v>
                </c:pt>
                <c:pt idx="6513">
                  <c:v>43039</c:v>
                </c:pt>
                <c:pt idx="6514">
                  <c:v>43040</c:v>
                </c:pt>
                <c:pt idx="6515">
                  <c:v>43041</c:v>
                </c:pt>
                <c:pt idx="6516">
                  <c:v>43042</c:v>
                </c:pt>
                <c:pt idx="6517">
                  <c:v>43043</c:v>
                </c:pt>
                <c:pt idx="6518">
                  <c:v>43044</c:v>
                </c:pt>
                <c:pt idx="6519">
                  <c:v>43045</c:v>
                </c:pt>
                <c:pt idx="6520">
                  <c:v>43046</c:v>
                </c:pt>
                <c:pt idx="6521">
                  <c:v>43047</c:v>
                </c:pt>
                <c:pt idx="6522">
                  <c:v>43048</c:v>
                </c:pt>
                <c:pt idx="6523">
                  <c:v>43049</c:v>
                </c:pt>
                <c:pt idx="6524">
                  <c:v>43050</c:v>
                </c:pt>
                <c:pt idx="6525">
                  <c:v>43051</c:v>
                </c:pt>
                <c:pt idx="6526">
                  <c:v>43052</c:v>
                </c:pt>
                <c:pt idx="6527">
                  <c:v>43053</c:v>
                </c:pt>
                <c:pt idx="6528">
                  <c:v>43054</c:v>
                </c:pt>
                <c:pt idx="6529">
                  <c:v>43055</c:v>
                </c:pt>
                <c:pt idx="6530">
                  <c:v>43056</c:v>
                </c:pt>
                <c:pt idx="6531">
                  <c:v>43057</c:v>
                </c:pt>
                <c:pt idx="6532">
                  <c:v>43058</c:v>
                </c:pt>
                <c:pt idx="6533">
                  <c:v>43059</c:v>
                </c:pt>
                <c:pt idx="6534">
                  <c:v>43060</c:v>
                </c:pt>
                <c:pt idx="6535">
                  <c:v>43061</c:v>
                </c:pt>
                <c:pt idx="6536">
                  <c:v>43062</c:v>
                </c:pt>
                <c:pt idx="6537">
                  <c:v>43063</c:v>
                </c:pt>
                <c:pt idx="6538">
                  <c:v>43064</c:v>
                </c:pt>
                <c:pt idx="6539">
                  <c:v>43065</c:v>
                </c:pt>
                <c:pt idx="6540">
                  <c:v>43066</c:v>
                </c:pt>
                <c:pt idx="6541">
                  <c:v>43067</c:v>
                </c:pt>
                <c:pt idx="6542">
                  <c:v>43068</c:v>
                </c:pt>
                <c:pt idx="6543">
                  <c:v>43069</c:v>
                </c:pt>
                <c:pt idx="6544">
                  <c:v>43070</c:v>
                </c:pt>
                <c:pt idx="6545">
                  <c:v>43071</c:v>
                </c:pt>
                <c:pt idx="6546">
                  <c:v>43072</c:v>
                </c:pt>
                <c:pt idx="6547">
                  <c:v>43073</c:v>
                </c:pt>
                <c:pt idx="6548">
                  <c:v>43074</c:v>
                </c:pt>
                <c:pt idx="6549">
                  <c:v>43075</c:v>
                </c:pt>
                <c:pt idx="6550">
                  <c:v>43076</c:v>
                </c:pt>
                <c:pt idx="6551">
                  <c:v>43077</c:v>
                </c:pt>
                <c:pt idx="6552">
                  <c:v>43078</c:v>
                </c:pt>
                <c:pt idx="6553">
                  <c:v>43079</c:v>
                </c:pt>
                <c:pt idx="6554">
                  <c:v>43080</c:v>
                </c:pt>
                <c:pt idx="6555">
                  <c:v>43081</c:v>
                </c:pt>
                <c:pt idx="6556">
                  <c:v>43082</c:v>
                </c:pt>
                <c:pt idx="6557">
                  <c:v>43083</c:v>
                </c:pt>
                <c:pt idx="6558">
                  <c:v>43084</c:v>
                </c:pt>
                <c:pt idx="6559">
                  <c:v>43085</c:v>
                </c:pt>
                <c:pt idx="6560">
                  <c:v>43086</c:v>
                </c:pt>
                <c:pt idx="6561">
                  <c:v>43087</c:v>
                </c:pt>
                <c:pt idx="6562">
                  <c:v>43088</c:v>
                </c:pt>
                <c:pt idx="6563">
                  <c:v>43089</c:v>
                </c:pt>
                <c:pt idx="6564">
                  <c:v>43090</c:v>
                </c:pt>
                <c:pt idx="6565">
                  <c:v>43091</c:v>
                </c:pt>
                <c:pt idx="6566">
                  <c:v>43092</c:v>
                </c:pt>
                <c:pt idx="6567">
                  <c:v>43093</c:v>
                </c:pt>
                <c:pt idx="6568">
                  <c:v>43094</c:v>
                </c:pt>
                <c:pt idx="6569">
                  <c:v>43095</c:v>
                </c:pt>
                <c:pt idx="6570">
                  <c:v>43096</c:v>
                </c:pt>
                <c:pt idx="6571">
                  <c:v>43097</c:v>
                </c:pt>
                <c:pt idx="6572">
                  <c:v>43098</c:v>
                </c:pt>
                <c:pt idx="6573">
                  <c:v>43099</c:v>
                </c:pt>
                <c:pt idx="6574">
                  <c:v>43100</c:v>
                </c:pt>
                <c:pt idx="6575">
                  <c:v>43101</c:v>
                </c:pt>
                <c:pt idx="6576">
                  <c:v>43102</c:v>
                </c:pt>
                <c:pt idx="6577">
                  <c:v>43103</c:v>
                </c:pt>
                <c:pt idx="6578">
                  <c:v>43104</c:v>
                </c:pt>
                <c:pt idx="6579">
                  <c:v>43105</c:v>
                </c:pt>
                <c:pt idx="6580">
                  <c:v>43106</c:v>
                </c:pt>
                <c:pt idx="6581">
                  <c:v>43107</c:v>
                </c:pt>
                <c:pt idx="6582">
                  <c:v>43108</c:v>
                </c:pt>
                <c:pt idx="6583">
                  <c:v>43109</c:v>
                </c:pt>
                <c:pt idx="6584">
                  <c:v>43110</c:v>
                </c:pt>
                <c:pt idx="6585">
                  <c:v>43111</c:v>
                </c:pt>
                <c:pt idx="6586">
                  <c:v>43112</c:v>
                </c:pt>
                <c:pt idx="6587">
                  <c:v>43113</c:v>
                </c:pt>
                <c:pt idx="6588">
                  <c:v>43114</c:v>
                </c:pt>
                <c:pt idx="6589">
                  <c:v>43115</c:v>
                </c:pt>
                <c:pt idx="6590">
                  <c:v>43116</c:v>
                </c:pt>
                <c:pt idx="6591">
                  <c:v>43117</c:v>
                </c:pt>
                <c:pt idx="6592">
                  <c:v>43118</c:v>
                </c:pt>
                <c:pt idx="6593">
                  <c:v>43119</c:v>
                </c:pt>
                <c:pt idx="6594">
                  <c:v>43120</c:v>
                </c:pt>
                <c:pt idx="6595">
                  <c:v>43121</c:v>
                </c:pt>
                <c:pt idx="6596">
                  <c:v>43122</c:v>
                </c:pt>
                <c:pt idx="6597">
                  <c:v>43123</c:v>
                </c:pt>
                <c:pt idx="6598">
                  <c:v>43124</c:v>
                </c:pt>
                <c:pt idx="6599">
                  <c:v>43125</c:v>
                </c:pt>
                <c:pt idx="6600">
                  <c:v>43126</c:v>
                </c:pt>
                <c:pt idx="6601">
                  <c:v>43127</c:v>
                </c:pt>
                <c:pt idx="6602">
                  <c:v>43128</c:v>
                </c:pt>
                <c:pt idx="6603">
                  <c:v>43129</c:v>
                </c:pt>
                <c:pt idx="6604">
                  <c:v>43130</c:v>
                </c:pt>
                <c:pt idx="6605">
                  <c:v>43131</c:v>
                </c:pt>
                <c:pt idx="6606">
                  <c:v>43132</c:v>
                </c:pt>
                <c:pt idx="6607">
                  <c:v>43133</c:v>
                </c:pt>
                <c:pt idx="6608">
                  <c:v>43134</c:v>
                </c:pt>
                <c:pt idx="6609">
                  <c:v>43135</c:v>
                </c:pt>
                <c:pt idx="6610">
                  <c:v>43136</c:v>
                </c:pt>
                <c:pt idx="6611">
                  <c:v>43137</c:v>
                </c:pt>
                <c:pt idx="6612">
                  <c:v>43138</c:v>
                </c:pt>
                <c:pt idx="6613">
                  <c:v>43139</c:v>
                </c:pt>
                <c:pt idx="6614">
                  <c:v>43140</c:v>
                </c:pt>
                <c:pt idx="6615">
                  <c:v>43141</c:v>
                </c:pt>
                <c:pt idx="6616">
                  <c:v>43142</c:v>
                </c:pt>
                <c:pt idx="6617">
                  <c:v>43143</c:v>
                </c:pt>
                <c:pt idx="6618">
                  <c:v>43144</c:v>
                </c:pt>
                <c:pt idx="6619">
                  <c:v>43145</c:v>
                </c:pt>
                <c:pt idx="6620">
                  <c:v>43146</c:v>
                </c:pt>
                <c:pt idx="6621">
                  <c:v>43147</c:v>
                </c:pt>
                <c:pt idx="6622">
                  <c:v>43148</c:v>
                </c:pt>
                <c:pt idx="6623">
                  <c:v>43149</c:v>
                </c:pt>
                <c:pt idx="6624">
                  <c:v>43150</c:v>
                </c:pt>
                <c:pt idx="6625">
                  <c:v>43151</c:v>
                </c:pt>
                <c:pt idx="6626">
                  <c:v>43152</c:v>
                </c:pt>
                <c:pt idx="6627">
                  <c:v>43153</c:v>
                </c:pt>
                <c:pt idx="6628">
                  <c:v>43154</c:v>
                </c:pt>
                <c:pt idx="6629">
                  <c:v>43155</c:v>
                </c:pt>
                <c:pt idx="6630">
                  <c:v>43156</c:v>
                </c:pt>
                <c:pt idx="6631">
                  <c:v>43157</c:v>
                </c:pt>
                <c:pt idx="6632">
                  <c:v>43158</c:v>
                </c:pt>
                <c:pt idx="6633">
                  <c:v>43159</c:v>
                </c:pt>
                <c:pt idx="6634">
                  <c:v>43160</c:v>
                </c:pt>
                <c:pt idx="6635">
                  <c:v>43161</c:v>
                </c:pt>
                <c:pt idx="6636">
                  <c:v>43162</c:v>
                </c:pt>
                <c:pt idx="6637">
                  <c:v>43163</c:v>
                </c:pt>
                <c:pt idx="6638">
                  <c:v>43164</c:v>
                </c:pt>
                <c:pt idx="6639">
                  <c:v>43165</c:v>
                </c:pt>
                <c:pt idx="6640">
                  <c:v>43166</c:v>
                </c:pt>
                <c:pt idx="6641">
                  <c:v>43167</c:v>
                </c:pt>
                <c:pt idx="6642">
                  <c:v>43168</c:v>
                </c:pt>
                <c:pt idx="6643">
                  <c:v>43169</c:v>
                </c:pt>
                <c:pt idx="6644">
                  <c:v>43170</c:v>
                </c:pt>
                <c:pt idx="6645">
                  <c:v>43171</c:v>
                </c:pt>
                <c:pt idx="6646">
                  <c:v>43172</c:v>
                </c:pt>
                <c:pt idx="6647">
                  <c:v>43173</c:v>
                </c:pt>
                <c:pt idx="6648">
                  <c:v>43174</c:v>
                </c:pt>
                <c:pt idx="6649">
                  <c:v>43175</c:v>
                </c:pt>
                <c:pt idx="6650">
                  <c:v>43176</c:v>
                </c:pt>
                <c:pt idx="6651">
                  <c:v>43177</c:v>
                </c:pt>
                <c:pt idx="6652">
                  <c:v>43178</c:v>
                </c:pt>
                <c:pt idx="6653">
                  <c:v>43179</c:v>
                </c:pt>
                <c:pt idx="6654">
                  <c:v>43180</c:v>
                </c:pt>
                <c:pt idx="6655">
                  <c:v>43181</c:v>
                </c:pt>
                <c:pt idx="6656">
                  <c:v>43182</c:v>
                </c:pt>
                <c:pt idx="6657">
                  <c:v>43183</c:v>
                </c:pt>
                <c:pt idx="6658">
                  <c:v>43184</c:v>
                </c:pt>
                <c:pt idx="6659">
                  <c:v>43185</c:v>
                </c:pt>
                <c:pt idx="6660">
                  <c:v>43186</c:v>
                </c:pt>
                <c:pt idx="6661">
                  <c:v>43187</c:v>
                </c:pt>
                <c:pt idx="6662">
                  <c:v>43188</c:v>
                </c:pt>
                <c:pt idx="6663">
                  <c:v>43189</c:v>
                </c:pt>
                <c:pt idx="6664">
                  <c:v>43190</c:v>
                </c:pt>
                <c:pt idx="6665">
                  <c:v>43191</c:v>
                </c:pt>
                <c:pt idx="6666">
                  <c:v>43192</c:v>
                </c:pt>
                <c:pt idx="6667">
                  <c:v>43193</c:v>
                </c:pt>
                <c:pt idx="6668">
                  <c:v>43194</c:v>
                </c:pt>
                <c:pt idx="6669">
                  <c:v>43195</c:v>
                </c:pt>
                <c:pt idx="6670">
                  <c:v>43196</c:v>
                </c:pt>
                <c:pt idx="6671">
                  <c:v>43197</c:v>
                </c:pt>
                <c:pt idx="6672">
                  <c:v>43198</c:v>
                </c:pt>
                <c:pt idx="6673">
                  <c:v>43199</c:v>
                </c:pt>
                <c:pt idx="6674">
                  <c:v>43200</c:v>
                </c:pt>
                <c:pt idx="6675">
                  <c:v>43201</c:v>
                </c:pt>
                <c:pt idx="6676">
                  <c:v>43202</c:v>
                </c:pt>
                <c:pt idx="6677">
                  <c:v>43203</c:v>
                </c:pt>
                <c:pt idx="6678">
                  <c:v>43204</c:v>
                </c:pt>
                <c:pt idx="6679">
                  <c:v>43205</c:v>
                </c:pt>
                <c:pt idx="6680">
                  <c:v>43206</c:v>
                </c:pt>
                <c:pt idx="6681">
                  <c:v>43207</c:v>
                </c:pt>
                <c:pt idx="6682">
                  <c:v>43208</c:v>
                </c:pt>
                <c:pt idx="6683">
                  <c:v>43209</c:v>
                </c:pt>
                <c:pt idx="6684">
                  <c:v>43210</c:v>
                </c:pt>
                <c:pt idx="6685">
                  <c:v>43211</c:v>
                </c:pt>
                <c:pt idx="6686">
                  <c:v>43212</c:v>
                </c:pt>
                <c:pt idx="6687">
                  <c:v>43213</c:v>
                </c:pt>
                <c:pt idx="6688">
                  <c:v>43214</c:v>
                </c:pt>
                <c:pt idx="6689">
                  <c:v>43215</c:v>
                </c:pt>
                <c:pt idx="6690">
                  <c:v>43216</c:v>
                </c:pt>
                <c:pt idx="6691">
                  <c:v>43217</c:v>
                </c:pt>
                <c:pt idx="6692">
                  <c:v>43218</c:v>
                </c:pt>
                <c:pt idx="6693">
                  <c:v>43219</c:v>
                </c:pt>
                <c:pt idx="6694">
                  <c:v>43220</c:v>
                </c:pt>
                <c:pt idx="6695">
                  <c:v>43221</c:v>
                </c:pt>
                <c:pt idx="6696">
                  <c:v>43222</c:v>
                </c:pt>
                <c:pt idx="6697">
                  <c:v>43223</c:v>
                </c:pt>
                <c:pt idx="6698">
                  <c:v>43224</c:v>
                </c:pt>
                <c:pt idx="6699">
                  <c:v>43225</c:v>
                </c:pt>
                <c:pt idx="6700">
                  <c:v>43226</c:v>
                </c:pt>
                <c:pt idx="6701">
                  <c:v>43227</c:v>
                </c:pt>
                <c:pt idx="6702">
                  <c:v>43228</c:v>
                </c:pt>
                <c:pt idx="6703">
                  <c:v>43229</c:v>
                </c:pt>
                <c:pt idx="6704">
                  <c:v>43230</c:v>
                </c:pt>
                <c:pt idx="6705">
                  <c:v>43231</c:v>
                </c:pt>
                <c:pt idx="6706">
                  <c:v>43232</c:v>
                </c:pt>
                <c:pt idx="6707">
                  <c:v>43233</c:v>
                </c:pt>
                <c:pt idx="6708">
                  <c:v>43234</c:v>
                </c:pt>
                <c:pt idx="6709">
                  <c:v>43235</c:v>
                </c:pt>
                <c:pt idx="6710">
                  <c:v>43236</c:v>
                </c:pt>
                <c:pt idx="6711">
                  <c:v>43237</c:v>
                </c:pt>
                <c:pt idx="6712">
                  <c:v>43238</c:v>
                </c:pt>
                <c:pt idx="6713">
                  <c:v>43239</c:v>
                </c:pt>
                <c:pt idx="6714">
                  <c:v>43240</c:v>
                </c:pt>
                <c:pt idx="6715">
                  <c:v>43241</c:v>
                </c:pt>
                <c:pt idx="6716">
                  <c:v>43242</c:v>
                </c:pt>
                <c:pt idx="6717">
                  <c:v>43243</c:v>
                </c:pt>
                <c:pt idx="6718">
                  <c:v>43244</c:v>
                </c:pt>
                <c:pt idx="6719">
                  <c:v>43245</c:v>
                </c:pt>
                <c:pt idx="6720">
                  <c:v>43246</c:v>
                </c:pt>
                <c:pt idx="6721">
                  <c:v>43247</c:v>
                </c:pt>
                <c:pt idx="6722">
                  <c:v>43248</c:v>
                </c:pt>
                <c:pt idx="6723">
                  <c:v>43249</c:v>
                </c:pt>
                <c:pt idx="6724">
                  <c:v>43250</c:v>
                </c:pt>
                <c:pt idx="6725">
                  <c:v>43251</c:v>
                </c:pt>
                <c:pt idx="6726">
                  <c:v>43252</c:v>
                </c:pt>
                <c:pt idx="6727">
                  <c:v>43253</c:v>
                </c:pt>
                <c:pt idx="6728">
                  <c:v>43254</c:v>
                </c:pt>
                <c:pt idx="6729">
                  <c:v>43255</c:v>
                </c:pt>
                <c:pt idx="6730">
                  <c:v>43256</c:v>
                </c:pt>
                <c:pt idx="6731">
                  <c:v>43257</c:v>
                </c:pt>
                <c:pt idx="6732">
                  <c:v>43258</c:v>
                </c:pt>
                <c:pt idx="6733">
                  <c:v>43259</c:v>
                </c:pt>
                <c:pt idx="6734">
                  <c:v>43260</c:v>
                </c:pt>
                <c:pt idx="6735">
                  <c:v>43261</c:v>
                </c:pt>
                <c:pt idx="6736">
                  <c:v>43262</c:v>
                </c:pt>
                <c:pt idx="6737">
                  <c:v>43263</c:v>
                </c:pt>
                <c:pt idx="6738">
                  <c:v>43264</c:v>
                </c:pt>
                <c:pt idx="6739">
                  <c:v>43265</c:v>
                </c:pt>
                <c:pt idx="6740">
                  <c:v>43266</c:v>
                </c:pt>
                <c:pt idx="6741">
                  <c:v>43267</c:v>
                </c:pt>
                <c:pt idx="6742">
                  <c:v>43268</c:v>
                </c:pt>
                <c:pt idx="6743">
                  <c:v>43269</c:v>
                </c:pt>
                <c:pt idx="6744">
                  <c:v>43270</c:v>
                </c:pt>
                <c:pt idx="6745">
                  <c:v>43271</c:v>
                </c:pt>
                <c:pt idx="6746">
                  <c:v>43272</c:v>
                </c:pt>
                <c:pt idx="6747">
                  <c:v>43273</c:v>
                </c:pt>
                <c:pt idx="6748">
                  <c:v>43274</c:v>
                </c:pt>
                <c:pt idx="6749">
                  <c:v>43275</c:v>
                </c:pt>
                <c:pt idx="6750">
                  <c:v>43276</c:v>
                </c:pt>
                <c:pt idx="6751">
                  <c:v>43277</c:v>
                </c:pt>
                <c:pt idx="6752">
                  <c:v>43278</c:v>
                </c:pt>
                <c:pt idx="6753">
                  <c:v>43279</c:v>
                </c:pt>
                <c:pt idx="6754">
                  <c:v>43280</c:v>
                </c:pt>
                <c:pt idx="6755">
                  <c:v>43281</c:v>
                </c:pt>
                <c:pt idx="6756">
                  <c:v>43282</c:v>
                </c:pt>
                <c:pt idx="6757">
                  <c:v>43283</c:v>
                </c:pt>
                <c:pt idx="6758">
                  <c:v>43284</c:v>
                </c:pt>
                <c:pt idx="6759">
                  <c:v>43285</c:v>
                </c:pt>
                <c:pt idx="6760">
                  <c:v>43286</c:v>
                </c:pt>
                <c:pt idx="6761">
                  <c:v>43287</c:v>
                </c:pt>
                <c:pt idx="6762">
                  <c:v>43288</c:v>
                </c:pt>
                <c:pt idx="6763">
                  <c:v>43289</c:v>
                </c:pt>
                <c:pt idx="6764">
                  <c:v>43290</c:v>
                </c:pt>
                <c:pt idx="6765">
                  <c:v>43291</c:v>
                </c:pt>
                <c:pt idx="6766">
                  <c:v>43292</c:v>
                </c:pt>
                <c:pt idx="6767">
                  <c:v>43293</c:v>
                </c:pt>
                <c:pt idx="6768">
                  <c:v>43294</c:v>
                </c:pt>
                <c:pt idx="6769">
                  <c:v>43295</c:v>
                </c:pt>
                <c:pt idx="6770">
                  <c:v>43296</c:v>
                </c:pt>
                <c:pt idx="6771">
                  <c:v>43297</c:v>
                </c:pt>
                <c:pt idx="6772">
                  <c:v>43298</c:v>
                </c:pt>
                <c:pt idx="6773">
                  <c:v>43299</c:v>
                </c:pt>
                <c:pt idx="6774">
                  <c:v>43300</c:v>
                </c:pt>
                <c:pt idx="6775">
                  <c:v>43301</c:v>
                </c:pt>
                <c:pt idx="6776">
                  <c:v>43302</c:v>
                </c:pt>
                <c:pt idx="6777">
                  <c:v>43303</c:v>
                </c:pt>
                <c:pt idx="6778">
                  <c:v>43304</c:v>
                </c:pt>
                <c:pt idx="6779">
                  <c:v>43305</c:v>
                </c:pt>
                <c:pt idx="6780">
                  <c:v>43306</c:v>
                </c:pt>
                <c:pt idx="6781">
                  <c:v>43307</c:v>
                </c:pt>
                <c:pt idx="6782">
                  <c:v>43308</c:v>
                </c:pt>
                <c:pt idx="6783">
                  <c:v>43309</c:v>
                </c:pt>
                <c:pt idx="6784">
                  <c:v>43310</c:v>
                </c:pt>
                <c:pt idx="6785">
                  <c:v>43311</c:v>
                </c:pt>
                <c:pt idx="6786">
                  <c:v>43312</c:v>
                </c:pt>
                <c:pt idx="6787">
                  <c:v>43313</c:v>
                </c:pt>
                <c:pt idx="6788">
                  <c:v>43314</c:v>
                </c:pt>
                <c:pt idx="6789">
                  <c:v>43315</c:v>
                </c:pt>
                <c:pt idx="6790">
                  <c:v>43316</c:v>
                </c:pt>
                <c:pt idx="6791">
                  <c:v>43317</c:v>
                </c:pt>
                <c:pt idx="6792">
                  <c:v>43318</c:v>
                </c:pt>
                <c:pt idx="6793">
                  <c:v>43319</c:v>
                </c:pt>
                <c:pt idx="6794">
                  <c:v>43320</c:v>
                </c:pt>
                <c:pt idx="6795">
                  <c:v>43321</c:v>
                </c:pt>
                <c:pt idx="6796">
                  <c:v>43322</c:v>
                </c:pt>
                <c:pt idx="6797">
                  <c:v>43323</c:v>
                </c:pt>
                <c:pt idx="6798">
                  <c:v>43324</c:v>
                </c:pt>
                <c:pt idx="6799">
                  <c:v>43325</c:v>
                </c:pt>
                <c:pt idx="6800">
                  <c:v>43326</c:v>
                </c:pt>
                <c:pt idx="6801">
                  <c:v>43327</c:v>
                </c:pt>
                <c:pt idx="6802">
                  <c:v>43328</c:v>
                </c:pt>
                <c:pt idx="6803">
                  <c:v>43329</c:v>
                </c:pt>
                <c:pt idx="6804">
                  <c:v>43330</c:v>
                </c:pt>
                <c:pt idx="6805">
                  <c:v>43331</c:v>
                </c:pt>
                <c:pt idx="6806">
                  <c:v>43332</c:v>
                </c:pt>
                <c:pt idx="6807">
                  <c:v>43333</c:v>
                </c:pt>
                <c:pt idx="6808">
                  <c:v>43334</c:v>
                </c:pt>
                <c:pt idx="6809">
                  <c:v>43335</c:v>
                </c:pt>
                <c:pt idx="6810">
                  <c:v>43336</c:v>
                </c:pt>
                <c:pt idx="6811">
                  <c:v>43337</c:v>
                </c:pt>
                <c:pt idx="6812">
                  <c:v>43338</c:v>
                </c:pt>
                <c:pt idx="6813">
                  <c:v>43339</c:v>
                </c:pt>
                <c:pt idx="6814">
                  <c:v>43340</c:v>
                </c:pt>
                <c:pt idx="6815">
                  <c:v>43341</c:v>
                </c:pt>
                <c:pt idx="6816">
                  <c:v>43342</c:v>
                </c:pt>
                <c:pt idx="6817">
                  <c:v>43343</c:v>
                </c:pt>
                <c:pt idx="6818">
                  <c:v>43344</c:v>
                </c:pt>
                <c:pt idx="6819">
                  <c:v>43345</c:v>
                </c:pt>
                <c:pt idx="6820">
                  <c:v>43346</c:v>
                </c:pt>
                <c:pt idx="6821">
                  <c:v>43347</c:v>
                </c:pt>
                <c:pt idx="6822">
                  <c:v>43348</c:v>
                </c:pt>
                <c:pt idx="6823">
                  <c:v>43349</c:v>
                </c:pt>
                <c:pt idx="6824">
                  <c:v>43350</c:v>
                </c:pt>
                <c:pt idx="6825">
                  <c:v>43351</c:v>
                </c:pt>
                <c:pt idx="6826">
                  <c:v>43352</c:v>
                </c:pt>
                <c:pt idx="6827">
                  <c:v>43353</c:v>
                </c:pt>
                <c:pt idx="6828">
                  <c:v>43354</c:v>
                </c:pt>
                <c:pt idx="6829">
                  <c:v>43355</c:v>
                </c:pt>
                <c:pt idx="6830">
                  <c:v>43356</c:v>
                </c:pt>
                <c:pt idx="6831">
                  <c:v>43357</c:v>
                </c:pt>
                <c:pt idx="6832">
                  <c:v>43358</c:v>
                </c:pt>
                <c:pt idx="6833">
                  <c:v>43359</c:v>
                </c:pt>
                <c:pt idx="6834">
                  <c:v>43360</c:v>
                </c:pt>
                <c:pt idx="6835">
                  <c:v>43361</c:v>
                </c:pt>
                <c:pt idx="6836">
                  <c:v>43362</c:v>
                </c:pt>
                <c:pt idx="6837">
                  <c:v>43363</c:v>
                </c:pt>
                <c:pt idx="6838">
                  <c:v>43364</c:v>
                </c:pt>
                <c:pt idx="6839">
                  <c:v>43365</c:v>
                </c:pt>
                <c:pt idx="6840">
                  <c:v>43366</c:v>
                </c:pt>
                <c:pt idx="6841">
                  <c:v>43367</c:v>
                </c:pt>
                <c:pt idx="6842">
                  <c:v>43368</c:v>
                </c:pt>
                <c:pt idx="6843">
                  <c:v>43369</c:v>
                </c:pt>
                <c:pt idx="6844">
                  <c:v>43370</c:v>
                </c:pt>
                <c:pt idx="6845">
                  <c:v>43371</c:v>
                </c:pt>
                <c:pt idx="6846">
                  <c:v>43372</c:v>
                </c:pt>
                <c:pt idx="6847">
                  <c:v>43373</c:v>
                </c:pt>
                <c:pt idx="6848">
                  <c:v>43374</c:v>
                </c:pt>
                <c:pt idx="6849">
                  <c:v>43375</c:v>
                </c:pt>
                <c:pt idx="6850">
                  <c:v>43376</c:v>
                </c:pt>
                <c:pt idx="6851">
                  <c:v>43377</c:v>
                </c:pt>
                <c:pt idx="6852">
                  <c:v>43378</c:v>
                </c:pt>
                <c:pt idx="6853">
                  <c:v>43379</c:v>
                </c:pt>
                <c:pt idx="6854">
                  <c:v>43380</c:v>
                </c:pt>
                <c:pt idx="6855">
                  <c:v>43381</c:v>
                </c:pt>
                <c:pt idx="6856">
                  <c:v>43382</c:v>
                </c:pt>
                <c:pt idx="6857">
                  <c:v>43383</c:v>
                </c:pt>
                <c:pt idx="6858">
                  <c:v>43384</c:v>
                </c:pt>
                <c:pt idx="6859">
                  <c:v>43385</c:v>
                </c:pt>
                <c:pt idx="6860">
                  <c:v>43386</c:v>
                </c:pt>
                <c:pt idx="6861">
                  <c:v>43387</c:v>
                </c:pt>
                <c:pt idx="6862">
                  <c:v>43388</c:v>
                </c:pt>
                <c:pt idx="6863">
                  <c:v>43389</c:v>
                </c:pt>
                <c:pt idx="6864">
                  <c:v>43390</c:v>
                </c:pt>
                <c:pt idx="6865">
                  <c:v>43391</c:v>
                </c:pt>
                <c:pt idx="6866">
                  <c:v>43392</c:v>
                </c:pt>
                <c:pt idx="6867">
                  <c:v>43393</c:v>
                </c:pt>
                <c:pt idx="6868">
                  <c:v>43394</c:v>
                </c:pt>
                <c:pt idx="6869">
                  <c:v>43395</c:v>
                </c:pt>
                <c:pt idx="6870">
                  <c:v>43396</c:v>
                </c:pt>
                <c:pt idx="6871">
                  <c:v>43397</c:v>
                </c:pt>
                <c:pt idx="6872">
                  <c:v>43398</c:v>
                </c:pt>
                <c:pt idx="6873">
                  <c:v>43399</c:v>
                </c:pt>
                <c:pt idx="6874">
                  <c:v>43400</c:v>
                </c:pt>
                <c:pt idx="6875">
                  <c:v>43401</c:v>
                </c:pt>
                <c:pt idx="6876">
                  <c:v>43402</c:v>
                </c:pt>
                <c:pt idx="6877">
                  <c:v>43403</c:v>
                </c:pt>
                <c:pt idx="6878">
                  <c:v>43404</c:v>
                </c:pt>
                <c:pt idx="6879">
                  <c:v>43405</c:v>
                </c:pt>
                <c:pt idx="6880">
                  <c:v>43406</c:v>
                </c:pt>
                <c:pt idx="6881">
                  <c:v>43407</c:v>
                </c:pt>
                <c:pt idx="6882">
                  <c:v>43408</c:v>
                </c:pt>
                <c:pt idx="6883">
                  <c:v>43409</c:v>
                </c:pt>
                <c:pt idx="6884">
                  <c:v>43410</c:v>
                </c:pt>
                <c:pt idx="6885">
                  <c:v>43411</c:v>
                </c:pt>
                <c:pt idx="6886">
                  <c:v>43412</c:v>
                </c:pt>
                <c:pt idx="6887">
                  <c:v>43413</c:v>
                </c:pt>
                <c:pt idx="6888">
                  <c:v>43414</c:v>
                </c:pt>
                <c:pt idx="6889">
                  <c:v>43415</c:v>
                </c:pt>
                <c:pt idx="6890">
                  <c:v>43416</c:v>
                </c:pt>
                <c:pt idx="6891">
                  <c:v>43417</c:v>
                </c:pt>
                <c:pt idx="6892">
                  <c:v>43418</c:v>
                </c:pt>
                <c:pt idx="6893">
                  <c:v>43419</c:v>
                </c:pt>
                <c:pt idx="6894">
                  <c:v>43420</c:v>
                </c:pt>
                <c:pt idx="6895">
                  <c:v>43421</c:v>
                </c:pt>
                <c:pt idx="6896">
                  <c:v>43422</c:v>
                </c:pt>
                <c:pt idx="6897">
                  <c:v>43423</c:v>
                </c:pt>
                <c:pt idx="6898">
                  <c:v>43424</c:v>
                </c:pt>
                <c:pt idx="6899">
                  <c:v>43425</c:v>
                </c:pt>
                <c:pt idx="6900">
                  <c:v>43426</c:v>
                </c:pt>
                <c:pt idx="6901">
                  <c:v>43427</c:v>
                </c:pt>
                <c:pt idx="6902">
                  <c:v>43428</c:v>
                </c:pt>
                <c:pt idx="6903">
                  <c:v>43429</c:v>
                </c:pt>
                <c:pt idx="6904">
                  <c:v>43430</c:v>
                </c:pt>
                <c:pt idx="6905">
                  <c:v>43431</c:v>
                </c:pt>
                <c:pt idx="6906">
                  <c:v>43432</c:v>
                </c:pt>
                <c:pt idx="6907">
                  <c:v>43433</c:v>
                </c:pt>
                <c:pt idx="6908">
                  <c:v>43434</c:v>
                </c:pt>
                <c:pt idx="6909">
                  <c:v>43435</c:v>
                </c:pt>
                <c:pt idx="6910">
                  <c:v>43436</c:v>
                </c:pt>
                <c:pt idx="6911">
                  <c:v>43437</c:v>
                </c:pt>
                <c:pt idx="6912">
                  <c:v>43438</c:v>
                </c:pt>
                <c:pt idx="6913">
                  <c:v>43439</c:v>
                </c:pt>
                <c:pt idx="6914">
                  <c:v>43440</c:v>
                </c:pt>
                <c:pt idx="6915">
                  <c:v>43441</c:v>
                </c:pt>
                <c:pt idx="6916">
                  <c:v>43442</c:v>
                </c:pt>
                <c:pt idx="6917">
                  <c:v>43443</c:v>
                </c:pt>
                <c:pt idx="6918">
                  <c:v>43444</c:v>
                </c:pt>
                <c:pt idx="6919">
                  <c:v>43445</c:v>
                </c:pt>
                <c:pt idx="6920">
                  <c:v>43446</c:v>
                </c:pt>
                <c:pt idx="6921">
                  <c:v>43447</c:v>
                </c:pt>
                <c:pt idx="6922">
                  <c:v>43448</c:v>
                </c:pt>
                <c:pt idx="6923">
                  <c:v>43449</c:v>
                </c:pt>
                <c:pt idx="6924">
                  <c:v>43450</c:v>
                </c:pt>
                <c:pt idx="6925">
                  <c:v>43451</c:v>
                </c:pt>
                <c:pt idx="6926">
                  <c:v>43452</c:v>
                </c:pt>
                <c:pt idx="6927">
                  <c:v>43453</c:v>
                </c:pt>
                <c:pt idx="6928">
                  <c:v>43454</c:v>
                </c:pt>
                <c:pt idx="6929">
                  <c:v>43455</c:v>
                </c:pt>
                <c:pt idx="6930">
                  <c:v>43456</c:v>
                </c:pt>
                <c:pt idx="6931">
                  <c:v>43457</c:v>
                </c:pt>
                <c:pt idx="6932">
                  <c:v>43458</c:v>
                </c:pt>
                <c:pt idx="6933">
                  <c:v>43459</c:v>
                </c:pt>
                <c:pt idx="6934">
                  <c:v>43460</c:v>
                </c:pt>
                <c:pt idx="6935">
                  <c:v>43461</c:v>
                </c:pt>
                <c:pt idx="6936">
                  <c:v>43462</c:v>
                </c:pt>
                <c:pt idx="6937">
                  <c:v>43463</c:v>
                </c:pt>
                <c:pt idx="6938">
                  <c:v>43464</c:v>
                </c:pt>
                <c:pt idx="6939">
                  <c:v>43465</c:v>
                </c:pt>
                <c:pt idx="6940">
                  <c:v>43466</c:v>
                </c:pt>
                <c:pt idx="6941">
                  <c:v>43467</c:v>
                </c:pt>
                <c:pt idx="6942">
                  <c:v>43468</c:v>
                </c:pt>
                <c:pt idx="6943">
                  <c:v>43469</c:v>
                </c:pt>
                <c:pt idx="6944">
                  <c:v>43470</c:v>
                </c:pt>
                <c:pt idx="6945">
                  <c:v>43471</c:v>
                </c:pt>
                <c:pt idx="6946">
                  <c:v>43472</c:v>
                </c:pt>
                <c:pt idx="6947">
                  <c:v>43473</c:v>
                </c:pt>
                <c:pt idx="6948">
                  <c:v>43474</c:v>
                </c:pt>
                <c:pt idx="6949">
                  <c:v>43475</c:v>
                </c:pt>
                <c:pt idx="6950">
                  <c:v>43476</c:v>
                </c:pt>
                <c:pt idx="6951">
                  <c:v>43477</c:v>
                </c:pt>
                <c:pt idx="6952">
                  <c:v>43478</c:v>
                </c:pt>
                <c:pt idx="6953">
                  <c:v>43479</c:v>
                </c:pt>
                <c:pt idx="6954">
                  <c:v>43480</c:v>
                </c:pt>
                <c:pt idx="6955">
                  <c:v>43481</c:v>
                </c:pt>
                <c:pt idx="6956">
                  <c:v>43482</c:v>
                </c:pt>
                <c:pt idx="6957">
                  <c:v>43483</c:v>
                </c:pt>
                <c:pt idx="6958">
                  <c:v>43484</c:v>
                </c:pt>
                <c:pt idx="6959">
                  <c:v>43485</c:v>
                </c:pt>
                <c:pt idx="6960">
                  <c:v>43486</c:v>
                </c:pt>
                <c:pt idx="6961">
                  <c:v>43487</c:v>
                </c:pt>
                <c:pt idx="6962">
                  <c:v>43488</c:v>
                </c:pt>
                <c:pt idx="6963">
                  <c:v>43489</c:v>
                </c:pt>
                <c:pt idx="6964">
                  <c:v>43490</c:v>
                </c:pt>
                <c:pt idx="6965">
                  <c:v>43491</c:v>
                </c:pt>
                <c:pt idx="6966">
                  <c:v>43492</c:v>
                </c:pt>
                <c:pt idx="6967">
                  <c:v>43493</c:v>
                </c:pt>
                <c:pt idx="6968">
                  <c:v>43494</c:v>
                </c:pt>
                <c:pt idx="6969">
                  <c:v>43495</c:v>
                </c:pt>
                <c:pt idx="6970">
                  <c:v>43496</c:v>
                </c:pt>
                <c:pt idx="6971">
                  <c:v>43497</c:v>
                </c:pt>
                <c:pt idx="6972">
                  <c:v>43498</c:v>
                </c:pt>
                <c:pt idx="6973">
                  <c:v>43499</c:v>
                </c:pt>
                <c:pt idx="6974">
                  <c:v>43500</c:v>
                </c:pt>
                <c:pt idx="6975">
                  <c:v>43501</c:v>
                </c:pt>
                <c:pt idx="6976">
                  <c:v>43502</c:v>
                </c:pt>
                <c:pt idx="6977">
                  <c:v>43503</c:v>
                </c:pt>
                <c:pt idx="6978">
                  <c:v>43504</c:v>
                </c:pt>
                <c:pt idx="6979">
                  <c:v>43505</c:v>
                </c:pt>
                <c:pt idx="6980">
                  <c:v>43506</c:v>
                </c:pt>
                <c:pt idx="6981">
                  <c:v>43507</c:v>
                </c:pt>
                <c:pt idx="6982">
                  <c:v>43508</c:v>
                </c:pt>
                <c:pt idx="6983">
                  <c:v>43509</c:v>
                </c:pt>
                <c:pt idx="6984">
                  <c:v>43510</c:v>
                </c:pt>
                <c:pt idx="6985">
                  <c:v>43511</c:v>
                </c:pt>
                <c:pt idx="6986">
                  <c:v>43512</c:v>
                </c:pt>
                <c:pt idx="6987">
                  <c:v>43513</c:v>
                </c:pt>
                <c:pt idx="6988">
                  <c:v>43514</c:v>
                </c:pt>
                <c:pt idx="6989">
                  <c:v>43515</c:v>
                </c:pt>
                <c:pt idx="6990">
                  <c:v>43516</c:v>
                </c:pt>
                <c:pt idx="6991">
                  <c:v>43517</c:v>
                </c:pt>
                <c:pt idx="6992">
                  <c:v>43518</c:v>
                </c:pt>
                <c:pt idx="6993">
                  <c:v>43519</c:v>
                </c:pt>
                <c:pt idx="6994">
                  <c:v>43520</c:v>
                </c:pt>
                <c:pt idx="6995">
                  <c:v>43521</c:v>
                </c:pt>
                <c:pt idx="6996">
                  <c:v>43522</c:v>
                </c:pt>
                <c:pt idx="6997">
                  <c:v>43523</c:v>
                </c:pt>
                <c:pt idx="6998">
                  <c:v>43524</c:v>
                </c:pt>
                <c:pt idx="6999">
                  <c:v>43525</c:v>
                </c:pt>
                <c:pt idx="7000">
                  <c:v>43526</c:v>
                </c:pt>
                <c:pt idx="7001">
                  <c:v>43527</c:v>
                </c:pt>
                <c:pt idx="7002">
                  <c:v>43528</c:v>
                </c:pt>
                <c:pt idx="7003">
                  <c:v>43529</c:v>
                </c:pt>
                <c:pt idx="7004">
                  <c:v>43530</c:v>
                </c:pt>
                <c:pt idx="7005">
                  <c:v>43531</c:v>
                </c:pt>
                <c:pt idx="7006">
                  <c:v>43532</c:v>
                </c:pt>
                <c:pt idx="7007">
                  <c:v>43533</c:v>
                </c:pt>
                <c:pt idx="7008">
                  <c:v>43534</c:v>
                </c:pt>
                <c:pt idx="7009">
                  <c:v>43535</c:v>
                </c:pt>
                <c:pt idx="7010">
                  <c:v>43536</c:v>
                </c:pt>
                <c:pt idx="7011">
                  <c:v>43537</c:v>
                </c:pt>
                <c:pt idx="7012">
                  <c:v>43538</c:v>
                </c:pt>
                <c:pt idx="7013">
                  <c:v>43539</c:v>
                </c:pt>
                <c:pt idx="7014">
                  <c:v>43540</c:v>
                </c:pt>
                <c:pt idx="7015">
                  <c:v>43541</c:v>
                </c:pt>
                <c:pt idx="7016">
                  <c:v>43542</c:v>
                </c:pt>
                <c:pt idx="7017">
                  <c:v>43543</c:v>
                </c:pt>
                <c:pt idx="7018">
                  <c:v>43544</c:v>
                </c:pt>
                <c:pt idx="7019">
                  <c:v>43545</c:v>
                </c:pt>
                <c:pt idx="7020">
                  <c:v>43546</c:v>
                </c:pt>
                <c:pt idx="7021">
                  <c:v>43547</c:v>
                </c:pt>
                <c:pt idx="7022">
                  <c:v>43548</c:v>
                </c:pt>
                <c:pt idx="7023">
                  <c:v>43549</c:v>
                </c:pt>
                <c:pt idx="7024">
                  <c:v>43550</c:v>
                </c:pt>
                <c:pt idx="7025">
                  <c:v>43551</c:v>
                </c:pt>
                <c:pt idx="7026">
                  <c:v>43552</c:v>
                </c:pt>
                <c:pt idx="7027">
                  <c:v>43553</c:v>
                </c:pt>
                <c:pt idx="7028">
                  <c:v>43554</c:v>
                </c:pt>
                <c:pt idx="7029">
                  <c:v>43555</c:v>
                </c:pt>
                <c:pt idx="7030">
                  <c:v>43556</c:v>
                </c:pt>
                <c:pt idx="7031">
                  <c:v>43557</c:v>
                </c:pt>
                <c:pt idx="7032">
                  <c:v>43558</c:v>
                </c:pt>
                <c:pt idx="7033">
                  <c:v>43559</c:v>
                </c:pt>
                <c:pt idx="7034">
                  <c:v>43560</c:v>
                </c:pt>
                <c:pt idx="7035">
                  <c:v>43561</c:v>
                </c:pt>
                <c:pt idx="7036">
                  <c:v>43562</c:v>
                </c:pt>
                <c:pt idx="7037">
                  <c:v>43563</c:v>
                </c:pt>
                <c:pt idx="7038">
                  <c:v>43564</c:v>
                </c:pt>
                <c:pt idx="7039">
                  <c:v>43565</c:v>
                </c:pt>
                <c:pt idx="7040">
                  <c:v>43566</c:v>
                </c:pt>
                <c:pt idx="7041">
                  <c:v>43567</c:v>
                </c:pt>
                <c:pt idx="7042">
                  <c:v>43568</c:v>
                </c:pt>
                <c:pt idx="7043">
                  <c:v>43569</c:v>
                </c:pt>
                <c:pt idx="7044">
                  <c:v>43570</c:v>
                </c:pt>
                <c:pt idx="7045">
                  <c:v>43571</c:v>
                </c:pt>
                <c:pt idx="7046">
                  <c:v>43572</c:v>
                </c:pt>
                <c:pt idx="7047">
                  <c:v>43573</c:v>
                </c:pt>
                <c:pt idx="7048">
                  <c:v>43574</c:v>
                </c:pt>
                <c:pt idx="7049">
                  <c:v>43575</c:v>
                </c:pt>
                <c:pt idx="7050">
                  <c:v>43576</c:v>
                </c:pt>
                <c:pt idx="7051">
                  <c:v>43577</c:v>
                </c:pt>
                <c:pt idx="7052">
                  <c:v>43578</c:v>
                </c:pt>
                <c:pt idx="7053">
                  <c:v>43579</c:v>
                </c:pt>
                <c:pt idx="7054">
                  <c:v>43580</c:v>
                </c:pt>
                <c:pt idx="7055">
                  <c:v>43581</c:v>
                </c:pt>
                <c:pt idx="7056">
                  <c:v>43582</c:v>
                </c:pt>
                <c:pt idx="7057">
                  <c:v>43583</c:v>
                </c:pt>
                <c:pt idx="7058">
                  <c:v>43584</c:v>
                </c:pt>
                <c:pt idx="7059">
                  <c:v>43585</c:v>
                </c:pt>
                <c:pt idx="7060">
                  <c:v>43586</c:v>
                </c:pt>
                <c:pt idx="7061">
                  <c:v>43587</c:v>
                </c:pt>
                <c:pt idx="7062">
                  <c:v>43588</c:v>
                </c:pt>
                <c:pt idx="7063">
                  <c:v>43589</c:v>
                </c:pt>
                <c:pt idx="7064">
                  <c:v>43590</c:v>
                </c:pt>
                <c:pt idx="7065">
                  <c:v>43591</c:v>
                </c:pt>
                <c:pt idx="7066">
                  <c:v>43592</c:v>
                </c:pt>
                <c:pt idx="7067">
                  <c:v>43593</c:v>
                </c:pt>
                <c:pt idx="7068">
                  <c:v>43594</c:v>
                </c:pt>
                <c:pt idx="7069">
                  <c:v>43595</c:v>
                </c:pt>
                <c:pt idx="7070">
                  <c:v>43596</c:v>
                </c:pt>
                <c:pt idx="7071">
                  <c:v>43597</c:v>
                </c:pt>
                <c:pt idx="7072">
                  <c:v>43598</c:v>
                </c:pt>
                <c:pt idx="7073">
                  <c:v>43599</c:v>
                </c:pt>
                <c:pt idx="7074">
                  <c:v>43600</c:v>
                </c:pt>
                <c:pt idx="7075">
                  <c:v>43601</c:v>
                </c:pt>
                <c:pt idx="7076">
                  <c:v>43602</c:v>
                </c:pt>
                <c:pt idx="7077">
                  <c:v>43603</c:v>
                </c:pt>
                <c:pt idx="7078">
                  <c:v>43604</c:v>
                </c:pt>
                <c:pt idx="7079">
                  <c:v>43605</c:v>
                </c:pt>
                <c:pt idx="7080">
                  <c:v>43606</c:v>
                </c:pt>
                <c:pt idx="7081">
                  <c:v>43607</c:v>
                </c:pt>
                <c:pt idx="7082">
                  <c:v>43608</c:v>
                </c:pt>
                <c:pt idx="7083">
                  <c:v>43609</c:v>
                </c:pt>
                <c:pt idx="7084">
                  <c:v>43610</c:v>
                </c:pt>
                <c:pt idx="7085">
                  <c:v>43611</c:v>
                </c:pt>
                <c:pt idx="7086">
                  <c:v>43612</c:v>
                </c:pt>
                <c:pt idx="7087">
                  <c:v>43613</c:v>
                </c:pt>
                <c:pt idx="7088">
                  <c:v>43614</c:v>
                </c:pt>
                <c:pt idx="7089">
                  <c:v>43615</c:v>
                </c:pt>
                <c:pt idx="7090">
                  <c:v>43616</c:v>
                </c:pt>
                <c:pt idx="7091">
                  <c:v>43617</c:v>
                </c:pt>
                <c:pt idx="7092">
                  <c:v>43618</c:v>
                </c:pt>
                <c:pt idx="7093">
                  <c:v>43619</c:v>
                </c:pt>
                <c:pt idx="7094">
                  <c:v>43620</c:v>
                </c:pt>
                <c:pt idx="7095">
                  <c:v>43621</c:v>
                </c:pt>
                <c:pt idx="7096">
                  <c:v>43622</c:v>
                </c:pt>
                <c:pt idx="7097">
                  <c:v>43623</c:v>
                </c:pt>
                <c:pt idx="7098">
                  <c:v>43624</c:v>
                </c:pt>
                <c:pt idx="7099">
                  <c:v>43625</c:v>
                </c:pt>
                <c:pt idx="7100">
                  <c:v>43626</c:v>
                </c:pt>
                <c:pt idx="7101">
                  <c:v>43627</c:v>
                </c:pt>
                <c:pt idx="7102">
                  <c:v>43628</c:v>
                </c:pt>
                <c:pt idx="7103">
                  <c:v>43629</c:v>
                </c:pt>
                <c:pt idx="7104">
                  <c:v>43630</c:v>
                </c:pt>
                <c:pt idx="7105">
                  <c:v>43631</c:v>
                </c:pt>
                <c:pt idx="7106">
                  <c:v>43632</c:v>
                </c:pt>
                <c:pt idx="7107">
                  <c:v>43633</c:v>
                </c:pt>
                <c:pt idx="7108">
                  <c:v>43634</c:v>
                </c:pt>
                <c:pt idx="7109">
                  <c:v>43635</c:v>
                </c:pt>
                <c:pt idx="7110">
                  <c:v>43636</c:v>
                </c:pt>
                <c:pt idx="7111">
                  <c:v>43637</c:v>
                </c:pt>
                <c:pt idx="7112">
                  <c:v>43638</c:v>
                </c:pt>
                <c:pt idx="7113">
                  <c:v>43639</c:v>
                </c:pt>
                <c:pt idx="7114">
                  <c:v>43640</c:v>
                </c:pt>
                <c:pt idx="7115">
                  <c:v>43641</c:v>
                </c:pt>
                <c:pt idx="7116">
                  <c:v>43642</c:v>
                </c:pt>
                <c:pt idx="7117">
                  <c:v>43643</c:v>
                </c:pt>
                <c:pt idx="7118">
                  <c:v>43644</c:v>
                </c:pt>
                <c:pt idx="7119">
                  <c:v>43645</c:v>
                </c:pt>
                <c:pt idx="7120">
                  <c:v>43646</c:v>
                </c:pt>
                <c:pt idx="7121">
                  <c:v>43647</c:v>
                </c:pt>
                <c:pt idx="7122">
                  <c:v>43648</c:v>
                </c:pt>
                <c:pt idx="7123">
                  <c:v>43649</c:v>
                </c:pt>
                <c:pt idx="7124">
                  <c:v>43650</c:v>
                </c:pt>
                <c:pt idx="7125">
                  <c:v>43651</c:v>
                </c:pt>
                <c:pt idx="7126">
                  <c:v>43652</c:v>
                </c:pt>
                <c:pt idx="7127">
                  <c:v>43653</c:v>
                </c:pt>
                <c:pt idx="7128">
                  <c:v>43654</c:v>
                </c:pt>
                <c:pt idx="7129">
                  <c:v>43655</c:v>
                </c:pt>
                <c:pt idx="7130">
                  <c:v>43656</c:v>
                </c:pt>
                <c:pt idx="7131">
                  <c:v>43657</c:v>
                </c:pt>
                <c:pt idx="7132">
                  <c:v>43658</c:v>
                </c:pt>
                <c:pt idx="7133">
                  <c:v>43659</c:v>
                </c:pt>
                <c:pt idx="7134">
                  <c:v>43660</c:v>
                </c:pt>
                <c:pt idx="7135">
                  <c:v>43661</c:v>
                </c:pt>
                <c:pt idx="7136">
                  <c:v>43662</c:v>
                </c:pt>
                <c:pt idx="7137">
                  <c:v>43663</c:v>
                </c:pt>
                <c:pt idx="7138">
                  <c:v>43664</c:v>
                </c:pt>
                <c:pt idx="7139">
                  <c:v>43665</c:v>
                </c:pt>
                <c:pt idx="7140">
                  <c:v>43666</c:v>
                </c:pt>
                <c:pt idx="7141">
                  <c:v>43667</c:v>
                </c:pt>
                <c:pt idx="7142">
                  <c:v>43668</c:v>
                </c:pt>
                <c:pt idx="7143">
                  <c:v>43669</c:v>
                </c:pt>
                <c:pt idx="7144">
                  <c:v>43670</c:v>
                </c:pt>
                <c:pt idx="7145">
                  <c:v>43671</c:v>
                </c:pt>
                <c:pt idx="7146">
                  <c:v>43672</c:v>
                </c:pt>
                <c:pt idx="7147">
                  <c:v>43673</c:v>
                </c:pt>
                <c:pt idx="7148">
                  <c:v>43674</c:v>
                </c:pt>
                <c:pt idx="7149">
                  <c:v>43675</c:v>
                </c:pt>
                <c:pt idx="7150">
                  <c:v>43676</c:v>
                </c:pt>
                <c:pt idx="7151">
                  <c:v>43677</c:v>
                </c:pt>
                <c:pt idx="7152">
                  <c:v>43678</c:v>
                </c:pt>
                <c:pt idx="7153">
                  <c:v>43679</c:v>
                </c:pt>
                <c:pt idx="7154">
                  <c:v>43680</c:v>
                </c:pt>
                <c:pt idx="7155">
                  <c:v>43681</c:v>
                </c:pt>
                <c:pt idx="7156">
                  <c:v>43682</c:v>
                </c:pt>
                <c:pt idx="7157">
                  <c:v>43683</c:v>
                </c:pt>
                <c:pt idx="7158">
                  <c:v>43684</c:v>
                </c:pt>
                <c:pt idx="7159">
                  <c:v>43685</c:v>
                </c:pt>
                <c:pt idx="7160">
                  <c:v>43686</c:v>
                </c:pt>
                <c:pt idx="7161">
                  <c:v>43687</c:v>
                </c:pt>
                <c:pt idx="7162">
                  <c:v>43688</c:v>
                </c:pt>
                <c:pt idx="7163">
                  <c:v>43689</c:v>
                </c:pt>
                <c:pt idx="7164">
                  <c:v>43690</c:v>
                </c:pt>
                <c:pt idx="7165">
                  <c:v>43691</c:v>
                </c:pt>
                <c:pt idx="7166">
                  <c:v>43692</c:v>
                </c:pt>
                <c:pt idx="7167">
                  <c:v>43693</c:v>
                </c:pt>
                <c:pt idx="7168">
                  <c:v>43694</c:v>
                </c:pt>
                <c:pt idx="7169">
                  <c:v>43695</c:v>
                </c:pt>
                <c:pt idx="7170">
                  <c:v>43696</c:v>
                </c:pt>
                <c:pt idx="7171">
                  <c:v>43697</c:v>
                </c:pt>
                <c:pt idx="7172">
                  <c:v>43698</c:v>
                </c:pt>
                <c:pt idx="7173">
                  <c:v>43699</c:v>
                </c:pt>
                <c:pt idx="7174">
                  <c:v>43700</c:v>
                </c:pt>
                <c:pt idx="7175">
                  <c:v>43701</c:v>
                </c:pt>
                <c:pt idx="7176">
                  <c:v>43702</c:v>
                </c:pt>
                <c:pt idx="7177">
                  <c:v>43703</c:v>
                </c:pt>
                <c:pt idx="7178">
                  <c:v>43704</c:v>
                </c:pt>
                <c:pt idx="7179">
                  <c:v>43705</c:v>
                </c:pt>
                <c:pt idx="7180">
                  <c:v>43706</c:v>
                </c:pt>
                <c:pt idx="7181">
                  <c:v>43707</c:v>
                </c:pt>
                <c:pt idx="7182">
                  <c:v>43708</c:v>
                </c:pt>
                <c:pt idx="7183">
                  <c:v>43709</c:v>
                </c:pt>
                <c:pt idx="7184">
                  <c:v>43710</c:v>
                </c:pt>
                <c:pt idx="7185">
                  <c:v>43711</c:v>
                </c:pt>
                <c:pt idx="7186">
                  <c:v>43712</c:v>
                </c:pt>
                <c:pt idx="7187">
                  <c:v>43713</c:v>
                </c:pt>
                <c:pt idx="7188">
                  <c:v>43714</c:v>
                </c:pt>
                <c:pt idx="7189">
                  <c:v>43715</c:v>
                </c:pt>
                <c:pt idx="7190">
                  <c:v>43716</c:v>
                </c:pt>
                <c:pt idx="7191">
                  <c:v>43717</c:v>
                </c:pt>
                <c:pt idx="7192">
                  <c:v>43718</c:v>
                </c:pt>
                <c:pt idx="7193">
                  <c:v>43719</c:v>
                </c:pt>
                <c:pt idx="7194">
                  <c:v>43720</c:v>
                </c:pt>
                <c:pt idx="7195">
                  <c:v>43721</c:v>
                </c:pt>
                <c:pt idx="7196">
                  <c:v>43722</c:v>
                </c:pt>
                <c:pt idx="7197">
                  <c:v>43723</c:v>
                </c:pt>
                <c:pt idx="7198">
                  <c:v>43724</c:v>
                </c:pt>
                <c:pt idx="7199">
                  <c:v>43725</c:v>
                </c:pt>
                <c:pt idx="7200">
                  <c:v>43726</c:v>
                </c:pt>
                <c:pt idx="7201">
                  <c:v>43727</c:v>
                </c:pt>
                <c:pt idx="7202">
                  <c:v>43728</c:v>
                </c:pt>
                <c:pt idx="7203">
                  <c:v>43729</c:v>
                </c:pt>
                <c:pt idx="7204">
                  <c:v>43730</c:v>
                </c:pt>
                <c:pt idx="7205">
                  <c:v>43731</c:v>
                </c:pt>
                <c:pt idx="7206">
                  <c:v>43732</c:v>
                </c:pt>
                <c:pt idx="7207">
                  <c:v>43733</c:v>
                </c:pt>
                <c:pt idx="7208">
                  <c:v>43734</c:v>
                </c:pt>
                <c:pt idx="7209">
                  <c:v>43735</c:v>
                </c:pt>
                <c:pt idx="7210">
                  <c:v>43736</c:v>
                </c:pt>
                <c:pt idx="7211">
                  <c:v>43737</c:v>
                </c:pt>
                <c:pt idx="7212">
                  <c:v>43738</c:v>
                </c:pt>
                <c:pt idx="7213">
                  <c:v>43739</c:v>
                </c:pt>
                <c:pt idx="7214">
                  <c:v>43740</c:v>
                </c:pt>
                <c:pt idx="7215">
                  <c:v>43741</c:v>
                </c:pt>
                <c:pt idx="7216">
                  <c:v>43742</c:v>
                </c:pt>
                <c:pt idx="7217">
                  <c:v>43743</c:v>
                </c:pt>
                <c:pt idx="7218">
                  <c:v>43744</c:v>
                </c:pt>
                <c:pt idx="7219">
                  <c:v>43745</c:v>
                </c:pt>
                <c:pt idx="7220">
                  <c:v>43746</c:v>
                </c:pt>
                <c:pt idx="7221">
                  <c:v>43747</c:v>
                </c:pt>
                <c:pt idx="7222">
                  <c:v>43748</c:v>
                </c:pt>
                <c:pt idx="7223">
                  <c:v>43749</c:v>
                </c:pt>
                <c:pt idx="7224">
                  <c:v>43750</c:v>
                </c:pt>
                <c:pt idx="7225">
                  <c:v>43751</c:v>
                </c:pt>
                <c:pt idx="7226">
                  <c:v>43752</c:v>
                </c:pt>
                <c:pt idx="7227">
                  <c:v>43753</c:v>
                </c:pt>
                <c:pt idx="7228">
                  <c:v>43754</c:v>
                </c:pt>
                <c:pt idx="7229">
                  <c:v>43755</c:v>
                </c:pt>
                <c:pt idx="7230">
                  <c:v>43756</c:v>
                </c:pt>
                <c:pt idx="7231">
                  <c:v>43757</c:v>
                </c:pt>
                <c:pt idx="7232">
                  <c:v>43758</c:v>
                </c:pt>
                <c:pt idx="7233">
                  <c:v>43759</c:v>
                </c:pt>
                <c:pt idx="7234">
                  <c:v>43760</c:v>
                </c:pt>
                <c:pt idx="7235">
                  <c:v>43761</c:v>
                </c:pt>
                <c:pt idx="7236">
                  <c:v>43762</c:v>
                </c:pt>
                <c:pt idx="7237">
                  <c:v>43763</c:v>
                </c:pt>
                <c:pt idx="7238">
                  <c:v>43764</c:v>
                </c:pt>
                <c:pt idx="7239">
                  <c:v>43765</c:v>
                </c:pt>
                <c:pt idx="7240">
                  <c:v>43766</c:v>
                </c:pt>
                <c:pt idx="7241">
                  <c:v>43767</c:v>
                </c:pt>
                <c:pt idx="7242">
                  <c:v>43768</c:v>
                </c:pt>
                <c:pt idx="7243">
                  <c:v>43769</c:v>
                </c:pt>
                <c:pt idx="7244">
                  <c:v>43770</c:v>
                </c:pt>
                <c:pt idx="7245">
                  <c:v>43771</c:v>
                </c:pt>
                <c:pt idx="7246">
                  <c:v>43772</c:v>
                </c:pt>
                <c:pt idx="7247">
                  <c:v>43773</c:v>
                </c:pt>
                <c:pt idx="7248">
                  <c:v>43774</c:v>
                </c:pt>
                <c:pt idx="7249">
                  <c:v>43775</c:v>
                </c:pt>
                <c:pt idx="7250">
                  <c:v>43776</c:v>
                </c:pt>
                <c:pt idx="7251">
                  <c:v>43777</c:v>
                </c:pt>
                <c:pt idx="7252">
                  <c:v>43778</c:v>
                </c:pt>
                <c:pt idx="7253">
                  <c:v>43779</c:v>
                </c:pt>
                <c:pt idx="7254">
                  <c:v>43780</c:v>
                </c:pt>
                <c:pt idx="7255">
                  <c:v>43781</c:v>
                </c:pt>
                <c:pt idx="7256">
                  <c:v>43782</c:v>
                </c:pt>
                <c:pt idx="7257">
                  <c:v>43783</c:v>
                </c:pt>
                <c:pt idx="7258">
                  <c:v>43784</c:v>
                </c:pt>
                <c:pt idx="7259">
                  <c:v>43785</c:v>
                </c:pt>
                <c:pt idx="7260">
                  <c:v>43786</c:v>
                </c:pt>
                <c:pt idx="7261">
                  <c:v>43787</c:v>
                </c:pt>
                <c:pt idx="7262">
                  <c:v>43788</c:v>
                </c:pt>
                <c:pt idx="7263">
                  <c:v>43789</c:v>
                </c:pt>
                <c:pt idx="7264">
                  <c:v>43790</c:v>
                </c:pt>
                <c:pt idx="7265">
                  <c:v>43791</c:v>
                </c:pt>
                <c:pt idx="7266">
                  <c:v>43792</c:v>
                </c:pt>
                <c:pt idx="7267">
                  <c:v>43793</c:v>
                </c:pt>
                <c:pt idx="7268">
                  <c:v>43794</c:v>
                </c:pt>
                <c:pt idx="7269">
                  <c:v>43795</c:v>
                </c:pt>
                <c:pt idx="7270">
                  <c:v>43796</c:v>
                </c:pt>
                <c:pt idx="7271">
                  <c:v>43797</c:v>
                </c:pt>
                <c:pt idx="7272">
                  <c:v>43798</c:v>
                </c:pt>
                <c:pt idx="7273">
                  <c:v>43799</c:v>
                </c:pt>
                <c:pt idx="7274">
                  <c:v>43800</c:v>
                </c:pt>
                <c:pt idx="7275">
                  <c:v>43801</c:v>
                </c:pt>
                <c:pt idx="7276">
                  <c:v>43802</c:v>
                </c:pt>
                <c:pt idx="7277">
                  <c:v>43803</c:v>
                </c:pt>
                <c:pt idx="7278">
                  <c:v>43804</c:v>
                </c:pt>
                <c:pt idx="7279">
                  <c:v>43805</c:v>
                </c:pt>
                <c:pt idx="7280">
                  <c:v>43806</c:v>
                </c:pt>
                <c:pt idx="7281">
                  <c:v>43807</c:v>
                </c:pt>
                <c:pt idx="7282">
                  <c:v>43808</c:v>
                </c:pt>
                <c:pt idx="7283">
                  <c:v>43809</c:v>
                </c:pt>
                <c:pt idx="7284">
                  <c:v>43810</c:v>
                </c:pt>
                <c:pt idx="7285">
                  <c:v>43811</c:v>
                </c:pt>
                <c:pt idx="7286">
                  <c:v>43812</c:v>
                </c:pt>
                <c:pt idx="7287">
                  <c:v>43813</c:v>
                </c:pt>
                <c:pt idx="7288">
                  <c:v>43814</c:v>
                </c:pt>
                <c:pt idx="7289">
                  <c:v>43815</c:v>
                </c:pt>
                <c:pt idx="7290">
                  <c:v>43816</c:v>
                </c:pt>
                <c:pt idx="7291">
                  <c:v>43817</c:v>
                </c:pt>
                <c:pt idx="7292">
                  <c:v>43818</c:v>
                </c:pt>
                <c:pt idx="7293">
                  <c:v>43819</c:v>
                </c:pt>
                <c:pt idx="7294">
                  <c:v>43820</c:v>
                </c:pt>
                <c:pt idx="7295">
                  <c:v>43821</c:v>
                </c:pt>
                <c:pt idx="7296">
                  <c:v>43822</c:v>
                </c:pt>
                <c:pt idx="7297">
                  <c:v>43823</c:v>
                </c:pt>
                <c:pt idx="7298">
                  <c:v>43824</c:v>
                </c:pt>
                <c:pt idx="7299">
                  <c:v>43825</c:v>
                </c:pt>
                <c:pt idx="7300">
                  <c:v>43826</c:v>
                </c:pt>
                <c:pt idx="7301">
                  <c:v>43827</c:v>
                </c:pt>
                <c:pt idx="7302">
                  <c:v>43828</c:v>
                </c:pt>
                <c:pt idx="7303">
                  <c:v>43829</c:v>
                </c:pt>
                <c:pt idx="7304">
                  <c:v>43830</c:v>
                </c:pt>
                <c:pt idx="7305">
                  <c:v>43831</c:v>
                </c:pt>
                <c:pt idx="7306">
                  <c:v>43832</c:v>
                </c:pt>
                <c:pt idx="7307">
                  <c:v>43833</c:v>
                </c:pt>
                <c:pt idx="7308">
                  <c:v>43834</c:v>
                </c:pt>
                <c:pt idx="7309">
                  <c:v>43835</c:v>
                </c:pt>
                <c:pt idx="7310">
                  <c:v>43836</c:v>
                </c:pt>
                <c:pt idx="7311">
                  <c:v>43837</c:v>
                </c:pt>
                <c:pt idx="7312">
                  <c:v>43838</c:v>
                </c:pt>
                <c:pt idx="7313">
                  <c:v>43839</c:v>
                </c:pt>
                <c:pt idx="7314">
                  <c:v>43840</c:v>
                </c:pt>
                <c:pt idx="7315">
                  <c:v>43841</c:v>
                </c:pt>
                <c:pt idx="7316">
                  <c:v>43842</c:v>
                </c:pt>
                <c:pt idx="7317">
                  <c:v>43843</c:v>
                </c:pt>
                <c:pt idx="7318">
                  <c:v>43844</c:v>
                </c:pt>
                <c:pt idx="7319">
                  <c:v>43845</c:v>
                </c:pt>
                <c:pt idx="7320">
                  <c:v>43846</c:v>
                </c:pt>
                <c:pt idx="7321">
                  <c:v>43847</c:v>
                </c:pt>
                <c:pt idx="7322">
                  <c:v>43848</c:v>
                </c:pt>
                <c:pt idx="7323">
                  <c:v>43849</c:v>
                </c:pt>
                <c:pt idx="7324">
                  <c:v>43850</c:v>
                </c:pt>
                <c:pt idx="7325">
                  <c:v>43851</c:v>
                </c:pt>
                <c:pt idx="7326">
                  <c:v>43852</c:v>
                </c:pt>
                <c:pt idx="7327">
                  <c:v>43853</c:v>
                </c:pt>
                <c:pt idx="7328">
                  <c:v>43854</c:v>
                </c:pt>
                <c:pt idx="7329">
                  <c:v>43855</c:v>
                </c:pt>
                <c:pt idx="7330">
                  <c:v>43856</c:v>
                </c:pt>
                <c:pt idx="7331">
                  <c:v>43857</c:v>
                </c:pt>
                <c:pt idx="7332">
                  <c:v>43858</c:v>
                </c:pt>
                <c:pt idx="7333">
                  <c:v>43859</c:v>
                </c:pt>
                <c:pt idx="7334">
                  <c:v>43860</c:v>
                </c:pt>
                <c:pt idx="7335">
                  <c:v>43861</c:v>
                </c:pt>
                <c:pt idx="7336">
                  <c:v>43862</c:v>
                </c:pt>
                <c:pt idx="7337">
                  <c:v>43863</c:v>
                </c:pt>
                <c:pt idx="7338">
                  <c:v>43864</c:v>
                </c:pt>
                <c:pt idx="7339">
                  <c:v>43865</c:v>
                </c:pt>
                <c:pt idx="7340">
                  <c:v>43866</c:v>
                </c:pt>
                <c:pt idx="7341">
                  <c:v>43867</c:v>
                </c:pt>
                <c:pt idx="7342">
                  <c:v>43868</c:v>
                </c:pt>
                <c:pt idx="7343">
                  <c:v>43869</c:v>
                </c:pt>
                <c:pt idx="7344">
                  <c:v>43870</c:v>
                </c:pt>
                <c:pt idx="7345">
                  <c:v>43871</c:v>
                </c:pt>
                <c:pt idx="7346">
                  <c:v>43872</c:v>
                </c:pt>
                <c:pt idx="7347">
                  <c:v>43873</c:v>
                </c:pt>
                <c:pt idx="7348">
                  <c:v>43874</c:v>
                </c:pt>
                <c:pt idx="7349">
                  <c:v>43875</c:v>
                </c:pt>
                <c:pt idx="7350">
                  <c:v>43876</c:v>
                </c:pt>
                <c:pt idx="7351">
                  <c:v>43877</c:v>
                </c:pt>
                <c:pt idx="7352">
                  <c:v>43878</c:v>
                </c:pt>
                <c:pt idx="7353">
                  <c:v>43879</c:v>
                </c:pt>
                <c:pt idx="7354">
                  <c:v>43880</c:v>
                </c:pt>
                <c:pt idx="7355">
                  <c:v>43881</c:v>
                </c:pt>
                <c:pt idx="7356">
                  <c:v>43882</c:v>
                </c:pt>
                <c:pt idx="7357">
                  <c:v>43883</c:v>
                </c:pt>
                <c:pt idx="7358">
                  <c:v>43884</c:v>
                </c:pt>
                <c:pt idx="7359">
                  <c:v>43885</c:v>
                </c:pt>
                <c:pt idx="7360">
                  <c:v>43886</c:v>
                </c:pt>
                <c:pt idx="7361">
                  <c:v>43887</c:v>
                </c:pt>
                <c:pt idx="7362">
                  <c:v>43888</c:v>
                </c:pt>
                <c:pt idx="7363">
                  <c:v>43889</c:v>
                </c:pt>
                <c:pt idx="7364">
                  <c:v>43890</c:v>
                </c:pt>
                <c:pt idx="7365">
                  <c:v>43891</c:v>
                </c:pt>
                <c:pt idx="7366">
                  <c:v>43892</c:v>
                </c:pt>
                <c:pt idx="7367">
                  <c:v>43893</c:v>
                </c:pt>
                <c:pt idx="7368">
                  <c:v>43894</c:v>
                </c:pt>
                <c:pt idx="7369">
                  <c:v>43895</c:v>
                </c:pt>
                <c:pt idx="7370">
                  <c:v>43896</c:v>
                </c:pt>
                <c:pt idx="7371">
                  <c:v>43897</c:v>
                </c:pt>
                <c:pt idx="7372">
                  <c:v>43898</c:v>
                </c:pt>
                <c:pt idx="7373">
                  <c:v>43899</c:v>
                </c:pt>
                <c:pt idx="7374">
                  <c:v>43900</c:v>
                </c:pt>
                <c:pt idx="7375">
                  <c:v>43901</c:v>
                </c:pt>
                <c:pt idx="7376">
                  <c:v>43902</c:v>
                </c:pt>
                <c:pt idx="7377">
                  <c:v>43903</c:v>
                </c:pt>
                <c:pt idx="7378">
                  <c:v>43904</c:v>
                </c:pt>
                <c:pt idx="7379">
                  <c:v>43905</c:v>
                </c:pt>
                <c:pt idx="7380">
                  <c:v>43906</c:v>
                </c:pt>
                <c:pt idx="7381">
                  <c:v>43907</c:v>
                </c:pt>
                <c:pt idx="7382">
                  <c:v>43908</c:v>
                </c:pt>
                <c:pt idx="7383">
                  <c:v>43909</c:v>
                </c:pt>
                <c:pt idx="7384">
                  <c:v>43910</c:v>
                </c:pt>
                <c:pt idx="7385">
                  <c:v>43911</c:v>
                </c:pt>
                <c:pt idx="7386">
                  <c:v>43912</c:v>
                </c:pt>
                <c:pt idx="7387">
                  <c:v>43913</c:v>
                </c:pt>
                <c:pt idx="7388">
                  <c:v>43914</c:v>
                </c:pt>
                <c:pt idx="7389">
                  <c:v>43915</c:v>
                </c:pt>
                <c:pt idx="7390">
                  <c:v>43916</c:v>
                </c:pt>
                <c:pt idx="7391">
                  <c:v>43917</c:v>
                </c:pt>
                <c:pt idx="7392">
                  <c:v>43918</c:v>
                </c:pt>
                <c:pt idx="7393">
                  <c:v>43919</c:v>
                </c:pt>
                <c:pt idx="7394">
                  <c:v>43920</c:v>
                </c:pt>
                <c:pt idx="7395">
                  <c:v>43921</c:v>
                </c:pt>
                <c:pt idx="7396">
                  <c:v>43922</c:v>
                </c:pt>
                <c:pt idx="7397">
                  <c:v>43923</c:v>
                </c:pt>
                <c:pt idx="7398">
                  <c:v>43924</c:v>
                </c:pt>
                <c:pt idx="7399">
                  <c:v>43925</c:v>
                </c:pt>
                <c:pt idx="7400">
                  <c:v>43926</c:v>
                </c:pt>
                <c:pt idx="7401">
                  <c:v>43927</c:v>
                </c:pt>
                <c:pt idx="7402">
                  <c:v>43928</c:v>
                </c:pt>
                <c:pt idx="7403">
                  <c:v>43929</c:v>
                </c:pt>
                <c:pt idx="7404">
                  <c:v>43930</c:v>
                </c:pt>
                <c:pt idx="7405">
                  <c:v>43931</c:v>
                </c:pt>
                <c:pt idx="7406">
                  <c:v>43932</c:v>
                </c:pt>
                <c:pt idx="7407">
                  <c:v>43933</c:v>
                </c:pt>
                <c:pt idx="7408">
                  <c:v>43934</c:v>
                </c:pt>
                <c:pt idx="7409">
                  <c:v>43935</c:v>
                </c:pt>
                <c:pt idx="7410">
                  <c:v>43936</c:v>
                </c:pt>
                <c:pt idx="7411">
                  <c:v>43937</c:v>
                </c:pt>
                <c:pt idx="7412">
                  <c:v>43938</c:v>
                </c:pt>
                <c:pt idx="7413">
                  <c:v>43939</c:v>
                </c:pt>
                <c:pt idx="7414">
                  <c:v>43940</c:v>
                </c:pt>
                <c:pt idx="7415">
                  <c:v>43941</c:v>
                </c:pt>
                <c:pt idx="7416">
                  <c:v>43942</c:v>
                </c:pt>
                <c:pt idx="7417">
                  <c:v>43943</c:v>
                </c:pt>
                <c:pt idx="7418">
                  <c:v>43944</c:v>
                </c:pt>
                <c:pt idx="7419">
                  <c:v>43945</c:v>
                </c:pt>
                <c:pt idx="7420">
                  <c:v>43946</c:v>
                </c:pt>
                <c:pt idx="7421">
                  <c:v>43947</c:v>
                </c:pt>
                <c:pt idx="7422">
                  <c:v>43948</c:v>
                </c:pt>
                <c:pt idx="7423">
                  <c:v>43949</c:v>
                </c:pt>
                <c:pt idx="7424">
                  <c:v>43950</c:v>
                </c:pt>
                <c:pt idx="7425">
                  <c:v>43951</c:v>
                </c:pt>
                <c:pt idx="7426">
                  <c:v>43952</c:v>
                </c:pt>
                <c:pt idx="7427">
                  <c:v>43953</c:v>
                </c:pt>
                <c:pt idx="7428">
                  <c:v>43954</c:v>
                </c:pt>
                <c:pt idx="7429">
                  <c:v>43955</c:v>
                </c:pt>
                <c:pt idx="7430">
                  <c:v>43956</c:v>
                </c:pt>
                <c:pt idx="7431">
                  <c:v>43957</c:v>
                </c:pt>
                <c:pt idx="7432">
                  <c:v>43958</c:v>
                </c:pt>
                <c:pt idx="7433">
                  <c:v>43959</c:v>
                </c:pt>
                <c:pt idx="7434">
                  <c:v>43960</c:v>
                </c:pt>
                <c:pt idx="7435">
                  <c:v>43961</c:v>
                </c:pt>
                <c:pt idx="7436">
                  <c:v>43962</c:v>
                </c:pt>
                <c:pt idx="7437">
                  <c:v>43963</c:v>
                </c:pt>
                <c:pt idx="7438">
                  <c:v>43964</c:v>
                </c:pt>
                <c:pt idx="7439">
                  <c:v>43965</c:v>
                </c:pt>
                <c:pt idx="7440">
                  <c:v>43966</c:v>
                </c:pt>
                <c:pt idx="7441">
                  <c:v>43967</c:v>
                </c:pt>
                <c:pt idx="7442">
                  <c:v>43968</c:v>
                </c:pt>
                <c:pt idx="7443">
                  <c:v>43969</c:v>
                </c:pt>
                <c:pt idx="7444">
                  <c:v>43970</c:v>
                </c:pt>
                <c:pt idx="7445">
                  <c:v>43971</c:v>
                </c:pt>
                <c:pt idx="7446">
                  <c:v>43972</c:v>
                </c:pt>
                <c:pt idx="7447">
                  <c:v>43973</c:v>
                </c:pt>
                <c:pt idx="7448">
                  <c:v>43974</c:v>
                </c:pt>
                <c:pt idx="7449">
                  <c:v>43975</c:v>
                </c:pt>
                <c:pt idx="7450">
                  <c:v>43976</c:v>
                </c:pt>
                <c:pt idx="7451">
                  <c:v>43977</c:v>
                </c:pt>
                <c:pt idx="7452">
                  <c:v>43978</c:v>
                </c:pt>
                <c:pt idx="7453">
                  <c:v>43979</c:v>
                </c:pt>
                <c:pt idx="7454">
                  <c:v>43980</c:v>
                </c:pt>
                <c:pt idx="7455">
                  <c:v>43981</c:v>
                </c:pt>
                <c:pt idx="7456">
                  <c:v>43982</c:v>
                </c:pt>
                <c:pt idx="7457">
                  <c:v>43983</c:v>
                </c:pt>
                <c:pt idx="7458">
                  <c:v>43984</c:v>
                </c:pt>
                <c:pt idx="7459">
                  <c:v>43985</c:v>
                </c:pt>
                <c:pt idx="7460">
                  <c:v>43986</c:v>
                </c:pt>
                <c:pt idx="7461">
                  <c:v>43987</c:v>
                </c:pt>
                <c:pt idx="7462">
                  <c:v>43988</c:v>
                </c:pt>
                <c:pt idx="7463">
                  <c:v>43989</c:v>
                </c:pt>
                <c:pt idx="7464">
                  <c:v>43990</c:v>
                </c:pt>
                <c:pt idx="7465">
                  <c:v>43991</c:v>
                </c:pt>
                <c:pt idx="7466">
                  <c:v>43992</c:v>
                </c:pt>
                <c:pt idx="7467">
                  <c:v>43993</c:v>
                </c:pt>
                <c:pt idx="7468">
                  <c:v>43994</c:v>
                </c:pt>
                <c:pt idx="7469">
                  <c:v>43995</c:v>
                </c:pt>
                <c:pt idx="7470">
                  <c:v>43996</c:v>
                </c:pt>
                <c:pt idx="7471">
                  <c:v>43997</c:v>
                </c:pt>
                <c:pt idx="7472">
                  <c:v>43998</c:v>
                </c:pt>
                <c:pt idx="7473">
                  <c:v>43999</c:v>
                </c:pt>
                <c:pt idx="7474">
                  <c:v>44000</c:v>
                </c:pt>
                <c:pt idx="7475">
                  <c:v>44001</c:v>
                </c:pt>
                <c:pt idx="7476">
                  <c:v>44002</c:v>
                </c:pt>
                <c:pt idx="7477">
                  <c:v>44003</c:v>
                </c:pt>
                <c:pt idx="7478">
                  <c:v>44004</c:v>
                </c:pt>
                <c:pt idx="7479">
                  <c:v>44005</c:v>
                </c:pt>
                <c:pt idx="7480">
                  <c:v>44006</c:v>
                </c:pt>
                <c:pt idx="7481">
                  <c:v>44007</c:v>
                </c:pt>
                <c:pt idx="7482">
                  <c:v>44008</c:v>
                </c:pt>
                <c:pt idx="7483">
                  <c:v>44009</c:v>
                </c:pt>
                <c:pt idx="7484">
                  <c:v>44010</c:v>
                </c:pt>
                <c:pt idx="7485">
                  <c:v>44011</c:v>
                </c:pt>
                <c:pt idx="7486">
                  <c:v>44012</c:v>
                </c:pt>
                <c:pt idx="7487">
                  <c:v>44013</c:v>
                </c:pt>
                <c:pt idx="7488">
                  <c:v>44014</c:v>
                </c:pt>
                <c:pt idx="7489">
                  <c:v>44015</c:v>
                </c:pt>
                <c:pt idx="7490">
                  <c:v>44016</c:v>
                </c:pt>
                <c:pt idx="7491">
                  <c:v>44017</c:v>
                </c:pt>
                <c:pt idx="7492">
                  <c:v>44018</c:v>
                </c:pt>
                <c:pt idx="7493">
                  <c:v>44019</c:v>
                </c:pt>
                <c:pt idx="7494">
                  <c:v>44020</c:v>
                </c:pt>
                <c:pt idx="7495">
                  <c:v>44021</c:v>
                </c:pt>
                <c:pt idx="7496">
                  <c:v>44022</c:v>
                </c:pt>
                <c:pt idx="7497">
                  <c:v>44023</c:v>
                </c:pt>
                <c:pt idx="7498">
                  <c:v>44024</c:v>
                </c:pt>
                <c:pt idx="7499">
                  <c:v>44025</c:v>
                </c:pt>
                <c:pt idx="7500">
                  <c:v>44026</c:v>
                </c:pt>
                <c:pt idx="7501">
                  <c:v>44027</c:v>
                </c:pt>
                <c:pt idx="7502">
                  <c:v>44028</c:v>
                </c:pt>
                <c:pt idx="7503">
                  <c:v>44029</c:v>
                </c:pt>
                <c:pt idx="7504">
                  <c:v>44030</c:v>
                </c:pt>
                <c:pt idx="7505">
                  <c:v>44031</c:v>
                </c:pt>
                <c:pt idx="7506">
                  <c:v>44032</c:v>
                </c:pt>
                <c:pt idx="7507">
                  <c:v>44033</c:v>
                </c:pt>
                <c:pt idx="7508">
                  <c:v>44034</c:v>
                </c:pt>
                <c:pt idx="7509">
                  <c:v>44035</c:v>
                </c:pt>
                <c:pt idx="7510">
                  <c:v>44036</c:v>
                </c:pt>
                <c:pt idx="7511">
                  <c:v>44037</c:v>
                </c:pt>
                <c:pt idx="7512">
                  <c:v>44038</c:v>
                </c:pt>
                <c:pt idx="7513">
                  <c:v>44039</c:v>
                </c:pt>
                <c:pt idx="7514">
                  <c:v>44040</c:v>
                </c:pt>
                <c:pt idx="7515">
                  <c:v>44041</c:v>
                </c:pt>
                <c:pt idx="7516">
                  <c:v>44042</c:v>
                </c:pt>
                <c:pt idx="7517">
                  <c:v>44043</c:v>
                </c:pt>
                <c:pt idx="7518">
                  <c:v>44044</c:v>
                </c:pt>
                <c:pt idx="7519">
                  <c:v>44045</c:v>
                </c:pt>
                <c:pt idx="7520">
                  <c:v>44046</c:v>
                </c:pt>
                <c:pt idx="7521">
                  <c:v>44047</c:v>
                </c:pt>
                <c:pt idx="7522">
                  <c:v>44048</c:v>
                </c:pt>
                <c:pt idx="7523">
                  <c:v>44049</c:v>
                </c:pt>
                <c:pt idx="7524">
                  <c:v>44050</c:v>
                </c:pt>
                <c:pt idx="7525">
                  <c:v>44051</c:v>
                </c:pt>
                <c:pt idx="7526">
                  <c:v>44052</c:v>
                </c:pt>
                <c:pt idx="7527">
                  <c:v>44053</c:v>
                </c:pt>
                <c:pt idx="7528">
                  <c:v>44054</c:v>
                </c:pt>
                <c:pt idx="7529">
                  <c:v>44055</c:v>
                </c:pt>
                <c:pt idx="7530">
                  <c:v>44056</c:v>
                </c:pt>
                <c:pt idx="7531">
                  <c:v>44057</c:v>
                </c:pt>
                <c:pt idx="7532">
                  <c:v>44058</c:v>
                </c:pt>
                <c:pt idx="7533">
                  <c:v>44059</c:v>
                </c:pt>
                <c:pt idx="7534">
                  <c:v>44060</c:v>
                </c:pt>
                <c:pt idx="7535">
                  <c:v>44061</c:v>
                </c:pt>
                <c:pt idx="7536">
                  <c:v>44062</c:v>
                </c:pt>
                <c:pt idx="7537">
                  <c:v>44063</c:v>
                </c:pt>
                <c:pt idx="7538">
                  <c:v>44064</c:v>
                </c:pt>
                <c:pt idx="7539">
                  <c:v>44065</c:v>
                </c:pt>
                <c:pt idx="7540">
                  <c:v>44066</c:v>
                </c:pt>
                <c:pt idx="7541">
                  <c:v>44067</c:v>
                </c:pt>
                <c:pt idx="7542">
                  <c:v>44068</c:v>
                </c:pt>
                <c:pt idx="7543">
                  <c:v>44069</c:v>
                </c:pt>
                <c:pt idx="7544">
                  <c:v>44070</c:v>
                </c:pt>
                <c:pt idx="7545">
                  <c:v>44071</c:v>
                </c:pt>
                <c:pt idx="7546">
                  <c:v>44072</c:v>
                </c:pt>
                <c:pt idx="7547">
                  <c:v>44073</c:v>
                </c:pt>
                <c:pt idx="7548">
                  <c:v>44074</c:v>
                </c:pt>
                <c:pt idx="7549">
                  <c:v>44075</c:v>
                </c:pt>
                <c:pt idx="7550">
                  <c:v>44076</c:v>
                </c:pt>
                <c:pt idx="7551">
                  <c:v>44077</c:v>
                </c:pt>
                <c:pt idx="7552">
                  <c:v>44078</c:v>
                </c:pt>
                <c:pt idx="7553">
                  <c:v>44079</c:v>
                </c:pt>
                <c:pt idx="7554">
                  <c:v>44080</c:v>
                </c:pt>
                <c:pt idx="7555">
                  <c:v>44081</c:v>
                </c:pt>
                <c:pt idx="7556">
                  <c:v>44082</c:v>
                </c:pt>
                <c:pt idx="7557">
                  <c:v>44083</c:v>
                </c:pt>
                <c:pt idx="7558">
                  <c:v>44084</c:v>
                </c:pt>
                <c:pt idx="7559">
                  <c:v>44085</c:v>
                </c:pt>
                <c:pt idx="7560">
                  <c:v>44086</c:v>
                </c:pt>
                <c:pt idx="7561">
                  <c:v>44087</c:v>
                </c:pt>
                <c:pt idx="7562">
                  <c:v>44088</c:v>
                </c:pt>
                <c:pt idx="7563">
                  <c:v>44089</c:v>
                </c:pt>
                <c:pt idx="7564">
                  <c:v>44090</c:v>
                </c:pt>
                <c:pt idx="7565">
                  <c:v>44091</c:v>
                </c:pt>
                <c:pt idx="7566">
                  <c:v>44092</c:v>
                </c:pt>
                <c:pt idx="7567">
                  <c:v>44093</c:v>
                </c:pt>
                <c:pt idx="7568">
                  <c:v>44094</c:v>
                </c:pt>
                <c:pt idx="7569">
                  <c:v>44095</c:v>
                </c:pt>
                <c:pt idx="7570">
                  <c:v>44096</c:v>
                </c:pt>
                <c:pt idx="7571">
                  <c:v>44097</c:v>
                </c:pt>
                <c:pt idx="7572">
                  <c:v>44098</c:v>
                </c:pt>
                <c:pt idx="7573">
                  <c:v>44099</c:v>
                </c:pt>
                <c:pt idx="7574">
                  <c:v>44100</c:v>
                </c:pt>
                <c:pt idx="7575">
                  <c:v>44101</c:v>
                </c:pt>
                <c:pt idx="7576">
                  <c:v>44102</c:v>
                </c:pt>
                <c:pt idx="7577">
                  <c:v>44103</c:v>
                </c:pt>
                <c:pt idx="7578">
                  <c:v>44104</c:v>
                </c:pt>
                <c:pt idx="7579">
                  <c:v>44105</c:v>
                </c:pt>
                <c:pt idx="7580">
                  <c:v>44106</c:v>
                </c:pt>
                <c:pt idx="7581">
                  <c:v>44107</c:v>
                </c:pt>
                <c:pt idx="7582">
                  <c:v>44108</c:v>
                </c:pt>
                <c:pt idx="7583">
                  <c:v>44109</c:v>
                </c:pt>
                <c:pt idx="7584">
                  <c:v>44110</c:v>
                </c:pt>
                <c:pt idx="7585">
                  <c:v>44111</c:v>
                </c:pt>
                <c:pt idx="7586">
                  <c:v>44112</c:v>
                </c:pt>
                <c:pt idx="7587">
                  <c:v>44113</c:v>
                </c:pt>
                <c:pt idx="7588">
                  <c:v>44114</c:v>
                </c:pt>
                <c:pt idx="7589">
                  <c:v>44115</c:v>
                </c:pt>
                <c:pt idx="7590">
                  <c:v>44116</c:v>
                </c:pt>
                <c:pt idx="7591">
                  <c:v>44117</c:v>
                </c:pt>
                <c:pt idx="7592">
                  <c:v>44118</c:v>
                </c:pt>
                <c:pt idx="7593">
                  <c:v>44119</c:v>
                </c:pt>
                <c:pt idx="7594">
                  <c:v>44120</c:v>
                </c:pt>
                <c:pt idx="7595">
                  <c:v>44121</c:v>
                </c:pt>
                <c:pt idx="7596">
                  <c:v>44122</c:v>
                </c:pt>
                <c:pt idx="7597">
                  <c:v>44123</c:v>
                </c:pt>
                <c:pt idx="7598">
                  <c:v>44124</c:v>
                </c:pt>
                <c:pt idx="7599">
                  <c:v>44125</c:v>
                </c:pt>
                <c:pt idx="7600">
                  <c:v>44126</c:v>
                </c:pt>
                <c:pt idx="7601">
                  <c:v>44127</c:v>
                </c:pt>
                <c:pt idx="7602">
                  <c:v>44128</c:v>
                </c:pt>
                <c:pt idx="7603">
                  <c:v>44129</c:v>
                </c:pt>
                <c:pt idx="7604">
                  <c:v>44130</c:v>
                </c:pt>
                <c:pt idx="7605">
                  <c:v>44131</c:v>
                </c:pt>
                <c:pt idx="7606">
                  <c:v>44132</c:v>
                </c:pt>
                <c:pt idx="7607">
                  <c:v>44133</c:v>
                </c:pt>
                <c:pt idx="7608">
                  <c:v>44134</c:v>
                </c:pt>
                <c:pt idx="7609">
                  <c:v>44135</c:v>
                </c:pt>
                <c:pt idx="7610">
                  <c:v>44136</c:v>
                </c:pt>
                <c:pt idx="7611">
                  <c:v>44137</c:v>
                </c:pt>
                <c:pt idx="7612">
                  <c:v>44138</c:v>
                </c:pt>
                <c:pt idx="7613">
                  <c:v>44139</c:v>
                </c:pt>
                <c:pt idx="7614">
                  <c:v>44140</c:v>
                </c:pt>
                <c:pt idx="7615">
                  <c:v>44141</c:v>
                </c:pt>
                <c:pt idx="7616">
                  <c:v>44142</c:v>
                </c:pt>
                <c:pt idx="7617">
                  <c:v>44143</c:v>
                </c:pt>
                <c:pt idx="7618">
                  <c:v>44144</c:v>
                </c:pt>
                <c:pt idx="7619">
                  <c:v>44145</c:v>
                </c:pt>
                <c:pt idx="7620">
                  <c:v>44146</c:v>
                </c:pt>
                <c:pt idx="7621">
                  <c:v>44147</c:v>
                </c:pt>
                <c:pt idx="7622">
                  <c:v>44148</c:v>
                </c:pt>
                <c:pt idx="7623">
                  <c:v>44149</c:v>
                </c:pt>
                <c:pt idx="7624">
                  <c:v>44150</c:v>
                </c:pt>
                <c:pt idx="7625">
                  <c:v>44151</c:v>
                </c:pt>
                <c:pt idx="7626">
                  <c:v>44152</c:v>
                </c:pt>
                <c:pt idx="7627">
                  <c:v>44153</c:v>
                </c:pt>
                <c:pt idx="7628">
                  <c:v>44154</c:v>
                </c:pt>
                <c:pt idx="7629">
                  <c:v>44155</c:v>
                </c:pt>
                <c:pt idx="7630">
                  <c:v>44156</c:v>
                </c:pt>
                <c:pt idx="7631">
                  <c:v>44157</c:v>
                </c:pt>
                <c:pt idx="7632">
                  <c:v>44158</c:v>
                </c:pt>
                <c:pt idx="7633">
                  <c:v>44159</c:v>
                </c:pt>
                <c:pt idx="7634">
                  <c:v>44160</c:v>
                </c:pt>
                <c:pt idx="7635">
                  <c:v>44161</c:v>
                </c:pt>
                <c:pt idx="7636">
                  <c:v>44162</c:v>
                </c:pt>
                <c:pt idx="7637">
                  <c:v>44163</c:v>
                </c:pt>
                <c:pt idx="7638">
                  <c:v>44164</c:v>
                </c:pt>
                <c:pt idx="7639">
                  <c:v>44165</c:v>
                </c:pt>
                <c:pt idx="7640">
                  <c:v>44166</c:v>
                </c:pt>
                <c:pt idx="7641">
                  <c:v>44167</c:v>
                </c:pt>
                <c:pt idx="7642">
                  <c:v>44168</c:v>
                </c:pt>
                <c:pt idx="7643">
                  <c:v>44169</c:v>
                </c:pt>
                <c:pt idx="7644">
                  <c:v>44170</c:v>
                </c:pt>
                <c:pt idx="7645">
                  <c:v>44171</c:v>
                </c:pt>
                <c:pt idx="7646">
                  <c:v>44172</c:v>
                </c:pt>
                <c:pt idx="7647">
                  <c:v>44173</c:v>
                </c:pt>
                <c:pt idx="7648">
                  <c:v>44174</c:v>
                </c:pt>
                <c:pt idx="7649">
                  <c:v>44175</c:v>
                </c:pt>
                <c:pt idx="7650">
                  <c:v>44176</c:v>
                </c:pt>
                <c:pt idx="7651">
                  <c:v>44177</c:v>
                </c:pt>
                <c:pt idx="7652">
                  <c:v>44178</c:v>
                </c:pt>
                <c:pt idx="7653">
                  <c:v>44179</c:v>
                </c:pt>
                <c:pt idx="7654">
                  <c:v>44180</c:v>
                </c:pt>
                <c:pt idx="7655">
                  <c:v>44181</c:v>
                </c:pt>
                <c:pt idx="7656">
                  <c:v>44182</c:v>
                </c:pt>
                <c:pt idx="7657">
                  <c:v>44183</c:v>
                </c:pt>
                <c:pt idx="7658">
                  <c:v>44184</c:v>
                </c:pt>
                <c:pt idx="7659">
                  <c:v>44185</c:v>
                </c:pt>
                <c:pt idx="7660">
                  <c:v>44186</c:v>
                </c:pt>
                <c:pt idx="7661">
                  <c:v>44187</c:v>
                </c:pt>
                <c:pt idx="7662">
                  <c:v>44188</c:v>
                </c:pt>
                <c:pt idx="7663">
                  <c:v>44189</c:v>
                </c:pt>
                <c:pt idx="7664">
                  <c:v>44190</c:v>
                </c:pt>
                <c:pt idx="7665">
                  <c:v>44191</c:v>
                </c:pt>
                <c:pt idx="7666">
                  <c:v>44192</c:v>
                </c:pt>
                <c:pt idx="7667">
                  <c:v>44193</c:v>
                </c:pt>
                <c:pt idx="7668">
                  <c:v>44194</c:v>
                </c:pt>
                <c:pt idx="7669">
                  <c:v>44195</c:v>
                </c:pt>
                <c:pt idx="7670">
                  <c:v>44196</c:v>
                </c:pt>
                <c:pt idx="7671">
                  <c:v>44197</c:v>
                </c:pt>
                <c:pt idx="7672">
                  <c:v>44198</c:v>
                </c:pt>
                <c:pt idx="7673">
                  <c:v>44199</c:v>
                </c:pt>
                <c:pt idx="7674">
                  <c:v>44200</c:v>
                </c:pt>
                <c:pt idx="7675">
                  <c:v>44201</c:v>
                </c:pt>
                <c:pt idx="7676">
                  <c:v>44202</c:v>
                </c:pt>
                <c:pt idx="7677">
                  <c:v>44203</c:v>
                </c:pt>
                <c:pt idx="7678">
                  <c:v>44204</c:v>
                </c:pt>
                <c:pt idx="7679">
                  <c:v>44205</c:v>
                </c:pt>
                <c:pt idx="7680">
                  <c:v>44206</c:v>
                </c:pt>
                <c:pt idx="7681">
                  <c:v>44207</c:v>
                </c:pt>
                <c:pt idx="7682">
                  <c:v>44208</c:v>
                </c:pt>
                <c:pt idx="7683">
                  <c:v>44209</c:v>
                </c:pt>
                <c:pt idx="7684">
                  <c:v>44210</c:v>
                </c:pt>
                <c:pt idx="7685">
                  <c:v>44211</c:v>
                </c:pt>
                <c:pt idx="7686">
                  <c:v>44212</c:v>
                </c:pt>
                <c:pt idx="7687">
                  <c:v>44213</c:v>
                </c:pt>
                <c:pt idx="7688">
                  <c:v>44214</c:v>
                </c:pt>
                <c:pt idx="7689">
                  <c:v>44215</c:v>
                </c:pt>
                <c:pt idx="7690">
                  <c:v>44216</c:v>
                </c:pt>
                <c:pt idx="7691">
                  <c:v>44217</c:v>
                </c:pt>
                <c:pt idx="7692">
                  <c:v>44218</c:v>
                </c:pt>
                <c:pt idx="7693">
                  <c:v>44219</c:v>
                </c:pt>
                <c:pt idx="7694">
                  <c:v>44220</c:v>
                </c:pt>
                <c:pt idx="7695">
                  <c:v>44221</c:v>
                </c:pt>
                <c:pt idx="7696">
                  <c:v>44222</c:v>
                </c:pt>
                <c:pt idx="7697">
                  <c:v>44223</c:v>
                </c:pt>
                <c:pt idx="7698">
                  <c:v>44224</c:v>
                </c:pt>
                <c:pt idx="7699">
                  <c:v>44225</c:v>
                </c:pt>
                <c:pt idx="7700">
                  <c:v>44226</c:v>
                </c:pt>
                <c:pt idx="7701">
                  <c:v>44227</c:v>
                </c:pt>
                <c:pt idx="7702">
                  <c:v>44228</c:v>
                </c:pt>
                <c:pt idx="7703">
                  <c:v>44229</c:v>
                </c:pt>
                <c:pt idx="7704">
                  <c:v>44230</c:v>
                </c:pt>
                <c:pt idx="7705">
                  <c:v>44231</c:v>
                </c:pt>
                <c:pt idx="7706">
                  <c:v>44232</c:v>
                </c:pt>
                <c:pt idx="7707">
                  <c:v>44233</c:v>
                </c:pt>
                <c:pt idx="7708">
                  <c:v>44234</c:v>
                </c:pt>
                <c:pt idx="7709">
                  <c:v>44235</c:v>
                </c:pt>
                <c:pt idx="7710">
                  <c:v>44236</c:v>
                </c:pt>
                <c:pt idx="7711">
                  <c:v>44237</c:v>
                </c:pt>
                <c:pt idx="7712">
                  <c:v>44238</c:v>
                </c:pt>
                <c:pt idx="7713">
                  <c:v>44239</c:v>
                </c:pt>
                <c:pt idx="7714">
                  <c:v>44240</c:v>
                </c:pt>
                <c:pt idx="7715">
                  <c:v>44241</c:v>
                </c:pt>
                <c:pt idx="7716">
                  <c:v>44242</c:v>
                </c:pt>
                <c:pt idx="7717">
                  <c:v>44243</c:v>
                </c:pt>
                <c:pt idx="7718">
                  <c:v>44244</c:v>
                </c:pt>
                <c:pt idx="7719">
                  <c:v>44245</c:v>
                </c:pt>
                <c:pt idx="7720">
                  <c:v>44246</c:v>
                </c:pt>
                <c:pt idx="7721">
                  <c:v>44247</c:v>
                </c:pt>
                <c:pt idx="7722">
                  <c:v>44248</c:v>
                </c:pt>
                <c:pt idx="7723">
                  <c:v>44249</c:v>
                </c:pt>
                <c:pt idx="7724">
                  <c:v>44250</c:v>
                </c:pt>
                <c:pt idx="7725">
                  <c:v>44251</c:v>
                </c:pt>
                <c:pt idx="7726">
                  <c:v>44252</c:v>
                </c:pt>
                <c:pt idx="7727">
                  <c:v>44253</c:v>
                </c:pt>
                <c:pt idx="7728">
                  <c:v>44254</c:v>
                </c:pt>
                <c:pt idx="7729">
                  <c:v>44255</c:v>
                </c:pt>
                <c:pt idx="7730">
                  <c:v>44256</c:v>
                </c:pt>
                <c:pt idx="7731">
                  <c:v>44257</c:v>
                </c:pt>
                <c:pt idx="7732">
                  <c:v>44258</c:v>
                </c:pt>
                <c:pt idx="7733">
                  <c:v>44259</c:v>
                </c:pt>
                <c:pt idx="7734">
                  <c:v>44260</c:v>
                </c:pt>
                <c:pt idx="7735">
                  <c:v>44261</c:v>
                </c:pt>
                <c:pt idx="7736">
                  <c:v>44262</c:v>
                </c:pt>
                <c:pt idx="7737">
                  <c:v>44263</c:v>
                </c:pt>
                <c:pt idx="7738">
                  <c:v>44264</c:v>
                </c:pt>
                <c:pt idx="7739">
                  <c:v>44265</c:v>
                </c:pt>
                <c:pt idx="7740">
                  <c:v>44266</c:v>
                </c:pt>
                <c:pt idx="7741">
                  <c:v>44267</c:v>
                </c:pt>
                <c:pt idx="7742">
                  <c:v>44268</c:v>
                </c:pt>
                <c:pt idx="7743">
                  <c:v>44269</c:v>
                </c:pt>
                <c:pt idx="7744">
                  <c:v>44270</c:v>
                </c:pt>
                <c:pt idx="7745">
                  <c:v>44271</c:v>
                </c:pt>
                <c:pt idx="7746">
                  <c:v>44272</c:v>
                </c:pt>
                <c:pt idx="7747">
                  <c:v>44273</c:v>
                </c:pt>
                <c:pt idx="7748">
                  <c:v>44274</c:v>
                </c:pt>
                <c:pt idx="7749">
                  <c:v>44275</c:v>
                </c:pt>
                <c:pt idx="7750">
                  <c:v>44276</c:v>
                </c:pt>
                <c:pt idx="7751">
                  <c:v>44277</c:v>
                </c:pt>
                <c:pt idx="7752">
                  <c:v>44278</c:v>
                </c:pt>
                <c:pt idx="7753">
                  <c:v>44279</c:v>
                </c:pt>
                <c:pt idx="7754">
                  <c:v>44280</c:v>
                </c:pt>
                <c:pt idx="7755">
                  <c:v>44281</c:v>
                </c:pt>
                <c:pt idx="7756">
                  <c:v>44282</c:v>
                </c:pt>
                <c:pt idx="7757">
                  <c:v>44283</c:v>
                </c:pt>
                <c:pt idx="7758">
                  <c:v>44284</c:v>
                </c:pt>
                <c:pt idx="7759">
                  <c:v>44285</c:v>
                </c:pt>
                <c:pt idx="7760">
                  <c:v>44286</c:v>
                </c:pt>
                <c:pt idx="7761">
                  <c:v>44287</c:v>
                </c:pt>
                <c:pt idx="7762">
                  <c:v>44288</c:v>
                </c:pt>
                <c:pt idx="7763">
                  <c:v>44289</c:v>
                </c:pt>
                <c:pt idx="7764">
                  <c:v>44290</c:v>
                </c:pt>
                <c:pt idx="7765">
                  <c:v>44291</c:v>
                </c:pt>
                <c:pt idx="7766">
                  <c:v>44292</c:v>
                </c:pt>
                <c:pt idx="7767">
                  <c:v>44293</c:v>
                </c:pt>
                <c:pt idx="7768">
                  <c:v>44294</c:v>
                </c:pt>
                <c:pt idx="7769">
                  <c:v>44295</c:v>
                </c:pt>
                <c:pt idx="7770">
                  <c:v>44296</c:v>
                </c:pt>
                <c:pt idx="7771">
                  <c:v>44297</c:v>
                </c:pt>
                <c:pt idx="7772">
                  <c:v>44298</c:v>
                </c:pt>
                <c:pt idx="7773">
                  <c:v>44299</c:v>
                </c:pt>
                <c:pt idx="7774">
                  <c:v>44300</c:v>
                </c:pt>
                <c:pt idx="7775">
                  <c:v>44301</c:v>
                </c:pt>
                <c:pt idx="7776">
                  <c:v>44302</c:v>
                </c:pt>
                <c:pt idx="7777">
                  <c:v>44303</c:v>
                </c:pt>
                <c:pt idx="7778">
                  <c:v>44304</c:v>
                </c:pt>
                <c:pt idx="7779">
                  <c:v>44305</c:v>
                </c:pt>
                <c:pt idx="7780">
                  <c:v>44306</c:v>
                </c:pt>
                <c:pt idx="7781">
                  <c:v>44307</c:v>
                </c:pt>
                <c:pt idx="7782">
                  <c:v>44308</c:v>
                </c:pt>
                <c:pt idx="7783">
                  <c:v>44309</c:v>
                </c:pt>
                <c:pt idx="7784">
                  <c:v>44310</c:v>
                </c:pt>
                <c:pt idx="7785">
                  <c:v>44311</c:v>
                </c:pt>
                <c:pt idx="7786">
                  <c:v>44312</c:v>
                </c:pt>
                <c:pt idx="7787">
                  <c:v>44313</c:v>
                </c:pt>
                <c:pt idx="7788">
                  <c:v>44314</c:v>
                </c:pt>
                <c:pt idx="7789">
                  <c:v>44315</c:v>
                </c:pt>
                <c:pt idx="7790">
                  <c:v>44316</c:v>
                </c:pt>
                <c:pt idx="7791">
                  <c:v>44317</c:v>
                </c:pt>
                <c:pt idx="7792">
                  <c:v>44318</c:v>
                </c:pt>
                <c:pt idx="7793">
                  <c:v>44319</c:v>
                </c:pt>
                <c:pt idx="7794">
                  <c:v>44320</c:v>
                </c:pt>
                <c:pt idx="7795">
                  <c:v>44321</c:v>
                </c:pt>
                <c:pt idx="7796">
                  <c:v>44322</c:v>
                </c:pt>
                <c:pt idx="7797">
                  <c:v>44323</c:v>
                </c:pt>
                <c:pt idx="7798">
                  <c:v>44324</c:v>
                </c:pt>
                <c:pt idx="7799">
                  <c:v>44325</c:v>
                </c:pt>
                <c:pt idx="7800">
                  <c:v>44326</c:v>
                </c:pt>
                <c:pt idx="7801">
                  <c:v>44327</c:v>
                </c:pt>
                <c:pt idx="7802">
                  <c:v>44328</c:v>
                </c:pt>
                <c:pt idx="7803">
                  <c:v>44329</c:v>
                </c:pt>
                <c:pt idx="7804">
                  <c:v>44330</c:v>
                </c:pt>
                <c:pt idx="7805">
                  <c:v>44331</c:v>
                </c:pt>
                <c:pt idx="7806">
                  <c:v>44332</c:v>
                </c:pt>
                <c:pt idx="7807">
                  <c:v>44333</c:v>
                </c:pt>
                <c:pt idx="7808">
                  <c:v>44334</c:v>
                </c:pt>
                <c:pt idx="7809">
                  <c:v>44335</c:v>
                </c:pt>
                <c:pt idx="7810">
                  <c:v>44336</c:v>
                </c:pt>
                <c:pt idx="7811">
                  <c:v>44337</c:v>
                </c:pt>
                <c:pt idx="7812">
                  <c:v>44338</c:v>
                </c:pt>
                <c:pt idx="7813">
                  <c:v>44339</c:v>
                </c:pt>
                <c:pt idx="7814">
                  <c:v>44340</c:v>
                </c:pt>
                <c:pt idx="7815">
                  <c:v>44341</c:v>
                </c:pt>
                <c:pt idx="7816">
                  <c:v>44342</c:v>
                </c:pt>
                <c:pt idx="7817">
                  <c:v>44343</c:v>
                </c:pt>
                <c:pt idx="7818">
                  <c:v>44344</c:v>
                </c:pt>
                <c:pt idx="7819">
                  <c:v>44345</c:v>
                </c:pt>
                <c:pt idx="7820">
                  <c:v>44346</c:v>
                </c:pt>
                <c:pt idx="7821">
                  <c:v>44347</c:v>
                </c:pt>
                <c:pt idx="7822">
                  <c:v>44348</c:v>
                </c:pt>
                <c:pt idx="7823">
                  <c:v>44349</c:v>
                </c:pt>
                <c:pt idx="7824">
                  <c:v>44350</c:v>
                </c:pt>
                <c:pt idx="7825">
                  <c:v>44351</c:v>
                </c:pt>
                <c:pt idx="7826">
                  <c:v>44352</c:v>
                </c:pt>
                <c:pt idx="7827">
                  <c:v>44353</c:v>
                </c:pt>
                <c:pt idx="7828">
                  <c:v>44354</c:v>
                </c:pt>
                <c:pt idx="7829">
                  <c:v>44355</c:v>
                </c:pt>
                <c:pt idx="7830">
                  <c:v>44356</c:v>
                </c:pt>
                <c:pt idx="7831">
                  <c:v>44357</c:v>
                </c:pt>
                <c:pt idx="7832">
                  <c:v>44358</c:v>
                </c:pt>
                <c:pt idx="7833">
                  <c:v>44359</c:v>
                </c:pt>
                <c:pt idx="7834">
                  <c:v>44360</c:v>
                </c:pt>
                <c:pt idx="7835">
                  <c:v>44361</c:v>
                </c:pt>
                <c:pt idx="7836">
                  <c:v>44362</c:v>
                </c:pt>
                <c:pt idx="7837">
                  <c:v>44363</c:v>
                </c:pt>
                <c:pt idx="7838">
                  <c:v>44364</c:v>
                </c:pt>
                <c:pt idx="7839">
                  <c:v>44365</c:v>
                </c:pt>
                <c:pt idx="7840">
                  <c:v>44366</c:v>
                </c:pt>
                <c:pt idx="7841">
                  <c:v>44367</c:v>
                </c:pt>
                <c:pt idx="7842">
                  <c:v>44368</c:v>
                </c:pt>
                <c:pt idx="7843">
                  <c:v>44369</c:v>
                </c:pt>
                <c:pt idx="7844">
                  <c:v>44370</c:v>
                </c:pt>
                <c:pt idx="7845">
                  <c:v>44371</c:v>
                </c:pt>
                <c:pt idx="7846">
                  <c:v>44372</c:v>
                </c:pt>
                <c:pt idx="7847">
                  <c:v>44373</c:v>
                </c:pt>
                <c:pt idx="7848">
                  <c:v>44374</c:v>
                </c:pt>
                <c:pt idx="7849">
                  <c:v>44375</c:v>
                </c:pt>
                <c:pt idx="7850">
                  <c:v>44376</c:v>
                </c:pt>
                <c:pt idx="7851">
                  <c:v>44377</c:v>
                </c:pt>
                <c:pt idx="7852">
                  <c:v>44378</c:v>
                </c:pt>
                <c:pt idx="7853">
                  <c:v>44379</c:v>
                </c:pt>
                <c:pt idx="7854">
                  <c:v>44380</c:v>
                </c:pt>
                <c:pt idx="7855">
                  <c:v>44381</c:v>
                </c:pt>
                <c:pt idx="7856">
                  <c:v>44382</c:v>
                </c:pt>
                <c:pt idx="7857">
                  <c:v>44383</c:v>
                </c:pt>
                <c:pt idx="7858">
                  <c:v>44384</c:v>
                </c:pt>
                <c:pt idx="7859">
                  <c:v>44385</c:v>
                </c:pt>
                <c:pt idx="7860">
                  <c:v>44386</c:v>
                </c:pt>
                <c:pt idx="7861">
                  <c:v>44387</c:v>
                </c:pt>
                <c:pt idx="7862">
                  <c:v>44388</c:v>
                </c:pt>
                <c:pt idx="7863">
                  <c:v>44389</c:v>
                </c:pt>
                <c:pt idx="7864">
                  <c:v>44390</c:v>
                </c:pt>
                <c:pt idx="7865">
                  <c:v>44391</c:v>
                </c:pt>
                <c:pt idx="7866">
                  <c:v>44392</c:v>
                </c:pt>
                <c:pt idx="7867">
                  <c:v>44393</c:v>
                </c:pt>
                <c:pt idx="7868">
                  <c:v>44394</c:v>
                </c:pt>
                <c:pt idx="7869">
                  <c:v>44395</c:v>
                </c:pt>
                <c:pt idx="7870">
                  <c:v>44396</c:v>
                </c:pt>
                <c:pt idx="7871">
                  <c:v>44397</c:v>
                </c:pt>
                <c:pt idx="7872">
                  <c:v>44398</c:v>
                </c:pt>
                <c:pt idx="7873">
                  <c:v>44399</c:v>
                </c:pt>
                <c:pt idx="7874">
                  <c:v>44400</c:v>
                </c:pt>
                <c:pt idx="7875">
                  <c:v>44401</c:v>
                </c:pt>
                <c:pt idx="7876">
                  <c:v>44402</c:v>
                </c:pt>
                <c:pt idx="7877">
                  <c:v>44403</c:v>
                </c:pt>
                <c:pt idx="7878">
                  <c:v>44404</c:v>
                </c:pt>
                <c:pt idx="7879">
                  <c:v>44405</c:v>
                </c:pt>
                <c:pt idx="7880">
                  <c:v>44406</c:v>
                </c:pt>
                <c:pt idx="7881">
                  <c:v>44407</c:v>
                </c:pt>
                <c:pt idx="7882">
                  <c:v>44408</c:v>
                </c:pt>
                <c:pt idx="7883">
                  <c:v>44409</c:v>
                </c:pt>
                <c:pt idx="7884">
                  <c:v>44410</c:v>
                </c:pt>
                <c:pt idx="7885">
                  <c:v>44411</c:v>
                </c:pt>
                <c:pt idx="7886">
                  <c:v>44412</c:v>
                </c:pt>
                <c:pt idx="7887">
                  <c:v>44413</c:v>
                </c:pt>
                <c:pt idx="7888">
                  <c:v>44414</c:v>
                </c:pt>
                <c:pt idx="7889">
                  <c:v>44415</c:v>
                </c:pt>
                <c:pt idx="7890">
                  <c:v>44416</c:v>
                </c:pt>
                <c:pt idx="7891">
                  <c:v>44417</c:v>
                </c:pt>
                <c:pt idx="7892">
                  <c:v>44418</c:v>
                </c:pt>
                <c:pt idx="7893">
                  <c:v>44419</c:v>
                </c:pt>
                <c:pt idx="7894">
                  <c:v>44420</c:v>
                </c:pt>
                <c:pt idx="7895">
                  <c:v>44421</c:v>
                </c:pt>
                <c:pt idx="7896">
                  <c:v>44422</c:v>
                </c:pt>
                <c:pt idx="7897">
                  <c:v>44423</c:v>
                </c:pt>
                <c:pt idx="7898">
                  <c:v>44424</c:v>
                </c:pt>
                <c:pt idx="7899">
                  <c:v>44425</c:v>
                </c:pt>
                <c:pt idx="7900">
                  <c:v>44426</c:v>
                </c:pt>
                <c:pt idx="7901">
                  <c:v>44427</c:v>
                </c:pt>
                <c:pt idx="7902">
                  <c:v>44428</c:v>
                </c:pt>
                <c:pt idx="7903">
                  <c:v>44429</c:v>
                </c:pt>
                <c:pt idx="7904">
                  <c:v>44430</c:v>
                </c:pt>
                <c:pt idx="7905">
                  <c:v>44431</c:v>
                </c:pt>
                <c:pt idx="7906">
                  <c:v>44432</c:v>
                </c:pt>
                <c:pt idx="7907">
                  <c:v>44433</c:v>
                </c:pt>
                <c:pt idx="7908">
                  <c:v>44434</c:v>
                </c:pt>
                <c:pt idx="7909">
                  <c:v>44435</c:v>
                </c:pt>
                <c:pt idx="7910">
                  <c:v>44436</c:v>
                </c:pt>
                <c:pt idx="7911">
                  <c:v>44437</c:v>
                </c:pt>
                <c:pt idx="7912">
                  <c:v>44438</c:v>
                </c:pt>
                <c:pt idx="7913">
                  <c:v>44439</c:v>
                </c:pt>
                <c:pt idx="7914">
                  <c:v>44440</c:v>
                </c:pt>
                <c:pt idx="7915">
                  <c:v>44441</c:v>
                </c:pt>
                <c:pt idx="7916">
                  <c:v>44442</c:v>
                </c:pt>
                <c:pt idx="7917">
                  <c:v>44443</c:v>
                </c:pt>
                <c:pt idx="7918">
                  <c:v>44444</c:v>
                </c:pt>
                <c:pt idx="7919">
                  <c:v>44445</c:v>
                </c:pt>
                <c:pt idx="7920">
                  <c:v>44446</c:v>
                </c:pt>
                <c:pt idx="7921">
                  <c:v>44447</c:v>
                </c:pt>
                <c:pt idx="7922">
                  <c:v>44448</c:v>
                </c:pt>
                <c:pt idx="7923">
                  <c:v>44449</c:v>
                </c:pt>
                <c:pt idx="7924">
                  <c:v>44450</c:v>
                </c:pt>
                <c:pt idx="7925">
                  <c:v>44451</c:v>
                </c:pt>
                <c:pt idx="7926">
                  <c:v>44452</c:v>
                </c:pt>
                <c:pt idx="7927">
                  <c:v>44453</c:v>
                </c:pt>
                <c:pt idx="7928">
                  <c:v>44454</c:v>
                </c:pt>
                <c:pt idx="7929">
                  <c:v>44455</c:v>
                </c:pt>
                <c:pt idx="7930">
                  <c:v>44456</c:v>
                </c:pt>
                <c:pt idx="7931">
                  <c:v>44457</c:v>
                </c:pt>
                <c:pt idx="7932">
                  <c:v>44458</c:v>
                </c:pt>
                <c:pt idx="7933">
                  <c:v>44459</c:v>
                </c:pt>
                <c:pt idx="7934">
                  <c:v>44460</c:v>
                </c:pt>
                <c:pt idx="7935">
                  <c:v>44461</c:v>
                </c:pt>
                <c:pt idx="7936">
                  <c:v>44462</c:v>
                </c:pt>
                <c:pt idx="7937">
                  <c:v>44463</c:v>
                </c:pt>
                <c:pt idx="7938">
                  <c:v>44464</c:v>
                </c:pt>
                <c:pt idx="7939">
                  <c:v>44465</c:v>
                </c:pt>
                <c:pt idx="7940">
                  <c:v>44466</c:v>
                </c:pt>
                <c:pt idx="7941">
                  <c:v>44467</c:v>
                </c:pt>
                <c:pt idx="7942">
                  <c:v>44468</c:v>
                </c:pt>
                <c:pt idx="7943">
                  <c:v>44469</c:v>
                </c:pt>
                <c:pt idx="7944">
                  <c:v>44470</c:v>
                </c:pt>
                <c:pt idx="7945">
                  <c:v>44471</c:v>
                </c:pt>
                <c:pt idx="7946">
                  <c:v>44472</c:v>
                </c:pt>
                <c:pt idx="7947">
                  <c:v>44473</c:v>
                </c:pt>
                <c:pt idx="7948">
                  <c:v>44474</c:v>
                </c:pt>
                <c:pt idx="7949">
                  <c:v>44475</c:v>
                </c:pt>
                <c:pt idx="7950">
                  <c:v>44476</c:v>
                </c:pt>
                <c:pt idx="7951">
                  <c:v>44477</c:v>
                </c:pt>
                <c:pt idx="7952">
                  <c:v>44478</c:v>
                </c:pt>
                <c:pt idx="7953">
                  <c:v>44479</c:v>
                </c:pt>
                <c:pt idx="7954">
                  <c:v>44480</c:v>
                </c:pt>
                <c:pt idx="7955">
                  <c:v>44481</c:v>
                </c:pt>
                <c:pt idx="7956">
                  <c:v>44482</c:v>
                </c:pt>
                <c:pt idx="7957">
                  <c:v>44483</c:v>
                </c:pt>
                <c:pt idx="7958">
                  <c:v>44484</c:v>
                </c:pt>
                <c:pt idx="7959">
                  <c:v>44485</c:v>
                </c:pt>
                <c:pt idx="7960">
                  <c:v>44486</c:v>
                </c:pt>
                <c:pt idx="7961">
                  <c:v>44487</c:v>
                </c:pt>
                <c:pt idx="7962">
                  <c:v>44488</c:v>
                </c:pt>
                <c:pt idx="7963">
                  <c:v>44489</c:v>
                </c:pt>
                <c:pt idx="7964">
                  <c:v>44490</c:v>
                </c:pt>
                <c:pt idx="7965">
                  <c:v>44491</c:v>
                </c:pt>
                <c:pt idx="7966">
                  <c:v>44492</c:v>
                </c:pt>
                <c:pt idx="7967">
                  <c:v>44493</c:v>
                </c:pt>
                <c:pt idx="7968">
                  <c:v>44494</c:v>
                </c:pt>
                <c:pt idx="7969">
                  <c:v>44495</c:v>
                </c:pt>
                <c:pt idx="7970">
                  <c:v>44496</c:v>
                </c:pt>
                <c:pt idx="7971">
                  <c:v>44497</c:v>
                </c:pt>
                <c:pt idx="7972">
                  <c:v>44498</c:v>
                </c:pt>
                <c:pt idx="7973">
                  <c:v>44499</c:v>
                </c:pt>
                <c:pt idx="7974">
                  <c:v>44500</c:v>
                </c:pt>
                <c:pt idx="7975">
                  <c:v>44501</c:v>
                </c:pt>
                <c:pt idx="7976">
                  <c:v>44502</c:v>
                </c:pt>
                <c:pt idx="7977">
                  <c:v>44503</c:v>
                </c:pt>
                <c:pt idx="7978">
                  <c:v>44504</c:v>
                </c:pt>
                <c:pt idx="7979">
                  <c:v>44505</c:v>
                </c:pt>
                <c:pt idx="7980">
                  <c:v>44506</c:v>
                </c:pt>
                <c:pt idx="7981">
                  <c:v>44507</c:v>
                </c:pt>
                <c:pt idx="7982">
                  <c:v>44508</c:v>
                </c:pt>
                <c:pt idx="7983">
                  <c:v>44509</c:v>
                </c:pt>
                <c:pt idx="7984">
                  <c:v>44510</c:v>
                </c:pt>
                <c:pt idx="7985">
                  <c:v>44511</c:v>
                </c:pt>
                <c:pt idx="7986">
                  <c:v>44512</c:v>
                </c:pt>
                <c:pt idx="7987">
                  <c:v>44513</c:v>
                </c:pt>
                <c:pt idx="7988">
                  <c:v>44514</c:v>
                </c:pt>
                <c:pt idx="7989">
                  <c:v>44515</c:v>
                </c:pt>
                <c:pt idx="7990">
                  <c:v>44516</c:v>
                </c:pt>
                <c:pt idx="7991">
                  <c:v>44517</c:v>
                </c:pt>
                <c:pt idx="7992">
                  <c:v>44518</c:v>
                </c:pt>
                <c:pt idx="7993">
                  <c:v>44519</c:v>
                </c:pt>
                <c:pt idx="7994">
                  <c:v>44520</c:v>
                </c:pt>
                <c:pt idx="7995">
                  <c:v>44521</c:v>
                </c:pt>
                <c:pt idx="7996">
                  <c:v>44522</c:v>
                </c:pt>
                <c:pt idx="7997">
                  <c:v>44523</c:v>
                </c:pt>
                <c:pt idx="7998">
                  <c:v>44524</c:v>
                </c:pt>
                <c:pt idx="7999">
                  <c:v>44525</c:v>
                </c:pt>
                <c:pt idx="8000">
                  <c:v>44526</c:v>
                </c:pt>
                <c:pt idx="8001">
                  <c:v>44527</c:v>
                </c:pt>
                <c:pt idx="8002">
                  <c:v>44528</c:v>
                </c:pt>
                <c:pt idx="8003">
                  <c:v>44529</c:v>
                </c:pt>
                <c:pt idx="8004">
                  <c:v>44530</c:v>
                </c:pt>
                <c:pt idx="8005">
                  <c:v>44531</c:v>
                </c:pt>
                <c:pt idx="8006">
                  <c:v>44532</c:v>
                </c:pt>
                <c:pt idx="8007">
                  <c:v>44533</c:v>
                </c:pt>
                <c:pt idx="8008">
                  <c:v>44534</c:v>
                </c:pt>
                <c:pt idx="8009">
                  <c:v>44535</c:v>
                </c:pt>
                <c:pt idx="8010">
                  <c:v>44536</c:v>
                </c:pt>
                <c:pt idx="8011">
                  <c:v>44537</c:v>
                </c:pt>
                <c:pt idx="8012">
                  <c:v>44538</c:v>
                </c:pt>
                <c:pt idx="8013">
                  <c:v>44539</c:v>
                </c:pt>
                <c:pt idx="8014">
                  <c:v>44540</c:v>
                </c:pt>
                <c:pt idx="8015">
                  <c:v>44541</c:v>
                </c:pt>
                <c:pt idx="8016">
                  <c:v>44542</c:v>
                </c:pt>
                <c:pt idx="8017">
                  <c:v>44543</c:v>
                </c:pt>
                <c:pt idx="8018">
                  <c:v>44544</c:v>
                </c:pt>
                <c:pt idx="8019">
                  <c:v>44545</c:v>
                </c:pt>
                <c:pt idx="8020">
                  <c:v>44546</c:v>
                </c:pt>
                <c:pt idx="8021">
                  <c:v>44547</c:v>
                </c:pt>
                <c:pt idx="8022">
                  <c:v>44548</c:v>
                </c:pt>
                <c:pt idx="8023">
                  <c:v>44549</c:v>
                </c:pt>
                <c:pt idx="8024">
                  <c:v>44550</c:v>
                </c:pt>
                <c:pt idx="8025">
                  <c:v>44551</c:v>
                </c:pt>
                <c:pt idx="8026">
                  <c:v>44552</c:v>
                </c:pt>
                <c:pt idx="8027">
                  <c:v>44553</c:v>
                </c:pt>
                <c:pt idx="8028">
                  <c:v>44554</c:v>
                </c:pt>
                <c:pt idx="8029">
                  <c:v>44555</c:v>
                </c:pt>
                <c:pt idx="8030">
                  <c:v>44556</c:v>
                </c:pt>
                <c:pt idx="8031">
                  <c:v>44557</c:v>
                </c:pt>
                <c:pt idx="8032">
                  <c:v>44558</c:v>
                </c:pt>
                <c:pt idx="8033">
                  <c:v>44559</c:v>
                </c:pt>
                <c:pt idx="8034">
                  <c:v>44560</c:v>
                </c:pt>
                <c:pt idx="8035">
                  <c:v>44561</c:v>
                </c:pt>
                <c:pt idx="8036">
                  <c:v>44562</c:v>
                </c:pt>
                <c:pt idx="8037">
                  <c:v>44563</c:v>
                </c:pt>
                <c:pt idx="8038">
                  <c:v>44564</c:v>
                </c:pt>
                <c:pt idx="8039">
                  <c:v>44565</c:v>
                </c:pt>
                <c:pt idx="8040">
                  <c:v>44566</c:v>
                </c:pt>
                <c:pt idx="8041">
                  <c:v>44567</c:v>
                </c:pt>
                <c:pt idx="8042">
                  <c:v>44568</c:v>
                </c:pt>
                <c:pt idx="8043">
                  <c:v>44569</c:v>
                </c:pt>
                <c:pt idx="8044">
                  <c:v>44570</c:v>
                </c:pt>
                <c:pt idx="8045">
                  <c:v>44571</c:v>
                </c:pt>
                <c:pt idx="8046">
                  <c:v>44572</c:v>
                </c:pt>
                <c:pt idx="8047">
                  <c:v>44573</c:v>
                </c:pt>
                <c:pt idx="8048">
                  <c:v>44574</c:v>
                </c:pt>
                <c:pt idx="8049">
                  <c:v>44575</c:v>
                </c:pt>
                <c:pt idx="8050">
                  <c:v>44576</c:v>
                </c:pt>
                <c:pt idx="8051">
                  <c:v>44577</c:v>
                </c:pt>
                <c:pt idx="8052">
                  <c:v>44578</c:v>
                </c:pt>
                <c:pt idx="8053">
                  <c:v>44579</c:v>
                </c:pt>
                <c:pt idx="8054">
                  <c:v>44580</c:v>
                </c:pt>
                <c:pt idx="8055">
                  <c:v>44581</c:v>
                </c:pt>
                <c:pt idx="8056">
                  <c:v>44582</c:v>
                </c:pt>
                <c:pt idx="8057">
                  <c:v>44583</c:v>
                </c:pt>
                <c:pt idx="8058">
                  <c:v>44584</c:v>
                </c:pt>
                <c:pt idx="8059">
                  <c:v>44585</c:v>
                </c:pt>
                <c:pt idx="8060">
                  <c:v>44586</c:v>
                </c:pt>
                <c:pt idx="8061">
                  <c:v>44587</c:v>
                </c:pt>
                <c:pt idx="8062">
                  <c:v>44588</c:v>
                </c:pt>
                <c:pt idx="8063">
                  <c:v>44589</c:v>
                </c:pt>
                <c:pt idx="8064">
                  <c:v>44590</c:v>
                </c:pt>
                <c:pt idx="8065">
                  <c:v>44591</c:v>
                </c:pt>
                <c:pt idx="8066">
                  <c:v>44592</c:v>
                </c:pt>
                <c:pt idx="8067">
                  <c:v>44593</c:v>
                </c:pt>
                <c:pt idx="8068">
                  <c:v>44594</c:v>
                </c:pt>
                <c:pt idx="8069">
                  <c:v>44595</c:v>
                </c:pt>
                <c:pt idx="8070">
                  <c:v>44596</c:v>
                </c:pt>
                <c:pt idx="8071">
                  <c:v>44597</c:v>
                </c:pt>
                <c:pt idx="8072">
                  <c:v>44598</c:v>
                </c:pt>
                <c:pt idx="8073">
                  <c:v>44599</c:v>
                </c:pt>
                <c:pt idx="8074">
                  <c:v>44600</c:v>
                </c:pt>
                <c:pt idx="8075">
                  <c:v>44601</c:v>
                </c:pt>
                <c:pt idx="8076">
                  <c:v>44602</c:v>
                </c:pt>
                <c:pt idx="8077">
                  <c:v>44603</c:v>
                </c:pt>
                <c:pt idx="8078">
                  <c:v>44604</c:v>
                </c:pt>
                <c:pt idx="8079">
                  <c:v>44605</c:v>
                </c:pt>
                <c:pt idx="8080">
                  <c:v>44606</c:v>
                </c:pt>
                <c:pt idx="8081">
                  <c:v>44607</c:v>
                </c:pt>
                <c:pt idx="8082">
                  <c:v>44608</c:v>
                </c:pt>
                <c:pt idx="8083">
                  <c:v>44609</c:v>
                </c:pt>
                <c:pt idx="8084">
                  <c:v>44610</c:v>
                </c:pt>
                <c:pt idx="8085">
                  <c:v>44611</c:v>
                </c:pt>
                <c:pt idx="8086">
                  <c:v>44612</c:v>
                </c:pt>
                <c:pt idx="8087">
                  <c:v>44613</c:v>
                </c:pt>
                <c:pt idx="8088">
                  <c:v>44614</c:v>
                </c:pt>
                <c:pt idx="8089">
                  <c:v>44615</c:v>
                </c:pt>
                <c:pt idx="8090">
                  <c:v>44616</c:v>
                </c:pt>
                <c:pt idx="8091">
                  <c:v>44617</c:v>
                </c:pt>
                <c:pt idx="8092">
                  <c:v>44618</c:v>
                </c:pt>
                <c:pt idx="8093">
                  <c:v>44619</c:v>
                </c:pt>
                <c:pt idx="8094">
                  <c:v>44620</c:v>
                </c:pt>
                <c:pt idx="8095">
                  <c:v>44621</c:v>
                </c:pt>
                <c:pt idx="8096">
                  <c:v>44622</c:v>
                </c:pt>
                <c:pt idx="8097">
                  <c:v>44623</c:v>
                </c:pt>
                <c:pt idx="8098">
                  <c:v>44624</c:v>
                </c:pt>
                <c:pt idx="8099">
                  <c:v>44625</c:v>
                </c:pt>
                <c:pt idx="8100">
                  <c:v>44626</c:v>
                </c:pt>
                <c:pt idx="8101">
                  <c:v>44627</c:v>
                </c:pt>
                <c:pt idx="8102">
                  <c:v>44628</c:v>
                </c:pt>
                <c:pt idx="8103">
                  <c:v>44629</c:v>
                </c:pt>
                <c:pt idx="8104">
                  <c:v>44630</c:v>
                </c:pt>
                <c:pt idx="8105">
                  <c:v>44631</c:v>
                </c:pt>
                <c:pt idx="8106">
                  <c:v>44632</c:v>
                </c:pt>
                <c:pt idx="8107">
                  <c:v>44633</c:v>
                </c:pt>
                <c:pt idx="8108">
                  <c:v>44634</c:v>
                </c:pt>
                <c:pt idx="8109">
                  <c:v>44635</c:v>
                </c:pt>
                <c:pt idx="8110">
                  <c:v>44636</c:v>
                </c:pt>
                <c:pt idx="8111">
                  <c:v>44637</c:v>
                </c:pt>
                <c:pt idx="8112">
                  <c:v>44638</c:v>
                </c:pt>
                <c:pt idx="8113">
                  <c:v>44639</c:v>
                </c:pt>
                <c:pt idx="8114">
                  <c:v>44640</c:v>
                </c:pt>
                <c:pt idx="8115">
                  <c:v>44641</c:v>
                </c:pt>
                <c:pt idx="8116">
                  <c:v>44642</c:v>
                </c:pt>
                <c:pt idx="8117">
                  <c:v>44643</c:v>
                </c:pt>
                <c:pt idx="8118">
                  <c:v>44644</c:v>
                </c:pt>
                <c:pt idx="8119">
                  <c:v>44645</c:v>
                </c:pt>
                <c:pt idx="8120">
                  <c:v>44646</c:v>
                </c:pt>
                <c:pt idx="8121">
                  <c:v>44647</c:v>
                </c:pt>
                <c:pt idx="8122">
                  <c:v>44648</c:v>
                </c:pt>
                <c:pt idx="8123">
                  <c:v>44649</c:v>
                </c:pt>
                <c:pt idx="8124">
                  <c:v>44650</c:v>
                </c:pt>
                <c:pt idx="8125">
                  <c:v>44651</c:v>
                </c:pt>
                <c:pt idx="8126">
                  <c:v>44652</c:v>
                </c:pt>
                <c:pt idx="8127">
                  <c:v>44653</c:v>
                </c:pt>
                <c:pt idx="8128">
                  <c:v>44654</c:v>
                </c:pt>
                <c:pt idx="8129">
                  <c:v>44655</c:v>
                </c:pt>
                <c:pt idx="8130">
                  <c:v>44656</c:v>
                </c:pt>
                <c:pt idx="8131">
                  <c:v>44657</c:v>
                </c:pt>
                <c:pt idx="8132">
                  <c:v>44658</c:v>
                </c:pt>
                <c:pt idx="8133">
                  <c:v>44659</c:v>
                </c:pt>
                <c:pt idx="8134">
                  <c:v>44660</c:v>
                </c:pt>
                <c:pt idx="8135">
                  <c:v>44661</c:v>
                </c:pt>
                <c:pt idx="8136">
                  <c:v>44662</c:v>
                </c:pt>
                <c:pt idx="8137">
                  <c:v>44663</c:v>
                </c:pt>
                <c:pt idx="8138">
                  <c:v>44664</c:v>
                </c:pt>
                <c:pt idx="8139">
                  <c:v>44665</c:v>
                </c:pt>
                <c:pt idx="8140">
                  <c:v>44666</c:v>
                </c:pt>
                <c:pt idx="8141">
                  <c:v>44667</c:v>
                </c:pt>
                <c:pt idx="8142">
                  <c:v>44668</c:v>
                </c:pt>
                <c:pt idx="8143">
                  <c:v>44669</c:v>
                </c:pt>
                <c:pt idx="8144">
                  <c:v>44670</c:v>
                </c:pt>
                <c:pt idx="8145">
                  <c:v>44671</c:v>
                </c:pt>
                <c:pt idx="8146">
                  <c:v>44672</c:v>
                </c:pt>
                <c:pt idx="8147">
                  <c:v>44673</c:v>
                </c:pt>
                <c:pt idx="8148">
                  <c:v>44674</c:v>
                </c:pt>
                <c:pt idx="8149">
                  <c:v>44675</c:v>
                </c:pt>
                <c:pt idx="8150">
                  <c:v>44676</c:v>
                </c:pt>
                <c:pt idx="8151">
                  <c:v>44677</c:v>
                </c:pt>
                <c:pt idx="8152">
                  <c:v>44678</c:v>
                </c:pt>
                <c:pt idx="8153">
                  <c:v>44679</c:v>
                </c:pt>
                <c:pt idx="8154">
                  <c:v>44680</c:v>
                </c:pt>
                <c:pt idx="8155">
                  <c:v>44681</c:v>
                </c:pt>
                <c:pt idx="8156">
                  <c:v>44682</c:v>
                </c:pt>
                <c:pt idx="8157">
                  <c:v>44683</c:v>
                </c:pt>
                <c:pt idx="8158">
                  <c:v>44684</c:v>
                </c:pt>
                <c:pt idx="8159">
                  <c:v>44685</c:v>
                </c:pt>
                <c:pt idx="8160">
                  <c:v>44686</c:v>
                </c:pt>
                <c:pt idx="8161">
                  <c:v>44687</c:v>
                </c:pt>
                <c:pt idx="8162">
                  <c:v>44688</c:v>
                </c:pt>
                <c:pt idx="8163">
                  <c:v>44689</c:v>
                </c:pt>
                <c:pt idx="8164">
                  <c:v>44690</c:v>
                </c:pt>
                <c:pt idx="8165">
                  <c:v>44691</c:v>
                </c:pt>
                <c:pt idx="8166">
                  <c:v>44692</c:v>
                </c:pt>
                <c:pt idx="8167">
                  <c:v>44693</c:v>
                </c:pt>
                <c:pt idx="8168">
                  <c:v>44694</c:v>
                </c:pt>
                <c:pt idx="8169">
                  <c:v>44695</c:v>
                </c:pt>
                <c:pt idx="8170">
                  <c:v>44696</c:v>
                </c:pt>
                <c:pt idx="8171">
                  <c:v>44697</c:v>
                </c:pt>
                <c:pt idx="8172">
                  <c:v>44698</c:v>
                </c:pt>
                <c:pt idx="8173">
                  <c:v>44699</c:v>
                </c:pt>
                <c:pt idx="8174">
                  <c:v>44700</c:v>
                </c:pt>
                <c:pt idx="8175">
                  <c:v>44701</c:v>
                </c:pt>
                <c:pt idx="8176">
                  <c:v>44702</c:v>
                </c:pt>
                <c:pt idx="8177">
                  <c:v>44703</c:v>
                </c:pt>
                <c:pt idx="8178">
                  <c:v>44704</c:v>
                </c:pt>
                <c:pt idx="8179">
                  <c:v>44705</c:v>
                </c:pt>
                <c:pt idx="8180">
                  <c:v>44706</c:v>
                </c:pt>
                <c:pt idx="8181">
                  <c:v>44707</c:v>
                </c:pt>
                <c:pt idx="8182">
                  <c:v>44708</c:v>
                </c:pt>
                <c:pt idx="8183">
                  <c:v>44709</c:v>
                </c:pt>
                <c:pt idx="8184">
                  <c:v>44710</c:v>
                </c:pt>
                <c:pt idx="8185">
                  <c:v>44711</c:v>
                </c:pt>
                <c:pt idx="8186">
                  <c:v>44712</c:v>
                </c:pt>
                <c:pt idx="8187">
                  <c:v>44713</c:v>
                </c:pt>
                <c:pt idx="8188">
                  <c:v>44714</c:v>
                </c:pt>
                <c:pt idx="8189">
                  <c:v>44715</c:v>
                </c:pt>
                <c:pt idx="8190">
                  <c:v>44716</c:v>
                </c:pt>
                <c:pt idx="8191">
                  <c:v>44717</c:v>
                </c:pt>
                <c:pt idx="8192">
                  <c:v>44718</c:v>
                </c:pt>
                <c:pt idx="8193">
                  <c:v>44719</c:v>
                </c:pt>
                <c:pt idx="8194">
                  <c:v>44720</c:v>
                </c:pt>
                <c:pt idx="8195">
                  <c:v>44721</c:v>
                </c:pt>
                <c:pt idx="8196">
                  <c:v>44722</c:v>
                </c:pt>
                <c:pt idx="8197">
                  <c:v>44723</c:v>
                </c:pt>
                <c:pt idx="8198">
                  <c:v>44724</c:v>
                </c:pt>
                <c:pt idx="8199">
                  <c:v>44725</c:v>
                </c:pt>
                <c:pt idx="8200">
                  <c:v>44726</c:v>
                </c:pt>
                <c:pt idx="8201">
                  <c:v>44727</c:v>
                </c:pt>
                <c:pt idx="8202">
                  <c:v>44728</c:v>
                </c:pt>
                <c:pt idx="8203">
                  <c:v>44729</c:v>
                </c:pt>
                <c:pt idx="8204">
                  <c:v>44730</c:v>
                </c:pt>
                <c:pt idx="8205">
                  <c:v>44731</c:v>
                </c:pt>
                <c:pt idx="8206">
                  <c:v>44732</c:v>
                </c:pt>
                <c:pt idx="8207">
                  <c:v>44733</c:v>
                </c:pt>
                <c:pt idx="8208">
                  <c:v>44734</c:v>
                </c:pt>
                <c:pt idx="8209">
                  <c:v>44735</c:v>
                </c:pt>
                <c:pt idx="8210">
                  <c:v>44736</c:v>
                </c:pt>
                <c:pt idx="8211">
                  <c:v>44737</c:v>
                </c:pt>
                <c:pt idx="8212">
                  <c:v>44738</c:v>
                </c:pt>
                <c:pt idx="8213">
                  <c:v>44739</c:v>
                </c:pt>
                <c:pt idx="8214">
                  <c:v>44740</c:v>
                </c:pt>
                <c:pt idx="8215">
                  <c:v>44741</c:v>
                </c:pt>
                <c:pt idx="8216">
                  <c:v>44742</c:v>
                </c:pt>
                <c:pt idx="8217">
                  <c:v>44743</c:v>
                </c:pt>
                <c:pt idx="8218">
                  <c:v>44744</c:v>
                </c:pt>
                <c:pt idx="8219">
                  <c:v>44745</c:v>
                </c:pt>
                <c:pt idx="8220">
                  <c:v>44746</c:v>
                </c:pt>
                <c:pt idx="8221">
                  <c:v>44747</c:v>
                </c:pt>
                <c:pt idx="8222">
                  <c:v>44748</c:v>
                </c:pt>
                <c:pt idx="8223">
                  <c:v>44749</c:v>
                </c:pt>
                <c:pt idx="8224">
                  <c:v>44750</c:v>
                </c:pt>
                <c:pt idx="8225">
                  <c:v>44751</c:v>
                </c:pt>
                <c:pt idx="8226">
                  <c:v>44752</c:v>
                </c:pt>
                <c:pt idx="8227">
                  <c:v>44753</c:v>
                </c:pt>
                <c:pt idx="8228">
                  <c:v>44754</c:v>
                </c:pt>
                <c:pt idx="8229">
                  <c:v>44755</c:v>
                </c:pt>
                <c:pt idx="8230">
                  <c:v>44756</c:v>
                </c:pt>
                <c:pt idx="8231">
                  <c:v>44757</c:v>
                </c:pt>
                <c:pt idx="8232">
                  <c:v>44758</c:v>
                </c:pt>
                <c:pt idx="8233">
                  <c:v>44759</c:v>
                </c:pt>
                <c:pt idx="8234">
                  <c:v>44760</c:v>
                </c:pt>
                <c:pt idx="8235">
                  <c:v>44761</c:v>
                </c:pt>
                <c:pt idx="8236">
                  <c:v>44762</c:v>
                </c:pt>
                <c:pt idx="8237">
                  <c:v>44763</c:v>
                </c:pt>
                <c:pt idx="8238">
                  <c:v>44764</c:v>
                </c:pt>
                <c:pt idx="8239">
                  <c:v>44765</c:v>
                </c:pt>
                <c:pt idx="8240">
                  <c:v>44766</c:v>
                </c:pt>
                <c:pt idx="8241">
                  <c:v>44767</c:v>
                </c:pt>
                <c:pt idx="8242">
                  <c:v>44768</c:v>
                </c:pt>
                <c:pt idx="8243">
                  <c:v>44769</c:v>
                </c:pt>
                <c:pt idx="8244">
                  <c:v>44770</c:v>
                </c:pt>
                <c:pt idx="8245">
                  <c:v>44771</c:v>
                </c:pt>
                <c:pt idx="8246">
                  <c:v>44772</c:v>
                </c:pt>
                <c:pt idx="8247">
                  <c:v>44773</c:v>
                </c:pt>
                <c:pt idx="8248">
                  <c:v>44774</c:v>
                </c:pt>
                <c:pt idx="8249">
                  <c:v>44775</c:v>
                </c:pt>
                <c:pt idx="8250">
                  <c:v>44776</c:v>
                </c:pt>
                <c:pt idx="8251">
                  <c:v>44777</c:v>
                </c:pt>
                <c:pt idx="8252">
                  <c:v>44778</c:v>
                </c:pt>
                <c:pt idx="8253">
                  <c:v>44779</c:v>
                </c:pt>
                <c:pt idx="8254">
                  <c:v>44780</c:v>
                </c:pt>
                <c:pt idx="8255">
                  <c:v>44781</c:v>
                </c:pt>
                <c:pt idx="8256">
                  <c:v>44782</c:v>
                </c:pt>
                <c:pt idx="8257">
                  <c:v>44783</c:v>
                </c:pt>
                <c:pt idx="8258">
                  <c:v>44784</c:v>
                </c:pt>
                <c:pt idx="8259">
                  <c:v>44785</c:v>
                </c:pt>
                <c:pt idx="8260">
                  <c:v>44786</c:v>
                </c:pt>
                <c:pt idx="8261">
                  <c:v>44787</c:v>
                </c:pt>
                <c:pt idx="8262">
                  <c:v>44788</c:v>
                </c:pt>
                <c:pt idx="8263">
                  <c:v>44789</c:v>
                </c:pt>
                <c:pt idx="8264">
                  <c:v>44790</c:v>
                </c:pt>
                <c:pt idx="8265">
                  <c:v>44791</c:v>
                </c:pt>
                <c:pt idx="8266">
                  <c:v>44792</c:v>
                </c:pt>
                <c:pt idx="8267">
                  <c:v>44793</c:v>
                </c:pt>
                <c:pt idx="8268">
                  <c:v>44794</c:v>
                </c:pt>
                <c:pt idx="8269">
                  <c:v>44795</c:v>
                </c:pt>
                <c:pt idx="8270">
                  <c:v>44796</c:v>
                </c:pt>
                <c:pt idx="8271">
                  <c:v>44797</c:v>
                </c:pt>
                <c:pt idx="8272">
                  <c:v>44798</c:v>
                </c:pt>
                <c:pt idx="8273">
                  <c:v>44799</c:v>
                </c:pt>
                <c:pt idx="8274">
                  <c:v>44800</c:v>
                </c:pt>
                <c:pt idx="8275">
                  <c:v>44801</c:v>
                </c:pt>
                <c:pt idx="8276">
                  <c:v>44802</c:v>
                </c:pt>
                <c:pt idx="8277">
                  <c:v>44803</c:v>
                </c:pt>
                <c:pt idx="8278">
                  <c:v>44804</c:v>
                </c:pt>
                <c:pt idx="8279">
                  <c:v>44805</c:v>
                </c:pt>
                <c:pt idx="8280">
                  <c:v>44806</c:v>
                </c:pt>
                <c:pt idx="8281">
                  <c:v>44807</c:v>
                </c:pt>
                <c:pt idx="8282">
                  <c:v>44808</c:v>
                </c:pt>
                <c:pt idx="8283">
                  <c:v>44809</c:v>
                </c:pt>
                <c:pt idx="8284">
                  <c:v>44810</c:v>
                </c:pt>
                <c:pt idx="8285">
                  <c:v>44811</c:v>
                </c:pt>
                <c:pt idx="8286">
                  <c:v>44812</c:v>
                </c:pt>
                <c:pt idx="8287">
                  <c:v>44813</c:v>
                </c:pt>
                <c:pt idx="8288">
                  <c:v>44814</c:v>
                </c:pt>
                <c:pt idx="8289">
                  <c:v>44815</c:v>
                </c:pt>
                <c:pt idx="8290">
                  <c:v>44816</c:v>
                </c:pt>
                <c:pt idx="8291">
                  <c:v>44817</c:v>
                </c:pt>
                <c:pt idx="8292">
                  <c:v>44818</c:v>
                </c:pt>
                <c:pt idx="8293">
                  <c:v>44819</c:v>
                </c:pt>
                <c:pt idx="8294">
                  <c:v>44820</c:v>
                </c:pt>
                <c:pt idx="8295">
                  <c:v>44821</c:v>
                </c:pt>
                <c:pt idx="8296">
                  <c:v>44822</c:v>
                </c:pt>
                <c:pt idx="8297">
                  <c:v>44823</c:v>
                </c:pt>
                <c:pt idx="8298">
                  <c:v>44824</c:v>
                </c:pt>
                <c:pt idx="8299">
                  <c:v>44825</c:v>
                </c:pt>
                <c:pt idx="8300">
                  <c:v>44826</c:v>
                </c:pt>
                <c:pt idx="8301">
                  <c:v>44827</c:v>
                </c:pt>
                <c:pt idx="8302">
                  <c:v>44828</c:v>
                </c:pt>
                <c:pt idx="8303">
                  <c:v>44829</c:v>
                </c:pt>
                <c:pt idx="8304">
                  <c:v>44830</c:v>
                </c:pt>
                <c:pt idx="8305">
                  <c:v>44831</c:v>
                </c:pt>
                <c:pt idx="8306">
                  <c:v>44832</c:v>
                </c:pt>
                <c:pt idx="8307">
                  <c:v>44833</c:v>
                </c:pt>
                <c:pt idx="8308">
                  <c:v>44834</c:v>
                </c:pt>
                <c:pt idx="8309">
                  <c:v>44835</c:v>
                </c:pt>
                <c:pt idx="8310">
                  <c:v>44836</c:v>
                </c:pt>
                <c:pt idx="8311">
                  <c:v>44837</c:v>
                </c:pt>
                <c:pt idx="8312">
                  <c:v>44838</c:v>
                </c:pt>
                <c:pt idx="8313">
                  <c:v>44839</c:v>
                </c:pt>
                <c:pt idx="8314">
                  <c:v>44840</c:v>
                </c:pt>
                <c:pt idx="8315">
                  <c:v>44841</c:v>
                </c:pt>
                <c:pt idx="8316">
                  <c:v>44842</c:v>
                </c:pt>
                <c:pt idx="8317">
                  <c:v>44843</c:v>
                </c:pt>
                <c:pt idx="8318">
                  <c:v>44844</c:v>
                </c:pt>
                <c:pt idx="8319">
                  <c:v>44845</c:v>
                </c:pt>
                <c:pt idx="8320">
                  <c:v>44846</c:v>
                </c:pt>
                <c:pt idx="8321">
                  <c:v>44847</c:v>
                </c:pt>
                <c:pt idx="8322">
                  <c:v>44848</c:v>
                </c:pt>
                <c:pt idx="8323">
                  <c:v>44849</c:v>
                </c:pt>
                <c:pt idx="8324">
                  <c:v>44850</c:v>
                </c:pt>
                <c:pt idx="8325">
                  <c:v>44851</c:v>
                </c:pt>
                <c:pt idx="8326">
                  <c:v>44852</c:v>
                </c:pt>
                <c:pt idx="8327">
                  <c:v>44853</c:v>
                </c:pt>
                <c:pt idx="8328">
                  <c:v>44854</c:v>
                </c:pt>
                <c:pt idx="8329">
                  <c:v>44855</c:v>
                </c:pt>
                <c:pt idx="8330">
                  <c:v>44856</c:v>
                </c:pt>
                <c:pt idx="8331">
                  <c:v>44857</c:v>
                </c:pt>
                <c:pt idx="8332">
                  <c:v>44858</c:v>
                </c:pt>
                <c:pt idx="8333">
                  <c:v>44859</c:v>
                </c:pt>
                <c:pt idx="8334">
                  <c:v>44860</c:v>
                </c:pt>
                <c:pt idx="8335">
                  <c:v>44861</c:v>
                </c:pt>
                <c:pt idx="8336">
                  <c:v>44862</c:v>
                </c:pt>
                <c:pt idx="8337">
                  <c:v>44863</c:v>
                </c:pt>
                <c:pt idx="8338">
                  <c:v>44864</c:v>
                </c:pt>
                <c:pt idx="8339">
                  <c:v>44865</c:v>
                </c:pt>
                <c:pt idx="8340">
                  <c:v>44866</c:v>
                </c:pt>
                <c:pt idx="8341">
                  <c:v>44867</c:v>
                </c:pt>
                <c:pt idx="8342">
                  <c:v>44868</c:v>
                </c:pt>
                <c:pt idx="8343">
                  <c:v>44869</c:v>
                </c:pt>
                <c:pt idx="8344">
                  <c:v>44870</c:v>
                </c:pt>
                <c:pt idx="8345">
                  <c:v>44871</c:v>
                </c:pt>
                <c:pt idx="8346">
                  <c:v>44872</c:v>
                </c:pt>
                <c:pt idx="8347">
                  <c:v>44873</c:v>
                </c:pt>
                <c:pt idx="8348">
                  <c:v>44874</c:v>
                </c:pt>
                <c:pt idx="8349">
                  <c:v>44875</c:v>
                </c:pt>
                <c:pt idx="8350">
                  <c:v>44876</c:v>
                </c:pt>
                <c:pt idx="8351">
                  <c:v>44877</c:v>
                </c:pt>
                <c:pt idx="8352">
                  <c:v>44878</c:v>
                </c:pt>
                <c:pt idx="8353">
                  <c:v>44879</c:v>
                </c:pt>
                <c:pt idx="8354">
                  <c:v>44880</c:v>
                </c:pt>
                <c:pt idx="8355">
                  <c:v>44881</c:v>
                </c:pt>
                <c:pt idx="8356">
                  <c:v>44882</c:v>
                </c:pt>
                <c:pt idx="8357">
                  <c:v>44883</c:v>
                </c:pt>
                <c:pt idx="8358">
                  <c:v>44884</c:v>
                </c:pt>
                <c:pt idx="8359">
                  <c:v>44885</c:v>
                </c:pt>
                <c:pt idx="8360">
                  <c:v>44886</c:v>
                </c:pt>
                <c:pt idx="8361">
                  <c:v>44887</c:v>
                </c:pt>
                <c:pt idx="8362">
                  <c:v>44888</c:v>
                </c:pt>
                <c:pt idx="8363">
                  <c:v>44889</c:v>
                </c:pt>
                <c:pt idx="8364">
                  <c:v>44890</c:v>
                </c:pt>
                <c:pt idx="8365">
                  <c:v>44891</c:v>
                </c:pt>
                <c:pt idx="8366">
                  <c:v>44892</c:v>
                </c:pt>
                <c:pt idx="8367">
                  <c:v>44893</c:v>
                </c:pt>
                <c:pt idx="8368">
                  <c:v>44894</c:v>
                </c:pt>
                <c:pt idx="8369">
                  <c:v>44895</c:v>
                </c:pt>
                <c:pt idx="8370">
                  <c:v>44896</c:v>
                </c:pt>
                <c:pt idx="8371">
                  <c:v>44897</c:v>
                </c:pt>
                <c:pt idx="8372">
                  <c:v>44898</c:v>
                </c:pt>
                <c:pt idx="8373">
                  <c:v>44899</c:v>
                </c:pt>
                <c:pt idx="8374">
                  <c:v>44900</c:v>
                </c:pt>
                <c:pt idx="8375">
                  <c:v>44901</c:v>
                </c:pt>
                <c:pt idx="8376">
                  <c:v>44902</c:v>
                </c:pt>
                <c:pt idx="8377">
                  <c:v>44903</c:v>
                </c:pt>
                <c:pt idx="8378">
                  <c:v>44904</c:v>
                </c:pt>
                <c:pt idx="8379">
                  <c:v>44905</c:v>
                </c:pt>
                <c:pt idx="8380">
                  <c:v>44906</c:v>
                </c:pt>
                <c:pt idx="8381">
                  <c:v>44907</c:v>
                </c:pt>
                <c:pt idx="8382">
                  <c:v>44908</c:v>
                </c:pt>
                <c:pt idx="8383">
                  <c:v>44909</c:v>
                </c:pt>
                <c:pt idx="8384">
                  <c:v>44910</c:v>
                </c:pt>
                <c:pt idx="8385">
                  <c:v>44911</c:v>
                </c:pt>
                <c:pt idx="8386">
                  <c:v>44912</c:v>
                </c:pt>
                <c:pt idx="8387">
                  <c:v>44913</c:v>
                </c:pt>
                <c:pt idx="8388">
                  <c:v>44914</c:v>
                </c:pt>
                <c:pt idx="8389">
                  <c:v>44915</c:v>
                </c:pt>
                <c:pt idx="8390">
                  <c:v>44916</c:v>
                </c:pt>
                <c:pt idx="8391">
                  <c:v>44917</c:v>
                </c:pt>
                <c:pt idx="8392">
                  <c:v>44918</c:v>
                </c:pt>
                <c:pt idx="8393">
                  <c:v>44919</c:v>
                </c:pt>
                <c:pt idx="8394">
                  <c:v>44920</c:v>
                </c:pt>
                <c:pt idx="8395">
                  <c:v>44921</c:v>
                </c:pt>
                <c:pt idx="8396">
                  <c:v>44922</c:v>
                </c:pt>
                <c:pt idx="8397">
                  <c:v>44923</c:v>
                </c:pt>
                <c:pt idx="8398">
                  <c:v>44924</c:v>
                </c:pt>
                <c:pt idx="8399">
                  <c:v>44925</c:v>
                </c:pt>
                <c:pt idx="8400">
                  <c:v>44926</c:v>
                </c:pt>
                <c:pt idx="8401">
                  <c:v>44927</c:v>
                </c:pt>
                <c:pt idx="8402">
                  <c:v>44928</c:v>
                </c:pt>
                <c:pt idx="8403">
                  <c:v>44929</c:v>
                </c:pt>
                <c:pt idx="8404">
                  <c:v>44930</c:v>
                </c:pt>
                <c:pt idx="8405">
                  <c:v>44931</c:v>
                </c:pt>
                <c:pt idx="8406">
                  <c:v>44932</c:v>
                </c:pt>
                <c:pt idx="8407">
                  <c:v>44933</c:v>
                </c:pt>
                <c:pt idx="8408">
                  <c:v>44934</c:v>
                </c:pt>
                <c:pt idx="8409">
                  <c:v>44935</c:v>
                </c:pt>
                <c:pt idx="8410">
                  <c:v>44936</c:v>
                </c:pt>
                <c:pt idx="8411">
                  <c:v>44937</c:v>
                </c:pt>
                <c:pt idx="8412">
                  <c:v>44938</c:v>
                </c:pt>
                <c:pt idx="8413">
                  <c:v>44939</c:v>
                </c:pt>
                <c:pt idx="8414">
                  <c:v>44940</c:v>
                </c:pt>
                <c:pt idx="8415">
                  <c:v>44941</c:v>
                </c:pt>
                <c:pt idx="8416">
                  <c:v>44942</c:v>
                </c:pt>
                <c:pt idx="8417">
                  <c:v>44943</c:v>
                </c:pt>
                <c:pt idx="8418">
                  <c:v>44944</c:v>
                </c:pt>
                <c:pt idx="8419">
                  <c:v>44945</c:v>
                </c:pt>
                <c:pt idx="8420">
                  <c:v>44946</c:v>
                </c:pt>
                <c:pt idx="8421">
                  <c:v>44947</c:v>
                </c:pt>
                <c:pt idx="8422">
                  <c:v>44948</c:v>
                </c:pt>
                <c:pt idx="8423">
                  <c:v>44949</c:v>
                </c:pt>
                <c:pt idx="8424">
                  <c:v>44950</c:v>
                </c:pt>
                <c:pt idx="8425">
                  <c:v>44951</c:v>
                </c:pt>
                <c:pt idx="8426">
                  <c:v>44952</c:v>
                </c:pt>
                <c:pt idx="8427">
                  <c:v>44953</c:v>
                </c:pt>
                <c:pt idx="8428">
                  <c:v>44954</c:v>
                </c:pt>
                <c:pt idx="8429">
                  <c:v>44955</c:v>
                </c:pt>
                <c:pt idx="8430">
                  <c:v>44956</c:v>
                </c:pt>
                <c:pt idx="8431">
                  <c:v>44957</c:v>
                </c:pt>
                <c:pt idx="8432">
                  <c:v>44958</c:v>
                </c:pt>
                <c:pt idx="8433">
                  <c:v>44959</c:v>
                </c:pt>
                <c:pt idx="8434">
                  <c:v>44960</c:v>
                </c:pt>
                <c:pt idx="8435">
                  <c:v>44961</c:v>
                </c:pt>
                <c:pt idx="8436">
                  <c:v>44962</c:v>
                </c:pt>
                <c:pt idx="8437">
                  <c:v>44963</c:v>
                </c:pt>
                <c:pt idx="8438">
                  <c:v>44964</c:v>
                </c:pt>
                <c:pt idx="8439">
                  <c:v>44965</c:v>
                </c:pt>
                <c:pt idx="8440">
                  <c:v>44966</c:v>
                </c:pt>
                <c:pt idx="8441">
                  <c:v>44967</c:v>
                </c:pt>
                <c:pt idx="8442">
                  <c:v>44968</c:v>
                </c:pt>
                <c:pt idx="8443">
                  <c:v>44969</c:v>
                </c:pt>
                <c:pt idx="8444">
                  <c:v>44970</c:v>
                </c:pt>
                <c:pt idx="8445">
                  <c:v>44971</c:v>
                </c:pt>
                <c:pt idx="8446">
                  <c:v>44972</c:v>
                </c:pt>
                <c:pt idx="8447">
                  <c:v>44973</c:v>
                </c:pt>
                <c:pt idx="8448">
                  <c:v>44974</c:v>
                </c:pt>
                <c:pt idx="8449">
                  <c:v>44975</c:v>
                </c:pt>
                <c:pt idx="8450">
                  <c:v>44976</c:v>
                </c:pt>
                <c:pt idx="8451">
                  <c:v>44977</c:v>
                </c:pt>
                <c:pt idx="8452">
                  <c:v>44978</c:v>
                </c:pt>
                <c:pt idx="8453">
                  <c:v>44979</c:v>
                </c:pt>
                <c:pt idx="8454">
                  <c:v>44980</c:v>
                </c:pt>
                <c:pt idx="8455">
                  <c:v>44981</c:v>
                </c:pt>
                <c:pt idx="8456">
                  <c:v>44982</c:v>
                </c:pt>
                <c:pt idx="8457">
                  <c:v>44983</c:v>
                </c:pt>
                <c:pt idx="8458">
                  <c:v>44984</c:v>
                </c:pt>
                <c:pt idx="8459">
                  <c:v>44985</c:v>
                </c:pt>
                <c:pt idx="8460">
                  <c:v>44986</c:v>
                </c:pt>
                <c:pt idx="8461">
                  <c:v>44987</c:v>
                </c:pt>
                <c:pt idx="8462">
                  <c:v>44988</c:v>
                </c:pt>
                <c:pt idx="8463">
                  <c:v>44989</c:v>
                </c:pt>
                <c:pt idx="8464">
                  <c:v>44990</c:v>
                </c:pt>
                <c:pt idx="8465">
                  <c:v>44991</c:v>
                </c:pt>
                <c:pt idx="8466">
                  <c:v>44992</c:v>
                </c:pt>
                <c:pt idx="8467">
                  <c:v>44993</c:v>
                </c:pt>
                <c:pt idx="8468">
                  <c:v>44994</c:v>
                </c:pt>
                <c:pt idx="8469">
                  <c:v>44995</c:v>
                </c:pt>
                <c:pt idx="8470">
                  <c:v>44996</c:v>
                </c:pt>
                <c:pt idx="8471">
                  <c:v>44997</c:v>
                </c:pt>
                <c:pt idx="8472">
                  <c:v>44998</c:v>
                </c:pt>
                <c:pt idx="8473">
                  <c:v>44999</c:v>
                </c:pt>
                <c:pt idx="8474">
                  <c:v>45000</c:v>
                </c:pt>
                <c:pt idx="8475">
                  <c:v>45001</c:v>
                </c:pt>
                <c:pt idx="8476">
                  <c:v>45002</c:v>
                </c:pt>
                <c:pt idx="8477">
                  <c:v>45003</c:v>
                </c:pt>
                <c:pt idx="8478">
                  <c:v>45004</c:v>
                </c:pt>
                <c:pt idx="8479">
                  <c:v>45005</c:v>
                </c:pt>
                <c:pt idx="8480">
                  <c:v>45006</c:v>
                </c:pt>
                <c:pt idx="8481">
                  <c:v>45007</c:v>
                </c:pt>
                <c:pt idx="8482">
                  <c:v>45008</c:v>
                </c:pt>
                <c:pt idx="8483">
                  <c:v>45009</c:v>
                </c:pt>
                <c:pt idx="8484">
                  <c:v>45010</c:v>
                </c:pt>
                <c:pt idx="8485">
                  <c:v>45011</c:v>
                </c:pt>
                <c:pt idx="8486">
                  <c:v>45012</c:v>
                </c:pt>
                <c:pt idx="8487">
                  <c:v>45013</c:v>
                </c:pt>
                <c:pt idx="8488">
                  <c:v>45014</c:v>
                </c:pt>
                <c:pt idx="8489">
                  <c:v>45015</c:v>
                </c:pt>
                <c:pt idx="8490">
                  <c:v>45016</c:v>
                </c:pt>
                <c:pt idx="8491">
                  <c:v>45017</c:v>
                </c:pt>
                <c:pt idx="8492">
                  <c:v>45018</c:v>
                </c:pt>
                <c:pt idx="8493">
                  <c:v>45019</c:v>
                </c:pt>
                <c:pt idx="8494">
                  <c:v>45020</c:v>
                </c:pt>
                <c:pt idx="8495">
                  <c:v>45021</c:v>
                </c:pt>
                <c:pt idx="8496">
                  <c:v>45022</c:v>
                </c:pt>
                <c:pt idx="8497">
                  <c:v>45023</c:v>
                </c:pt>
                <c:pt idx="8498">
                  <c:v>45024</c:v>
                </c:pt>
                <c:pt idx="8499">
                  <c:v>45025</c:v>
                </c:pt>
                <c:pt idx="8500">
                  <c:v>45026</c:v>
                </c:pt>
                <c:pt idx="8501">
                  <c:v>45027</c:v>
                </c:pt>
                <c:pt idx="8502">
                  <c:v>45028</c:v>
                </c:pt>
                <c:pt idx="8503">
                  <c:v>45029</c:v>
                </c:pt>
                <c:pt idx="8504">
                  <c:v>45030</c:v>
                </c:pt>
                <c:pt idx="8505">
                  <c:v>45031</c:v>
                </c:pt>
                <c:pt idx="8506">
                  <c:v>45032</c:v>
                </c:pt>
                <c:pt idx="8507">
                  <c:v>45033</c:v>
                </c:pt>
                <c:pt idx="8508">
                  <c:v>45034</c:v>
                </c:pt>
                <c:pt idx="8509">
                  <c:v>45035</c:v>
                </c:pt>
                <c:pt idx="8510">
                  <c:v>45036</c:v>
                </c:pt>
                <c:pt idx="8511">
                  <c:v>45037</c:v>
                </c:pt>
                <c:pt idx="8512">
                  <c:v>45038</c:v>
                </c:pt>
                <c:pt idx="8513">
                  <c:v>45039</c:v>
                </c:pt>
                <c:pt idx="8514">
                  <c:v>45040</c:v>
                </c:pt>
                <c:pt idx="8515">
                  <c:v>45041</c:v>
                </c:pt>
                <c:pt idx="8516">
                  <c:v>45042</c:v>
                </c:pt>
                <c:pt idx="8517">
                  <c:v>45043</c:v>
                </c:pt>
                <c:pt idx="8518">
                  <c:v>45044</c:v>
                </c:pt>
                <c:pt idx="8519">
                  <c:v>45045</c:v>
                </c:pt>
                <c:pt idx="8520">
                  <c:v>45046</c:v>
                </c:pt>
                <c:pt idx="8521">
                  <c:v>45047</c:v>
                </c:pt>
                <c:pt idx="8522">
                  <c:v>45048</c:v>
                </c:pt>
                <c:pt idx="8523">
                  <c:v>45049</c:v>
                </c:pt>
                <c:pt idx="8524">
                  <c:v>45050</c:v>
                </c:pt>
                <c:pt idx="8525">
                  <c:v>45051</c:v>
                </c:pt>
                <c:pt idx="8526">
                  <c:v>45052</c:v>
                </c:pt>
                <c:pt idx="8527">
                  <c:v>45053</c:v>
                </c:pt>
                <c:pt idx="8528">
                  <c:v>45054</c:v>
                </c:pt>
                <c:pt idx="8529">
                  <c:v>45055</c:v>
                </c:pt>
                <c:pt idx="8530">
                  <c:v>45056</c:v>
                </c:pt>
                <c:pt idx="8531">
                  <c:v>45057</c:v>
                </c:pt>
                <c:pt idx="8532">
                  <c:v>45058</c:v>
                </c:pt>
                <c:pt idx="8533">
                  <c:v>45059</c:v>
                </c:pt>
                <c:pt idx="8534">
                  <c:v>45060</c:v>
                </c:pt>
                <c:pt idx="8535">
                  <c:v>45061</c:v>
                </c:pt>
                <c:pt idx="8536">
                  <c:v>45062</c:v>
                </c:pt>
                <c:pt idx="8537">
                  <c:v>45063</c:v>
                </c:pt>
                <c:pt idx="8538">
                  <c:v>45064</c:v>
                </c:pt>
                <c:pt idx="8539">
                  <c:v>45065</c:v>
                </c:pt>
                <c:pt idx="8540">
                  <c:v>45066</c:v>
                </c:pt>
                <c:pt idx="8541">
                  <c:v>45067</c:v>
                </c:pt>
                <c:pt idx="8542">
                  <c:v>45068</c:v>
                </c:pt>
                <c:pt idx="8543">
                  <c:v>45069</c:v>
                </c:pt>
                <c:pt idx="8544">
                  <c:v>45070</c:v>
                </c:pt>
                <c:pt idx="8545">
                  <c:v>45071</c:v>
                </c:pt>
                <c:pt idx="8546">
                  <c:v>45072</c:v>
                </c:pt>
                <c:pt idx="8547">
                  <c:v>45073</c:v>
                </c:pt>
                <c:pt idx="8548">
                  <c:v>45074</c:v>
                </c:pt>
                <c:pt idx="8549">
                  <c:v>45075</c:v>
                </c:pt>
                <c:pt idx="8550">
                  <c:v>45076</c:v>
                </c:pt>
                <c:pt idx="8551">
                  <c:v>45077</c:v>
                </c:pt>
                <c:pt idx="8552">
                  <c:v>45078</c:v>
                </c:pt>
                <c:pt idx="8553">
                  <c:v>45079</c:v>
                </c:pt>
                <c:pt idx="8554">
                  <c:v>45080</c:v>
                </c:pt>
                <c:pt idx="8555">
                  <c:v>45081</c:v>
                </c:pt>
                <c:pt idx="8556">
                  <c:v>45082</c:v>
                </c:pt>
                <c:pt idx="8557">
                  <c:v>45083</c:v>
                </c:pt>
                <c:pt idx="8558">
                  <c:v>45084</c:v>
                </c:pt>
                <c:pt idx="8559">
                  <c:v>45085</c:v>
                </c:pt>
                <c:pt idx="8560">
                  <c:v>45086</c:v>
                </c:pt>
                <c:pt idx="8561">
                  <c:v>45087</c:v>
                </c:pt>
                <c:pt idx="8562">
                  <c:v>45088</c:v>
                </c:pt>
                <c:pt idx="8563">
                  <c:v>45089</c:v>
                </c:pt>
                <c:pt idx="8564">
                  <c:v>45090</c:v>
                </c:pt>
                <c:pt idx="8565">
                  <c:v>45091</c:v>
                </c:pt>
                <c:pt idx="8566">
                  <c:v>45092</c:v>
                </c:pt>
                <c:pt idx="8567">
                  <c:v>45093</c:v>
                </c:pt>
                <c:pt idx="8568">
                  <c:v>45094</c:v>
                </c:pt>
                <c:pt idx="8569">
                  <c:v>45095</c:v>
                </c:pt>
                <c:pt idx="8570">
                  <c:v>45096</c:v>
                </c:pt>
                <c:pt idx="8571">
                  <c:v>45097</c:v>
                </c:pt>
                <c:pt idx="8572">
                  <c:v>45098</c:v>
                </c:pt>
                <c:pt idx="8573">
                  <c:v>45099</c:v>
                </c:pt>
                <c:pt idx="8574">
                  <c:v>45100</c:v>
                </c:pt>
                <c:pt idx="8575">
                  <c:v>45101</c:v>
                </c:pt>
                <c:pt idx="8576">
                  <c:v>45102</c:v>
                </c:pt>
                <c:pt idx="8577">
                  <c:v>45103</c:v>
                </c:pt>
                <c:pt idx="8578">
                  <c:v>45104</c:v>
                </c:pt>
                <c:pt idx="8579">
                  <c:v>45105</c:v>
                </c:pt>
                <c:pt idx="8580">
                  <c:v>45106</c:v>
                </c:pt>
                <c:pt idx="8581">
                  <c:v>45107</c:v>
                </c:pt>
                <c:pt idx="8582">
                  <c:v>45108</c:v>
                </c:pt>
                <c:pt idx="8583">
                  <c:v>45109</c:v>
                </c:pt>
                <c:pt idx="8584">
                  <c:v>45110</c:v>
                </c:pt>
                <c:pt idx="8585">
                  <c:v>45111</c:v>
                </c:pt>
                <c:pt idx="8586">
                  <c:v>45112</c:v>
                </c:pt>
                <c:pt idx="8587">
                  <c:v>45113</c:v>
                </c:pt>
                <c:pt idx="8588">
                  <c:v>45114</c:v>
                </c:pt>
                <c:pt idx="8589">
                  <c:v>45115</c:v>
                </c:pt>
                <c:pt idx="8590">
                  <c:v>45116</c:v>
                </c:pt>
                <c:pt idx="8591">
                  <c:v>45117</c:v>
                </c:pt>
                <c:pt idx="8592">
                  <c:v>45118</c:v>
                </c:pt>
                <c:pt idx="8593">
                  <c:v>45119</c:v>
                </c:pt>
                <c:pt idx="8594">
                  <c:v>45120</c:v>
                </c:pt>
                <c:pt idx="8595">
                  <c:v>45121</c:v>
                </c:pt>
                <c:pt idx="8596">
                  <c:v>45122</c:v>
                </c:pt>
                <c:pt idx="8597">
                  <c:v>45123</c:v>
                </c:pt>
                <c:pt idx="8598">
                  <c:v>45124</c:v>
                </c:pt>
                <c:pt idx="8599">
                  <c:v>45125</c:v>
                </c:pt>
                <c:pt idx="8600">
                  <c:v>45126</c:v>
                </c:pt>
                <c:pt idx="8601">
                  <c:v>45127</c:v>
                </c:pt>
                <c:pt idx="8602">
                  <c:v>45128</c:v>
                </c:pt>
                <c:pt idx="8603">
                  <c:v>45129</c:v>
                </c:pt>
                <c:pt idx="8604">
                  <c:v>45130</c:v>
                </c:pt>
                <c:pt idx="8605">
                  <c:v>45131</c:v>
                </c:pt>
                <c:pt idx="8606">
                  <c:v>45132</c:v>
                </c:pt>
                <c:pt idx="8607">
                  <c:v>45133</c:v>
                </c:pt>
                <c:pt idx="8608">
                  <c:v>45134</c:v>
                </c:pt>
                <c:pt idx="8609">
                  <c:v>45135</c:v>
                </c:pt>
                <c:pt idx="8610">
                  <c:v>45136</c:v>
                </c:pt>
                <c:pt idx="8611">
                  <c:v>45137</c:v>
                </c:pt>
                <c:pt idx="8612">
                  <c:v>45138</c:v>
                </c:pt>
                <c:pt idx="8613">
                  <c:v>45139</c:v>
                </c:pt>
                <c:pt idx="8614">
                  <c:v>45140</c:v>
                </c:pt>
                <c:pt idx="8615">
                  <c:v>45141</c:v>
                </c:pt>
                <c:pt idx="8616">
                  <c:v>45142</c:v>
                </c:pt>
                <c:pt idx="8617">
                  <c:v>45143</c:v>
                </c:pt>
                <c:pt idx="8618">
                  <c:v>45144</c:v>
                </c:pt>
                <c:pt idx="8619">
                  <c:v>45145</c:v>
                </c:pt>
                <c:pt idx="8620">
                  <c:v>45146</c:v>
                </c:pt>
                <c:pt idx="8621">
                  <c:v>45147</c:v>
                </c:pt>
                <c:pt idx="8622">
                  <c:v>45148</c:v>
                </c:pt>
                <c:pt idx="8623">
                  <c:v>45149</c:v>
                </c:pt>
                <c:pt idx="8624">
                  <c:v>45150</c:v>
                </c:pt>
                <c:pt idx="8625">
                  <c:v>45151</c:v>
                </c:pt>
                <c:pt idx="8626">
                  <c:v>45152</c:v>
                </c:pt>
                <c:pt idx="8627">
                  <c:v>45153</c:v>
                </c:pt>
                <c:pt idx="8628">
                  <c:v>45154</c:v>
                </c:pt>
                <c:pt idx="8629">
                  <c:v>45155</c:v>
                </c:pt>
                <c:pt idx="8630">
                  <c:v>45156</c:v>
                </c:pt>
                <c:pt idx="8631">
                  <c:v>45157</c:v>
                </c:pt>
                <c:pt idx="8632">
                  <c:v>45158</c:v>
                </c:pt>
                <c:pt idx="8633">
                  <c:v>45159</c:v>
                </c:pt>
                <c:pt idx="8634">
                  <c:v>45160</c:v>
                </c:pt>
                <c:pt idx="8635">
                  <c:v>45161</c:v>
                </c:pt>
                <c:pt idx="8636">
                  <c:v>45162</c:v>
                </c:pt>
                <c:pt idx="8637">
                  <c:v>45163</c:v>
                </c:pt>
                <c:pt idx="8638">
                  <c:v>45164</c:v>
                </c:pt>
                <c:pt idx="8639">
                  <c:v>45165</c:v>
                </c:pt>
                <c:pt idx="8640">
                  <c:v>45166</c:v>
                </c:pt>
                <c:pt idx="8641">
                  <c:v>45167</c:v>
                </c:pt>
                <c:pt idx="8642">
                  <c:v>45168</c:v>
                </c:pt>
                <c:pt idx="8643">
                  <c:v>45169</c:v>
                </c:pt>
                <c:pt idx="8644">
                  <c:v>45170</c:v>
                </c:pt>
                <c:pt idx="8645">
                  <c:v>45171</c:v>
                </c:pt>
                <c:pt idx="8646">
                  <c:v>45172</c:v>
                </c:pt>
                <c:pt idx="8647">
                  <c:v>45173</c:v>
                </c:pt>
                <c:pt idx="8648">
                  <c:v>45174</c:v>
                </c:pt>
                <c:pt idx="8649">
                  <c:v>45175</c:v>
                </c:pt>
                <c:pt idx="8650">
                  <c:v>45176</c:v>
                </c:pt>
                <c:pt idx="8651">
                  <c:v>45177</c:v>
                </c:pt>
                <c:pt idx="8652">
                  <c:v>45178</c:v>
                </c:pt>
                <c:pt idx="8653">
                  <c:v>45179</c:v>
                </c:pt>
                <c:pt idx="8654">
                  <c:v>45180</c:v>
                </c:pt>
                <c:pt idx="8655">
                  <c:v>45181</c:v>
                </c:pt>
                <c:pt idx="8656">
                  <c:v>45182</c:v>
                </c:pt>
                <c:pt idx="8657">
                  <c:v>45183</c:v>
                </c:pt>
                <c:pt idx="8658">
                  <c:v>45184</c:v>
                </c:pt>
                <c:pt idx="8659">
                  <c:v>45185</c:v>
                </c:pt>
                <c:pt idx="8660">
                  <c:v>45186</c:v>
                </c:pt>
                <c:pt idx="8661">
                  <c:v>45187</c:v>
                </c:pt>
                <c:pt idx="8662">
                  <c:v>45188</c:v>
                </c:pt>
                <c:pt idx="8663">
                  <c:v>45189</c:v>
                </c:pt>
                <c:pt idx="8664">
                  <c:v>45190</c:v>
                </c:pt>
                <c:pt idx="8665">
                  <c:v>45191</c:v>
                </c:pt>
                <c:pt idx="8666">
                  <c:v>45192</c:v>
                </c:pt>
                <c:pt idx="8667">
                  <c:v>45193</c:v>
                </c:pt>
                <c:pt idx="8668">
                  <c:v>45194</c:v>
                </c:pt>
                <c:pt idx="8669">
                  <c:v>45195</c:v>
                </c:pt>
                <c:pt idx="8670">
                  <c:v>45196</c:v>
                </c:pt>
                <c:pt idx="8671">
                  <c:v>45197</c:v>
                </c:pt>
                <c:pt idx="8672">
                  <c:v>45198</c:v>
                </c:pt>
                <c:pt idx="8673">
                  <c:v>45199</c:v>
                </c:pt>
                <c:pt idx="8674">
                  <c:v>45200</c:v>
                </c:pt>
                <c:pt idx="8675">
                  <c:v>45201</c:v>
                </c:pt>
                <c:pt idx="8676">
                  <c:v>45202</c:v>
                </c:pt>
                <c:pt idx="8677">
                  <c:v>45203</c:v>
                </c:pt>
                <c:pt idx="8678">
                  <c:v>45204</c:v>
                </c:pt>
                <c:pt idx="8679">
                  <c:v>45205</c:v>
                </c:pt>
                <c:pt idx="8680">
                  <c:v>45206</c:v>
                </c:pt>
                <c:pt idx="8681">
                  <c:v>45207</c:v>
                </c:pt>
                <c:pt idx="8682">
                  <c:v>45208</c:v>
                </c:pt>
                <c:pt idx="8683">
                  <c:v>45209</c:v>
                </c:pt>
                <c:pt idx="8684">
                  <c:v>45210</c:v>
                </c:pt>
                <c:pt idx="8685">
                  <c:v>45211</c:v>
                </c:pt>
                <c:pt idx="8686">
                  <c:v>45212</c:v>
                </c:pt>
                <c:pt idx="8687">
                  <c:v>45213</c:v>
                </c:pt>
                <c:pt idx="8688">
                  <c:v>45214</c:v>
                </c:pt>
                <c:pt idx="8689">
                  <c:v>45215</c:v>
                </c:pt>
                <c:pt idx="8690">
                  <c:v>45216</c:v>
                </c:pt>
                <c:pt idx="8691">
                  <c:v>45217</c:v>
                </c:pt>
                <c:pt idx="8692">
                  <c:v>45218</c:v>
                </c:pt>
                <c:pt idx="8693">
                  <c:v>45219</c:v>
                </c:pt>
                <c:pt idx="8694">
                  <c:v>45220</c:v>
                </c:pt>
                <c:pt idx="8695">
                  <c:v>45221</c:v>
                </c:pt>
                <c:pt idx="8696">
                  <c:v>45222</c:v>
                </c:pt>
                <c:pt idx="8697">
                  <c:v>45223</c:v>
                </c:pt>
                <c:pt idx="8698">
                  <c:v>45224</c:v>
                </c:pt>
                <c:pt idx="8699">
                  <c:v>45225</c:v>
                </c:pt>
                <c:pt idx="8700">
                  <c:v>45226</c:v>
                </c:pt>
                <c:pt idx="8701">
                  <c:v>45227</c:v>
                </c:pt>
                <c:pt idx="8702">
                  <c:v>45228</c:v>
                </c:pt>
                <c:pt idx="8703">
                  <c:v>45229</c:v>
                </c:pt>
                <c:pt idx="8704">
                  <c:v>45230</c:v>
                </c:pt>
                <c:pt idx="8705">
                  <c:v>45231</c:v>
                </c:pt>
                <c:pt idx="8706">
                  <c:v>45232</c:v>
                </c:pt>
                <c:pt idx="8707">
                  <c:v>45233</c:v>
                </c:pt>
                <c:pt idx="8708">
                  <c:v>45234</c:v>
                </c:pt>
                <c:pt idx="8709">
                  <c:v>45235</c:v>
                </c:pt>
                <c:pt idx="8710">
                  <c:v>45236</c:v>
                </c:pt>
                <c:pt idx="8711">
                  <c:v>45237</c:v>
                </c:pt>
                <c:pt idx="8712">
                  <c:v>45238</c:v>
                </c:pt>
                <c:pt idx="8713">
                  <c:v>45239</c:v>
                </c:pt>
                <c:pt idx="8714">
                  <c:v>45240</c:v>
                </c:pt>
                <c:pt idx="8715">
                  <c:v>45241</c:v>
                </c:pt>
                <c:pt idx="8716">
                  <c:v>45242</c:v>
                </c:pt>
                <c:pt idx="8717">
                  <c:v>45243</c:v>
                </c:pt>
                <c:pt idx="8718">
                  <c:v>45244</c:v>
                </c:pt>
                <c:pt idx="8719">
                  <c:v>45245</c:v>
                </c:pt>
                <c:pt idx="8720">
                  <c:v>45246</c:v>
                </c:pt>
                <c:pt idx="8721">
                  <c:v>45247</c:v>
                </c:pt>
                <c:pt idx="8722">
                  <c:v>45248</c:v>
                </c:pt>
                <c:pt idx="8723">
                  <c:v>45249</c:v>
                </c:pt>
                <c:pt idx="8724">
                  <c:v>45250</c:v>
                </c:pt>
                <c:pt idx="8725">
                  <c:v>45251</c:v>
                </c:pt>
                <c:pt idx="8726">
                  <c:v>45252</c:v>
                </c:pt>
                <c:pt idx="8727">
                  <c:v>45253</c:v>
                </c:pt>
                <c:pt idx="8728">
                  <c:v>45254</c:v>
                </c:pt>
                <c:pt idx="8729">
                  <c:v>45255</c:v>
                </c:pt>
                <c:pt idx="8730">
                  <c:v>45256</c:v>
                </c:pt>
                <c:pt idx="8731">
                  <c:v>45257</c:v>
                </c:pt>
                <c:pt idx="8732">
                  <c:v>45258</c:v>
                </c:pt>
                <c:pt idx="8733">
                  <c:v>45259</c:v>
                </c:pt>
                <c:pt idx="8734">
                  <c:v>45260</c:v>
                </c:pt>
                <c:pt idx="8735">
                  <c:v>45261</c:v>
                </c:pt>
                <c:pt idx="8736">
                  <c:v>45262</c:v>
                </c:pt>
                <c:pt idx="8737">
                  <c:v>45263</c:v>
                </c:pt>
                <c:pt idx="8738">
                  <c:v>45264</c:v>
                </c:pt>
                <c:pt idx="8739">
                  <c:v>45265</c:v>
                </c:pt>
                <c:pt idx="8740">
                  <c:v>45266</c:v>
                </c:pt>
                <c:pt idx="8741">
                  <c:v>45267</c:v>
                </c:pt>
                <c:pt idx="8742">
                  <c:v>45268</c:v>
                </c:pt>
                <c:pt idx="8743">
                  <c:v>45269</c:v>
                </c:pt>
                <c:pt idx="8744">
                  <c:v>45270</c:v>
                </c:pt>
                <c:pt idx="8745">
                  <c:v>45271</c:v>
                </c:pt>
                <c:pt idx="8746">
                  <c:v>45272</c:v>
                </c:pt>
                <c:pt idx="8747">
                  <c:v>45273</c:v>
                </c:pt>
                <c:pt idx="8748">
                  <c:v>45274</c:v>
                </c:pt>
                <c:pt idx="8749">
                  <c:v>45275</c:v>
                </c:pt>
                <c:pt idx="8750">
                  <c:v>45276</c:v>
                </c:pt>
                <c:pt idx="8751">
                  <c:v>45277</c:v>
                </c:pt>
                <c:pt idx="8752">
                  <c:v>45278</c:v>
                </c:pt>
                <c:pt idx="8753">
                  <c:v>45279</c:v>
                </c:pt>
                <c:pt idx="8754">
                  <c:v>45280</c:v>
                </c:pt>
                <c:pt idx="8755">
                  <c:v>45281</c:v>
                </c:pt>
                <c:pt idx="8756">
                  <c:v>45282</c:v>
                </c:pt>
                <c:pt idx="8757">
                  <c:v>45283</c:v>
                </c:pt>
                <c:pt idx="8758">
                  <c:v>45284</c:v>
                </c:pt>
                <c:pt idx="8759">
                  <c:v>45285</c:v>
                </c:pt>
                <c:pt idx="8760">
                  <c:v>45286</c:v>
                </c:pt>
                <c:pt idx="8761">
                  <c:v>45287</c:v>
                </c:pt>
                <c:pt idx="8762">
                  <c:v>45288</c:v>
                </c:pt>
                <c:pt idx="8763">
                  <c:v>45289</c:v>
                </c:pt>
                <c:pt idx="8764">
                  <c:v>45290</c:v>
                </c:pt>
                <c:pt idx="8765">
                  <c:v>45291</c:v>
                </c:pt>
                <c:pt idx="8766">
                  <c:v>45292</c:v>
                </c:pt>
                <c:pt idx="8767">
                  <c:v>45293</c:v>
                </c:pt>
                <c:pt idx="8768">
                  <c:v>45294</c:v>
                </c:pt>
                <c:pt idx="8769">
                  <c:v>45295</c:v>
                </c:pt>
                <c:pt idx="8770">
                  <c:v>45296</c:v>
                </c:pt>
                <c:pt idx="8771">
                  <c:v>45297</c:v>
                </c:pt>
                <c:pt idx="8772">
                  <c:v>45298</c:v>
                </c:pt>
                <c:pt idx="8773">
                  <c:v>45299</c:v>
                </c:pt>
                <c:pt idx="8774">
                  <c:v>45300</c:v>
                </c:pt>
                <c:pt idx="8775">
                  <c:v>45301</c:v>
                </c:pt>
                <c:pt idx="8776">
                  <c:v>45302</c:v>
                </c:pt>
                <c:pt idx="8777">
                  <c:v>45303</c:v>
                </c:pt>
                <c:pt idx="8778">
                  <c:v>45304</c:v>
                </c:pt>
                <c:pt idx="8779">
                  <c:v>45305</c:v>
                </c:pt>
                <c:pt idx="8780">
                  <c:v>45306</c:v>
                </c:pt>
                <c:pt idx="8781">
                  <c:v>45307</c:v>
                </c:pt>
                <c:pt idx="8782">
                  <c:v>45308</c:v>
                </c:pt>
                <c:pt idx="8783">
                  <c:v>45309</c:v>
                </c:pt>
                <c:pt idx="8784">
                  <c:v>45310</c:v>
                </c:pt>
                <c:pt idx="8785">
                  <c:v>45311</c:v>
                </c:pt>
                <c:pt idx="8786">
                  <c:v>45312</c:v>
                </c:pt>
                <c:pt idx="8787">
                  <c:v>45313</c:v>
                </c:pt>
                <c:pt idx="8788">
                  <c:v>45314</c:v>
                </c:pt>
                <c:pt idx="8789">
                  <c:v>45315</c:v>
                </c:pt>
                <c:pt idx="8790">
                  <c:v>45316</c:v>
                </c:pt>
                <c:pt idx="8791">
                  <c:v>45317</c:v>
                </c:pt>
                <c:pt idx="8792">
                  <c:v>45318</c:v>
                </c:pt>
                <c:pt idx="8793">
                  <c:v>45319</c:v>
                </c:pt>
                <c:pt idx="8794">
                  <c:v>45320</c:v>
                </c:pt>
                <c:pt idx="8795">
                  <c:v>45321</c:v>
                </c:pt>
                <c:pt idx="8796">
                  <c:v>45322</c:v>
                </c:pt>
                <c:pt idx="8797">
                  <c:v>45323</c:v>
                </c:pt>
                <c:pt idx="8798">
                  <c:v>45324</c:v>
                </c:pt>
                <c:pt idx="8799">
                  <c:v>45325</c:v>
                </c:pt>
                <c:pt idx="8800">
                  <c:v>45326</c:v>
                </c:pt>
                <c:pt idx="8801">
                  <c:v>45327</c:v>
                </c:pt>
                <c:pt idx="8802">
                  <c:v>45328</c:v>
                </c:pt>
                <c:pt idx="8803">
                  <c:v>45329</c:v>
                </c:pt>
                <c:pt idx="8804">
                  <c:v>45330</c:v>
                </c:pt>
                <c:pt idx="8805">
                  <c:v>45331</c:v>
                </c:pt>
                <c:pt idx="8806">
                  <c:v>45332</c:v>
                </c:pt>
                <c:pt idx="8807">
                  <c:v>45333</c:v>
                </c:pt>
                <c:pt idx="8808">
                  <c:v>45334</c:v>
                </c:pt>
                <c:pt idx="8809">
                  <c:v>45335</c:v>
                </c:pt>
                <c:pt idx="8810">
                  <c:v>45336</c:v>
                </c:pt>
                <c:pt idx="8811">
                  <c:v>45337</c:v>
                </c:pt>
                <c:pt idx="8812">
                  <c:v>45338</c:v>
                </c:pt>
                <c:pt idx="8813">
                  <c:v>45339</c:v>
                </c:pt>
                <c:pt idx="8814">
                  <c:v>45340</c:v>
                </c:pt>
                <c:pt idx="8815">
                  <c:v>45341</c:v>
                </c:pt>
                <c:pt idx="8816">
                  <c:v>45342</c:v>
                </c:pt>
                <c:pt idx="8817">
                  <c:v>45343</c:v>
                </c:pt>
                <c:pt idx="8818">
                  <c:v>45344</c:v>
                </c:pt>
                <c:pt idx="8819">
                  <c:v>45345</c:v>
                </c:pt>
                <c:pt idx="8820">
                  <c:v>45346</c:v>
                </c:pt>
                <c:pt idx="8821">
                  <c:v>45347</c:v>
                </c:pt>
                <c:pt idx="8822">
                  <c:v>45348</c:v>
                </c:pt>
                <c:pt idx="8823">
                  <c:v>45349</c:v>
                </c:pt>
                <c:pt idx="8824">
                  <c:v>45350</c:v>
                </c:pt>
                <c:pt idx="8825">
                  <c:v>45351</c:v>
                </c:pt>
                <c:pt idx="8826">
                  <c:v>45352</c:v>
                </c:pt>
                <c:pt idx="8827">
                  <c:v>45353</c:v>
                </c:pt>
                <c:pt idx="8828">
                  <c:v>45354</c:v>
                </c:pt>
                <c:pt idx="8829">
                  <c:v>45355</c:v>
                </c:pt>
                <c:pt idx="8830">
                  <c:v>45356</c:v>
                </c:pt>
                <c:pt idx="8831">
                  <c:v>45357</c:v>
                </c:pt>
                <c:pt idx="8832">
                  <c:v>45358</c:v>
                </c:pt>
                <c:pt idx="8833">
                  <c:v>45359</c:v>
                </c:pt>
                <c:pt idx="8834">
                  <c:v>45360</c:v>
                </c:pt>
                <c:pt idx="8835">
                  <c:v>45361</c:v>
                </c:pt>
                <c:pt idx="8836">
                  <c:v>45362</c:v>
                </c:pt>
                <c:pt idx="8837">
                  <c:v>45363</c:v>
                </c:pt>
                <c:pt idx="8838">
                  <c:v>45364</c:v>
                </c:pt>
                <c:pt idx="8839">
                  <c:v>45365</c:v>
                </c:pt>
                <c:pt idx="8840">
                  <c:v>45366</c:v>
                </c:pt>
                <c:pt idx="8841">
                  <c:v>45367</c:v>
                </c:pt>
                <c:pt idx="8842">
                  <c:v>45368</c:v>
                </c:pt>
                <c:pt idx="8843">
                  <c:v>45369</c:v>
                </c:pt>
                <c:pt idx="8844">
                  <c:v>45370</c:v>
                </c:pt>
                <c:pt idx="8845">
                  <c:v>45371</c:v>
                </c:pt>
                <c:pt idx="8846">
                  <c:v>45372</c:v>
                </c:pt>
                <c:pt idx="8847">
                  <c:v>45373</c:v>
                </c:pt>
                <c:pt idx="8848">
                  <c:v>45374</c:v>
                </c:pt>
                <c:pt idx="8849">
                  <c:v>45375</c:v>
                </c:pt>
                <c:pt idx="8850">
                  <c:v>45376</c:v>
                </c:pt>
                <c:pt idx="8851">
                  <c:v>45377</c:v>
                </c:pt>
                <c:pt idx="8852">
                  <c:v>45378</c:v>
                </c:pt>
                <c:pt idx="8853">
                  <c:v>45379</c:v>
                </c:pt>
                <c:pt idx="8854">
                  <c:v>45380</c:v>
                </c:pt>
                <c:pt idx="8855">
                  <c:v>45381</c:v>
                </c:pt>
                <c:pt idx="8856">
                  <c:v>45382</c:v>
                </c:pt>
                <c:pt idx="8857">
                  <c:v>45383</c:v>
                </c:pt>
                <c:pt idx="8858">
                  <c:v>45384</c:v>
                </c:pt>
                <c:pt idx="8859">
                  <c:v>45385</c:v>
                </c:pt>
                <c:pt idx="8860">
                  <c:v>45386</c:v>
                </c:pt>
                <c:pt idx="8861">
                  <c:v>45387</c:v>
                </c:pt>
                <c:pt idx="8862">
                  <c:v>45388</c:v>
                </c:pt>
                <c:pt idx="8863">
                  <c:v>45389</c:v>
                </c:pt>
                <c:pt idx="8864">
                  <c:v>45390</c:v>
                </c:pt>
                <c:pt idx="8865">
                  <c:v>45391</c:v>
                </c:pt>
                <c:pt idx="8866">
                  <c:v>45392</c:v>
                </c:pt>
                <c:pt idx="8867">
                  <c:v>45393</c:v>
                </c:pt>
                <c:pt idx="8868">
                  <c:v>45394</c:v>
                </c:pt>
                <c:pt idx="8869">
                  <c:v>45395</c:v>
                </c:pt>
                <c:pt idx="8870">
                  <c:v>45396</c:v>
                </c:pt>
                <c:pt idx="8871">
                  <c:v>45397</c:v>
                </c:pt>
                <c:pt idx="8872">
                  <c:v>45398</c:v>
                </c:pt>
                <c:pt idx="8873">
                  <c:v>45399</c:v>
                </c:pt>
                <c:pt idx="8874">
                  <c:v>45400</c:v>
                </c:pt>
                <c:pt idx="8875">
                  <c:v>45401</c:v>
                </c:pt>
                <c:pt idx="8876">
                  <c:v>45402</c:v>
                </c:pt>
                <c:pt idx="8877">
                  <c:v>45403</c:v>
                </c:pt>
                <c:pt idx="8878">
                  <c:v>45404</c:v>
                </c:pt>
                <c:pt idx="8879">
                  <c:v>45405</c:v>
                </c:pt>
                <c:pt idx="8880">
                  <c:v>45406</c:v>
                </c:pt>
                <c:pt idx="8881">
                  <c:v>45407</c:v>
                </c:pt>
                <c:pt idx="8882">
                  <c:v>45408</c:v>
                </c:pt>
                <c:pt idx="8883">
                  <c:v>45409</c:v>
                </c:pt>
                <c:pt idx="8884">
                  <c:v>45410</c:v>
                </c:pt>
                <c:pt idx="8885">
                  <c:v>45411</c:v>
                </c:pt>
                <c:pt idx="8886">
                  <c:v>45412</c:v>
                </c:pt>
                <c:pt idx="8887">
                  <c:v>45413</c:v>
                </c:pt>
                <c:pt idx="8888">
                  <c:v>45414</c:v>
                </c:pt>
                <c:pt idx="8889">
                  <c:v>45415</c:v>
                </c:pt>
                <c:pt idx="8890">
                  <c:v>45416</c:v>
                </c:pt>
                <c:pt idx="8891">
                  <c:v>45417</c:v>
                </c:pt>
                <c:pt idx="8892">
                  <c:v>45418</c:v>
                </c:pt>
                <c:pt idx="8893">
                  <c:v>45419</c:v>
                </c:pt>
                <c:pt idx="8894">
                  <c:v>45420</c:v>
                </c:pt>
                <c:pt idx="8895">
                  <c:v>45421</c:v>
                </c:pt>
                <c:pt idx="8896">
                  <c:v>45422</c:v>
                </c:pt>
                <c:pt idx="8897">
                  <c:v>45423</c:v>
                </c:pt>
                <c:pt idx="8898">
                  <c:v>45424</c:v>
                </c:pt>
                <c:pt idx="8899">
                  <c:v>45425</c:v>
                </c:pt>
                <c:pt idx="8900">
                  <c:v>45426</c:v>
                </c:pt>
                <c:pt idx="8901">
                  <c:v>45427</c:v>
                </c:pt>
                <c:pt idx="8902">
                  <c:v>45428</c:v>
                </c:pt>
                <c:pt idx="8903">
                  <c:v>45429</c:v>
                </c:pt>
                <c:pt idx="8904">
                  <c:v>45430</c:v>
                </c:pt>
                <c:pt idx="8905">
                  <c:v>45431</c:v>
                </c:pt>
                <c:pt idx="8906">
                  <c:v>45432</c:v>
                </c:pt>
                <c:pt idx="8907">
                  <c:v>45433</c:v>
                </c:pt>
                <c:pt idx="8908">
                  <c:v>45434</c:v>
                </c:pt>
                <c:pt idx="8909">
                  <c:v>45435</c:v>
                </c:pt>
                <c:pt idx="8910">
                  <c:v>45436</c:v>
                </c:pt>
                <c:pt idx="8911">
                  <c:v>45437</c:v>
                </c:pt>
                <c:pt idx="8912">
                  <c:v>45438</c:v>
                </c:pt>
                <c:pt idx="8913">
                  <c:v>45439</c:v>
                </c:pt>
                <c:pt idx="8914">
                  <c:v>45440</c:v>
                </c:pt>
                <c:pt idx="8915">
                  <c:v>45441</c:v>
                </c:pt>
                <c:pt idx="8916">
                  <c:v>45442</c:v>
                </c:pt>
                <c:pt idx="8917">
                  <c:v>45443</c:v>
                </c:pt>
                <c:pt idx="8918">
                  <c:v>45444</c:v>
                </c:pt>
                <c:pt idx="8919">
                  <c:v>45445</c:v>
                </c:pt>
                <c:pt idx="8920">
                  <c:v>45446</c:v>
                </c:pt>
                <c:pt idx="8921">
                  <c:v>45447</c:v>
                </c:pt>
                <c:pt idx="8922">
                  <c:v>45448</c:v>
                </c:pt>
                <c:pt idx="8923">
                  <c:v>45449</c:v>
                </c:pt>
                <c:pt idx="8924">
                  <c:v>45450</c:v>
                </c:pt>
                <c:pt idx="8925">
                  <c:v>45451</c:v>
                </c:pt>
                <c:pt idx="8926">
                  <c:v>45452</c:v>
                </c:pt>
                <c:pt idx="8927">
                  <c:v>45453</c:v>
                </c:pt>
                <c:pt idx="8928">
                  <c:v>45454</c:v>
                </c:pt>
                <c:pt idx="8929">
                  <c:v>45455</c:v>
                </c:pt>
                <c:pt idx="8930">
                  <c:v>45456</c:v>
                </c:pt>
                <c:pt idx="8931">
                  <c:v>45457</c:v>
                </c:pt>
                <c:pt idx="8932">
                  <c:v>45458</c:v>
                </c:pt>
                <c:pt idx="8933">
                  <c:v>45459</c:v>
                </c:pt>
                <c:pt idx="8934">
                  <c:v>45460</c:v>
                </c:pt>
                <c:pt idx="8935">
                  <c:v>45461</c:v>
                </c:pt>
                <c:pt idx="8936">
                  <c:v>45462</c:v>
                </c:pt>
                <c:pt idx="8937">
                  <c:v>45463</c:v>
                </c:pt>
                <c:pt idx="8938">
                  <c:v>45464</c:v>
                </c:pt>
                <c:pt idx="8939">
                  <c:v>45465</c:v>
                </c:pt>
                <c:pt idx="8940">
                  <c:v>45466</c:v>
                </c:pt>
                <c:pt idx="8941">
                  <c:v>45467</c:v>
                </c:pt>
                <c:pt idx="8942">
                  <c:v>45468</c:v>
                </c:pt>
                <c:pt idx="8943">
                  <c:v>45469</c:v>
                </c:pt>
                <c:pt idx="8944">
                  <c:v>45470</c:v>
                </c:pt>
                <c:pt idx="8945">
                  <c:v>45471</c:v>
                </c:pt>
                <c:pt idx="8946">
                  <c:v>45472</c:v>
                </c:pt>
                <c:pt idx="8947">
                  <c:v>45473</c:v>
                </c:pt>
              </c:numCache>
            </c:numRef>
          </c:cat>
          <c:val>
            <c:numRef>
              <c:f>Sheet1!$N$5:$N$8952</c:f>
              <c:numCache>
                <c:formatCode>0.00%</c:formatCode>
                <c:ptCount val="8948"/>
                <c:pt idx="0">
                  <c:v>0</c:v>
                </c:pt>
                <c:pt idx="1">
                  <c:v>0</c:v>
                </c:pt>
                <c:pt idx="2">
                  <c:v>5.5E-2</c:v>
                </c:pt>
                <c:pt idx="3">
                  <c:v>5.5E-2</c:v>
                </c:pt>
                <c:pt idx="4">
                  <c:v>5.5E-2</c:v>
                </c:pt>
                <c:pt idx="5">
                  <c:v>5.5E-2</c:v>
                </c:pt>
                <c:pt idx="6">
                  <c:v>5.5E-2</c:v>
                </c:pt>
                <c:pt idx="7">
                  <c:v>5.5E-2</c:v>
                </c:pt>
                <c:pt idx="8">
                  <c:v>5.5E-2</c:v>
                </c:pt>
                <c:pt idx="9">
                  <c:v>5.5E-2</c:v>
                </c:pt>
                <c:pt idx="10">
                  <c:v>5.5E-2</c:v>
                </c:pt>
                <c:pt idx="11">
                  <c:v>5.5E-2</c:v>
                </c:pt>
                <c:pt idx="12">
                  <c:v>5.7500000000000002E-2</c:v>
                </c:pt>
                <c:pt idx="13">
                  <c:v>5.7500000000000002E-2</c:v>
                </c:pt>
                <c:pt idx="14">
                  <c:v>5.7500000000000002E-2</c:v>
                </c:pt>
                <c:pt idx="15">
                  <c:v>5.7500000000000002E-2</c:v>
                </c:pt>
                <c:pt idx="16">
                  <c:v>5.7500000000000002E-2</c:v>
                </c:pt>
                <c:pt idx="17">
                  <c:v>5.7500000000000002E-2</c:v>
                </c:pt>
                <c:pt idx="18">
                  <c:v>5.7500000000000002E-2</c:v>
                </c:pt>
                <c:pt idx="19">
                  <c:v>5.7500000000000002E-2</c:v>
                </c:pt>
                <c:pt idx="20">
                  <c:v>5.7500000000000002E-2</c:v>
                </c:pt>
                <c:pt idx="21">
                  <c:v>5.7500000000000002E-2</c:v>
                </c:pt>
                <c:pt idx="22">
                  <c:v>5.7500000000000002E-2</c:v>
                </c:pt>
                <c:pt idx="23">
                  <c:v>5.7500000000000002E-2</c:v>
                </c:pt>
                <c:pt idx="24">
                  <c:v>5.7500000000000002E-2</c:v>
                </c:pt>
                <c:pt idx="25">
                  <c:v>5.7500000000000002E-2</c:v>
                </c:pt>
                <c:pt idx="26">
                  <c:v>5.7500000000000002E-2</c:v>
                </c:pt>
                <c:pt idx="27">
                  <c:v>5.7500000000000002E-2</c:v>
                </c:pt>
                <c:pt idx="28">
                  <c:v>5.7500000000000002E-2</c:v>
                </c:pt>
                <c:pt idx="29">
                  <c:v>5.7500000000000002E-2</c:v>
                </c:pt>
                <c:pt idx="30">
                  <c:v>5.7500000000000002E-2</c:v>
                </c:pt>
                <c:pt idx="31">
                  <c:v>5.7500000000000002E-2</c:v>
                </c:pt>
                <c:pt idx="32">
                  <c:v>5.7500000000000002E-2</c:v>
                </c:pt>
                <c:pt idx="33">
                  <c:v>5.7500000000000002E-2</c:v>
                </c:pt>
                <c:pt idx="34">
                  <c:v>5.7500000000000002E-2</c:v>
                </c:pt>
                <c:pt idx="35">
                  <c:v>5.7500000000000002E-2</c:v>
                </c:pt>
                <c:pt idx="36">
                  <c:v>5.7500000000000002E-2</c:v>
                </c:pt>
                <c:pt idx="37">
                  <c:v>5.7500000000000002E-2</c:v>
                </c:pt>
                <c:pt idx="38">
                  <c:v>5.7500000000000002E-2</c:v>
                </c:pt>
                <c:pt idx="39">
                  <c:v>5.7500000000000002E-2</c:v>
                </c:pt>
                <c:pt idx="40">
                  <c:v>0.06</c:v>
                </c:pt>
                <c:pt idx="41">
                  <c:v>0.06</c:v>
                </c:pt>
                <c:pt idx="42">
                  <c:v>0.06</c:v>
                </c:pt>
                <c:pt idx="43">
                  <c:v>0.06</c:v>
                </c:pt>
                <c:pt idx="44">
                  <c:v>0.06</c:v>
                </c:pt>
                <c:pt idx="45">
                  <c:v>0.06</c:v>
                </c:pt>
                <c:pt idx="46">
                  <c:v>0.06</c:v>
                </c:pt>
                <c:pt idx="47">
                  <c:v>0.06</c:v>
                </c:pt>
                <c:pt idx="48">
                  <c:v>0.06</c:v>
                </c:pt>
                <c:pt idx="49">
                  <c:v>0.06</c:v>
                </c:pt>
                <c:pt idx="50">
                  <c:v>0.06</c:v>
                </c:pt>
                <c:pt idx="51">
                  <c:v>0.06</c:v>
                </c:pt>
                <c:pt idx="52">
                  <c:v>0.06</c:v>
                </c:pt>
                <c:pt idx="53">
                  <c:v>0.06</c:v>
                </c:pt>
                <c:pt idx="54">
                  <c:v>0.06</c:v>
                </c:pt>
                <c:pt idx="55">
                  <c:v>0.06</c:v>
                </c:pt>
                <c:pt idx="56">
                  <c:v>0.06</c:v>
                </c:pt>
                <c:pt idx="57">
                  <c:v>0.06</c:v>
                </c:pt>
                <c:pt idx="58">
                  <c:v>0.06</c:v>
                </c:pt>
                <c:pt idx="59">
                  <c:v>0.06</c:v>
                </c:pt>
                <c:pt idx="60">
                  <c:v>0.06</c:v>
                </c:pt>
                <c:pt idx="61">
                  <c:v>0.06</c:v>
                </c:pt>
                <c:pt idx="62">
                  <c:v>0.06</c:v>
                </c:pt>
                <c:pt idx="63">
                  <c:v>0.06</c:v>
                </c:pt>
                <c:pt idx="64">
                  <c:v>0.06</c:v>
                </c:pt>
                <c:pt idx="65">
                  <c:v>0.06</c:v>
                </c:pt>
                <c:pt idx="66">
                  <c:v>0.06</c:v>
                </c:pt>
                <c:pt idx="67">
                  <c:v>0.06</c:v>
                </c:pt>
                <c:pt idx="68">
                  <c:v>0.06</c:v>
                </c:pt>
                <c:pt idx="69">
                  <c:v>0.06</c:v>
                </c:pt>
                <c:pt idx="70">
                  <c:v>0.06</c:v>
                </c:pt>
                <c:pt idx="71">
                  <c:v>0.06</c:v>
                </c:pt>
                <c:pt idx="72">
                  <c:v>0.06</c:v>
                </c:pt>
                <c:pt idx="73">
                  <c:v>0.06</c:v>
                </c:pt>
                <c:pt idx="74">
                  <c:v>0.06</c:v>
                </c:pt>
                <c:pt idx="75">
                  <c:v>0.06</c:v>
                </c:pt>
                <c:pt idx="76">
                  <c:v>0.06</c:v>
                </c:pt>
                <c:pt idx="77">
                  <c:v>0.06</c:v>
                </c:pt>
                <c:pt idx="78">
                  <c:v>0.06</c:v>
                </c:pt>
                <c:pt idx="79">
                  <c:v>0.06</c:v>
                </c:pt>
                <c:pt idx="80">
                  <c:v>0.06</c:v>
                </c:pt>
                <c:pt idx="81">
                  <c:v>0.06</c:v>
                </c:pt>
                <c:pt idx="82">
                  <c:v>0.06</c:v>
                </c:pt>
                <c:pt idx="83">
                  <c:v>0.06</c:v>
                </c:pt>
                <c:pt idx="84">
                  <c:v>0.06</c:v>
                </c:pt>
                <c:pt idx="85">
                  <c:v>0.06</c:v>
                </c:pt>
                <c:pt idx="86">
                  <c:v>0.06</c:v>
                </c:pt>
                <c:pt idx="87">
                  <c:v>0.06</c:v>
                </c:pt>
                <c:pt idx="88">
                  <c:v>0.06</c:v>
                </c:pt>
                <c:pt idx="89">
                  <c:v>0.06</c:v>
                </c:pt>
                <c:pt idx="90">
                  <c:v>0.06</c:v>
                </c:pt>
                <c:pt idx="91">
                  <c:v>0.06</c:v>
                </c:pt>
                <c:pt idx="92">
                  <c:v>0.06</c:v>
                </c:pt>
                <c:pt idx="93">
                  <c:v>0.06</c:v>
                </c:pt>
                <c:pt idx="94">
                  <c:v>0.06</c:v>
                </c:pt>
                <c:pt idx="95">
                  <c:v>0.06</c:v>
                </c:pt>
                <c:pt idx="96">
                  <c:v>0.06</c:v>
                </c:pt>
                <c:pt idx="97">
                  <c:v>0.06</c:v>
                </c:pt>
                <c:pt idx="98">
                  <c:v>0.06</c:v>
                </c:pt>
                <c:pt idx="99">
                  <c:v>0.06</c:v>
                </c:pt>
                <c:pt idx="100">
                  <c:v>0.06</c:v>
                </c:pt>
                <c:pt idx="101">
                  <c:v>0.06</c:v>
                </c:pt>
                <c:pt idx="102">
                  <c:v>0.06</c:v>
                </c:pt>
                <c:pt idx="103">
                  <c:v>0.06</c:v>
                </c:pt>
                <c:pt idx="104">
                  <c:v>0.06</c:v>
                </c:pt>
                <c:pt idx="105">
                  <c:v>0.06</c:v>
                </c:pt>
                <c:pt idx="106">
                  <c:v>0.06</c:v>
                </c:pt>
                <c:pt idx="107">
                  <c:v>0.06</c:v>
                </c:pt>
                <c:pt idx="108">
                  <c:v>0.06</c:v>
                </c:pt>
                <c:pt idx="109">
                  <c:v>0.06</c:v>
                </c:pt>
                <c:pt idx="110">
                  <c:v>0.06</c:v>
                </c:pt>
                <c:pt idx="111">
                  <c:v>0.06</c:v>
                </c:pt>
                <c:pt idx="112">
                  <c:v>0.06</c:v>
                </c:pt>
                <c:pt idx="113">
                  <c:v>0.06</c:v>
                </c:pt>
                <c:pt idx="114">
                  <c:v>0.06</c:v>
                </c:pt>
                <c:pt idx="115">
                  <c:v>0.06</c:v>
                </c:pt>
                <c:pt idx="116">
                  <c:v>0.06</c:v>
                </c:pt>
                <c:pt idx="117">
                  <c:v>0.06</c:v>
                </c:pt>
                <c:pt idx="118">
                  <c:v>0.06</c:v>
                </c:pt>
                <c:pt idx="119">
                  <c:v>0.06</c:v>
                </c:pt>
                <c:pt idx="120">
                  <c:v>0.06</c:v>
                </c:pt>
                <c:pt idx="121">
                  <c:v>0.06</c:v>
                </c:pt>
                <c:pt idx="122">
                  <c:v>0.06</c:v>
                </c:pt>
                <c:pt idx="123">
                  <c:v>0.06</c:v>
                </c:pt>
                <c:pt idx="124">
                  <c:v>0.06</c:v>
                </c:pt>
                <c:pt idx="125">
                  <c:v>0.06</c:v>
                </c:pt>
                <c:pt idx="126">
                  <c:v>0.06</c:v>
                </c:pt>
                <c:pt idx="127">
                  <c:v>0.06</c:v>
                </c:pt>
                <c:pt idx="128">
                  <c:v>0.06</c:v>
                </c:pt>
                <c:pt idx="129">
                  <c:v>0.06</c:v>
                </c:pt>
                <c:pt idx="130">
                  <c:v>0.06</c:v>
                </c:pt>
                <c:pt idx="131">
                  <c:v>0.06</c:v>
                </c:pt>
                <c:pt idx="132">
                  <c:v>0.06</c:v>
                </c:pt>
                <c:pt idx="133">
                  <c:v>0.06</c:v>
                </c:pt>
                <c:pt idx="134">
                  <c:v>0.06</c:v>
                </c:pt>
                <c:pt idx="135">
                  <c:v>0.06</c:v>
                </c:pt>
                <c:pt idx="136">
                  <c:v>0.06</c:v>
                </c:pt>
                <c:pt idx="137">
                  <c:v>0.06</c:v>
                </c:pt>
                <c:pt idx="138">
                  <c:v>0.06</c:v>
                </c:pt>
                <c:pt idx="139">
                  <c:v>0.06</c:v>
                </c:pt>
                <c:pt idx="140">
                  <c:v>0.06</c:v>
                </c:pt>
                <c:pt idx="141">
                  <c:v>0.06</c:v>
                </c:pt>
                <c:pt idx="142">
                  <c:v>0.06</c:v>
                </c:pt>
                <c:pt idx="143">
                  <c:v>0.06</c:v>
                </c:pt>
                <c:pt idx="144">
                  <c:v>0.06</c:v>
                </c:pt>
                <c:pt idx="145">
                  <c:v>0.06</c:v>
                </c:pt>
                <c:pt idx="146">
                  <c:v>0.06</c:v>
                </c:pt>
                <c:pt idx="147">
                  <c:v>0.06</c:v>
                </c:pt>
                <c:pt idx="148">
                  <c:v>0.06</c:v>
                </c:pt>
                <c:pt idx="149">
                  <c:v>0.06</c:v>
                </c:pt>
                <c:pt idx="150">
                  <c:v>0.06</c:v>
                </c:pt>
                <c:pt idx="151">
                  <c:v>0.06</c:v>
                </c:pt>
                <c:pt idx="152">
                  <c:v>0.06</c:v>
                </c:pt>
                <c:pt idx="153">
                  <c:v>0.06</c:v>
                </c:pt>
                <c:pt idx="154">
                  <c:v>0.06</c:v>
                </c:pt>
                <c:pt idx="155">
                  <c:v>0.06</c:v>
                </c:pt>
                <c:pt idx="156">
                  <c:v>0.06</c:v>
                </c:pt>
                <c:pt idx="157">
                  <c:v>0.06</c:v>
                </c:pt>
                <c:pt idx="158">
                  <c:v>0.06</c:v>
                </c:pt>
                <c:pt idx="159">
                  <c:v>0.06</c:v>
                </c:pt>
                <c:pt idx="160">
                  <c:v>0.06</c:v>
                </c:pt>
                <c:pt idx="161">
                  <c:v>0.06</c:v>
                </c:pt>
                <c:pt idx="162">
                  <c:v>0.06</c:v>
                </c:pt>
                <c:pt idx="163">
                  <c:v>0.06</c:v>
                </c:pt>
                <c:pt idx="164">
                  <c:v>0.06</c:v>
                </c:pt>
                <c:pt idx="165">
                  <c:v>0.06</c:v>
                </c:pt>
                <c:pt idx="166">
                  <c:v>0.06</c:v>
                </c:pt>
                <c:pt idx="167">
                  <c:v>0.06</c:v>
                </c:pt>
                <c:pt idx="168">
                  <c:v>0.06</c:v>
                </c:pt>
                <c:pt idx="169">
                  <c:v>0.06</c:v>
                </c:pt>
                <c:pt idx="170">
                  <c:v>0.06</c:v>
                </c:pt>
                <c:pt idx="171">
                  <c:v>0.06</c:v>
                </c:pt>
                <c:pt idx="172">
                  <c:v>0.06</c:v>
                </c:pt>
                <c:pt idx="173">
                  <c:v>0.06</c:v>
                </c:pt>
                <c:pt idx="174">
                  <c:v>0.06</c:v>
                </c:pt>
                <c:pt idx="175">
                  <c:v>0.06</c:v>
                </c:pt>
                <c:pt idx="176">
                  <c:v>0.06</c:v>
                </c:pt>
                <c:pt idx="177">
                  <c:v>0.06</c:v>
                </c:pt>
                <c:pt idx="178">
                  <c:v>0.06</c:v>
                </c:pt>
                <c:pt idx="179">
                  <c:v>0.06</c:v>
                </c:pt>
                <c:pt idx="180">
                  <c:v>0.06</c:v>
                </c:pt>
                <c:pt idx="181">
                  <c:v>0.06</c:v>
                </c:pt>
                <c:pt idx="182">
                  <c:v>0.06</c:v>
                </c:pt>
                <c:pt idx="183">
                  <c:v>0.06</c:v>
                </c:pt>
                <c:pt idx="184">
                  <c:v>0.06</c:v>
                </c:pt>
                <c:pt idx="185">
                  <c:v>0.06</c:v>
                </c:pt>
                <c:pt idx="186">
                  <c:v>0.06</c:v>
                </c:pt>
                <c:pt idx="187">
                  <c:v>0.06</c:v>
                </c:pt>
                <c:pt idx="188">
                  <c:v>0.06</c:v>
                </c:pt>
                <c:pt idx="189">
                  <c:v>0.06</c:v>
                </c:pt>
                <c:pt idx="190">
                  <c:v>0.06</c:v>
                </c:pt>
                <c:pt idx="191">
                  <c:v>0.06</c:v>
                </c:pt>
                <c:pt idx="192">
                  <c:v>0.06</c:v>
                </c:pt>
                <c:pt idx="193">
                  <c:v>0.06</c:v>
                </c:pt>
                <c:pt idx="194">
                  <c:v>0.06</c:v>
                </c:pt>
                <c:pt idx="195">
                  <c:v>0.06</c:v>
                </c:pt>
                <c:pt idx="196">
                  <c:v>0.06</c:v>
                </c:pt>
                <c:pt idx="197">
                  <c:v>0.06</c:v>
                </c:pt>
                <c:pt idx="198">
                  <c:v>0.06</c:v>
                </c:pt>
                <c:pt idx="199">
                  <c:v>0.06</c:v>
                </c:pt>
                <c:pt idx="200">
                  <c:v>0.06</c:v>
                </c:pt>
                <c:pt idx="201">
                  <c:v>0.06</c:v>
                </c:pt>
                <c:pt idx="202">
                  <c:v>0.06</c:v>
                </c:pt>
                <c:pt idx="203">
                  <c:v>0.06</c:v>
                </c:pt>
                <c:pt idx="204">
                  <c:v>0.06</c:v>
                </c:pt>
                <c:pt idx="205">
                  <c:v>0.06</c:v>
                </c:pt>
                <c:pt idx="206">
                  <c:v>0.06</c:v>
                </c:pt>
                <c:pt idx="207">
                  <c:v>0.06</c:v>
                </c:pt>
                <c:pt idx="208">
                  <c:v>0.06</c:v>
                </c:pt>
                <c:pt idx="209">
                  <c:v>0.06</c:v>
                </c:pt>
                <c:pt idx="210">
                  <c:v>0.06</c:v>
                </c:pt>
                <c:pt idx="211">
                  <c:v>0.06</c:v>
                </c:pt>
                <c:pt idx="212">
                  <c:v>0.06</c:v>
                </c:pt>
                <c:pt idx="213">
                  <c:v>0.06</c:v>
                </c:pt>
                <c:pt idx="214">
                  <c:v>0.06</c:v>
                </c:pt>
                <c:pt idx="215">
                  <c:v>0.06</c:v>
                </c:pt>
                <c:pt idx="216">
                  <c:v>0.06</c:v>
                </c:pt>
                <c:pt idx="217">
                  <c:v>0.06</c:v>
                </c:pt>
                <c:pt idx="218">
                  <c:v>0.06</c:v>
                </c:pt>
                <c:pt idx="219">
                  <c:v>0.06</c:v>
                </c:pt>
                <c:pt idx="220">
                  <c:v>0.06</c:v>
                </c:pt>
                <c:pt idx="221">
                  <c:v>0.06</c:v>
                </c:pt>
                <c:pt idx="222">
                  <c:v>0.06</c:v>
                </c:pt>
                <c:pt idx="223">
                  <c:v>0.06</c:v>
                </c:pt>
                <c:pt idx="224">
                  <c:v>0.06</c:v>
                </c:pt>
                <c:pt idx="225">
                  <c:v>0.06</c:v>
                </c:pt>
                <c:pt idx="226">
                  <c:v>0.06</c:v>
                </c:pt>
                <c:pt idx="227">
                  <c:v>0.06</c:v>
                </c:pt>
                <c:pt idx="228">
                  <c:v>0.06</c:v>
                </c:pt>
                <c:pt idx="229">
                  <c:v>0.06</c:v>
                </c:pt>
                <c:pt idx="230">
                  <c:v>0.06</c:v>
                </c:pt>
                <c:pt idx="231">
                  <c:v>0.06</c:v>
                </c:pt>
                <c:pt idx="232">
                  <c:v>0.06</c:v>
                </c:pt>
                <c:pt idx="233">
                  <c:v>0.06</c:v>
                </c:pt>
                <c:pt idx="234">
                  <c:v>0.06</c:v>
                </c:pt>
                <c:pt idx="235">
                  <c:v>0.06</c:v>
                </c:pt>
                <c:pt idx="236">
                  <c:v>0.06</c:v>
                </c:pt>
                <c:pt idx="237">
                  <c:v>0.06</c:v>
                </c:pt>
                <c:pt idx="238">
                  <c:v>0.06</c:v>
                </c:pt>
                <c:pt idx="239">
                  <c:v>0.06</c:v>
                </c:pt>
                <c:pt idx="240">
                  <c:v>0.06</c:v>
                </c:pt>
                <c:pt idx="241">
                  <c:v>0.06</c:v>
                </c:pt>
                <c:pt idx="242">
                  <c:v>0.06</c:v>
                </c:pt>
                <c:pt idx="243">
                  <c:v>0.06</c:v>
                </c:pt>
                <c:pt idx="244">
                  <c:v>0.06</c:v>
                </c:pt>
                <c:pt idx="245">
                  <c:v>0.06</c:v>
                </c:pt>
                <c:pt idx="246">
                  <c:v>0.06</c:v>
                </c:pt>
                <c:pt idx="247">
                  <c:v>0.06</c:v>
                </c:pt>
                <c:pt idx="248">
                  <c:v>0.06</c:v>
                </c:pt>
                <c:pt idx="249">
                  <c:v>0.06</c:v>
                </c:pt>
                <c:pt idx="250">
                  <c:v>0.06</c:v>
                </c:pt>
                <c:pt idx="251">
                  <c:v>0.06</c:v>
                </c:pt>
                <c:pt idx="252">
                  <c:v>0.06</c:v>
                </c:pt>
                <c:pt idx="253">
                  <c:v>0.06</c:v>
                </c:pt>
                <c:pt idx="254">
                  <c:v>0.06</c:v>
                </c:pt>
                <c:pt idx="255">
                  <c:v>0.06</c:v>
                </c:pt>
                <c:pt idx="256">
                  <c:v>0.06</c:v>
                </c:pt>
                <c:pt idx="257">
                  <c:v>0.06</c:v>
                </c:pt>
                <c:pt idx="258">
                  <c:v>0.06</c:v>
                </c:pt>
                <c:pt idx="259">
                  <c:v>0.06</c:v>
                </c:pt>
                <c:pt idx="260">
                  <c:v>0.06</c:v>
                </c:pt>
                <c:pt idx="261">
                  <c:v>0.06</c:v>
                </c:pt>
                <c:pt idx="262">
                  <c:v>0.06</c:v>
                </c:pt>
                <c:pt idx="263">
                  <c:v>0.06</c:v>
                </c:pt>
                <c:pt idx="264">
                  <c:v>0.06</c:v>
                </c:pt>
                <c:pt idx="265">
                  <c:v>0.06</c:v>
                </c:pt>
                <c:pt idx="266">
                  <c:v>0.06</c:v>
                </c:pt>
                <c:pt idx="267">
                  <c:v>0.06</c:v>
                </c:pt>
                <c:pt idx="268">
                  <c:v>0.06</c:v>
                </c:pt>
                <c:pt idx="269">
                  <c:v>0.06</c:v>
                </c:pt>
                <c:pt idx="270">
                  <c:v>0.06</c:v>
                </c:pt>
                <c:pt idx="271">
                  <c:v>0.06</c:v>
                </c:pt>
                <c:pt idx="272">
                  <c:v>0.06</c:v>
                </c:pt>
                <c:pt idx="273">
                  <c:v>0.06</c:v>
                </c:pt>
                <c:pt idx="274">
                  <c:v>0.06</c:v>
                </c:pt>
                <c:pt idx="275">
                  <c:v>0.06</c:v>
                </c:pt>
                <c:pt idx="276">
                  <c:v>0.06</c:v>
                </c:pt>
                <c:pt idx="277">
                  <c:v>0.06</c:v>
                </c:pt>
                <c:pt idx="278">
                  <c:v>0.06</c:v>
                </c:pt>
                <c:pt idx="279">
                  <c:v>0.06</c:v>
                </c:pt>
                <c:pt idx="280">
                  <c:v>0.06</c:v>
                </c:pt>
                <c:pt idx="281">
                  <c:v>0.06</c:v>
                </c:pt>
                <c:pt idx="282">
                  <c:v>0.06</c:v>
                </c:pt>
                <c:pt idx="283">
                  <c:v>0.06</c:v>
                </c:pt>
                <c:pt idx="284">
                  <c:v>0.06</c:v>
                </c:pt>
                <c:pt idx="285">
                  <c:v>0.06</c:v>
                </c:pt>
                <c:pt idx="286">
                  <c:v>0.06</c:v>
                </c:pt>
                <c:pt idx="287">
                  <c:v>0.06</c:v>
                </c:pt>
                <c:pt idx="288">
                  <c:v>0.06</c:v>
                </c:pt>
                <c:pt idx="289">
                  <c:v>0.06</c:v>
                </c:pt>
                <c:pt idx="290">
                  <c:v>0.06</c:v>
                </c:pt>
                <c:pt idx="291">
                  <c:v>0.06</c:v>
                </c:pt>
                <c:pt idx="292">
                  <c:v>0.06</c:v>
                </c:pt>
                <c:pt idx="293">
                  <c:v>0.06</c:v>
                </c:pt>
                <c:pt idx="294">
                  <c:v>0.06</c:v>
                </c:pt>
                <c:pt idx="295">
                  <c:v>0.06</c:v>
                </c:pt>
                <c:pt idx="296">
                  <c:v>0.06</c:v>
                </c:pt>
                <c:pt idx="297">
                  <c:v>0.06</c:v>
                </c:pt>
                <c:pt idx="298">
                  <c:v>0.06</c:v>
                </c:pt>
                <c:pt idx="299">
                  <c:v>0.06</c:v>
                </c:pt>
                <c:pt idx="300">
                  <c:v>0.06</c:v>
                </c:pt>
                <c:pt idx="301">
                  <c:v>0.06</c:v>
                </c:pt>
                <c:pt idx="302">
                  <c:v>0.06</c:v>
                </c:pt>
                <c:pt idx="303">
                  <c:v>0.06</c:v>
                </c:pt>
                <c:pt idx="304">
                  <c:v>0.06</c:v>
                </c:pt>
                <c:pt idx="305">
                  <c:v>0.06</c:v>
                </c:pt>
                <c:pt idx="306">
                  <c:v>0.06</c:v>
                </c:pt>
                <c:pt idx="307">
                  <c:v>0.06</c:v>
                </c:pt>
                <c:pt idx="308">
                  <c:v>0.06</c:v>
                </c:pt>
                <c:pt idx="309">
                  <c:v>0.06</c:v>
                </c:pt>
                <c:pt idx="310">
                  <c:v>0.06</c:v>
                </c:pt>
                <c:pt idx="311">
                  <c:v>0.06</c:v>
                </c:pt>
                <c:pt idx="312">
                  <c:v>0.06</c:v>
                </c:pt>
                <c:pt idx="313">
                  <c:v>0.06</c:v>
                </c:pt>
                <c:pt idx="314">
                  <c:v>0.06</c:v>
                </c:pt>
                <c:pt idx="315">
                  <c:v>0.06</c:v>
                </c:pt>
                <c:pt idx="316">
                  <c:v>0.06</c:v>
                </c:pt>
                <c:pt idx="317">
                  <c:v>0.06</c:v>
                </c:pt>
                <c:pt idx="318">
                  <c:v>0.06</c:v>
                </c:pt>
                <c:pt idx="319">
                  <c:v>0.06</c:v>
                </c:pt>
                <c:pt idx="320">
                  <c:v>0.06</c:v>
                </c:pt>
                <c:pt idx="321">
                  <c:v>0.06</c:v>
                </c:pt>
                <c:pt idx="322">
                  <c:v>0.06</c:v>
                </c:pt>
                <c:pt idx="323">
                  <c:v>0.06</c:v>
                </c:pt>
                <c:pt idx="324">
                  <c:v>0.06</c:v>
                </c:pt>
                <c:pt idx="325">
                  <c:v>0.06</c:v>
                </c:pt>
                <c:pt idx="326">
                  <c:v>0.06</c:v>
                </c:pt>
                <c:pt idx="327">
                  <c:v>0.06</c:v>
                </c:pt>
                <c:pt idx="328">
                  <c:v>0.06</c:v>
                </c:pt>
                <c:pt idx="329">
                  <c:v>0.06</c:v>
                </c:pt>
                <c:pt idx="330">
                  <c:v>0.06</c:v>
                </c:pt>
                <c:pt idx="331">
                  <c:v>0.06</c:v>
                </c:pt>
                <c:pt idx="332">
                  <c:v>0.06</c:v>
                </c:pt>
                <c:pt idx="333">
                  <c:v>0.06</c:v>
                </c:pt>
                <c:pt idx="334">
                  <c:v>0.06</c:v>
                </c:pt>
                <c:pt idx="335">
                  <c:v>0.06</c:v>
                </c:pt>
                <c:pt idx="336">
                  <c:v>0.06</c:v>
                </c:pt>
                <c:pt idx="337">
                  <c:v>0.06</c:v>
                </c:pt>
                <c:pt idx="338">
                  <c:v>0.06</c:v>
                </c:pt>
                <c:pt idx="339">
                  <c:v>0.06</c:v>
                </c:pt>
                <c:pt idx="340">
                  <c:v>0.06</c:v>
                </c:pt>
                <c:pt idx="341">
                  <c:v>0.06</c:v>
                </c:pt>
                <c:pt idx="342">
                  <c:v>0.06</c:v>
                </c:pt>
                <c:pt idx="343">
                  <c:v>0.06</c:v>
                </c:pt>
                <c:pt idx="344">
                  <c:v>0.06</c:v>
                </c:pt>
                <c:pt idx="345">
                  <c:v>0.06</c:v>
                </c:pt>
                <c:pt idx="346">
                  <c:v>0.06</c:v>
                </c:pt>
                <c:pt idx="347">
                  <c:v>0.06</c:v>
                </c:pt>
                <c:pt idx="348">
                  <c:v>0.06</c:v>
                </c:pt>
                <c:pt idx="349">
                  <c:v>0.06</c:v>
                </c:pt>
                <c:pt idx="350">
                  <c:v>0.06</c:v>
                </c:pt>
                <c:pt idx="351">
                  <c:v>0.06</c:v>
                </c:pt>
                <c:pt idx="352">
                  <c:v>0.06</c:v>
                </c:pt>
                <c:pt idx="353">
                  <c:v>0.06</c:v>
                </c:pt>
                <c:pt idx="354">
                  <c:v>0.06</c:v>
                </c:pt>
                <c:pt idx="355">
                  <c:v>0.06</c:v>
                </c:pt>
                <c:pt idx="356">
                  <c:v>0.06</c:v>
                </c:pt>
                <c:pt idx="357">
                  <c:v>0.06</c:v>
                </c:pt>
                <c:pt idx="358">
                  <c:v>0.06</c:v>
                </c:pt>
                <c:pt idx="359">
                  <c:v>0.06</c:v>
                </c:pt>
                <c:pt idx="360">
                  <c:v>0.06</c:v>
                </c:pt>
                <c:pt idx="361">
                  <c:v>0.06</c:v>
                </c:pt>
                <c:pt idx="362">
                  <c:v>0.06</c:v>
                </c:pt>
                <c:pt idx="363">
                  <c:v>0.06</c:v>
                </c:pt>
                <c:pt idx="364">
                  <c:v>0.06</c:v>
                </c:pt>
                <c:pt idx="365">
                  <c:v>0.06</c:v>
                </c:pt>
                <c:pt idx="366">
                  <c:v>0.06</c:v>
                </c:pt>
                <c:pt idx="367">
                  <c:v>0.06</c:v>
                </c:pt>
                <c:pt idx="368">
                  <c:v>0.06</c:v>
                </c:pt>
                <c:pt idx="369">
                  <c:v>0.06</c:v>
                </c:pt>
                <c:pt idx="370">
                  <c:v>0.06</c:v>
                </c:pt>
                <c:pt idx="371">
                  <c:v>0.06</c:v>
                </c:pt>
                <c:pt idx="372">
                  <c:v>0.06</c:v>
                </c:pt>
                <c:pt idx="373">
                  <c:v>0.06</c:v>
                </c:pt>
                <c:pt idx="374">
                  <c:v>0.06</c:v>
                </c:pt>
                <c:pt idx="375">
                  <c:v>0.06</c:v>
                </c:pt>
                <c:pt idx="376">
                  <c:v>0.06</c:v>
                </c:pt>
                <c:pt idx="377">
                  <c:v>0.06</c:v>
                </c:pt>
                <c:pt idx="378">
                  <c:v>0.06</c:v>
                </c:pt>
                <c:pt idx="379">
                  <c:v>0.06</c:v>
                </c:pt>
                <c:pt idx="380">
                  <c:v>0.06</c:v>
                </c:pt>
                <c:pt idx="381">
                  <c:v>0.06</c:v>
                </c:pt>
                <c:pt idx="382">
                  <c:v>0.06</c:v>
                </c:pt>
                <c:pt idx="383">
                  <c:v>0.06</c:v>
                </c:pt>
                <c:pt idx="384">
                  <c:v>0.06</c:v>
                </c:pt>
                <c:pt idx="385">
                  <c:v>0.06</c:v>
                </c:pt>
                <c:pt idx="386">
                  <c:v>0.06</c:v>
                </c:pt>
                <c:pt idx="387">
                  <c:v>0.06</c:v>
                </c:pt>
                <c:pt idx="388">
                  <c:v>0.06</c:v>
                </c:pt>
                <c:pt idx="389">
                  <c:v>0.06</c:v>
                </c:pt>
                <c:pt idx="390">
                  <c:v>0.06</c:v>
                </c:pt>
                <c:pt idx="391">
                  <c:v>0.06</c:v>
                </c:pt>
                <c:pt idx="392">
                  <c:v>0.06</c:v>
                </c:pt>
                <c:pt idx="393">
                  <c:v>0.06</c:v>
                </c:pt>
                <c:pt idx="394">
                  <c:v>0.06</c:v>
                </c:pt>
                <c:pt idx="395">
                  <c:v>0.06</c:v>
                </c:pt>
                <c:pt idx="396">
                  <c:v>0.06</c:v>
                </c:pt>
                <c:pt idx="397">
                  <c:v>0.06</c:v>
                </c:pt>
                <c:pt idx="398">
                  <c:v>0.06</c:v>
                </c:pt>
                <c:pt idx="399">
                  <c:v>0.06</c:v>
                </c:pt>
                <c:pt idx="400">
                  <c:v>0.06</c:v>
                </c:pt>
                <c:pt idx="401">
                  <c:v>0.06</c:v>
                </c:pt>
                <c:pt idx="402">
                  <c:v>0.06</c:v>
                </c:pt>
                <c:pt idx="403">
                  <c:v>0.06</c:v>
                </c:pt>
                <c:pt idx="404">
                  <c:v>5.7500000000000002E-2</c:v>
                </c:pt>
                <c:pt idx="405">
                  <c:v>5.7500000000000002E-2</c:v>
                </c:pt>
                <c:pt idx="406">
                  <c:v>5.7500000000000002E-2</c:v>
                </c:pt>
                <c:pt idx="407">
                  <c:v>5.7500000000000002E-2</c:v>
                </c:pt>
                <c:pt idx="408">
                  <c:v>5.7500000000000002E-2</c:v>
                </c:pt>
                <c:pt idx="409">
                  <c:v>5.7500000000000002E-2</c:v>
                </c:pt>
                <c:pt idx="410">
                  <c:v>5.7500000000000002E-2</c:v>
                </c:pt>
                <c:pt idx="411">
                  <c:v>5.7500000000000002E-2</c:v>
                </c:pt>
                <c:pt idx="412">
                  <c:v>5.7500000000000002E-2</c:v>
                </c:pt>
                <c:pt idx="413">
                  <c:v>5.7500000000000002E-2</c:v>
                </c:pt>
                <c:pt idx="414">
                  <c:v>5.7500000000000002E-2</c:v>
                </c:pt>
                <c:pt idx="415">
                  <c:v>5.7500000000000002E-2</c:v>
                </c:pt>
                <c:pt idx="416">
                  <c:v>5.7500000000000002E-2</c:v>
                </c:pt>
                <c:pt idx="417">
                  <c:v>5.7500000000000002E-2</c:v>
                </c:pt>
                <c:pt idx="418">
                  <c:v>5.7500000000000002E-2</c:v>
                </c:pt>
                <c:pt idx="419">
                  <c:v>5.7500000000000002E-2</c:v>
                </c:pt>
                <c:pt idx="420">
                  <c:v>5.7500000000000002E-2</c:v>
                </c:pt>
                <c:pt idx="421">
                  <c:v>5.7500000000000002E-2</c:v>
                </c:pt>
                <c:pt idx="422">
                  <c:v>5.7500000000000002E-2</c:v>
                </c:pt>
                <c:pt idx="423">
                  <c:v>5.7500000000000002E-2</c:v>
                </c:pt>
                <c:pt idx="424">
                  <c:v>5.7500000000000002E-2</c:v>
                </c:pt>
                <c:pt idx="425">
                  <c:v>5.7500000000000002E-2</c:v>
                </c:pt>
                <c:pt idx="426">
                  <c:v>5.7500000000000002E-2</c:v>
                </c:pt>
                <c:pt idx="427">
                  <c:v>5.7500000000000002E-2</c:v>
                </c:pt>
                <c:pt idx="428">
                  <c:v>5.7500000000000002E-2</c:v>
                </c:pt>
                <c:pt idx="429">
                  <c:v>5.7500000000000002E-2</c:v>
                </c:pt>
                <c:pt idx="430">
                  <c:v>5.7500000000000002E-2</c:v>
                </c:pt>
                <c:pt idx="431">
                  <c:v>5.7500000000000002E-2</c:v>
                </c:pt>
                <c:pt idx="432">
                  <c:v>5.7500000000000002E-2</c:v>
                </c:pt>
                <c:pt idx="433">
                  <c:v>5.7500000000000002E-2</c:v>
                </c:pt>
                <c:pt idx="434">
                  <c:v>5.7500000000000002E-2</c:v>
                </c:pt>
                <c:pt idx="435">
                  <c:v>5.7500000000000002E-2</c:v>
                </c:pt>
                <c:pt idx="436">
                  <c:v>5.7500000000000002E-2</c:v>
                </c:pt>
                <c:pt idx="437">
                  <c:v>5.7500000000000002E-2</c:v>
                </c:pt>
                <c:pt idx="438">
                  <c:v>5.7500000000000002E-2</c:v>
                </c:pt>
                <c:pt idx="439">
                  <c:v>5.7500000000000002E-2</c:v>
                </c:pt>
                <c:pt idx="440">
                  <c:v>5.7500000000000002E-2</c:v>
                </c:pt>
                <c:pt idx="441">
                  <c:v>5.7500000000000002E-2</c:v>
                </c:pt>
                <c:pt idx="442">
                  <c:v>5.7500000000000002E-2</c:v>
                </c:pt>
                <c:pt idx="443">
                  <c:v>5.7500000000000002E-2</c:v>
                </c:pt>
                <c:pt idx="444">
                  <c:v>5.7500000000000002E-2</c:v>
                </c:pt>
                <c:pt idx="445">
                  <c:v>5.7500000000000002E-2</c:v>
                </c:pt>
                <c:pt idx="446">
                  <c:v>5.7500000000000002E-2</c:v>
                </c:pt>
                <c:pt idx="447">
                  <c:v>5.7500000000000002E-2</c:v>
                </c:pt>
                <c:pt idx="448">
                  <c:v>5.7500000000000002E-2</c:v>
                </c:pt>
                <c:pt idx="449">
                  <c:v>5.7500000000000002E-2</c:v>
                </c:pt>
                <c:pt idx="450">
                  <c:v>5.7500000000000002E-2</c:v>
                </c:pt>
                <c:pt idx="451">
                  <c:v>5.7500000000000002E-2</c:v>
                </c:pt>
                <c:pt idx="452">
                  <c:v>5.7500000000000002E-2</c:v>
                </c:pt>
                <c:pt idx="453">
                  <c:v>5.7500000000000002E-2</c:v>
                </c:pt>
                <c:pt idx="454">
                  <c:v>5.7500000000000002E-2</c:v>
                </c:pt>
                <c:pt idx="455">
                  <c:v>5.7500000000000002E-2</c:v>
                </c:pt>
                <c:pt idx="456">
                  <c:v>5.7500000000000002E-2</c:v>
                </c:pt>
                <c:pt idx="457">
                  <c:v>5.7500000000000002E-2</c:v>
                </c:pt>
                <c:pt idx="458">
                  <c:v>5.7500000000000002E-2</c:v>
                </c:pt>
                <c:pt idx="459">
                  <c:v>5.7500000000000002E-2</c:v>
                </c:pt>
                <c:pt idx="460">
                  <c:v>5.5E-2</c:v>
                </c:pt>
                <c:pt idx="461">
                  <c:v>5.5E-2</c:v>
                </c:pt>
                <c:pt idx="462">
                  <c:v>5.5E-2</c:v>
                </c:pt>
                <c:pt idx="463">
                  <c:v>5.5E-2</c:v>
                </c:pt>
                <c:pt idx="464">
                  <c:v>5.5E-2</c:v>
                </c:pt>
                <c:pt idx="465">
                  <c:v>5.5E-2</c:v>
                </c:pt>
                <c:pt idx="466">
                  <c:v>5.5E-2</c:v>
                </c:pt>
                <c:pt idx="467">
                  <c:v>5.5E-2</c:v>
                </c:pt>
                <c:pt idx="468">
                  <c:v>5.5E-2</c:v>
                </c:pt>
                <c:pt idx="469">
                  <c:v>5.5E-2</c:v>
                </c:pt>
                <c:pt idx="470">
                  <c:v>5.5E-2</c:v>
                </c:pt>
                <c:pt idx="471">
                  <c:v>5.5E-2</c:v>
                </c:pt>
                <c:pt idx="472">
                  <c:v>5.5E-2</c:v>
                </c:pt>
                <c:pt idx="473">
                  <c:v>5.5E-2</c:v>
                </c:pt>
                <c:pt idx="474">
                  <c:v>5.5E-2</c:v>
                </c:pt>
                <c:pt idx="475">
                  <c:v>5.5E-2</c:v>
                </c:pt>
                <c:pt idx="476">
                  <c:v>5.5E-2</c:v>
                </c:pt>
                <c:pt idx="477">
                  <c:v>5.5E-2</c:v>
                </c:pt>
                <c:pt idx="478">
                  <c:v>5.5E-2</c:v>
                </c:pt>
                <c:pt idx="479">
                  <c:v>5.5E-2</c:v>
                </c:pt>
                <c:pt idx="480">
                  <c:v>5.5E-2</c:v>
                </c:pt>
                <c:pt idx="481">
                  <c:v>5.5E-2</c:v>
                </c:pt>
                <c:pt idx="482">
                  <c:v>5.5E-2</c:v>
                </c:pt>
                <c:pt idx="483">
                  <c:v>5.5E-2</c:v>
                </c:pt>
                <c:pt idx="484">
                  <c:v>5.5E-2</c:v>
                </c:pt>
                <c:pt idx="485">
                  <c:v>5.5E-2</c:v>
                </c:pt>
                <c:pt idx="486">
                  <c:v>5.5E-2</c:v>
                </c:pt>
                <c:pt idx="487">
                  <c:v>5.5E-2</c:v>
                </c:pt>
                <c:pt idx="488">
                  <c:v>5.5E-2</c:v>
                </c:pt>
                <c:pt idx="489">
                  <c:v>5.5E-2</c:v>
                </c:pt>
                <c:pt idx="490">
                  <c:v>5.5E-2</c:v>
                </c:pt>
                <c:pt idx="491">
                  <c:v>5.5E-2</c:v>
                </c:pt>
                <c:pt idx="492">
                  <c:v>5.5E-2</c:v>
                </c:pt>
                <c:pt idx="493">
                  <c:v>5.5E-2</c:v>
                </c:pt>
                <c:pt idx="494">
                  <c:v>5.5E-2</c:v>
                </c:pt>
                <c:pt idx="495">
                  <c:v>5.2499999999999998E-2</c:v>
                </c:pt>
                <c:pt idx="496">
                  <c:v>5.2499999999999998E-2</c:v>
                </c:pt>
                <c:pt idx="497">
                  <c:v>5.2499999999999998E-2</c:v>
                </c:pt>
                <c:pt idx="498">
                  <c:v>5.2499999999999998E-2</c:v>
                </c:pt>
                <c:pt idx="499">
                  <c:v>5.2499999999999998E-2</c:v>
                </c:pt>
                <c:pt idx="500">
                  <c:v>5.2499999999999998E-2</c:v>
                </c:pt>
                <c:pt idx="501">
                  <c:v>5.2499999999999998E-2</c:v>
                </c:pt>
                <c:pt idx="502">
                  <c:v>5.2499999999999998E-2</c:v>
                </c:pt>
                <c:pt idx="503">
                  <c:v>5.2499999999999998E-2</c:v>
                </c:pt>
                <c:pt idx="504">
                  <c:v>5.2499999999999998E-2</c:v>
                </c:pt>
                <c:pt idx="505">
                  <c:v>5.2499999999999998E-2</c:v>
                </c:pt>
                <c:pt idx="506">
                  <c:v>5.2499999999999998E-2</c:v>
                </c:pt>
                <c:pt idx="507">
                  <c:v>5.2499999999999998E-2</c:v>
                </c:pt>
                <c:pt idx="508">
                  <c:v>5.2499999999999998E-2</c:v>
                </c:pt>
                <c:pt idx="509">
                  <c:v>5.2499999999999998E-2</c:v>
                </c:pt>
                <c:pt idx="510">
                  <c:v>5.2499999999999998E-2</c:v>
                </c:pt>
                <c:pt idx="511">
                  <c:v>5.2499999999999998E-2</c:v>
                </c:pt>
                <c:pt idx="512">
                  <c:v>5.2499999999999998E-2</c:v>
                </c:pt>
                <c:pt idx="513">
                  <c:v>5.2499999999999998E-2</c:v>
                </c:pt>
                <c:pt idx="514">
                  <c:v>5.2499999999999998E-2</c:v>
                </c:pt>
                <c:pt idx="515">
                  <c:v>5.2499999999999998E-2</c:v>
                </c:pt>
                <c:pt idx="516">
                  <c:v>5.2499999999999998E-2</c:v>
                </c:pt>
                <c:pt idx="517">
                  <c:v>5.2499999999999998E-2</c:v>
                </c:pt>
                <c:pt idx="518">
                  <c:v>5.2499999999999998E-2</c:v>
                </c:pt>
                <c:pt idx="519">
                  <c:v>5.2499999999999998E-2</c:v>
                </c:pt>
                <c:pt idx="520">
                  <c:v>5.2499999999999998E-2</c:v>
                </c:pt>
                <c:pt idx="521">
                  <c:v>5.2499999999999998E-2</c:v>
                </c:pt>
                <c:pt idx="522">
                  <c:v>5.2499999999999998E-2</c:v>
                </c:pt>
                <c:pt idx="523">
                  <c:v>5.2499999999999998E-2</c:v>
                </c:pt>
                <c:pt idx="524">
                  <c:v>5.2499999999999998E-2</c:v>
                </c:pt>
                <c:pt idx="525">
                  <c:v>5.2499999999999998E-2</c:v>
                </c:pt>
                <c:pt idx="526">
                  <c:v>5.2499999999999998E-2</c:v>
                </c:pt>
                <c:pt idx="527">
                  <c:v>5.2499999999999998E-2</c:v>
                </c:pt>
                <c:pt idx="528">
                  <c:v>5.2499999999999998E-2</c:v>
                </c:pt>
                <c:pt idx="529">
                  <c:v>5.2499999999999998E-2</c:v>
                </c:pt>
                <c:pt idx="530">
                  <c:v>5.2499999999999998E-2</c:v>
                </c:pt>
                <c:pt idx="531">
                  <c:v>5.2499999999999998E-2</c:v>
                </c:pt>
                <c:pt idx="532">
                  <c:v>5.2499999999999998E-2</c:v>
                </c:pt>
                <c:pt idx="533">
                  <c:v>5.2499999999999998E-2</c:v>
                </c:pt>
                <c:pt idx="534">
                  <c:v>5.2499999999999998E-2</c:v>
                </c:pt>
                <c:pt idx="535">
                  <c:v>5.2499999999999998E-2</c:v>
                </c:pt>
                <c:pt idx="536">
                  <c:v>5.2499999999999998E-2</c:v>
                </c:pt>
                <c:pt idx="537">
                  <c:v>5.2499999999999998E-2</c:v>
                </c:pt>
                <c:pt idx="538">
                  <c:v>5.2499999999999998E-2</c:v>
                </c:pt>
                <c:pt idx="539">
                  <c:v>5.2499999999999998E-2</c:v>
                </c:pt>
                <c:pt idx="540">
                  <c:v>5.2499999999999998E-2</c:v>
                </c:pt>
                <c:pt idx="541">
                  <c:v>5.2499999999999998E-2</c:v>
                </c:pt>
                <c:pt idx="542">
                  <c:v>5.2499999999999998E-2</c:v>
                </c:pt>
                <c:pt idx="543">
                  <c:v>5.2499999999999998E-2</c:v>
                </c:pt>
                <c:pt idx="544">
                  <c:v>5.2499999999999998E-2</c:v>
                </c:pt>
                <c:pt idx="545">
                  <c:v>5.2499999999999998E-2</c:v>
                </c:pt>
                <c:pt idx="546">
                  <c:v>5.2499999999999998E-2</c:v>
                </c:pt>
                <c:pt idx="547">
                  <c:v>5.2499999999999998E-2</c:v>
                </c:pt>
                <c:pt idx="548">
                  <c:v>5.2499999999999998E-2</c:v>
                </c:pt>
                <c:pt idx="549">
                  <c:v>5.2499999999999998E-2</c:v>
                </c:pt>
                <c:pt idx="550">
                  <c:v>5.2499999999999998E-2</c:v>
                </c:pt>
                <c:pt idx="551">
                  <c:v>5.2499999999999998E-2</c:v>
                </c:pt>
                <c:pt idx="552">
                  <c:v>5.2499999999999998E-2</c:v>
                </c:pt>
                <c:pt idx="553">
                  <c:v>5.2499999999999998E-2</c:v>
                </c:pt>
                <c:pt idx="554">
                  <c:v>5.2499999999999998E-2</c:v>
                </c:pt>
                <c:pt idx="555">
                  <c:v>5.2499999999999998E-2</c:v>
                </c:pt>
                <c:pt idx="556">
                  <c:v>5.2499999999999998E-2</c:v>
                </c:pt>
                <c:pt idx="557">
                  <c:v>5.2499999999999998E-2</c:v>
                </c:pt>
                <c:pt idx="558">
                  <c:v>5.2499999999999998E-2</c:v>
                </c:pt>
                <c:pt idx="559">
                  <c:v>5.2499999999999998E-2</c:v>
                </c:pt>
                <c:pt idx="560">
                  <c:v>5.2499999999999998E-2</c:v>
                </c:pt>
                <c:pt idx="561">
                  <c:v>5.2499999999999998E-2</c:v>
                </c:pt>
                <c:pt idx="562">
                  <c:v>5.2499999999999998E-2</c:v>
                </c:pt>
                <c:pt idx="563">
                  <c:v>5.2499999999999998E-2</c:v>
                </c:pt>
                <c:pt idx="564">
                  <c:v>5.2499999999999998E-2</c:v>
                </c:pt>
                <c:pt idx="565">
                  <c:v>5.2499999999999998E-2</c:v>
                </c:pt>
                <c:pt idx="566">
                  <c:v>5.2499999999999998E-2</c:v>
                </c:pt>
                <c:pt idx="567">
                  <c:v>5.2499999999999998E-2</c:v>
                </c:pt>
                <c:pt idx="568">
                  <c:v>5.2499999999999998E-2</c:v>
                </c:pt>
                <c:pt idx="569">
                  <c:v>5.2499999999999998E-2</c:v>
                </c:pt>
                <c:pt idx="570">
                  <c:v>5.2499999999999998E-2</c:v>
                </c:pt>
                <c:pt idx="571">
                  <c:v>5.2499999999999998E-2</c:v>
                </c:pt>
                <c:pt idx="572">
                  <c:v>5.2499999999999998E-2</c:v>
                </c:pt>
                <c:pt idx="573">
                  <c:v>5.2499999999999998E-2</c:v>
                </c:pt>
                <c:pt idx="574">
                  <c:v>5.2499999999999998E-2</c:v>
                </c:pt>
                <c:pt idx="575">
                  <c:v>5.2499999999999998E-2</c:v>
                </c:pt>
                <c:pt idx="576">
                  <c:v>5.2499999999999998E-2</c:v>
                </c:pt>
                <c:pt idx="577">
                  <c:v>5.2499999999999998E-2</c:v>
                </c:pt>
                <c:pt idx="578">
                  <c:v>5.2499999999999998E-2</c:v>
                </c:pt>
                <c:pt idx="579">
                  <c:v>0.05</c:v>
                </c:pt>
                <c:pt idx="580">
                  <c:v>0.05</c:v>
                </c:pt>
                <c:pt idx="581">
                  <c:v>0.05</c:v>
                </c:pt>
                <c:pt idx="582">
                  <c:v>0.05</c:v>
                </c:pt>
                <c:pt idx="583">
                  <c:v>0.05</c:v>
                </c:pt>
                <c:pt idx="584">
                  <c:v>0.05</c:v>
                </c:pt>
                <c:pt idx="585">
                  <c:v>0.05</c:v>
                </c:pt>
                <c:pt idx="586">
                  <c:v>0.05</c:v>
                </c:pt>
                <c:pt idx="587">
                  <c:v>0.05</c:v>
                </c:pt>
                <c:pt idx="588">
                  <c:v>0.05</c:v>
                </c:pt>
                <c:pt idx="589">
                  <c:v>0.05</c:v>
                </c:pt>
                <c:pt idx="590">
                  <c:v>0.05</c:v>
                </c:pt>
                <c:pt idx="591">
                  <c:v>0.05</c:v>
                </c:pt>
                <c:pt idx="592">
                  <c:v>0.05</c:v>
                </c:pt>
                <c:pt idx="593">
                  <c:v>0.05</c:v>
                </c:pt>
                <c:pt idx="594">
                  <c:v>0.05</c:v>
                </c:pt>
                <c:pt idx="595">
                  <c:v>0.05</c:v>
                </c:pt>
                <c:pt idx="596">
                  <c:v>0.05</c:v>
                </c:pt>
                <c:pt idx="597">
                  <c:v>0.05</c:v>
                </c:pt>
                <c:pt idx="598">
                  <c:v>0.05</c:v>
                </c:pt>
                <c:pt idx="599">
                  <c:v>0.05</c:v>
                </c:pt>
                <c:pt idx="600">
                  <c:v>0.05</c:v>
                </c:pt>
                <c:pt idx="601">
                  <c:v>0.05</c:v>
                </c:pt>
                <c:pt idx="602">
                  <c:v>0.05</c:v>
                </c:pt>
                <c:pt idx="603">
                  <c:v>0.05</c:v>
                </c:pt>
                <c:pt idx="604">
                  <c:v>0.05</c:v>
                </c:pt>
                <c:pt idx="605">
                  <c:v>0.05</c:v>
                </c:pt>
                <c:pt idx="606">
                  <c:v>0.05</c:v>
                </c:pt>
                <c:pt idx="607">
                  <c:v>0.05</c:v>
                </c:pt>
                <c:pt idx="608">
                  <c:v>0.05</c:v>
                </c:pt>
                <c:pt idx="609">
                  <c:v>0.05</c:v>
                </c:pt>
                <c:pt idx="610">
                  <c:v>0.05</c:v>
                </c:pt>
                <c:pt idx="611">
                  <c:v>0.05</c:v>
                </c:pt>
                <c:pt idx="612">
                  <c:v>0.05</c:v>
                </c:pt>
                <c:pt idx="613">
                  <c:v>0.05</c:v>
                </c:pt>
                <c:pt idx="614">
                  <c:v>0.05</c:v>
                </c:pt>
                <c:pt idx="615">
                  <c:v>0.05</c:v>
                </c:pt>
                <c:pt idx="616">
                  <c:v>0.05</c:v>
                </c:pt>
                <c:pt idx="617">
                  <c:v>0.05</c:v>
                </c:pt>
                <c:pt idx="618">
                  <c:v>0.05</c:v>
                </c:pt>
                <c:pt idx="619">
                  <c:v>0.05</c:v>
                </c:pt>
                <c:pt idx="620">
                  <c:v>0.05</c:v>
                </c:pt>
                <c:pt idx="621">
                  <c:v>0.05</c:v>
                </c:pt>
                <c:pt idx="622">
                  <c:v>0.05</c:v>
                </c:pt>
                <c:pt idx="623">
                  <c:v>0.05</c:v>
                </c:pt>
                <c:pt idx="624">
                  <c:v>0.05</c:v>
                </c:pt>
                <c:pt idx="625">
                  <c:v>0.05</c:v>
                </c:pt>
                <c:pt idx="626">
                  <c:v>4.7500000000000001E-2</c:v>
                </c:pt>
                <c:pt idx="627">
                  <c:v>4.7500000000000001E-2</c:v>
                </c:pt>
                <c:pt idx="628">
                  <c:v>4.7500000000000001E-2</c:v>
                </c:pt>
                <c:pt idx="629">
                  <c:v>4.7500000000000001E-2</c:v>
                </c:pt>
                <c:pt idx="630">
                  <c:v>4.7500000000000001E-2</c:v>
                </c:pt>
                <c:pt idx="631">
                  <c:v>4.7500000000000001E-2</c:v>
                </c:pt>
                <c:pt idx="632">
                  <c:v>4.7500000000000001E-2</c:v>
                </c:pt>
                <c:pt idx="633">
                  <c:v>4.7500000000000001E-2</c:v>
                </c:pt>
                <c:pt idx="634">
                  <c:v>4.7500000000000001E-2</c:v>
                </c:pt>
                <c:pt idx="635">
                  <c:v>4.7500000000000001E-2</c:v>
                </c:pt>
                <c:pt idx="636">
                  <c:v>4.7500000000000001E-2</c:v>
                </c:pt>
                <c:pt idx="637">
                  <c:v>4.7500000000000001E-2</c:v>
                </c:pt>
                <c:pt idx="638">
                  <c:v>4.7500000000000001E-2</c:v>
                </c:pt>
                <c:pt idx="639">
                  <c:v>4.7500000000000001E-2</c:v>
                </c:pt>
                <c:pt idx="640">
                  <c:v>4.7500000000000001E-2</c:v>
                </c:pt>
                <c:pt idx="641">
                  <c:v>4.7500000000000001E-2</c:v>
                </c:pt>
                <c:pt idx="642">
                  <c:v>4.4999999999999998E-2</c:v>
                </c:pt>
                <c:pt idx="643">
                  <c:v>4.4999999999999998E-2</c:v>
                </c:pt>
                <c:pt idx="644">
                  <c:v>4.4999999999999998E-2</c:v>
                </c:pt>
                <c:pt idx="645">
                  <c:v>4.4999999999999998E-2</c:v>
                </c:pt>
                <c:pt idx="646">
                  <c:v>4.4999999999999998E-2</c:v>
                </c:pt>
                <c:pt idx="647">
                  <c:v>4.4999999999999998E-2</c:v>
                </c:pt>
                <c:pt idx="648">
                  <c:v>4.4999999999999998E-2</c:v>
                </c:pt>
                <c:pt idx="649">
                  <c:v>4.4999999999999998E-2</c:v>
                </c:pt>
                <c:pt idx="650">
                  <c:v>4.4999999999999998E-2</c:v>
                </c:pt>
                <c:pt idx="651">
                  <c:v>4.4999999999999998E-2</c:v>
                </c:pt>
                <c:pt idx="652">
                  <c:v>4.4999999999999998E-2</c:v>
                </c:pt>
                <c:pt idx="653">
                  <c:v>4.4999999999999998E-2</c:v>
                </c:pt>
                <c:pt idx="654">
                  <c:v>4.4999999999999998E-2</c:v>
                </c:pt>
                <c:pt idx="655">
                  <c:v>4.4999999999999998E-2</c:v>
                </c:pt>
                <c:pt idx="656">
                  <c:v>4.4999999999999998E-2</c:v>
                </c:pt>
                <c:pt idx="657">
                  <c:v>4.4999999999999998E-2</c:v>
                </c:pt>
                <c:pt idx="658">
                  <c:v>4.4999999999999998E-2</c:v>
                </c:pt>
                <c:pt idx="659">
                  <c:v>4.4999999999999998E-2</c:v>
                </c:pt>
                <c:pt idx="660">
                  <c:v>4.4999999999999998E-2</c:v>
                </c:pt>
                <c:pt idx="661">
                  <c:v>4.4999999999999998E-2</c:v>
                </c:pt>
                <c:pt idx="662">
                  <c:v>4.4999999999999998E-2</c:v>
                </c:pt>
                <c:pt idx="663">
                  <c:v>4.4999999999999998E-2</c:v>
                </c:pt>
                <c:pt idx="664">
                  <c:v>4.4999999999999998E-2</c:v>
                </c:pt>
                <c:pt idx="665">
                  <c:v>4.4999999999999998E-2</c:v>
                </c:pt>
                <c:pt idx="666">
                  <c:v>4.4999999999999998E-2</c:v>
                </c:pt>
                <c:pt idx="667">
                  <c:v>4.4999999999999998E-2</c:v>
                </c:pt>
                <c:pt idx="668">
                  <c:v>4.4999999999999998E-2</c:v>
                </c:pt>
                <c:pt idx="669">
                  <c:v>4.4999999999999998E-2</c:v>
                </c:pt>
                <c:pt idx="670">
                  <c:v>4.4999999999999998E-2</c:v>
                </c:pt>
                <c:pt idx="671">
                  <c:v>4.4999999999999998E-2</c:v>
                </c:pt>
                <c:pt idx="672">
                  <c:v>4.4999999999999998E-2</c:v>
                </c:pt>
                <c:pt idx="673">
                  <c:v>4.4999999999999998E-2</c:v>
                </c:pt>
                <c:pt idx="674">
                  <c:v>4.4999999999999998E-2</c:v>
                </c:pt>
                <c:pt idx="675">
                  <c:v>4.4999999999999998E-2</c:v>
                </c:pt>
                <c:pt idx="676">
                  <c:v>4.4999999999999998E-2</c:v>
                </c:pt>
                <c:pt idx="677">
                  <c:v>0.04</c:v>
                </c:pt>
                <c:pt idx="678">
                  <c:v>0.04</c:v>
                </c:pt>
                <c:pt idx="679">
                  <c:v>0.04</c:v>
                </c:pt>
                <c:pt idx="680">
                  <c:v>0.04</c:v>
                </c:pt>
                <c:pt idx="681">
                  <c:v>0.04</c:v>
                </c:pt>
                <c:pt idx="682">
                  <c:v>0.04</c:v>
                </c:pt>
                <c:pt idx="683">
                  <c:v>0.04</c:v>
                </c:pt>
                <c:pt idx="684">
                  <c:v>0.04</c:v>
                </c:pt>
                <c:pt idx="685">
                  <c:v>0.04</c:v>
                </c:pt>
                <c:pt idx="686">
                  <c:v>0.04</c:v>
                </c:pt>
                <c:pt idx="687">
                  <c:v>0.04</c:v>
                </c:pt>
                <c:pt idx="688">
                  <c:v>0.04</c:v>
                </c:pt>
                <c:pt idx="689">
                  <c:v>0.04</c:v>
                </c:pt>
                <c:pt idx="690">
                  <c:v>0.04</c:v>
                </c:pt>
                <c:pt idx="691">
                  <c:v>0.04</c:v>
                </c:pt>
                <c:pt idx="692">
                  <c:v>0.04</c:v>
                </c:pt>
                <c:pt idx="693">
                  <c:v>0.04</c:v>
                </c:pt>
                <c:pt idx="694">
                  <c:v>0.04</c:v>
                </c:pt>
                <c:pt idx="695">
                  <c:v>0.04</c:v>
                </c:pt>
                <c:pt idx="696">
                  <c:v>0.04</c:v>
                </c:pt>
                <c:pt idx="697">
                  <c:v>0.04</c:v>
                </c:pt>
                <c:pt idx="698">
                  <c:v>0.04</c:v>
                </c:pt>
                <c:pt idx="699">
                  <c:v>0.04</c:v>
                </c:pt>
                <c:pt idx="700">
                  <c:v>0.04</c:v>
                </c:pt>
                <c:pt idx="701">
                  <c:v>0.04</c:v>
                </c:pt>
                <c:pt idx="702">
                  <c:v>0.04</c:v>
                </c:pt>
                <c:pt idx="703">
                  <c:v>0.04</c:v>
                </c:pt>
                <c:pt idx="704">
                  <c:v>0.04</c:v>
                </c:pt>
                <c:pt idx="705">
                  <c:v>0.04</c:v>
                </c:pt>
                <c:pt idx="706">
                  <c:v>0.04</c:v>
                </c:pt>
                <c:pt idx="707">
                  <c:v>0.04</c:v>
                </c:pt>
                <c:pt idx="708">
                  <c:v>0.04</c:v>
                </c:pt>
                <c:pt idx="709">
                  <c:v>0.04</c:v>
                </c:pt>
                <c:pt idx="710">
                  <c:v>0.04</c:v>
                </c:pt>
                <c:pt idx="711">
                  <c:v>0.04</c:v>
                </c:pt>
                <c:pt idx="712">
                  <c:v>0.04</c:v>
                </c:pt>
                <c:pt idx="713">
                  <c:v>0.04</c:v>
                </c:pt>
                <c:pt idx="714">
                  <c:v>0.04</c:v>
                </c:pt>
                <c:pt idx="715">
                  <c:v>0.04</c:v>
                </c:pt>
                <c:pt idx="716">
                  <c:v>0.04</c:v>
                </c:pt>
                <c:pt idx="717">
                  <c:v>0.04</c:v>
                </c:pt>
                <c:pt idx="718">
                  <c:v>0.04</c:v>
                </c:pt>
                <c:pt idx="719">
                  <c:v>0.04</c:v>
                </c:pt>
                <c:pt idx="720">
                  <c:v>0.04</c:v>
                </c:pt>
                <c:pt idx="721">
                  <c:v>0.04</c:v>
                </c:pt>
                <c:pt idx="722">
                  <c:v>0.04</c:v>
                </c:pt>
                <c:pt idx="723">
                  <c:v>0.04</c:v>
                </c:pt>
                <c:pt idx="724">
                  <c:v>0.04</c:v>
                </c:pt>
                <c:pt idx="725">
                  <c:v>0.04</c:v>
                </c:pt>
                <c:pt idx="726">
                  <c:v>0.04</c:v>
                </c:pt>
                <c:pt idx="727">
                  <c:v>0.04</c:v>
                </c:pt>
                <c:pt idx="728">
                  <c:v>0.04</c:v>
                </c:pt>
                <c:pt idx="729">
                  <c:v>0.04</c:v>
                </c:pt>
                <c:pt idx="730">
                  <c:v>0.04</c:v>
                </c:pt>
                <c:pt idx="731">
                  <c:v>0.04</c:v>
                </c:pt>
                <c:pt idx="732">
                  <c:v>0.04</c:v>
                </c:pt>
                <c:pt idx="733">
                  <c:v>0.04</c:v>
                </c:pt>
                <c:pt idx="734">
                  <c:v>0.04</c:v>
                </c:pt>
                <c:pt idx="735">
                  <c:v>0.04</c:v>
                </c:pt>
                <c:pt idx="736">
                  <c:v>0.04</c:v>
                </c:pt>
                <c:pt idx="737">
                  <c:v>0.04</c:v>
                </c:pt>
                <c:pt idx="738">
                  <c:v>0.04</c:v>
                </c:pt>
                <c:pt idx="739">
                  <c:v>0.04</c:v>
                </c:pt>
                <c:pt idx="740">
                  <c:v>0.04</c:v>
                </c:pt>
                <c:pt idx="741">
                  <c:v>0.04</c:v>
                </c:pt>
                <c:pt idx="742">
                  <c:v>0.04</c:v>
                </c:pt>
                <c:pt idx="743">
                  <c:v>0.04</c:v>
                </c:pt>
                <c:pt idx="744">
                  <c:v>0.04</c:v>
                </c:pt>
                <c:pt idx="745">
                  <c:v>0.04</c:v>
                </c:pt>
                <c:pt idx="746">
                  <c:v>0.04</c:v>
                </c:pt>
                <c:pt idx="747">
                  <c:v>0.04</c:v>
                </c:pt>
                <c:pt idx="748">
                  <c:v>0.04</c:v>
                </c:pt>
                <c:pt idx="749">
                  <c:v>0.04</c:v>
                </c:pt>
                <c:pt idx="750">
                  <c:v>0.04</c:v>
                </c:pt>
                <c:pt idx="751">
                  <c:v>0.04</c:v>
                </c:pt>
                <c:pt idx="752">
                  <c:v>0.04</c:v>
                </c:pt>
                <c:pt idx="753">
                  <c:v>0.04</c:v>
                </c:pt>
                <c:pt idx="754">
                  <c:v>0.04</c:v>
                </c:pt>
                <c:pt idx="755">
                  <c:v>0.04</c:v>
                </c:pt>
                <c:pt idx="756">
                  <c:v>0.04</c:v>
                </c:pt>
                <c:pt idx="757">
                  <c:v>0.04</c:v>
                </c:pt>
                <c:pt idx="758">
                  <c:v>0.04</c:v>
                </c:pt>
                <c:pt idx="759">
                  <c:v>0.04</c:v>
                </c:pt>
                <c:pt idx="760">
                  <c:v>0.04</c:v>
                </c:pt>
                <c:pt idx="761">
                  <c:v>0.04</c:v>
                </c:pt>
                <c:pt idx="762">
                  <c:v>0.04</c:v>
                </c:pt>
                <c:pt idx="763">
                  <c:v>0.04</c:v>
                </c:pt>
                <c:pt idx="764">
                  <c:v>0.04</c:v>
                </c:pt>
                <c:pt idx="765">
                  <c:v>0.04</c:v>
                </c:pt>
                <c:pt idx="766">
                  <c:v>0.04</c:v>
                </c:pt>
                <c:pt idx="767">
                  <c:v>0.04</c:v>
                </c:pt>
                <c:pt idx="768">
                  <c:v>0.04</c:v>
                </c:pt>
                <c:pt idx="769">
                  <c:v>0.04</c:v>
                </c:pt>
                <c:pt idx="770">
                  <c:v>0.04</c:v>
                </c:pt>
                <c:pt idx="771">
                  <c:v>0.04</c:v>
                </c:pt>
                <c:pt idx="772">
                  <c:v>0.04</c:v>
                </c:pt>
                <c:pt idx="773">
                  <c:v>0.04</c:v>
                </c:pt>
                <c:pt idx="774">
                  <c:v>0.04</c:v>
                </c:pt>
                <c:pt idx="775">
                  <c:v>0.04</c:v>
                </c:pt>
                <c:pt idx="776">
                  <c:v>0.04</c:v>
                </c:pt>
                <c:pt idx="777">
                  <c:v>0.04</c:v>
                </c:pt>
                <c:pt idx="778">
                  <c:v>0.04</c:v>
                </c:pt>
                <c:pt idx="779">
                  <c:v>0.04</c:v>
                </c:pt>
                <c:pt idx="780">
                  <c:v>0.04</c:v>
                </c:pt>
                <c:pt idx="781">
                  <c:v>0.04</c:v>
                </c:pt>
                <c:pt idx="782">
                  <c:v>0.04</c:v>
                </c:pt>
                <c:pt idx="783">
                  <c:v>0.04</c:v>
                </c:pt>
                <c:pt idx="784">
                  <c:v>0.04</c:v>
                </c:pt>
                <c:pt idx="785">
                  <c:v>0.04</c:v>
                </c:pt>
                <c:pt idx="786">
                  <c:v>0.04</c:v>
                </c:pt>
                <c:pt idx="787">
                  <c:v>0.04</c:v>
                </c:pt>
                <c:pt idx="788">
                  <c:v>0.04</c:v>
                </c:pt>
                <c:pt idx="789">
                  <c:v>0.04</c:v>
                </c:pt>
                <c:pt idx="790">
                  <c:v>0.04</c:v>
                </c:pt>
                <c:pt idx="791">
                  <c:v>0.04</c:v>
                </c:pt>
                <c:pt idx="792">
                  <c:v>0.04</c:v>
                </c:pt>
                <c:pt idx="793">
                  <c:v>0.04</c:v>
                </c:pt>
                <c:pt idx="794">
                  <c:v>0.04</c:v>
                </c:pt>
                <c:pt idx="795">
                  <c:v>0.04</c:v>
                </c:pt>
                <c:pt idx="796">
                  <c:v>0.04</c:v>
                </c:pt>
                <c:pt idx="797">
                  <c:v>0.04</c:v>
                </c:pt>
                <c:pt idx="798">
                  <c:v>0.04</c:v>
                </c:pt>
                <c:pt idx="799">
                  <c:v>0.04</c:v>
                </c:pt>
                <c:pt idx="800">
                  <c:v>0.04</c:v>
                </c:pt>
                <c:pt idx="801">
                  <c:v>0.04</c:v>
                </c:pt>
                <c:pt idx="802">
                  <c:v>0.04</c:v>
                </c:pt>
                <c:pt idx="803">
                  <c:v>0.04</c:v>
                </c:pt>
                <c:pt idx="804">
                  <c:v>0.04</c:v>
                </c:pt>
                <c:pt idx="805">
                  <c:v>0.04</c:v>
                </c:pt>
                <c:pt idx="806">
                  <c:v>0.04</c:v>
                </c:pt>
                <c:pt idx="807">
                  <c:v>0.04</c:v>
                </c:pt>
                <c:pt idx="808">
                  <c:v>0.04</c:v>
                </c:pt>
                <c:pt idx="809">
                  <c:v>0.04</c:v>
                </c:pt>
                <c:pt idx="810">
                  <c:v>0.04</c:v>
                </c:pt>
                <c:pt idx="811">
                  <c:v>0.04</c:v>
                </c:pt>
                <c:pt idx="812">
                  <c:v>0.04</c:v>
                </c:pt>
                <c:pt idx="813">
                  <c:v>0.04</c:v>
                </c:pt>
                <c:pt idx="814">
                  <c:v>0.04</c:v>
                </c:pt>
                <c:pt idx="815">
                  <c:v>0.04</c:v>
                </c:pt>
                <c:pt idx="816">
                  <c:v>0.04</c:v>
                </c:pt>
                <c:pt idx="817">
                  <c:v>0.04</c:v>
                </c:pt>
                <c:pt idx="818">
                  <c:v>0.04</c:v>
                </c:pt>
                <c:pt idx="819">
                  <c:v>0.04</c:v>
                </c:pt>
                <c:pt idx="820">
                  <c:v>0.04</c:v>
                </c:pt>
                <c:pt idx="821">
                  <c:v>0.04</c:v>
                </c:pt>
                <c:pt idx="822">
                  <c:v>0.04</c:v>
                </c:pt>
                <c:pt idx="823">
                  <c:v>0.04</c:v>
                </c:pt>
                <c:pt idx="824">
                  <c:v>0.04</c:v>
                </c:pt>
                <c:pt idx="825">
                  <c:v>0.04</c:v>
                </c:pt>
                <c:pt idx="826">
                  <c:v>0.04</c:v>
                </c:pt>
                <c:pt idx="827">
                  <c:v>0.04</c:v>
                </c:pt>
                <c:pt idx="828">
                  <c:v>0.04</c:v>
                </c:pt>
                <c:pt idx="829">
                  <c:v>0.04</c:v>
                </c:pt>
                <c:pt idx="830">
                  <c:v>0.04</c:v>
                </c:pt>
                <c:pt idx="831">
                  <c:v>0.04</c:v>
                </c:pt>
                <c:pt idx="832">
                  <c:v>0.04</c:v>
                </c:pt>
                <c:pt idx="833">
                  <c:v>0.04</c:v>
                </c:pt>
                <c:pt idx="834">
                  <c:v>0.04</c:v>
                </c:pt>
                <c:pt idx="835">
                  <c:v>0.04</c:v>
                </c:pt>
                <c:pt idx="836">
                  <c:v>0.04</c:v>
                </c:pt>
                <c:pt idx="837">
                  <c:v>0.04</c:v>
                </c:pt>
                <c:pt idx="838">
                  <c:v>0.04</c:v>
                </c:pt>
                <c:pt idx="839">
                  <c:v>0.04</c:v>
                </c:pt>
                <c:pt idx="840">
                  <c:v>0.04</c:v>
                </c:pt>
                <c:pt idx="841">
                  <c:v>0.04</c:v>
                </c:pt>
                <c:pt idx="842">
                  <c:v>0.04</c:v>
                </c:pt>
                <c:pt idx="843">
                  <c:v>0.04</c:v>
                </c:pt>
                <c:pt idx="844">
                  <c:v>0.04</c:v>
                </c:pt>
                <c:pt idx="845">
                  <c:v>0.04</c:v>
                </c:pt>
                <c:pt idx="846">
                  <c:v>0.04</c:v>
                </c:pt>
                <c:pt idx="847">
                  <c:v>0.04</c:v>
                </c:pt>
                <c:pt idx="848">
                  <c:v>0.04</c:v>
                </c:pt>
                <c:pt idx="849">
                  <c:v>0.04</c:v>
                </c:pt>
                <c:pt idx="850">
                  <c:v>0.04</c:v>
                </c:pt>
                <c:pt idx="851">
                  <c:v>0.04</c:v>
                </c:pt>
                <c:pt idx="852">
                  <c:v>0.04</c:v>
                </c:pt>
                <c:pt idx="853">
                  <c:v>0.04</c:v>
                </c:pt>
                <c:pt idx="854">
                  <c:v>0.04</c:v>
                </c:pt>
                <c:pt idx="855">
                  <c:v>0.04</c:v>
                </c:pt>
                <c:pt idx="856">
                  <c:v>0.04</c:v>
                </c:pt>
                <c:pt idx="857">
                  <c:v>0.04</c:v>
                </c:pt>
                <c:pt idx="858">
                  <c:v>0.04</c:v>
                </c:pt>
                <c:pt idx="859">
                  <c:v>0.04</c:v>
                </c:pt>
                <c:pt idx="860">
                  <c:v>0.04</c:v>
                </c:pt>
                <c:pt idx="861">
                  <c:v>0.04</c:v>
                </c:pt>
                <c:pt idx="862">
                  <c:v>0.04</c:v>
                </c:pt>
                <c:pt idx="863">
                  <c:v>0.04</c:v>
                </c:pt>
                <c:pt idx="864">
                  <c:v>0.04</c:v>
                </c:pt>
                <c:pt idx="865">
                  <c:v>0.04</c:v>
                </c:pt>
                <c:pt idx="866">
                  <c:v>0.04</c:v>
                </c:pt>
                <c:pt idx="867">
                  <c:v>0.04</c:v>
                </c:pt>
                <c:pt idx="868">
                  <c:v>0.04</c:v>
                </c:pt>
                <c:pt idx="869">
                  <c:v>0.04</c:v>
                </c:pt>
                <c:pt idx="870">
                  <c:v>0.04</c:v>
                </c:pt>
                <c:pt idx="871">
                  <c:v>0.04</c:v>
                </c:pt>
                <c:pt idx="872">
                  <c:v>0.04</c:v>
                </c:pt>
                <c:pt idx="873">
                  <c:v>0.04</c:v>
                </c:pt>
                <c:pt idx="874">
                  <c:v>0.04</c:v>
                </c:pt>
                <c:pt idx="875">
                  <c:v>0.04</c:v>
                </c:pt>
                <c:pt idx="876">
                  <c:v>0.04</c:v>
                </c:pt>
                <c:pt idx="877">
                  <c:v>0.04</c:v>
                </c:pt>
                <c:pt idx="878">
                  <c:v>0.04</c:v>
                </c:pt>
                <c:pt idx="879">
                  <c:v>0.04</c:v>
                </c:pt>
                <c:pt idx="880">
                  <c:v>0.04</c:v>
                </c:pt>
                <c:pt idx="881">
                  <c:v>0.04</c:v>
                </c:pt>
                <c:pt idx="882">
                  <c:v>0.04</c:v>
                </c:pt>
                <c:pt idx="883">
                  <c:v>0.04</c:v>
                </c:pt>
                <c:pt idx="884">
                  <c:v>0.04</c:v>
                </c:pt>
                <c:pt idx="885">
                  <c:v>0.04</c:v>
                </c:pt>
                <c:pt idx="886">
                  <c:v>0.04</c:v>
                </c:pt>
                <c:pt idx="887">
                  <c:v>0.04</c:v>
                </c:pt>
                <c:pt idx="888">
                  <c:v>0.04</c:v>
                </c:pt>
                <c:pt idx="889">
                  <c:v>0.04</c:v>
                </c:pt>
                <c:pt idx="890">
                  <c:v>0.04</c:v>
                </c:pt>
                <c:pt idx="891">
                  <c:v>0.04</c:v>
                </c:pt>
                <c:pt idx="892">
                  <c:v>0.04</c:v>
                </c:pt>
                <c:pt idx="893">
                  <c:v>0.04</c:v>
                </c:pt>
                <c:pt idx="894">
                  <c:v>0.04</c:v>
                </c:pt>
                <c:pt idx="895">
                  <c:v>0.04</c:v>
                </c:pt>
                <c:pt idx="896">
                  <c:v>0.04</c:v>
                </c:pt>
                <c:pt idx="897">
                  <c:v>0.04</c:v>
                </c:pt>
                <c:pt idx="898">
                  <c:v>0.04</c:v>
                </c:pt>
                <c:pt idx="899">
                  <c:v>0.04</c:v>
                </c:pt>
                <c:pt idx="900">
                  <c:v>0.04</c:v>
                </c:pt>
                <c:pt idx="901">
                  <c:v>0.04</c:v>
                </c:pt>
                <c:pt idx="902">
                  <c:v>0.04</c:v>
                </c:pt>
                <c:pt idx="903">
                  <c:v>0.04</c:v>
                </c:pt>
                <c:pt idx="904">
                  <c:v>0.04</c:v>
                </c:pt>
                <c:pt idx="905">
                  <c:v>0.04</c:v>
                </c:pt>
                <c:pt idx="906">
                  <c:v>0.04</c:v>
                </c:pt>
                <c:pt idx="907">
                  <c:v>0.04</c:v>
                </c:pt>
                <c:pt idx="908">
                  <c:v>0.04</c:v>
                </c:pt>
                <c:pt idx="909">
                  <c:v>0.04</c:v>
                </c:pt>
                <c:pt idx="910">
                  <c:v>0.04</c:v>
                </c:pt>
                <c:pt idx="911">
                  <c:v>0.04</c:v>
                </c:pt>
                <c:pt idx="912">
                  <c:v>0.04</c:v>
                </c:pt>
                <c:pt idx="913">
                  <c:v>0.04</c:v>
                </c:pt>
                <c:pt idx="914">
                  <c:v>0.04</c:v>
                </c:pt>
                <c:pt idx="915">
                  <c:v>0.04</c:v>
                </c:pt>
                <c:pt idx="916">
                  <c:v>0.04</c:v>
                </c:pt>
                <c:pt idx="917">
                  <c:v>0.04</c:v>
                </c:pt>
                <c:pt idx="918">
                  <c:v>0.04</c:v>
                </c:pt>
                <c:pt idx="919">
                  <c:v>0.04</c:v>
                </c:pt>
                <c:pt idx="920">
                  <c:v>0.04</c:v>
                </c:pt>
                <c:pt idx="921">
                  <c:v>0.04</c:v>
                </c:pt>
                <c:pt idx="922">
                  <c:v>0.04</c:v>
                </c:pt>
                <c:pt idx="923">
                  <c:v>0.04</c:v>
                </c:pt>
                <c:pt idx="924">
                  <c:v>0.04</c:v>
                </c:pt>
                <c:pt idx="925">
                  <c:v>0.04</c:v>
                </c:pt>
                <c:pt idx="926">
                  <c:v>0.04</c:v>
                </c:pt>
                <c:pt idx="927">
                  <c:v>0.04</c:v>
                </c:pt>
                <c:pt idx="928">
                  <c:v>0.04</c:v>
                </c:pt>
                <c:pt idx="929">
                  <c:v>0.04</c:v>
                </c:pt>
                <c:pt idx="930">
                  <c:v>0.04</c:v>
                </c:pt>
                <c:pt idx="931">
                  <c:v>0.04</c:v>
                </c:pt>
                <c:pt idx="932">
                  <c:v>0.04</c:v>
                </c:pt>
                <c:pt idx="933">
                  <c:v>0.04</c:v>
                </c:pt>
                <c:pt idx="934">
                  <c:v>0.04</c:v>
                </c:pt>
                <c:pt idx="935">
                  <c:v>0.04</c:v>
                </c:pt>
                <c:pt idx="936">
                  <c:v>0.04</c:v>
                </c:pt>
                <c:pt idx="937">
                  <c:v>0.04</c:v>
                </c:pt>
                <c:pt idx="938">
                  <c:v>0.04</c:v>
                </c:pt>
                <c:pt idx="939">
                  <c:v>0.04</c:v>
                </c:pt>
                <c:pt idx="940">
                  <c:v>0.04</c:v>
                </c:pt>
                <c:pt idx="941">
                  <c:v>0.04</c:v>
                </c:pt>
                <c:pt idx="942">
                  <c:v>0.04</c:v>
                </c:pt>
                <c:pt idx="943">
                  <c:v>0.04</c:v>
                </c:pt>
                <c:pt idx="944">
                  <c:v>0.04</c:v>
                </c:pt>
                <c:pt idx="945">
                  <c:v>0.04</c:v>
                </c:pt>
                <c:pt idx="946">
                  <c:v>0.04</c:v>
                </c:pt>
                <c:pt idx="947">
                  <c:v>0.04</c:v>
                </c:pt>
                <c:pt idx="948">
                  <c:v>0.04</c:v>
                </c:pt>
                <c:pt idx="949">
                  <c:v>0.04</c:v>
                </c:pt>
                <c:pt idx="950">
                  <c:v>0.04</c:v>
                </c:pt>
                <c:pt idx="951">
                  <c:v>0.04</c:v>
                </c:pt>
                <c:pt idx="952">
                  <c:v>0.04</c:v>
                </c:pt>
                <c:pt idx="953">
                  <c:v>0.04</c:v>
                </c:pt>
                <c:pt idx="954">
                  <c:v>0.04</c:v>
                </c:pt>
                <c:pt idx="955">
                  <c:v>0.04</c:v>
                </c:pt>
                <c:pt idx="956">
                  <c:v>0.04</c:v>
                </c:pt>
                <c:pt idx="957">
                  <c:v>0.04</c:v>
                </c:pt>
                <c:pt idx="958">
                  <c:v>0.04</c:v>
                </c:pt>
                <c:pt idx="959">
                  <c:v>0.04</c:v>
                </c:pt>
                <c:pt idx="960">
                  <c:v>0.04</c:v>
                </c:pt>
                <c:pt idx="961">
                  <c:v>0.04</c:v>
                </c:pt>
                <c:pt idx="962">
                  <c:v>0.04</c:v>
                </c:pt>
                <c:pt idx="963">
                  <c:v>0.04</c:v>
                </c:pt>
                <c:pt idx="964">
                  <c:v>0.04</c:v>
                </c:pt>
                <c:pt idx="965">
                  <c:v>0.04</c:v>
                </c:pt>
                <c:pt idx="966">
                  <c:v>0.04</c:v>
                </c:pt>
                <c:pt idx="967">
                  <c:v>0.04</c:v>
                </c:pt>
                <c:pt idx="968">
                  <c:v>0.04</c:v>
                </c:pt>
                <c:pt idx="969">
                  <c:v>0.04</c:v>
                </c:pt>
                <c:pt idx="970">
                  <c:v>0.04</c:v>
                </c:pt>
                <c:pt idx="971">
                  <c:v>0.04</c:v>
                </c:pt>
                <c:pt idx="972">
                  <c:v>0.04</c:v>
                </c:pt>
                <c:pt idx="973">
                  <c:v>0.04</c:v>
                </c:pt>
                <c:pt idx="974">
                  <c:v>0.04</c:v>
                </c:pt>
                <c:pt idx="975">
                  <c:v>0.04</c:v>
                </c:pt>
                <c:pt idx="976">
                  <c:v>0.04</c:v>
                </c:pt>
                <c:pt idx="977">
                  <c:v>0.04</c:v>
                </c:pt>
                <c:pt idx="978">
                  <c:v>0.04</c:v>
                </c:pt>
                <c:pt idx="979">
                  <c:v>0.04</c:v>
                </c:pt>
                <c:pt idx="980">
                  <c:v>0.04</c:v>
                </c:pt>
                <c:pt idx="981">
                  <c:v>0.04</c:v>
                </c:pt>
                <c:pt idx="982">
                  <c:v>0.04</c:v>
                </c:pt>
                <c:pt idx="983">
                  <c:v>0.04</c:v>
                </c:pt>
                <c:pt idx="984">
                  <c:v>0.04</c:v>
                </c:pt>
                <c:pt idx="985">
                  <c:v>0.04</c:v>
                </c:pt>
                <c:pt idx="986">
                  <c:v>0.04</c:v>
                </c:pt>
                <c:pt idx="987">
                  <c:v>0.04</c:v>
                </c:pt>
                <c:pt idx="988">
                  <c:v>0.04</c:v>
                </c:pt>
                <c:pt idx="989">
                  <c:v>0.04</c:v>
                </c:pt>
                <c:pt idx="990">
                  <c:v>0.04</c:v>
                </c:pt>
                <c:pt idx="991">
                  <c:v>0.04</c:v>
                </c:pt>
                <c:pt idx="992">
                  <c:v>0.04</c:v>
                </c:pt>
                <c:pt idx="993">
                  <c:v>0.04</c:v>
                </c:pt>
                <c:pt idx="994">
                  <c:v>0.04</c:v>
                </c:pt>
                <c:pt idx="995">
                  <c:v>0.04</c:v>
                </c:pt>
                <c:pt idx="996">
                  <c:v>0.04</c:v>
                </c:pt>
                <c:pt idx="997">
                  <c:v>0.04</c:v>
                </c:pt>
                <c:pt idx="998">
                  <c:v>0.04</c:v>
                </c:pt>
                <c:pt idx="999">
                  <c:v>0.04</c:v>
                </c:pt>
                <c:pt idx="1000">
                  <c:v>0.04</c:v>
                </c:pt>
                <c:pt idx="1001">
                  <c:v>0.04</c:v>
                </c:pt>
                <c:pt idx="1002">
                  <c:v>0.04</c:v>
                </c:pt>
                <c:pt idx="1003">
                  <c:v>0.04</c:v>
                </c:pt>
                <c:pt idx="1004">
                  <c:v>0.04</c:v>
                </c:pt>
                <c:pt idx="1005">
                  <c:v>0.04</c:v>
                </c:pt>
                <c:pt idx="1006">
                  <c:v>0.04</c:v>
                </c:pt>
                <c:pt idx="1007">
                  <c:v>0.04</c:v>
                </c:pt>
                <c:pt idx="1008">
                  <c:v>0.04</c:v>
                </c:pt>
                <c:pt idx="1009">
                  <c:v>0.04</c:v>
                </c:pt>
                <c:pt idx="1010">
                  <c:v>0.04</c:v>
                </c:pt>
                <c:pt idx="1011">
                  <c:v>0.04</c:v>
                </c:pt>
                <c:pt idx="1012">
                  <c:v>0.04</c:v>
                </c:pt>
                <c:pt idx="1013">
                  <c:v>0.04</c:v>
                </c:pt>
                <c:pt idx="1014">
                  <c:v>0.04</c:v>
                </c:pt>
                <c:pt idx="1015">
                  <c:v>0.04</c:v>
                </c:pt>
                <c:pt idx="1016">
                  <c:v>0.04</c:v>
                </c:pt>
                <c:pt idx="1017">
                  <c:v>0.04</c:v>
                </c:pt>
                <c:pt idx="1018">
                  <c:v>0.04</c:v>
                </c:pt>
                <c:pt idx="1019">
                  <c:v>0.04</c:v>
                </c:pt>
                <c:pt idx="1020">
                  <c:v>0.04</c:v>
                </c:pt>
                <c:pt idx="1021">
                  <c:v>0.04</c:v>
                </c:pt>
                <c:pt idx="1022">
                  <c:v>0.04</c:v>
                </c:pt>
                <c:pt idx="1023">
                  <c:v>0.04</c:v>
                </c:pt>
                <c:pt idx="1024">
                  <c:v>0.04</c:v>
                </c:pt>
                <c:pt idx="1025">
                  <c:v>0.04</c:v>
                </c:pt>
                <c:pt idx="1026">
                  <c:v>0.04</c:v>
                </c:pt>
                <c:pt idx="1027">
                  <c:v>0.04</c:v>
                </c:pt>
                <c:pt idx="1028">
                  <c:v>0.04</c:v>
                </c:pt>
                <c:pt idx="1029">
                  <c:v>0.04</c:v>
                </c:pt>
                <c:pt idx="1030">
                  <c:v>0.04</c:v>
                </c:pt>
                <c:pt idx="1031">
                  <c:v>0.04</c:v>
                </c:pt>
                <c:pt idx="1032">
                  <c:v>0.04</c:v>
                </c:pt>
                <c:pt idx="1033">
                  <c:v>0.04</c:v>
                </c:pt>
                <c:pt idx="1034">
                  <c:v>0.04</c:v>
                </c:pt>
                <c:pt idx="1035">
                  <c:v>0.04</c:v>
                </c:pt>
                <c:pt idx="1036">
                  <c:v>0.04</c:v>
                </c:pt>
                <c:pt idx="1037">
                  <c:v>0.04</c:v>
                </c:pt>
                <c:pt idx="1038">
                  <c:v>0.04</c:v>
                </c:pt>
                <c:pt idx="1039">
                  <c:v>0.04</c:v>
                </c:pt>
                <c:pt idx="1040">
                  <c:v>0.04</c:v>
                </c:pt>
                <c:pt idx="1041">
                  <c:v>0.04</c:v>
                </c:pt>
                <c:pt idx="1042">
                  <c:v>0.04</c:v>
                </c:pt>
                <c:pt idx="1043">
                  <c:v>0.04</c:v>
                </c:pt>
                <c:pt idx="1044">
                  <c:v>0.04</c:v>
                </c:pt>
                <c:pt idx="1045">
                  <c:v>0.04</c:v>
                </c:pt>
                <c:pt idx="1046">
                  <c:v>0.04</c:v>
                </c:pt>
                <c:pt idx="1047">
                  <c:v>0.04</c:v>
                </c:pt>
                <c:pt idx="1048">
                  <c:v>0.04</c:v>
                </c:pt>
                <c:pt idx="1049">
                  <c:v>0.04</c:v>
                </c:pt>
                <c:pt idx="1050">
                  <c:v>0.04</c:v>
                </c:pt>
                <c:pt idx="1051">
                  <c:v>0.04</c:v>
                </c:pt>
                <c:pt idx="1052">
                  <c:v>0.04</c:v>
                </c:pt>
                <c:pt idx="1053">
                  <c:v>0.04</c:v>
                </c:pt>
                <c:pt idx="1054">
                  <c:v>0.04</c:v>
                </c:pt>
                <c:pt idx="1055">
                  <c:v>0.04</c:v>
                </c:pt>
                <c:pt idx="1056">
                  <c:v>0.04</c:v>
                </c:pt>
                <c:pt idx="1057">
                  <c:v>0.04</c:v>
                </c:pt>
                <c:pt idx="1058">
                  <c:v>0.04</c:v>
                </c:pt>
                <c:pt idx="1059">
                  <c:v>0.04</c:v>
                </c:pt>
                <c:pt idx="1060">
                  <c:v>0.04</c:v>
                </c:pt>
                <c:pt idx="1061">
                  <c:v>0.04</c:v>
                </c:pt>
                <c:pt idx="1062">
                  <c:v>0.04</c:v>
                </c:pt>
                <c:pt idx="1063">
                  <c:v>0.04</c:v>
                </c:pt>
                <c:pt idx="1064">
                  <c:v>0.04</c:v>
                </c:pt>
                <c:pt idx="1065">
                  <c:v>0.04</c:v>
                </c:pt>
                <c:pt idx="1066">
                  <c:v>0.04</c:v>
                </c:pt>
                <c:pt idx="1067">
                  <c:v>0.04</c:v>
                </c:pt>
                <c:pt idx="1068">
                  <c:v>0.04</c:v>
                </c:pt>
                <c:pt idx="1069">
                  <c:v>0.04</c:v>
                </c:pt>
                <c:pt idx="1070">
                  <c:v>0.04</c:v>
                </c:pt>
                <c:pt idx="1071">
                  <c:v>0.04</c:v>
                </c:pt>
                <c:pt idx="1072">
                  <c:v>0.04</c:v>
                </c:pt>
                <c:pt idx="1073">
                  <c:v>0.04</c:v>
                </c:pt>
                <c:pt idx="1074">
                  <c:v>0.04</c:v>
                </c:pt>
                <c:pt idx="1075">
                  <c:v>0.04</c:v>
                </c:pt>
                <c:pt idx="1076">
                  <c:v>0.04</c:v>
                </c:pt>
                <c:pt idx="1077">
                  <c:v>0.04</c:v>
                </c:pt>
                <c:pt idx="1078">
                  <c:v>0.04</c:v>
                </c:pt>
                <c:pt idx="1079">
                  <c:v>0.04</c:v>
                </c:pt>
                <c:pt idx="1080">
                  <c:v>0.04</c:v>
                </c:pt>
                <c:pt idx="1081">
                  <c:v>0.04</c:v>
                </c:pt>
                <c:pt idx="1082">
                  <c:v>0.04</c:v>
                </c:pt>
                <c:pt idx="1083">
                  <c:v>0.04</c:v>
                </c:pt>
                <c:pt idx="1084">
                  <c:v>0.04</c:v>
                </c:pt>
                <c:pt idx="1085">
                  <c:v>0.04</c:v>
                </c:pt>
                <c:pt idx="1086">
                  <c:v>0.04</c:v>
                </c:pt>
                <c:pt idx="1087">
                  <c:v>0.04</c:v>
                </c:pt>
                <c:pt idx="1088">
                  <c:v>0.04</c:v>
                </c:pt>
                <c:pt idx="1089">
                  <c:v>0.04</c:v>
                </c:pt>
                <c:pt idx="1090">
                  <c:v>0.04</c:v>
                </c:pt>
                <c:pt idx="1091">
                  <c:v>0.04</c:v>
                </c:pt>
                <c:pt idx="1092">
                  <c:v>0.04</c:v>
                </c:pt>
                <c:pt idx="1093">
                  <c:v>0.04</c:v>
                </c:pt>
                <c:pt idx="1094">
                  <c:v>0.04</c:v>
                </c:pt>
                <c:pt idx="1095">
                  <c:v>0.04</c:v>
                </c:pt>
                <c:pt idx="1096">
                  <c:v>0.04</c:v>
                </c:pt>
                <c:pt idx="1097">
                  <c:v>0.04</c:v>
                </c:pt>
                <c:pt idx="1098">
                  <c:v>0.04</c:v>
                </c:pt>
                <c:pt idx="1099">
                  <c:v>0.04</c:v>
                </c:pt>
                <c:pt idx="1100">
                  <c:v>0.04</c:v>
                </c:pt>
                <c:pt idx="1101">
                  <c:v>0.04</c:v>
                </c:pt>
                <c:pt idx="1102">
                  <c:v>0.04</c:v>
                </c:pt>
                <c:pt idx="1103">
                  <c:v>0.04</c:v>
                </c:pt>
                <c:pt idx="1104">
                  <c:v>0.04</c:v>
                </c:pt>
                <c:pt idx="1105">
                  <c:v>0.04</c:v>
                </c:pt>
                <c:pt idx="1106">
                  <c:v>0.04</c:v>
                </c:pt>
                <c:pt idx="1107">
                  <c:v>0.04</c:v>
                </c:pt>
                <c:pt idx="1108">
                  <c:v>0.04</c:v>
                </c:pt>
                <c:pt idx="1109">
                  <c:v>0.04</c:v>
                </c:pt>
                <c:pt idx="1110">
                  <c:v>0.04</c:v>
                </c:pt>
                <c:pt idx="1111">
                  <c:v>0.04</c:v>
                </c:pt>
                <c:pt idx="1112">
                  <c:v>0.04</c:v>
                </c:pt>
                <c:pt idx="1113">
                  <c:v>0.04</c:v>
                </c:pt>
                <c:pt idx="1114">
                  <c:v>0.04</c:v>
                </c:pt>
                <c:pt idx="1115">
                  <c:v>0.04</c:v>
                </c:pt>
                <c:pt idx="1116">
                  <c:v>0.04</c:v>
                </c:pt>
                <c:pt idx="1117">
                  <c:v>0.04</c:v>
                </c:pt>
                <c:pt idx="1118">
                  <c:v>0.04</c:v>
                </c:pt>
                <c:pt idx="1119">
                  <c:v>0.04</c:v>
                </c:pt>
                <c:pt idx="1120">
                  <c:v>0.04</c:v>
                </c:pt>
                <c:pt idx="1121">
                  <c:v>0.04</c:v>
                </c:pt>
                <c:pt idx="1122">
                  <c:v>0.04</c:v>
                </c:pt>
                <c:pt idx="1123">
                  <c:v>0.04</c:v>
                </c:pt>
                <c:pt idx="1124">
                  <c:v>0.04</c:v>
                </c:pt>
                <c:pt idx="1125">
                  <c:v>0.04</c:v>
                </c:pt>
                <c:pt idx="1126">
                  <c:v>0.04</c:v>
                </c:pt>
                <c:pt idx="1127">
                  <c:v>0.04</c:v>
                </c:pt>
                <c:pt idx="1128">
                  <c:v>0.04</c:v>
                </c:pt>
                <c:pt idx="1129">
                  <c:v>0.04</c:v>
                </c:pt>
                <c:pt idx="1130">
                  <c:v>0.04</c:v>
                </c:pt>
                <c:pt idx="1131">
                  <c:v>0.04</c:v>
                </c:pt>
                <c:pt idx="1132">
                  <c:v>3.7499999999999999E-2</c:v>
                </c:pt>
                <c:pt idx="1133">
                  <c:v>3.7499999999999999E-2</c:v>
                </c:pt>
                <c:pt idx="1134">
                  <c:v>3.7499999999999999E-2</c:v>
                </c:pt>
                <c:pt idx="1135">
                  <c:v>3.7499999999999999E-2</c:v>
                </c:pt>
                <c:pt idx="1136">
                  <c:v>3.7499999999999999E-2</c:v>
                </c:pt>
                <c:pt idx="1137">
                  <c:v>3.7499999999999999E-2</c:v>
                </c:pt>
                <c:pt idx="1138">
                  <c:v>3.7499999999999999E-2</c:v>
                </c:pt>
                <c:pt idx="1139">
                  <c:v>3.7499999999999999E-2</c:v>
                </c:pt>
                <c:pt idx="1140">
                  <c:v>3.7499999999999999E-2</c:v>
                </c:pt>
                <c:pt idx="1141">
                  <c:v>3.7499999999999999E-2</c:v>
                </c:pt>
                <c:pt idx="1142">
                  <c:v>3.7499999999999999E-2</c:v>
                </c:pt>
                <c:pt idx="1143">
                  <c:v>3.7499999999999999E-2</c:v>
                </c:pt>
                <c:pt idx="1144">
                  <c:v>3.7499999999999999E-2</c:v>
                </c:pt>
                <c:pt idx="1145">
                  <c:v>3.7499999999999999E-2</c:v>
                </c:pt>
                <c:pt idx="1146">
                  <c:v>3.7499999999999999E-2</c:v>
                </c:pt>
                <c:pt idx="1147">
                  <c:v>3.7499999999999999E-2</c:v>
                </c:pt>
                <c:pt idx="1148">
                  <c:v>3.7499999999999999E-2</c:v>
                </c:pt>
                <c:pt idx="1149">
                  <c:v>3.7499999999999999E-2</c:v>
                </c:pt>
                <c:pt idx="1150">
                  <c:v>3.7499999999999999E-2</c:v>
                </c:pt>
                <c:pt idx="1151">
                  <c:v>3.7499999999999999E-2</c:v>
                </c:pt>
                <c:pt idx="1152">
                  <c:v>3.7499999999999999E-2</c:v>
                </c:pt>
                <c:pt idx="1153">
                  <c:v>3.7499999999999999E-2</c:v>
                </c:pt>
                <c:pt idx="1154">
                  <c:v>3.7499999999999999E-2</c:v>
                </c:pt>
                <c:pt idx="1155">
                  <c:v>3.7499999999999999E-2</c:v>
                </c:pt>
                <c:pt idx="1156">
                  <c:v>3.7499999999999999E-2</c:v>
                </c:pt>
                <c:pt idx="1157">
                  <c:v>3.7499999999999999E-2</c:v>
                </c:pt>
                <c:pt idx="1158">
                  <c:v>3.7499999999999999E-2</c:v>
                </c:pt>
                <c:pt idx="1159">
                  <c:v>3.7499999999999999E-2</c:v>
                </c:pt>
                <c:pt idx="1160">
                  <c:v>3.7499999999999999E-2</c:v>
                </c:pt>
                <c:pt idx="1161">
                  <c:v>3.7499999999999999E-2</c:v>
                </c:pt>
                <c:pt idx="1162">
                  <c:v>3.7499999999999999E-2</c:v>
                </c:pt>
                <c:pt idx="1163">
                  <c:v>3.7499999999999999E-2</c:v>
                </c:pt>
                <c:pt idx="1164">
                  <c:v>3.7499999999999999E-2</c:v>
                </c:pt>
                <c:pt idx="1165">
                  <c:v>3.7499999999999999E-2</c:v>
                </c:pt>
                <c:pt idx="1166">
                  <c:v>3.7499999999999999E-2</c:v>
                </c:pt>
                <c:pt idx="1167">
                  <c:v>3.7499999999999999E-2</c:v>
                </c:pt>
                <c:pt idx="1168">
                  <c:v>3.7499999999999999E-2</c:v>
                </c:pt>
                <c:pt idx="1169">
                  <c:v>3.7499999999999999E-2</c:v>
                </c:pt>
                <c:pt idx="1170">
                  <c:v>3.7499999999999999E-2</c:v>
                </c:pt>
                <c:pt idx="1171">
                  <c:v>3.7499999999999999E-2</c:v>
                </c:pt>
                <c:pt idx="1172">
                  <c:v>3.7499999999999999E-2</c:v>
                </c:pt>
                <c:pt idx="1173">
                  <c:v>3.7499999999999999E-2</c:v>
                </c:pt>
                <c:pt idx="1174">
                  <c:v>3.7499999999999999E-2</c:v>
                </c:pt>
                <c:pt idx="1175">
                  <c:v>3.7499999999999999E-2</c:v>
                </c:pt>
                <c:pt idx="1176">
                  <c:v>3.7499999999999999E-2</c:v>
                </c:pt>
                <c:pt idx="1177">
                  <c:v>3.7499999999999999E-2</c:v>
                </c:pt>
                <c:pt idx="1178">
                  <c:v>3.7499999999999999E-2</c:v>
                </c:pt>
                <c:pt idx="1179">
                  <c:v>3.7499999999999999E-2</c:v>
                </c:pt>
                <c:pt idx="1180">
                  <c:v>3.7499999999999999E-2</c:v>
                </c:pt>
                <c:pt idx="1181">
                  <c:v>3.7499999999999999E-2</c:v>
                </c:pt>
                <c:pt idx="1182">
                  <c:v>3.7499999999999999E-2</c:v>
                </c:pt>
                <c:pt idx="1183">
                  <c:v>3.7499999999999999E-2</c:v>
                </c:pt>
                <c:pt idx="1184">
                  <c:v>3.7499999999999999E-2</c:v>
                </c:pt>
                <c:pt idx="1185">
                  <c:v>3.7499999999999999E-2</c:v>
                </c:pt>
                <c:pt idx="1186">
                  <c:v>3.7499999999999999E-2</c:v>
                </c:pt>
                <c:pt idx="1187">
                  <c:v>3.7499999999999999E-2</c:v>
                </c:pt>
                <c:pt idx="1188">
                  <c:v>3.7499999999999999E-2</c:v>
                </c:pt>
                <c:pt idx="1189">
                  <c:v>3.7499999999999999E-2</c:v>
                </c:pt>
                <c:pt idx="1190">
                  <c:v>3.7499999999999999E-2</c:v>
                </c:pt>
                <c:pt idx="1191">
                  <c:v>3.7499999999999999E-2</c:v>
                </c:pt>
                <c:pt idx="1192">
                  <c:v>3.7499999999999999E-2</c:v>
                </c:pt>
                <c:pt idx="1193">
                  <c:v>3.7499999999999999E-2</c:v>
                </c:pt>
                <c:pt idx="1194">
                  <c:v>3.7499999999999999E-2</c:v>
                </c:pt>
                <c:pt idx="1195">
                  <c:v>3.7499999999999999E-2</c:v>
                </c:pt>
                <c:pt idx="1196">
                  <c:v>3.7499999999999999E-2</c:v>
                </c:pt>
                <c:pt idx="1197">
                  <c:v>3.7499999999999999E-2</c:v>
                </c:pt>
                <c:pt idx="1198">
                  <c:v>3.7499999999999999E-2</c:v>
                </c:pt>
                <c:pt idx="1199">
                  <c:v>3.7499999999999999E-2</c:v>
                </c:pt>
                <c:pt idx="1200">
                  <c:v>3.7499999999999999E-2</c:v>
                </c:pt>
                <c:pt idx="1201">
                  <c:v>3.7499999999999999E-2</c:v>
                </c:pt>
                <c:pt idx="1202">
                  <c:v>3.7499999999999999E-2</c:v>
                </c:pt>
                <c:pt idx="1203">
                  <c:v>3.7499999999999999E-2</c:v>
                </c:pt>
                <c:pt idx="1204">
                  <c:v>3.7499999999999999E-2</c:v>
                </c:pt>
                <c:pt idx="1205">
                  <c:v>3.7499999999999999E-2</c:v>
                </c:pt>
                <c:pt idx="1206">
                  <c:v>3.7499999999999999E-2</c:v>
                </c:pt>
                <c:pt idx="1207">
                  <c:v>3.7499999999999999E-2</c:v>
                </c:pt>
                <c:pt idx="1208">
                  <c:v>3.7499999999999999E-2</c:v>
                </c:pt>
                <c:pt idx="1209">
                  <c:v>3.7499999999999999E-2</c:v>
                </c:pt>
                <c:pt idx="1210">
                  <c:v>3.7499999999999999E-2</c:v>
                </c:pt>
                <c:pt idx="1211">
                  <c:v>3.7499999999999999E-2</c:v>
                </c:pt>
                <c:pt idx="1212">
                  <c:v>3.7499999999999999E-2</c:v>
                </c:pt>
                <c:pt idx="1213">
                  <c:v>3.7499999999999999E-2</c:v>
                </c:pt>
                <c:pt idx="1214">
                  <c:v>3.7499999999999999E-2</c:v>
                </c:pt>
                <c:pt idx="1215">
                  <c:v>3.7499999999999999E-2</c:v>
                </c:pt>
                <c:pt idx="1216">
                  <c:v>3.7499999999999999E-2</c:v>
                </c:pt>
                <c:pt idx="1217">
                  <c:v>3.7499999999999999E-2</c:v>
                </c:pt>
                <c:pt idx="1218">
                  <c:v>3.7499999999999999E-2</c:v>
                </c:pt>
                <c:pt idx="1219">
                  <c:v>3.7499999999999999E-2</c:v>
                </c:pt>
                <c:pt idx="1220">
                  <c:v>3.7499999999999999E-2</c:v>
                </c:pt>
                <c:pt idx="1221">
                  <c:v>3.7499999999999999E-2</c:v>
                </c:pt>
                <c:pt idx="1222">
                  <c:v>3.7499999999999999E-2</c:v>
                </c:pt>
                <c:pt idx="1223">
                  <c:v>3.7499999999999999E-2</c:v>
                </c:pt>
                <c:pt idx="1224">
                  <c:v>3.7499999999999999E-2</c:v>
                </c:pt>
                <c:pt idx="1225">
                  <c:v>3.7499999999999999E-2</c:v>
                </c:pt>
                <c:pt idx="1226">
                  <c:v>3.7499999999999999E-2</c:v>
                </c:pt>
                <c:pt idx="1227">
                  <c:v>3.7499999999999999E-2</c:v>
                </c:pt>
                <c:pt idx="1228">
                  <c:v>3.7499999999999999E-2</c:v>
                </c:pt>
                <c:pt idx="1229">
                  <c:v>3.7499999999999999E-2</c:v>
                </c:pt>
                <c:pt idx="1230">
                  <c:v>3.7499999999999999E-2</c:v>
                </c:pt>
                <c:pt idx="1231">
                  <c:v>3.7499999999999999E-2</c:v>
                </c:pt>
                <c:pt idx="1232">
                  <c:v>3.7499999999999999E-2</c:v>
                </c:pt>
                <c:pt idx="1233">
                  <c:v>3.7499999999999999E-2</c:v>
                </c:pt>
                <c:pt idx="1234">
                  <c:v>3.7499999999999999E-2</c:v>
                </c:pt>
                <c:pt idx="1235">
                  <c:v>3.7499999999999999E-2</c:v>
                </c:pt>
                <c:pt idx="1236">
                  <c:v>3.7499999999999999E-2</c:v>
                </c:pt>
                <c:pt idx="1237">
                  <c:v>3.7499999999999999E-2</c:v>
                </c:pt>
                <c:pt idx="1238">
                  <c:v>3.7499999999999999E-2</c:v>
                </c:pt>
                <c:pt idx="1239">
                  <c:v>3.7499999999999999E-2</c:v>
                </c:pt>
                <c:pt idx="1240">
                  <c:v>3.7499999999999999E-2</c:v>
                </c:pt>
                <c:pt idx="1241">
                  <c:v>3.7499999999999999E-2</c:v>
                </c:pt>
                <c:pt idx="1242">
                  <c:v>3.7499999999999999E-2</c:v>
                </c:pt>
                <c:pt idx="1243">
                  <c:v>3.7499999999999999E-2</c:v>
                </c:pt>
                <c:pt idx="1244">
                  <c:v>3.7499999999999999E-2</c:v>
                </c:pt>
                <c:pt idx="1245">
                  <c:v>3.7499999999999999E-2</c:v>
                </c:pt>
                <c:pt idx="1246">
                  <c:v>3.7499999999999999E-2</c:v>
                </c:pt>
                <c:pt idx="1247">
                  <c:v>3.7499999999999999E-2</c:v>
                </c:pt>
                <c:pt idx="1248">
                  <c:v>3.7499999999999999E-2</c:v>
                </c:pt>
                <c:pt idx="1249">
                  <c:v>3.7499999999999999E-2</c:v>
                </c:pt>
                <c:pt idx="1250">
                  <c:v>3.7499999999999999E-2</c:v>
                </c:pt>
                <c:pt idx="1251">
                  <c:v>3.7499999999999999E-2</c:v>
                </c:pt>
                <c:pt idx="1252">
                  <c:v>3.7499999999999999E-2</c:v>
                </c:pt>
                <c:pt idx="1253">
                  <c:v>3.7499999999999999E-2</c:v>
                </c:pt>
                <c:pt idx="1254">
                  <c:v>3.7499999999999999E-2</c:v>
                </c:pt>
                <c:pt idx="1255">
                  <c:v>3.7499999999999999E-2</c:v>
                </c:pt>
                <c:pt idx="1256">
                  <c:v>3.7499999999999999E-2</c:v>
                </c:pt>
                <c:pt idx="1257">
                  <c:v>3.7499999999999999E-2</c:v>
                </c:pt>
                <c:pt idx="1258">
                  <c:v>3.7499999999999999E-2</c:v>
                </c:pt>
                <c:pt idx="1259">
                  <c:v>3.7499999999999999E-2</c:v>
                </c:pt>
                <c:pt idx="1260">
                  <c:v>3.7499999999999999E-2</c:v>
                </c:pt>
                <c:pt idx="1261">
                  <c:v>3.7499999999999999E-2</c:v>
                </c:pt>
                <c:pt idx="1262">
                  <c:v>3.7499999999999999E-2</c:v>
                </c:pt>
                <c:pt idx="1263">
                  <c:v>3.7499999999999999E-2</c:v>
                </c:pt>
                <c:pt idx="1264">
                  <c:v>3.7499999999999999E-2</c:v>
                </c:pt>
                <c:pt idx="1265">
                  <c:v>3.7499999999999999E-2</c:v>
                </c:pt>
                <c:pt idx="1266">
                  <c:v>3.7499999999999999E-2</c:v>
                </c:pt>
                <c:pt idx="1267">
                  <c:v>3.7499999999999999E-2</c:v>
                </c:pt>
                <c:pt idx="1268">
                  <c:v>3.7499999999999999E-2</c:v>
                </c:pt>
                <c:pt idx="1269">
                  <c:v>3.7499999999999999E-2</c:v>
                </c:pt>
                <c:pt idx="1270">
                  <c:v>3.7499999999999999E-2</c:v>
                </c:pt>
                <c:pt idx="1271">
                  <c:v>3.7499999999999999E-2</c:v>
                </c:pt>
                <c:pt idx="1272">
                  <c:v>3.7499999999999999E-2</c:v>
                </c:pt>
                <c:pt idx="1273">
                  <c:v>3.7499999999999999E-2</c:v>
                </c:pt>
                <c:pt idx="1274">
                  <c:v>3.7499999999999999E-2</c:v>
                </c:pt>
                <c:pt idx="1275">
                  <c:v>3.7499999999999999E-2</c:v>
                </c:pt>
                <c:pt idx="1276">
                  <c:v>3.7499999999999999E-2</c:v>
                </c:pt>
                <c:pt idx="1277">
                  <c:v>3.7499999999999999E-2</c:v>
                </c:pt>
                <c:pt idx="1278">
                  <c:v>3.7499999999999999E-2</c:v>
                </c:pt>
                <c:pt idx="1279">
                  <c:v>3.7499999999999999E-2</c:v>
                </c:pt>
                <c:pt idx="1280">
                  <c:v>3.7499999999999999E-2</c:v>
                </c:pt>
                <c:pt idx="1281">
                  <c:v>3.7499999999999999E-2</c:v>
                </c:pt>
                <c:pt idx="1282">
                  <c:v>3.7499999999999999E-2</c:v>
                </c:pt>
                <c:pt idx="1283">
                  <c:v>3.7499999999999999E-2</c:v>
                </c:pt>
                <c:pt idx="1284">
                  <c:v>3.7499999999999999E-2</c:v>
                </c:pt>
                <c:pt idx="1285">
                  <c:v>3.7499999999999999E-2</c:v>
                </c:pt>
                <c:pt idx="1286">
                  <c:v>3.5000000000000003E-2</c:v>
                </c:pt>
                <c:pt idx="1287">
                  <c:v>3.5000000000000003E-2</c:v>
                </c:pt>
                <c:pt idx="1288">
                  <c:v>3.5000000000000003E-2</c:v>
                </c:pt>
                <c:pt idx="1289">
                  <c:v>3.5000000000000003E-2</c:v>
                </c:pt>
                <c:pt idx="1290">
                  <c:v>3.5000000000000003E-2</c:v>
                </c:pt>
                <c:pt idx="1291">
                  <c:v>3.5000000000000003E-2</c:v>
                </c:pt>
                <c:pt idx="1292">
                  <c:v>3.5000000000000003E-2</c:v>
                </c:pt>
                <c:pt idx="1293">
                  <c:v>3.5000000000000003E-2</c:v>
                </c:pt>
                <c:pt idx="1294">
                  <c:v>3.5000000000000003E-2</c:v>
                </c:pt>
                <c:pt idx="1295">
                  <c:v>3.5000000000000003E-2</c:v>
                </c:pt>
                <c:pt idx="1296">
                  <c:v>3.5000000000000003E-2</c:v>
                </c:pt>
                <c:pt idx="1297">
                  <c:v>3.5000000000000003E-2</c:v>
                </c:pt>
                <c:pt idx="1298">
                  <c:v>3.5000000000000003E-2</c:v>
                </c:pt>
                <c:pt idx="1299">
                  <c:v>3.5000000000000003E-2</c:v>
                </c:pt>
                <c:pt idx="1300">
                  <c:v>3.5000000000000003E-2</c:v>
                </c:pt>
                <c:pt idx="1301">
                  <c:v>3.5000000000000003E-2</c:v>
                </c:pt>
                <c:pt idx="1302">
                  <c:v>3.5000000000000003E-2</c:v>
                </c:pt>
                <c:pt idx="1303">
                  <c:v>3.5000000000000003E-2</c:v>
                </c:pt>
                <c:pt idx="1304">
                  <c:v>3.5000000000000003E-2</c:v>
                </c:pt>
                <c:pt idx="1305">
                  <c:v>3.5000000000000003E-2</c:v>
                </c:pt>
                <c:pt idx="1306">
                  <c:v>3.5000000000000003E-2</c:v>
                </c:pt>
                <c:pt idx="1307">
                  <c:v>3.5000000000000003E-2</c:v>
                </c:pt>
                <c:pt idx="1308">
                  <c:v>3.5000000000000003E-2</c:v>
                </c:pt>
                <c:pt idx="1309">
                  <c:v>3.5000000000000003E-2</c:v>
                </c:pt>
                <c:pt idx="1310">
                  <c:v>3.5000000000000003E-2</c:v>
                </c:pt>
                <c:pt idx="1311">
                  <c:v>3.5000000000000003E-2</c:v>
                </c:pt>
                <c:pt idx="1312">
                  <c:v>3.5000000000000003E-2</c:v>
                </c:pt>
                <c:pt idx="1313">
                  <c:v>3.5000000000000003E-2</c:v>
                </c:pt>
                <c:pt idx="1314">
                  <c:v>3.5000000000000003E-2</c:v>
                </c:pt>
                <c:pt idx="1315">
                  <c:v>3.5000000000000003E-2</c:v>
                </c:pt>
                <c:pt idx="1316">
                  <c:v>3.5000000000000003E-2</c:v>
                </c:pt>
                <c:pt idx="1317">
                  <c:v>3.5000000000000003E-2</c:v>
                </c:pt>
                <c:pt idx="1318">
                  <c:v>3.5000000000000003E-2</c:v>
                </c:pt>
                <c:pt idx="1319">
                  <c:v>3.5000000000000003E-2</c:v>
                </c:pt>
                <c:pt idx="1320">
                  <c:v>3.5000000000000003E-2</c:v>
                </c:pt>
                <c:pt idx="1321">
                  <c:v>3.5000000000000003E-2</c:v>
                </c:pt>
                <c:pt idx="1322">
                  <c:v>3.5000000000000003E-2</c:v>
                </c:pt>
                <c:pt idx="1323">
                  <c:v>3.5000000000000003E-2</c:v>
                </c:pt>
                <c:pt idx="1324">
                  <c:v>3.5000000000000003E-2</c:v>
                </c:pt>
                <c:pt idx="1325">
                  <c:v>3.5000000000000003E-2</c:v>
                </c:pt>
                <c:pt idx="1326">
                  <c:v>3.5000000000000003E-2</c:v>
                </c:pt>
                <c:pt idx="1327">
                  <c:v>3.5000000000000003E-2</c:v>
                </c:pt>
                <c:pt idx="1328">
                  <c:v>3.5000000000000003E-2</c:v>
                </c:pt>
                <c:pt idx="1329">
                  <c:v>3.5000000000000003E-2</c:v>
                </c:pt>
                <c:pt idx="1330">
                  <c:v>3.5000000000000003E-2</c:v>
                </c:pt>
                <c:pt idx="1331">
                  <c:v>3.5000000000000003E-2</c:v>
                </c:pt>
                <c:pt idx="1332">
                  <c:v>3.5000000000000003E-2</c:v>
                </c:pt>
                <c:pt idx="1333">
                  <c:v>3.5000000000000003E-2</c:v>
                </c:pt>
                <c:pt idx="1334">
                  <c:v>3.5000000000000003E-2</c:v>
                </c:pt>
                <c:pt idx="1335">
                  <c:v>3.5000000000000003E-2</c:v>
                </c:pt>
                <c:pt idx="1336">
                  <c:v>3.5000000000000003E-2</c:v>
                </c:pt>
                <c:pt idx="1337">
                  <c:v>3.5000000000000003E-2</c:v>
                </c:pt>
                <c:pt idx="1338">
                  <c:v>3.5000000000000003E-2</c:v>
                </c:pt>
                <c:pt idx="1339">
                  <c:v>3.5000000000000003E-2</c:v>
                </c:pt>
                <c:pt idx="1340">
                  <c:v>3.5000000000000003E-2</c:v>
                </c:pt>
                <c:pt idx="1341">
                  <c:v>3.5000000000000003E-2</c:v>
                </c:pt>
                <c:pt idx="1342">
                  <c:v>3.5000000000000003E-2</c:v>
                </c:pt>
                <c:pt idx="1343">
                  <c:v>3.5000000000000003E-2</c:v>
                </c:pt>
                <c:pt idx="1344">
                  <c:v>3.5000000000000003E-2</c:v>
                </c:pt>
                <c:pt idx="1345">
                  <c:v>3.5000000000000003E-2</c:v>
                </c:pt>
                <c:pt idx="1346">
                  <c:v>3.5000000000000003E-2</c:v>
                </c:pt>
                <c:pt idx="1347">
                  <c:v>3.5000000000000003E-2</c:v>
                </c:pt>
                <c:pt idx="1348">
                  <c:v>3.5000000000000003E-2</c:v>
                </c:pt>
                <c:pt idx="1349">
                  <c:v>3.5000000000000003E-2</c:v>
                </c:pt>
                <c:pt idx="1350">
                  <c:v>3.5000000000000003E-2</c:v>
                </c:pt>
                <c:pt idx="1351">
                  <c:v>3.5000000000000003E-2</c:v>
                </c:pt>
                <c:pt idx="1352">
                  <c:v>3.5000000000000003E-2</c:v>
                </c:pt>
                <c:pt idx="1353">
                  <c:v>3.5000000000000003E-2</c:v>
                </c:pt>
                <c:pt idx="1354">
                  <c:v>3.5000000000000003E-2</c:v>
                </c:pt>
                <c:pt idx="1355">
                  <c:v>3.5000000000000003E-2</c:v>
                </c:pt>
                <c:pt idx="1356">
                  <c:v>3.5000000000000003E-2</c:v>
                </c:pt>
                <c:pt idx="1357">
                  <c:v>3.5000000000000003E-2</c:v>
                </c:pt>
                <c:pt idx="1358">
                  <c:v>3.5000000000000003E-2</c:v>
                </c:pt>
                <c:pt idx="1359">
                  <c:v>3.5000000000000003E-2</c:v>
                </c:pt>
                <c:pt idx="1360">
                  <c:v>3.5000000000000003E-2</c:v>
                </c:pt>
                <c:pt idx="1361">
                  <c:v>3.5000000000000003E-2</c:v>
                </c:pt>
                <c:pt idx="1362">
                  <c:v>3.5000000000000003E-2</c:v>
                </c:pt>
                <c:pt idx="1363">
                  <c:v>3.5000000000000003E-2</c:v>
                </c:pt>
                <c:pt idx="1364">
                  <c:v>3.5000000000000003E-2</c:v>
                </c:pt>
                <c:pt idx="1365">
                  <c:v>3.5000000000000003E-2</c:v>
                </c:pt>
                <c:pt idx="1366">
                  <c:v>3.5000000000000003E-2</c:v>
                </c:pt>
                <c:pt idx="1367">
                  <c:v>3.5000000000000003E-2</c:v>
                </c:pt>
                <c:pt idx="1368">
                  <c:v>3.5000000000000003E-2</c:v>
                </c:pt>
                <c:pt idx="1369">
                  <c:v>3.5000000000000003E-2</c:v>
                </c:pt>
                <c:pt idx="1370">
                  <c:v>3.5000000000000003E-2</c:v>
                </c:pt>
                <c:pt idx="1371">
                  <c:v>3.5000000000000003E-2</c:v>
                </c:pt>
                <c:pt idx="1372">
                  <c:v>3.5000000000000003E-2</c:v>
                </c:pt>
                <c:pt idx="1373">
                  <c:v>3.5000000000000003E-2</c:v>
                </c:pt>
                <c:pt idx="1374">
                  <c:v>3.5000000000000003E-2</c:v>
                </c:pt>
                <c:pt idx="1375">
                  <c:v>3.5000000000000003E-2</c:v>
                </c:pt>
                <c:pt idx="1376">
                  <c:v>3.5000000000000003E-2</c:v>
                </c:pt>
                <c:pt idx="1377">
                  <c:v>3.5000000000000003E-2</c:v>
                </c:pt>
                <c:pt idx="1378">
                  <c:v>3.5000000000000003E-2</c:v>
                </c:pt>
                <c:pt idx="1379">
                  <c:v>3.5000000000000003E-2</c:v>
                </c:pt>
                <c:pt idx="1380">
                  <c:v>3.5000000000000003E-2</c:v>
                </c:pt>
                <c:pt idx="1381">
                  <c:v>3.5000000000000003E-2</c:v>
                </c:pt>
                <c:pt idx="1382">
                  <c:v>3.5000000000000003E-2</c:v>
                </c:pt>
                <c:pt idx="1383">
                  <c:v>3.5000000000000003E-2</c:v>
                </c:pt>
                <c:pt idx="1384">
                  <c:v>3.5000000000000003E-2</c:v>
                </c:pt>
                <c:pt idx="1385">
                  <c:v>3.5000000000000003E-2</c:v>
                </c:pt>
                <c:pt idx="1386">
                  <c:v>3.5000000000000003E-2</c:v>
                </c:pt>
                <c:pt idx="1387">
                  <c:v>3.5000000000000003E-2</c:v>
                </c:pt>
                <c:pt idx="1388">
                  <c:v>3.5000000000000003E-2</c:v>
                </c:pt>
                <c:pt idx="1389">
                  <c:v>3.5000000000000003E-2</c:v>
                </c:pt>
                <c:pt idx="1390">
                  <c:v>3.5000000000000003E-2</c:v>
                </c:pt>
                <c:pt idx="1391">
                  <c:v>3.5000000000000003E-2</c:v>
                </c:pt>
                <c:pt idx="1392">
                  <c:v>3.5000000000000003E-2</c:v>
                </c:pt>
                <c:pt idx="1393">
                  <c:v>3.5000000000000003E-2</c:v>
                </c:pt>
                <c:pt idx="1394">
                  <c:v>3.5000000000000003E-2</c:v>
                </c:pt>
                <c:pt idx="1395">
                  <c:v>3.5000000000000003E-2</c:v>
                </c:pt>
                <c:pt idx="1396">
                  <c:v>3.5000000000000003E-2</c:v>
                </c:pt>
                <c:pt idx="1397">
                  <c:v>3.5000000000000003E-2</c:v>
                </c:pt>
                <c:pt idx="1398">
                  <c:v>3.5000000000000003E-2</c:v>
                </c:pt>
                <c:pt idx="1399">
                  <c:v>3.5000000000000003E-2</c:v>
                </c:pt>
                <c:pt idx="1400">
                  <c:v>3.5000000000000003E-2</c:v>
                </c:pt>
                <c:pt idx="1401">
                  <c:v>3.5000000000000003E-2</c:v>
                </c:pt>
                <c:pt idx="1402">
                  <c:v>3.5000000000000003E-2</c:v>
                </c:pt>
                <c:pt idx="1403">
                  <c:v>3.5000000000000003E-2</c:v>
                </c:pt>
                <c:pt idx="1404">
                  <c:v>3.5000000000000003E-2</c:v>
                </c:pt>
                <c:pt idx="1405">
                  <c:v>3.7499999999999999E-2</c:v>
                </c:pt>
                <c:pt idx="1406">
                  <c:v>3.7499999999999999E-2</c:v>
                </c:pt>
                <c:pt idx="1407">
                  <c:v>3.7499999999999999E-2</c:v>
                </c:pt>
                <c:pt idx="1408">
                  <c:v>3.7499999999999999E-2</c:v>
                </c:pt>
                <c:pt idx="1409">
                  <c:v>3.7499999999999999E-2</c:v>
                </c:pt>
                <c:pt idx="1410">
                  <c:v>3.7499999999999999E-2</c:v>
                </c:pt>
                <c:pt idx="1411">
                  <c:v>3.7499999999999999E-2</c:v>
                </c:pt>
                <c:pt idx="1412">
                  <c:v>3.7499999999999999E-2</c:v>
                </c:pt>
                <c:pt idx="1413">
                  <c:v>3.7499999999999999E-2</c:v>
                </c:pt>
                <c:pt idx="1414">
                  <c:v>3.7499999999999999E-2</c:v>
                </c:pt>
                <c:pt idx="1415">
                  <c:v>3.7499999999999999E-2</c:v>
                </c:pt>
                <c:pt idx="1416">
                  <c:v>3.7499999999999999E-2</c:v>
                </c:pt>
                <c:pt idx="1417">
                  <c:v>3.7499999999999999E-2</c:v>
                </c:pt>
                <c:pt idx="1418">
                  <c:v>3.7499999999999999E-2</c:v>
                </c:pt>
                <c:pt idx="1419">
                  <c:v>3.7499999999999999E-2</c:v>
                </c:pt>
                <c:pt idx="1420">
                  <c:v>3.7499999999999999E-2</c:v>
                </c:pt>
                <c:pt idx="1421">
                  <c:v>3.7499999999999999E-2</c:v>
                </c:pt>
                <c:pt idx="1422">
                  <c:v>3.7499999999999999E-2</c:v>
                </c:pt>
                <c:pt idx="1423">
                  <c:v>3.7499999999999999E-2</c:v>
                </c:pt>
                <c:pt idx="1424">
                  <c:v>3.7499999999999999E-2</c:v>
                </c:pt>
                <c:pt idx="1425">
                  <c:v>3.7499999999999999E-2</c:v>
                </c:pt>
                <c:pt idx="1426">
                  <c:v>3.7499999999999999E-2</c:v>
                </c:pt>
                <c:pt idx="1427">
                  <c:v>3.7499999999999999E-2</c:v>
                </c:pt>
                <c:pt idx="1428">
                  <c:v>3.7499999999999999E-2</c:v>
                </c:pt>
                <c:pt idx="1429">
                  <c:v>3.7499999999999999E-2</c:v>
                </c:pt>
                <c:pt idx="1430">
                  <c:v>3.7499999999999999E-2</c:v>
                </c:pt>
                <c:pt idx="1431">
                  <c:v>3.7499999999999999E-2</c:v>
                </c:pt>
                <c:pt idx="1432">
                  <c:v>3.7499999999999999E-2</c:v>
                </c:pt>
                <c:pt idx="1433">
                  <c:v>3.7499999999999999E-2</c:v>
                </c:pt>
                <c:pt idx="1434">
                  <c:v>3.7499999999999999E-2</c:v>
                </c:pt>
                <c:pt idx="1435">
                  <c:v>3.7499999999999999E-2</c:v>
                </c:pt>
                <c:pt idx="1436">
                  <c:v>3.7499999999999999E-2</c:v>
                </c:pt>
                <c:pt idx="1437">
                  <c:v>3.7499999999999999E-2</c:v>
                </c:pt>
                <c:pt idx="1438">
                  <c:v>3.7499999999999999E-2</c:v>
                </c:pt>
                <c:pt idx="1439">
                  <c:v>3.7499999999999999E-2</c:v>
                </c:pt>
                <c:pt idx="1440">
                  <c:v>3.7499999999999999E-2</c:v>
                </c:pt>
                <c:pt idx="1441">
                  <c:v>3.7499999999999999E-2</c:v>
                </c:pt>
                <c:pt idx="1442">
                  <c:v>3.7499999999999999E-2</c:v>
                </c:pt>
                <c:pt idx="1443">
                  <c:v>3.7499999999999999E-2</c:v>
                </c:pt>
                <c:pt idx="1444">
                  <c:v>3.7499999999999999E-2</c:v>
                </c:pt>
                <c:pt idx="1445">
                  <c:v>3.7499999999999999E-2</c:v>
                </c:pt>
                <c:pt idx="1446">
                  <c:v>3.7499999999999999E-2</c:v>
                </c:pt>
                <c:pt idx="1447">
                  <c:v>3.7499999999999999E-2</c:v>
                </c:pt>
                <c:pt idx="1448">
                  <c:v>3.7499999999999999E-2</c:v>
                </c:pt>
                <c:pt idx="1449">
                  <c:v>3.7499999999999999E-2</c:v>
                </c:pt>
                <c:pt idx="1450">
                  <c:v>3.7499999999999999E-2</c:v>
                </c:pt>
                <c:pt idx="1451">
                  <c:v>3.7499999999999999E-2</c:v>
                </c:pt>
                <c:pt idx="1452">
                  <c:v>3.7499999999999999E-2</c:v>
                </c:pt>
                <c:pt idx="1453">
                  <c:v>3.7499999999999999E-2</c:v>
                </c:pt>
                <c:pt idx="1454">
                  <c:v>3.7499999999999999E-2</c:v>
                </c:pt>
                <c:pt idx="1455">
                  <c:v>3.7499999999999999E-2</c:v>
                </c:pt>
                <c:pt idx="1456">
                  <c:v>3.7499999999999999E-2</c:v>
                </c:pt>
                <c:pt idx="1457">
                  <c:v>3.7499999999999999E-2</c:v>
                </c:pt>
                <c:pt idx="1458">
                  <c:v>3.7499999999999999E-2</c:v>
                </c:pt>
                <c:pt idx="1459">
                  <c:v>3.7499999999999999E-2</c:v>
                </c:pt>
                <c:pt idx="1460">
                  <c:v>3.7499999999999999E-2</c:v>
                </c:pt>
                <c:pt idx="1461">
                  <c:v>3.7499999999999999E-2</c:v>
                </c:pt>
                <c:pt idx="1462">
                  <c:v>3.7499999999999999E-2</c:v>
                </c:pt>
                <c:pt idx="1463">
                  <c:v>3.7499999999999999E-2</c:v>
                </c:pt>
                <c:pt idx="1464">
                  <c:v>3.7499999999999999E-2</c:v>
                </c:pt>
                <c:pt idx="1465">
                  <c:v>3.7499999999999999E-2</c:v>
                </c:pt>
                <c:pt idx="1466">
                  <c:v>3.7499999999999999E-2</c:v>
                </c:pt>
                <c:pt idx="1467">
                  <c:v>3.7499999999999999E-2</c:v>
                </c:pt>
                <c:pt idx="1468">
                  <c:v>3.7499999999999999E-2</c:v>
                </c:pt>
                <c:pt idx="1469">
                  <c:v>3.7499999999999999E-2</c:v>
                </c:pt>
                <c:pt idx="1470">
                  <c:v>3.7499999999999999E-2</c:v>
                </c:pt>
                <c:pt idx="1471">
                  <c:v>3.7499999999999999E-2</c:v>
                </c:pt>
                <c:pt idx="1472">
                  <c:v>3.7499999999999999E-2</c:v>
                </c:pt>
                <c:pt idx="1473">
                  <c:v>3.7499999999999999E-2</c:v>
                </c:pt>
                <c:pt idx="1474">
                  <c:v>3.7499999999999999E-2</c:v>
                </c:pt>
                <c:pt idx="1475">
                  <c:v>3.7499999999999999E-2</c:v>
                </c:pt>
                <c:pt idx="1476">
                  <c:v>3.7499999999999999E-2</c:v>
                </c:pt>
                <c:pt idx="1477">
                  <c:v>3.7499999999999999E-2</c:v>
                </c:pt>
                <c:pt idx="1478">
                  <c:v>3.7499999999999999E-2</c:v>
                </c:pt>
                <c:pt idx="1479">
                  <c:v>3.7499999999999999E-2</c:v>
                </c:pt>
                <c:pt idx="1480">
                  <c:v>3.7499999999999999E-2</c:v>
                </c:pt>
                <c:pt idx="1481">
                  <c:v>3.7499999999999999E-2</c:v>
                </c:pt>
                <c:pt idx="1482">
                  <c:v>3.7499999999999999E-2</c:v>
                </c:pt>
                <c:pt idx="1483">
                  <c:v>3.7499999999999999E-2</c:v>
                </c:pt>
                <c:pt idx="1484">
                  <c:v>3.7499999999999999E-2</c:v>
                </c:pt>
                <c:pt idx="1485">
                  <c:v>3.7499999999999999E-2</c:v>
                </c:pt>
                <c:pt idx="1486">
                  <c:v>3.7499999999999999E-2</c:v>
                </c:pt>
                <c:pt idx="1487">
                  <c:v>3.7499999999999999E-2</c:v>
                </c:pt>
                <c:pt idx="1488">
                  <c:v>3.7499999999999999E-2</c:v>
                </c:pt>
                <c:pt idx="1489">
                  <c:v>3.7499999999999999E-2</c:v>
                </c:pt>
                <c:pt idx="1490">
                  <c:v>3.7499999999999999E-2</c:v>
                </c:pt>
                <c:pt idx="1491">
                  <c:v>3.7499999999999999E-2</c:v>
                </c:pt>
                <c:pt idx="1492">
                  <c:v>3.7499999999999999E-2</c:v>
                </c:pt>
                <c:pt idx="1493">
                  <c:v>3.7499999999999999E-2</c:v>
                </c:pt>
                <c:pt idx="1494">
                  <c:v>3.7499999999999999E-2</c:v>
                </c:pt>
                <c:pt idx="1495">
                  <c:v>3.7499999999999999E-2</c:v>
                </c:pt>
                <c:pt idx="1496">
                  <c:v>0.04</c:v>
                </c:pt>
                <c:pt idx="1497">
                  <c:v>0.04</c:v>
                </c:pt>
                <c:pt idx="1498">
                  <c:v>0.04</c:v>
                </c:pt>
                <c:pt idx="1499">
                  <c:v>0.04</c:v>
                </c:pt>
                <c:pt idx="1500">
                  <c:v>0.04</c:v>
                </c:pt>
                <c:pt idx="1501">
                  <c:v>0.04</c:v>
                </c:pt>
                <c:pt idx="1502">
                  <c:v>0.04</c:v>
                </c:pt>
                <c:pt idx="1503">
                  <c:v>0.04</c:v>
                </c:pt>
                <c:pt idx="1504">
                  <c:v>0.04</c:v>
                </c:pt>
                <c:pt idx="1505">
                  <c:v>0.04</c:v>
                </c:pt>
                <c:pt idx="1506">
                  <c:v>0.04</c:v>
                </c:pt>
                <c:pt idx="1507">
                  <c:v>0.04</c:v>
                </c:pt>
                <c:pt idx="1508">
                  <c:v>0.04</c:v>
                </c:pt>
                <c:pt idx="1509">
                  <c:v>0.04</c:v>
                </c:pt>
                <c:pt idx="1510">
                  <c:v>0.04</c:v>
                </c:pt>
                <c:pt idx="1511">
                  <c:v>0.04</c:v>
                </c:pt>
                <c:pt idx="1512">
                  <c:v>0.04</c:v>
                </c:pt>
                <c:pt idx="1513">
                  <c:v>0.04</c:v>
                </c:pt>
                <c:pt idx="1514">
                  <c:v>0.04</c:v>
                </c:pt>
                <c:pt idx="1515">
                  <c:v>0.04</c:v>
                </c:pt>
                <c:pt idx="1516">
                  <c:v>0.04</c:v>
                </c:pt>
                <c:pt idx="1517">
                  <c:v>0.04</c:v>
                </c:pt>
                <c:pt idx="1518">
                  <c:v>0.04</c:v>
                </c:pt>
                <c:pt idx="1519">
                  <c:v>0.04</c:v>
                </c:pt>
                <c:pt idx="1520">
                  <c:v>0.04</c:v>
                </c:pt>
                <c:pt idx="1521">
                  <c:v>0.04</c:v>
                </c:pt>
                <c:pt idx="1522">
                  <c:v>0.04</c:v>
                </c:pt>
                <c:pt idx="1523">
                  <c:v>0.04</c:v>
                </c:pt>
                <c:pt idx="1524">
                  <c:v>0.04</c:v>
                </c:pt>
                <c:pt idx="1525">
                  <c:v>0.04</c:v>
                </c:pt>
                <c:pt idx="1526">
                  <c:v>0.04</c:v>
                </c:pt>
                <c:pt idx="1527">
                  <c:v>0.04</c:v>
                </c:pt>
                <c:pt idx="1528">
                  <c:v>0.04</c:v>
                </c:pt>
                <c:pt idx="1529">
                  <c:v>0.04</c:v>
                </c:pt>
                <c:pt idx="1530">
                  <c:v>0.04</c:v>
                </c:pt>
                <c:pt idx="1531">
                  <c:v>0.04</c:v>
                </c:pt>
                <c:pt idx="1532">
                  <c:v>0.04</c:v>
                </c:pt>
                <c:pt idx="1533">
                  <c:v>0.04</c:v>
                </c:pt>
                <c:pt idx="1534">
                  <c:v>0.04</c:v>
                </c:pt>
                <c:pt idx="1535">
                  <c:v>0.04</c:v>
                </c:pt>
                <c:pt idx="1536">
                  <c:v>0.04</c:v>
                </c:pt>
                <c:pt idx="1537">
                  <c:v>0.04</c:v>
                </c:pt>
                <c:pt idx="1538">
                  <c:v>0.04</c:v>
                </c:pt>
                <c:pt idx="1539">
                  <c:v>0.04</c:v>
                </c:pt>
                <c:pt idx="1540">
                  <c:v>0.04</c:v>
                </c:pt>
                <c:pt idx="1541">
                  <c:v>0.04</c:v>
                </c:pt>
                <c:pt idx="1542">
                  <c:v>0.04</c:v>
                </c:pt>
                <c:pt idx="1543">
                  <c:v>0.04</c:v>
                </c:pt>
                <c:pt idx="1544">
                  <c:v>0.04</c:v>
                </c:pt>
                <c:pt idx="1545">
                  <c:v>0.04</c:v>
                </c:pt>
                <c:pt idx="1546">
                  <c:v>0.04</c:v>
                </c:pt>
                <c:pt idx="1547">
                  <c:v>0.04</c:v>
                </c:pt>
                <c:pt idx="1548">
                  <c:v>0.04</c:v>
                </c:pt>
                <c:pt idx="1549">
                  <c:v>0.04</c:v>
                </c:pt>
                <c:pt idx="1550">
                  <c:v>0.04</c:v>
                </c:pt>
                <c:pt idx="1551">
                  <c:v>0.04</c:v>
                </c:pt>
                <c:pt idx="1552">
                  <c:v>0.04</c:v>
                </c:pt>
                <c:pt idx="1553">
                  <c:v>0.04</c:v>
                </c:pt>
                <c:pt idx="1554">
                  <c:v>0.04</c:v>
                </c:pt>
                <c:pt idx="1555">
                  <c:v>0.04</c:v>
                </c:pt>
                <c:pt idx="1556">
                  <c:v>0.04</c:v>
                </c:pt>
                <c:pt idx="1557">
                  <c:v>0.04</c:v>
                </c:pt>
                <c:pt idx="1558">
                  <c:v>0.04</c:v>
                </c:pt>
                <c:pt idx="1559">
                  <c:v>0.04</c:v>
                </c:pt>
                <c:pt idx="1560">
                  <c:v>0.04</c:v>
                </c:pt>
                <c:pt idx="1561">
                  <c:v>0.04</c:v>
                </c:pt>
                <c:pt idx="1562">
                  <c:v>0.04</c:v>
                </c:pt>
                <c:pt idx="1563">
                  <c:v>0.04</c:v>
                </c:pt>
                <c:pt idx="1564">
                  <c:v>0.04</c:v>
                </c:pt>
                <c:pt idx="1565">
                  <c:v>0.04</c:v>
                </c:pt>
                <c:pt idx="1566">
                  <c:v>0.04</c:v>
                </c:pt>
                <c:pt idx="1567">
                  <c:v>0.04</c:v>
                </c:pt>
                <c:pt idx="1568">
                  <c:v>0.04</c:v>
                </c:pt>
                <c:pt idx="1569">
                  <c:v>0.04</c:v>
                </c:pt>
                <c:pt idx="1570">
                  <c:v>0.04</c:v>
                </c:pt>
                <c:pt idx="1571">
                  <c:v>0.04</c:v>
                </c:pt>
                <c:pt idx="1572">
                  <c:v>0.04</c:v>
                </c:pt>
                <c:pt idx="1573">
                  <c:v>0.04</c:v>
                </c:pt>
                <c:pt idx="1574">
                  <c:v>0.04</c:v>
                </c:pt>
                <c:pt idx="1575">
                  <c:v>0.04</c:v>
                </c:pt>
                <c:pt idx="1576">
                  <c:v>0.04</c:v>
                </c:pt>
                <c:pt idx="1577">
                  <c:v>0.04</c:v>
                </c:pt>
                <c:pt idx="1578">
                  <c:v>0.04</c:v>
                </c:pt>
                <c:pt idx="1579">
                  <c:v>0.04</c:v>
                </c:pt>
                <c:pt idx="1580">
                  <c:v>0.04</c:v>
                </c:pt>
                <c:pt idx="1581">
                  <c:v>0.04</c:v>
                </c:pt>
                <c:pt idx="1582">
                  <c:v>0.04</c:v>
                </c:pt>
                <c:pt idx="1583">
                  <c:v>0.04</c:v>
                </c:pt>
                <c:pt idx="1584">
                  <c:v>0.04</c:v>
                </c:pt>
                <c:pt idx="1585">
                  <c:v>0.04</c:v>
                </c:pt>
                <c:pt idx="1586">
                  <c:v>0.04</c:v>
                </c:pt>
                <c:pt idx="1587">
                  <c:v>4.2500000000000003E-2</c:v>
                </c:pt>
                <c:pt idx="1588">
                  <c:v>4.2500000000000003E-2</c:v>
                </c:pt>
                <c:pt idx="1589">
                  <c:v>4.2500000000000003E-2</c:v>
                </c:pt>
                <c:pt idx="1590">
                  <c:v>4.2500000000000003E-2</c:v>
                </c:pt>
                <c:pt idx="1591">
                  <c:v>4.2500000000000003E-2</c:v>
                </c:pt>
                <c:pt idx="1592">
                  <c:v>4.2500000000000003E-2</c:v>
                </c:pt>
                <c:pt idx="1593">
                  <c:v>4.2500000000000003E-2</c:v>
                </c:pt>
                <c:pt idx="1594">
                  <c:v>4.2500000000000003E-2</c:v>
                </c:pt>
                <c:pt idx="1595">
                  <c:v>4.2500000000000003E-2</c:v>
                </c:pt>
                <c:pt idx="1596">
                  <c:v>4.2500000000000003E-2</c:v>
                </c:pt>
                <c:pt idx="1597">
                  <c:v>4.2500000000000003E-2</c:v>
                </c:pt>
                <c:pt idx="1598">
                  <c:v>4.2500000000000003E-2</c:v>
                </c:pt>
                <c:pt idx="1599">
                  <c:v>4.2500000000000003E-2</c:v>
                </c:pt>
                <c:pt idx="1600">
                  <c:v>4.2500000000000003E-2</c:v>
                </c:pt>
                <c:pt idx="1601">
                  <c:v>4.2500000000000003E-2</c:v>
                </c:pt>
                <c:pt idx="1602">
                  <c:v>4.2500000000000003E-2</c:v>
                </c:pt>
                <c:pt idx="1603">
                  <c:v>4.2500000000000003E-2</c:v>
                </c:pt>
                <c:pt idx="1604">
                  <c:v>4.2500000000000003E-2</c:v>
                </c:pt>
                <c:pt idx="1605">
                  <c:v>4.2500000000000003E-2</c:v>
                </c:pt>
                <c:pt idx="1606">
                  <c:v>4.2500000000000003E-2</c:v>
                </c:pt>
                <c:pt idx="1607">
                  <c:v>4.2500000000000003E-2</c:v>
                </c:pt>
                <c:pt idx="1608">
                  <c:v>4.2500000000000003E-2</c:v>
                </c:pt>
                <c:pt idx="1609">
                  <c:v>4.2500000000000003E-2</c:v>
                </c:pt>
                <c:pt idx="1610">
                  <c:v>4.2500000000000003E-2</c:v>
                </c:pt>
                <c:pt idx="1611">
                  <c:v>4.2500000000000003E-2</c:v>
                </c:pt>
                <c:pt idx="1612">
                  <c:v>4.2500000000000003E-2</c:v>
                </c:pt>
                <c:pt idx="1613">
                  <c:v>4.2500000000000003E-2</c:v>
                </c:pt>
                <c:pt idx="1614">
                  <c:v>4.2500000000000003E-2</c:v>
                </c:pt>
                <c:pt idx="1615">
                  <c:v>4.2500000000000003E-2</c:v>
                </c:pt>
                <c:pt idx="1616">
                  <c:v>4.2500000000000003E-2</c:v>
                </c:pt>
                <c:pt idx="1617">
                  <c:v>4.2500000000000003E-2</c:v>
                </c:pt>
                <c:pt idx="1618">
                  <c:v>4.2500000000000003E-2</c:v>
                </c:pt>
                <c:pt idx="1619">
                  <c:v>4.2500000000000003E-2</c:v>
                </c:pt>
                <c:pt idx="1620">
                  <c:v>4.2500000000000003E-2</c:v>
                </c:pt>
                <c:pt idx="1621">
                  <c:v>4.2500000000000003E-2</c:v>
                </c:pt>
                <c:pt idx="1622">
                  <c:v>4.4999999999999998E-2</c:v>
                </c:pt>
                <c:pt idx="1623">
                  <c:v>4.4999999999999998E-2</c:v>
                </c:pt>
                <c:pt idx="1624">
                  <c:v>4.4999999999999998E-2</c:v>
                </c:pt>
                <c:pt idx="1625">
                  <c:v>4.4999999999999998E-2</c:v>
                </c:pt>
                <c:pt idx="1626">
                  <c:v>4.4999999999999998E-2</c:v>
                </c:pt>
                <c:pt idx="1627">
                  <c:v>4.4999999999999998E-2</c:v>
                </c:pt>
                <c:pt idx="1628">
                  <c:v>4.4999999999999998E-2</c:v>
                </c:pt>
                <c:pt idx="1629">
                  <c:v>4.4999999999999998E-2</c:v>
                </c:pt>
                <c:pt idx="1630">
                  <c:v>4.4999999999999998E-2</c:v>
                </c:pt>
                <c:pt idx="1631">
                  <c:v>4.4999999999999998E-2</c:v>
                </c:pt>
                <c:pt idx="1632">
                  <c:v>4.4999999999999998E-2</c:v>
                </c:pt>
                <c:pt idx="1633">
                  <c:v>4.4999999999999998E-2</c:v>
                </c:pt>
                <c:pt idx="1634">
                  <c:v>4.4999999999999998E-2</c:v>
                </c:pt>
                <c:pt idx="1635">
                  <c:v>4.4999999999999998E-2</c:v>
                </c:pt>
                <c:pt idx="1636">
                  <c:v>4.4999999999999998E-2</c:v>
                </c:pt>
                <c:pt idx="1637">
                  <c:v>4.4999999999999998E-2</c:v>
                </c:pt>
                <c:pt idx="1638">
                  <c:v>4.4999999999999998E-2</c:v>
                </c:pt>
                <c:pt idx="1639">
                  <c:v>4.4999999999999998E-2</c:v>
                </c:pt>
                <c:pt idx="1640">
                  <c:v>4.4999999999999998E-2</c:v>
                </c:pt>
                <c:pt idx="1641">
                  <c:v>4.4999999999999998E-2</c:v>
                </c:pt>
                <c:pt idx="1642">
                  <c:v>4.4999999999999998E-2</c:v>
                </c:pt>
                <c:pt idx="1643">
                  <c:v>4.4999999999999998E-2</c:v>
                </c:pt>
                <c:pt idx="1644">
                  <c:v>4.4999999999999998E-2</c:v>
                </c:pt>
                <c:pt idx="1645">
                  <c:v>4.4999999999999998E-2</c:v>
                </c:pt>
                <c:pt idx="1646">
                  <c:v>4.4999999999999998E-2</c:v>
                </c:pt>
                <c:pt idx="1647">
                  <c:v>4.4999999999999998E-2</c:v>
                </c:pt>
                <c:pt idx="1648">
                  <c:v>4.4999999999999998E-2</c:v>
                </c:pt>
                <c:pt idx="1649">
                  <c:v>4.4999999999999998E-2</c:v>
                </c:pt>
                <c:pt idx="1650">
                  <c:v>4.4999999999999998E-2</c:v>
                </c:pt>
                <c:pt idx="1651">
                  <c:v>4.4999999999999998E-2</c:v>
                </c:pt>
                <c:pt idx="1652">
                  <c:v>4.4999999999999998E-2</c:v>
                </c:pt>
                <c:pt idx="1653">
                  <c:v>4.4999999999999998E-2</c:v>
                </c:pt>
                <c:pt idx="1654">
                  <c:v>4.4999999999999998E-2</c:v>
                </c:pt>
                <c:pt idx="1655">
                  <c:v>4.4999999999999998E-2</c:v>
                </c:pt>
                <c:pt idx="1656">
                  <c:v>4.4999999999999998E-2</c:v>
                </c:pt>
                <c:pt idx="1657">
                  <c:v>4.4999999999999998E-2</c:v>
                </c:pt>
                <c:pt idx="1658">
                  <c:v>4.4999999999999998E-2</c:v>
                </c:pt>
                <c:pt idx="1659">
                  <c:v>4.4999999999999998E-2</c:v>
                </c:pt>
                <c:pt idx="1660">
                  <c:v>4.4999999999999998E-2</c:v>
                </c:pt>
                <c:pt idx="1661">
                  <c:v>4.4999999999999998E-2</c:v>
                </c:pt>
                <c:pt idx="1662">
                  <c:v>4.4999999999999998E-2</c:v>
                </c:pt>
                <c:pt idx="1663">
                  <c:v>4.4999999999999998E-2</c:v>
                </c:pt>
                <c:pt idx="1664">
                  <c:v>4.4999999999999998E-2</c:v>
                </c:pt>
                <c:pt idx="1665">
                  <c:v>4.4999999999999998E-2</c:v>
                </c:pt>
                <c:pt idx="1666">
                  <c:v>4.4999999999999998E-2</c:v>
                </c:pt>
                <c:pt idx="1667">
                  <c:v>4.4999999999999998E-2</c:v>
                </c:pt>
                <c:pt idx="1668">
                  <c:v>4.4999999999999998E-2</c:v>
                </c:pt>
                <c:pt idx="1669">
                  <c:v>4.4999999999999998E-2</c:v>
                </c:pt>
                <c:pt idx="1670">
                  <c:v>4.4999999999999998E-2</c:v>
                </c:pt>
                <c:pt idx="1671">
                  <c:v>4.4999999999999998E-2</c:v>
                </c:pt>
                <c:pt idx="1672">
                  <c:v>4.4999999999999998E-2</c:v>
                </c:pt>
                <c:pt idx="1673">
                  <c:v>4.4999999999999998E-2</c:v>
                </c:pt>
                <c:pt idx="1674">
                  <c:v>4.4999999999999998E-2</c:v>
                </c:pt>
                <c:pt idx="1675">
                  <c:v>4.4999999999999998E-2</c:v>
                </c:pt>
                <c:pt idx="1676">
                  <c:v>4.4999999999999998E-2</c:v>
                </c:pt>
                <c:pt idx="1677">
                  <c:v>4.4999999999999998E-2</c:v>
                </c:pt>
                <c:pt idx="1678">
                  <c:v>4.7500000000000001E-2</c:v>
                </c:pt>
                <c:pt idx="1679">
                  <c:v>4.7500000000000001E-2</c:v>
                </c:pt>
                <c:pt idx="1680">
                  <c:v>4.7500000000000001E-2</c:v>
                </c:pt>
                <c:pt idx="1681">
                  <c:v>4.7500000000000001E-2</c:v>
                </c:pt>
                <c:pt idx="1682">
                  <c:v>4.7500000000000001E-2</c:v>
                </c:pt>
                <c:pt idx="1683">
                  <c:v>4.7500000000000001E-2</c:v>
                </c:pt>
                <c:pt idx="1684">
                  <c:v>4.7500000000000001E-2</c:v>
                </c:pt>
                <c:pt idx="1685">
                  <c:v>4.7500000000000001E-2</c:v>
                </c:pt>
                <c:pt idx="1686">
                  <c:v>4.7500000000000001E-2</c:v>
                </c:pt>
                <c:pt idx="1687">
                  <c:v>4.7500000000000001E-2</c:v>
                </c:pt>
                <c:pt idx="1688">
                  <c:v>4.7500000000000001E-2</c:v>
                </c:pt>
                <c:pt idx="1689">
                  <c:v>4.7500000000000001E-2</c:v>
                </c:pt>
                <c:pt idx="1690">
                  <c:v>4.7500000000000001E-2</c:v>
                </c:pt>
                <c:pt idx="1691">
                  <c:v>4.7500000000000001E-2</c:v>
                </c:pt>
                <c:pt idx="1692">
                  <c:v>4.7500000000000001E-2</c:v>
                </c:pt>
                <c:pt idx="1693">
                  <c:v>4.7500000000000001E-2</c:v>
                </c:pt>
                <c:pt idx="1694">
                  <c:v>4.7500000000000001E-2</c:v>
                </c:pt>
                <c:pt idx="1695">
                  <c:v>4.7500000000000001E-2</c:v>
                </c:pt>
                <c:pt idx="1696">
                  <c:v>4.7500000000000001E-2</c:v>
                </c:pt>
                <c:pt idx="1697">
                  <c:v>4.7500000000000001E-2</c:v>
                </c:pt>
                <c:pt idx="1698">
                  <c:v>4.7500000000000001E-2</c:v>
                </c:pt>
                <c:pt idx="1699">
                  <c:v>4.7500000000000001E-2</c:v>
                </c:pt>
                <c:pt idx="1700">
                  <c:v>4.7500000000000001E-2</c:v>
                </c:pt>
                <c:pt idx="1701">
                  <c:v>4.7500000000000001E-2</c:v>
                </c:pt>
                <c:pt idx="1702">
                  <c:v>4.7500000000000001E-2</c:v>
                </c:pt>
                <c:pt idx="1703">
                  <c:v>4.7500000000000001E-2</c:v>
                </c:pt>
                <c:pt idx="1704">
                  <c:v>4.7500000000000001E-2</c:v>
                </c:pt>
                <c:pt idx="1705">
                  <c:v>4.7500000000000001E-2</c:v>
                </c:pt>
                <c:pt idx="1706">
                  <c:v>4.7500000000000001E-2</c:v>
                </c:pt>
                <c:pt idx="1707">
                  <c:v>4.7500000000000001E-2</c:v>
                </c:pt>
                <c:pt idx="1708">
                  <c:v>4.7500000000000001E-2</c:v>
                </c:pt>
                <c:pt idx="1709">
                  <c:v>4.7500000000000001E-2</c:v>
                </c:pt>
                <c:pt idx="1710">
                  <c:v>4.7500000000000001E-2</c:v>
                </c:pt>
                <c:pt idx="1711">
                  <c:v>4.7500000000000001E-2</c:v>
                </c:pt>
                <c:pt idx="1712">
                  <c:v>4.7500000000000001E-2</c:v>
                </c:pt>
                <c:pt idx="1713">
                  <c:v>4.7500000000000001E-2</c:v>
                </c:pt>
                <c:pt idx="1714">
                  <c:v>4.7500000000000001E-2</c:v>
                </c:pt>
                <c:pt idx="1715">
                  <c:v>4.7500000000000001E-2</c:v>
                </c:pt>
                <c:pt idx="1716">
                  <c:v>4.7500000000000001E-2</c:v>
                </c:pt>
                <c:pt idx="1717">
                  <c:v>4.7500000000000001E-2</c:v>
                </c:pt>
                <c:pt idx="1718">
                  <c:v>4.7500000000000001E-2</c:v>
                </c:pt>
                <c:pt idx="1719">
                  <c:v>4.7500000000000001E-2</c:v>
                </c:pt>
                <c:pt idx="1720">
                  <c:v>4.7500000000000001E-2</c:v>
                </c:pt>
                <c:pt idx="1721">
                  <c:v>4.7500000000000001E-2</c:v>
                </c:pt>
                <c:pt idx="1722">
                  <c:v>4.7500000000000001E-2</c:v>
                </c:pt>
                <c:pt idx="1723">
                  <c:v>4.7500000000000001E-2</c:v>
                </c:pt>
                <c:pt idx="1724">
                  <c:v>4.7500000000000001E-2</c:v>
                </c:pt>
                <c:pt idx="1725">
                  <c:v>4.7500000000000001E-2</c:v>
                </c:pt>
                <c:pt idx="1726">
                  <c:v>4.7500000000000001E-2</c:v>
                </c:pt>
                <c:pt idx="1727">
                  <c:v>4.7500000000000001E-2</c:v>
                </c:pt>
                <c:pt idx="1728">
                  <c:v>4.7500000000000001E-2</c:v>
                </c:pt>
                <c:pt idx="1729">
                  <c:v>4.7500000000000001E-2</c:v>
                </c:pt>
                <c:pt idx="1730">
                  <c:v>4.7500000000000001E-2</c:v>
                </c:pt>
                <c:pt idx="1731">
                  <c:v>4.7500000000000001E-2</c:v>
                </c:pt>
                <c:pt idx="1732">
                  <c:v>4.7500000000000001E-2</c:v>
                </c:pt>
                <c:pt idx="1733">
                  <c:v>4.7500000000000001E-2</c:v>
                </c:pt>
                <c:pt idx="1734">
                  <c:v>4.7500000000000001E-2</c:v>
                </c:pt>
                <c:pt idx="1735">
                  <c:v>4.7500000000000001E-2</c:v>
                </c:pt>
                <c:pt idx="1736">
                  <c:v>4.7500000000000001E-2</c:v>
                </c:pt>
                <c:pt idx="1737">
                  <c:v>4.7500000000000001E-2</c:v>
                </c:pt>
                <c:pt idx="1738">
                  <c:v>4.7500000000000001E-2</c:v>
                </c:pt>
                <c:pt idx="1739">
                  <c:v>4.7500000000000001E-2</c:v>
                </c:pt>
                <c:pt idx="1740">
                  <c:v>4.7500000000000001E-2</c:v>
                </c:pt>
                <c:pt idx="1741">
                  <c:v>4.7500000000000001E-2</c:v>
                </c:pt>
                <c:pt idx="1742">
                  <c:v>4.7500000000000001E-2</c:v>
                </c:pt>
                <c:pt idx="1743">
                  <c:v>4.7500000000000001E-2</c:v>
                </c:pt>
                <c:pt idx="1744">
                  <c:v>4.7500000000000001E-2</c:v>
                </c:pt>
                <c:pt idx="1745">
                  <c:v>4.7500000000000001E-2</c:v>
                </c:pt>
                <c:pt idx="1746">
                  <c:v>4.7500000000000001E-2</c:v>
                </c:pt>
                <c:pt idx="1747">
                  <c:v>4.7500000000000001E-2</c:v>
                </c:pt>
                <c:pt idx="1748">
                  <c:v>4.7500000000000001E-2</c:v>
                </c:pt>
                <c:pt idx="1749">
                  <c:v>4.7500000000000001E-2</c:v>
                </c:pt>
                <c:pt idx="1750">
                  <c:v>4.7500000000000001E-2</c:v>
                </c:pt>
                <c:pt idx="1751">
                  <c:v>4.7500000000000001E-2</c:v>
                </c:pt>
                <c:pt idx="1752">
                  <c:v>4.7500000000000001E-2</c:v>
                </c:pt>
                <c:pt idx="1753">
                  <c:v>4.7500000000000001E-2</c:v>
                </c:pt>
                <c:pt idx="1754">
                  <c:v>4.7500000000000001E-2</c:v>
                </c:pt>
                <c:pt idx="1755">
                  <c:v>4.7500000000000001E-2</c:v>
                </c:pt>
                <c:pt idx="1756">
                  <c:v>4.7500000000000001E-2</c:v>
                </c:pt>
                <c:pt idx="1757">
                  <c:v>4.7500000000000001E-2</c:v>
                </c:pt>
                <c:pt idx="1758">
                  <c:v>4.7500000000000001E-2</c:v>
                </c:pt>
                <c:pt idx="1759">
                  <c:v>4.7500000000000001E-2</c:v>
                </c:pt>
                <c:pt idx="1760">
                  <c:v>4.7500000000000001E-2</c:v>
                </c:pt>
                <c:pt idx="1761">
                  <c:v>4.7500000000000001E-2</c:v>
                </c:pt>
                <c:pt idx="1762">
                  <c:v>4.7500000000000001E-2</c:v>
                </c:pt>
                <c:pt idx="1763">
                  <c:v>4.7500000000000001E-2</c:v>
                </c:pt>
                <c:pt idx="1764">
                  <c:v>4.7500000000000001E-2</c:v>
                </c:pt>
                <c:pt idx="1765">
                  <c:v>4.7500000000000001E-2</c:v>
                </c:pt>
                <c:pt idx="1766">
                  <c:v>4.7500000000000001E-2</c:v>
                </c:pt>
                <c:pt idx="1767">
                  <c:v>4.7500000000000001E-2</c:v>
                </c:pt>
                <c:pt idx="1768">
                  <c:v>4.7500000000000001E-2</c:v>
                </c:pt>
                <c:pt idx="1769">
                  <c:v>4.7500000000000001E-2</c:v>
                </c:pt>
                <c:pt idx="1770">
                  <c:v>4.7500000000000001E-2</c:v>
                </c:pt>
                <c:pt idx="1771">
                  <c:v>4.7500000000000001E-2</c:v>
                </c:pt>
                <c:pt idx="1772">
                  <c:v>4.7500000000000001E-2</c:v>
                </c:pt>
                <c:pt idx="1773">
                  <c:v>4.7500000000000001E-2</c:v>
                </c:pt>
                <c:pt idx="1774">
                  <c:v>4.7500000000000001E-2</c:v>
                </c:pt>
                <c:pt idx="1775">
                  <c:v>4.7500000000000001E-2</c:v>
                </c:pt>
                <c:pt idx="1776">
                  <c:v>4.7500000000000001E-2</c:v>
                </c:pt>
                <c:pt idx="1777">
                  <c:v>4.7500000000000001E-2</c:v>
                </c:pt>
                <c:pt idx="1778">
                  <c:v>4.7500000000000001E-2</c:v>
                </c:pt>
                <c:pt idx="1779">
                  <c:v>4.7500000000000001E-2</c:v>
                </c:pt>
                <c:pt idx="1780">
                  <c:v>4.7500000000000001E-2</c:v>
                </c:pt>
                <c:pt idx="1781">
                  <c:v>4.7500000000000001E-2</c:v>
                </c:pt>
                <c:pt idx="1782">
                  <c:v>4.7500000000000001E-2</c:v>
                </c:pt>
                <c:pt idx="1783">
                  <c:v>4.7500000000000001E-2</c:v>
                </c:pt>
                <c:pt idx="1784">
                  <c:v>4.7500000000000001E-2</c:v>
                </c:pt>
                <c:pt idx="1785">
                  <c:v>4.7500000000000001E-2</c:v>
                </c:pt>
                <c:pt idx="1786">
                  <c:v>4.7500000000000001E-2</c:v>
                </c:pt>
                <c:pt idx="1787">
                  <c:v>4.7500000000000001E-2</c:v>
                </c:pt>
                <c:pt idx="1788">
                  <c:v>4.7500000000000001E-2</c:v>
                </c:pt>
                <c:pt idx="1789">
                  <c:v>4.7500000000000001E-2</c:v>
                </c:pt>
                <c:pt idx="1790">
                  <c:v>4.7500000000000001E-2</c:v>
                </c:pt>
                <c:pt idx="1791">
                  <c:v>4.7500000000000001E-2</c:v>
                </c:pt>
                <c:pt idx="1792">
                  <c:v>4.7500000000000001E-2</c:v>
                </c:pt>
                <c:pt idx="1793">
                  <c:v>4.7500000000000001E-2</c:v>
                </c:pt>
                <c:pt idx="1794">
                  <c:v>4.7500000000000001E-2</c:v>
                </c:pt>
                <c:pt idx="1795">
                  <c:v>4.7500000000000001E-2</c:v>
                </c:pt>
                <c:pt idx="1796">
                  <c:v>4.7500000000000001E-2</c:v>
                </c:pt>
                <c:pt idx="1797">
                  <c:v>4.7500000000000001E-2</c:v>
                </c:pt>
                <c:pt idx="1798">
                  <c:v>4.7500000000000001E-2</c:v>
                </c:pt>
                <c:pt idx="1799">
                  <c:v>4.7500000000000001E-2</c:v>
                </c:pt>
                <c:pt idx="1800">
                  <c:v>4.7500000000000001E-2</c:v>
                </c:pt>
                <c:pt idx="1801">
                  <c:v>4.7500000000000001E-2</c:v>
                </c:pt>
                <c:pt idx="1802">
                  <c:v>4.7500000000000001E-2</c:v>
                </c:pt>
                <c:pt idx="1803">
                  <c:v>4.7500000000000001E-2</c:v>
                </c:pt>
                <c:pt idx="1804">
                  <c:v>4.7500000000000001E-2</c:v>
                </c:pt>
                <c:pt idx="1805">
                  <c:v>4.7500000000000001E-2</c:v>
                </c:pt>
                <c:pt idx="1806">
                  <c:v>4.7500000000000001E-2</c:v>
                </c:pt>
                <c:pt idx="1807">
                  <c:v>4.7500000000000001E-2</c:v>
                </c:pt>
                <c:pt idx="1808">
                  <c:v>4.7500000000000001E-2</c:v>
                </c:pt>
                <c:pt idx="1809">
                  <c:v>4.7500000000000001E-2</c:v>
                </c:pt>
                <c:pt idx="1810">
                  <c:v>4.7500000000000001E-2</c:v>
                </c:pt>
                <c:pt idx="1811">
                  <c:v>4.7500000000000001E-2</c:v>
                </c:pt>
                <c:pt idx="1812">
                  <c:v>4.7500000000000001E-2</c:v>
                </c:pt>
                <c:pt idx="1813">
                  <c:v>4.7500000000000001E-2</c:v>
                </c:pt>
                <c:pt idx="1814">
                  <c:v>4.7500000000000001E-2</c:v>
                </c:pt>
                <c:pt idx="1815">
                  <c:v>4.7500000000000001E-2</c:v>
                </c:pt>
                <c:pt idx="1816">
                  <c:v>4.7500000000000001E-2</c:v>
                </c:pt>
                <c:pt idx="1817">
                  <c:v>4.7500000000000001E-2</c:v>
                </c:pt>
                <c:pt idx="1818">
                  <c:v>4.7500000000000001E-2</c:v>
                </c:pt>
                <c:pt idx="1819">
                  <c:v>4.7500000000000001E-2</c:v>
                </c:pt>
                <c:pt idx="1820">
                  <c:v>4.7500000000000001E-2</c:v>
                </c:pt>
                <c:pt idx="1821">
                  <c:v>4.7500000000000001E-2</c:v>
                </c:pt>
                <c:pt idx="1822">
                  <c:v>4.7500000000000001E-2</c:v>
                </c:pt>
                <c:pt idx="1823">
                  <c:v>4.7500000000000001E-2</c:v>
                </c:pt>
                <c:pt idx="1824">
                  <c:v>4.7500000000000001E-2</c:v>
                </c:pt>
                <c:pt idx="1825">
                  <c:v>4.7500000000000001E-2</c:v>
                </c:pt>
                <c:pt idx="1826">
                  <c:v>4.7500000000000001E-2</c:v>
                </c:pt>
                <c:pt idx="1827">
                  <c:v>4.7500000000000001E-2</c:v>
                </c:pt>
                <c:pt idx="1828">
                  <c:v>4.7500000000000001E-2</c:v>
                </c:pt>
                <c:pt idx="1829">
                  <c:v>4.7500000000000001E-2</c:v>
                </c:pt>
                <c:pt idx="1830">
                  <c:v>4.7500000000000001E-2</c:v>
                </c:pt>
                <c:pt idx="1831">
                  <c:v>4.7500000000000001E-2</c:v>
                </c:pt>
                <c:pt idx="1832">
                  <c:v>4.7500000000000001E-2</c:v>
                </c:pt>
                <c:pt idx="1833">
                  <c:v>4.7500000000000001E-2</c:v>
                </c:pt>
                <c:pt idx="1834">
                  <c:v>4.7500000000000001E-2</c:v>
                </c:pt>
                <c:pt idx="1835">
                  <c:v>4.7500000000000001E-2</c:v>
                </c:pt>
                <c:pt idx="1836">
                  <c:v>4.7500000000000001E-2</c:v>
                </c:pt>
                <c:pt idx="1837">
                  <c:v>4.7500000000000001E-2</c:v>
                </c:pt>
                <c:pt idx="1838">
                  <c:v>4.7500000000000001E-2</c:v>
                </c:pt>
                <c:pt idx="1839">
                  <c:v>4.7500000000000001E-2</c:v>
                </c:pt>
                <c:pt idx="1840">
                  <c:v>4.7500000000000001E-2</c:v>
                </c:pt>
                <c:pt idx="1841">
                  <c:v>4.7500000000000001E-2</c:v>
                </c:pt>
                <c:pt idx="1842">
                  <c:v>4.7500000000000001E-2</c:v>
                </c:pt>
                <c:pt idx="1843">
                  <c:v>4.7500000000000001E-2</c:v>
                </c:pt>
                <c:pt idx="1844">
                  <c:v>4.7500000000000001E-2</c:v>
                </c:pt>
                <c:pt idx="1845">
                  <c:v>4.7500000000000001E-2</c:v>
                </c:pt>
                <c:pt idx="1846">
                  <c:v>4.7500000000000001E-2</c:v>
                </c:pt>
                <c:pt idx="1847">
                  <c:v>4.7500000000000001E-2</c:v>
                </c:pt>
                <c:pt idx="1848">
                  <c:v>4.7500000000000001E-2</c:v>
                </c:pt>
                <c:pt idx="1849">
                  <c:v>4.7500000000000001E-2</c:v>
                </c:pt>
                <c:pt idx="1850">
                  <c:v>4.7500000000000001E-2</c:v>
                </c:pt>
                <c:pt idx="1851">
                  <c:v>4.7500000000000001E-2</c:v>
                </c:pt>
                <c:pt idx="1852">
                  <c:v>4.7500000000000001E-2</c:v>
                </c:pt>
                <c:pt idx="1853">
                  <c:v>4.7500000000000001E-2</c:v>
                </c:pt>
                <c:pt idx="1854">
                  <c:v>4.7500000000000001E-2</c:v>
                </c:pt>
                <c:pt idx="1855">
                  <c:v>4.7500000000000001E-2</c:v>
                </c:pt>
                <c:pt idx="1856">
                  <c:v>4.7500000000000001E-2</c:v>
                </c:pt>
                <c:pt idx="1857">
                  <c:v>4.7500000000000001E-2</c:v>
                </c:pt>
                <c:pt idx="1858">
                  <c:v>4.7500000000000001E-2</c:v>
                </c:pt>
                <c:pt idx="1859">
                  <c:v>4.7500000000000001E-2</c:v>
                </c:pt>
                <c:pt idx="1860">
                  <c:v>4.7500000000000001E-2</c:v>
                </c:pt>
                <c:pt idx="1861">
                  <c:v>4.7500000000000001E-2</c:v>
                </c:pt>
                <c:pt idx="1862">
                  <c:v>4.7500000000000001E-2</c:v>
                </c:pt>
                <c:pt idx="1863">
                  <c:v>4.7500000000000001E-2</c:v>
                </c:pt>
                <c:pt idx="1864">
                  <c:v>4.7500000000000001E-2</c:v>
                </c:pt>
                <c:pt idx="1865">
                  <c:v>4.7500000000000001E-2</c:v>
                </c:pt>
                <c:pt idx="1866">
                  <c:v>4.7500000000000001E-2</c:v>
                </c:pt>
                <c:pt idx="1867">
                  <c:v>4.7500000000000001E-2</c:v>
                </c:pt>
                <c:pt idx="1868">
                  <c:v>4.7500000000000001E-2</c:v>
                </c:pt>
                <c:pt idx="1869">
                  <c:v>4.7500000000000001E-2</c:v>
                </c:pt>
                <c:pt idx="1870">
                  <c:v>4.7500000000000001E-2</c:v>
                </c:pt>
                <c:pt idx="1871">
                  <c:v>4.7500000000000001E-2</c:v>
                </c:pt>
                <c:pt idx="1872">
                  <c:v>4.7500000000000001E-2</c:v>
                </c:pt>
                <c:pt idx="1873">
                  <c:v>4.7500000000000001E-2</c:v>
                </c:pt>
                <c:pt idx="1874">
                  <c:v>4.7500000000000001E-2</c:v>
                </c:pt>
                <c:pt idx="1875">
                  <c:v>4.7500000000000001E-2</c:v>
                </c:pt>
                <c:pt idx="1876">
                  <c:v>4.7500000000000001E-2</c:v>
                </c:pt>
                <c:pt idx="1877">
                  <c:v>4.7500000000000001E-2</c:v>
                </c:pt>
                <c:pt idx="1878">
                  <c:v>4.7500000000000001E-2</c:v>
                </c:pt>
                <c:pt idx="1879">
                  <c:v>4.7500000000000001E-2</c:v>
                </c:pt>
                <c:pt idx="1880">
                  <c:v>4.7500000000000001E-2</c:v>
                </c:pt>
                <c:pt idx="1881">
                  <c:v>4.7500000000000001E-2</c:v>
                </c:pt>
                <c:pt idx="1882">
                  <c:v>4.7500000000000001E-2</c:v>
                </c:pt>
                <c:pt idx="1883">
                  <c:v>4.7500000000000001E-2</c:v>
                </c:pt>
                <c:pt idx="1884">
                  <c:v>4.7500000000000001E-2</c:v>
                </c:pt>
                <c:pt idx="1885">
                  <c:v>4.7500000000000001E-2</c:v>
                </c:pt>
                <c:pt idx="1886">
                  <c:v>4.7500000000000001E-2</c:v>
                </c:pt>
                <c:pt idx="1887">
                  <c:v>4.7500000000000001E-2</c:v>
                </c:pt>
                <c:pt idx="1888">
                  <c:v>4.7500000000000001E-2</c:v>
                </c:pt>
                <c:pt idx="1889">
                  <c:v>4.7500000000000001E-2</c:v>
                </c:pt>
                <c:pt idx="1890">
                  <c:v>4.7500000000000001E-2</c:v>
                </c:pt>
                <c:pt idx="1891">
                  <c:v>4.7500000000000001E-2</c:v>
                </c:pt>
                <c:pt idx="1892">
                  <c:v>4.7500000000000001E-2</c:v>
                </c:pt>
                <c:pt idx="1893">
                  <c:v>4.7500000000000001E-2</c:v>
                </c:pt>
                <c:pt idx="1894">
                  <c:v>4.7500000000000001E-2</c:v>
                </c:pt>
                <c:pt idx="1895">
                  <c:v>4.7500000000000001E-2</c:v>
                </c:pt>
                <c:pt idx="1896">
                  <c:v>4.7500000000000001E-2</c:v>
                </c:pt>
                <c:pt idx="1897">
                  <c:v>4.7500000000000001E-2</c:v>
                </c:pt>
                <c:pt idx="1898">
                  <c:v>4.7500000000000001E-2</c:v>
                </c:pt>
                <c:pt idx="1899">
                  <c:v>4.7500000000000001E-2</c:v>
                </c:pt>
                <c:pt idx="1900">
                  <c:v>4.7500000000000001E-2</c:v>
                </c:pt>
                <c:pt idx="1901">
                  <c:v>4.7500000000000001E-2</c:v>
                </c:pt>
                <c:pt idx="1902">
                  <c:v>4.7500000000000001E-2</c:v>
                </c:pt>
                <c:pt idx="1903">
                  <c:v>4.7500000000000001E-2</c:v>
                </c:pt>
                <c:pt idx="1904">
                  <c:v>4.7500000000000001E-2</c:v>
                </c:pt>
                <c:pt idx="1905">
                  <c:v>4.7500000000000001E-2</c:v>
                </c:pt>
                <c:pt idx="1906">
                  <c:v>4.7500000000000001E-2</c:v>
                </c:pt>
                <c:pt idx="1907">
                  <c:v>4.7500000000000001E-2</c:v>
                </c:pt>
                <c:pt idx="1908">
                  <c:v>4.7500000000000001E-2</c:v>
                </c:pt>
                <c:pt idx="1909">
                  <c:v>4.7500000000000001E-2</c:v>
                </c:pt>
                <c:pt idx="1910">
                  <c:v>4.7500000000000001E-2</c:v>
                </c:pt>
                <c:pt idx="1911">
                  <c:v>4.7500000000000001E-2</c:v>
                </c:pt>
                <c:pt idx="1912">
                  <c:v>4.7500000000000001E-2</c:v>
                </c:pt>
                <c:pt idx="1913">
                  <c:v>4.7500000000000001E-2</c:v>
                </c:pt>
                <c:pt idx="1914">
                  <c:v>4.7500000000000001E-2</c:v>
                </c:pt>
                <c:pt idx="1915">
                  <c:v>4.7500000000000001E-2</c:v>
                </c:pt>
                <c:pt idx="1916">
                  <c:v>4.7500000000000001E-2</c:v>
                </c:pt>
                <c:pt idx="1917">
                  <c:v>4.7500000000000001E-2</c:v>
                </c:pt>
                <c:pt idx="1918">
                  <c:v>4.7500000000000001E-2</c:v>
                </c:pt>
                <c:pt idx="1919">
                  <c:v>4.7500000000000001E-2</c:v>
                </c:pt>
                <c:pt idx="1920">
                  <c:v>4.7500000000000001E-2</c:v>
                </c:pt>
                <c:pt idx="1921">
                  <c:v>4.7500000000000001E-2</c:v>
                </c:pt>
                <c:pt idx="1922">
                  <c:v>4.7500000000000001E-2</c:v>
                </c:pt>
                <c:pt idx="1923">
                  <c:v>4.7500000000000001E-2</c:v>
                </c:pt>
                <c:pt idx="1924">
                  <c:v>4.7500000000000001E-2</c:v>
                </c:pt>
                <c:pt idx="1925">
                  <c:v>4.7500000000000001E-2</c:v>
                </c:pt>
                <c:pt idx="1926">
                  <c:v>4.7500000000000001E-2</c:v>
                </c:pt>
                <c:pt idx="1927">
                  <c:v>4.7500000000000001E-2</c:v>
                </c:pt>
                <c:pt idx="1928">
                  <c:v>4.7500000000000001E-2</c:v>
                </c:pt>
                <c:pt idx="1929">
                  <c:v>4.7500000000000001E-2</c:v>
                </c:pt>
                <c:pt idx="1930">
                  <c:v>4.7500000000000001E-2</c:v>
                </c:pt>
                <c:pt idx="1931">
                  <c:v>4.7500000000000001E-2</c:v>
                </c:pt>
                <c:pt idx="1932">
                  <c:v>4.7500000000000001E-2</c:v>
                </c:pt>
                <c:pt idx="1933">
                  <c:v>4.7500000000000001E-2</c:v>
                </c:pt>
                <c:pt idx="1934">
                  <c:v>4.7500000000000001E-2</c:v>
                </c:pt>
                <c:pt idx="1935">
                  <c:v>4.7500000000000001E-2</c:v>
                </c:pt>
                <c:pt idx="1936">
                  <c:v>4.7500000000000001E-2</c:v>
                </c:pt>
                <c:pt idx="1937">
                  <c:v>4.7500000000000001E-2</c:v>
                </c:pt>
                <c:pt idx="1938">
                  <c:v>4.7500000000000001E-2</c:v>
                </c:pt>
                <c:pt idx="1939">
                  <c:v>4.7500000000000001E-2</c:v>
                </c:pt>
                <c:pt idx="1940">
                  <c:v>4.7500000000000001E-2</c:v>
                </c:pt>
                <c:pt idx="1941">
                  <c:v>4.7500000000000001E-2</c:v>
                </c:pt>
                <c:pt idx="1942">
                  <c:v>4.7500000000000001E-2</c:v>
                </c:pt>
                <c:pt idx="1943">
                  <c:v>4.7500000000000001E-2</c:v>
                </c:pt>
                <c:pt idx="1944">
                  <c:v>4.7500000000000001E-2</c:v>
                </c:pt>
                <c:pt idx="1945">
                  <c:v>4.7500000000000001E-2</c:v>
                </c:pt>
                <c:pt idx="1946">
                  <c:v>4.7500000000000001E-2</c:v>
                </c:pt>
                <c:pt idx="1947">
                  <c:v>4.7500000000000001E-2</c:v>
                </c:pt>
                <c:pt idx="1948">
                  <c:v>4.7500000000000001E-2</c:v>
                </c:pt>
                <c:pt idx="1949">
                  <c:v>4.7500000000000001E-2</c:v>
                </c:pt>
                <c:pt idx="1950">
                  <c:v>4.7500000000000001E-2</c:v>
                </c:pt>
                <c:pt idx="1951">
                  <c:v>4.7500000000000001E-2</c:v>
                </c:pt>
                <c:pt idx="1952">
                  <c:v>4.7500000000000001E-2</c:v>
                </c:pt>
                <c:pt idx="1953">
                  <c:v>4.7500000000000001E-2</c:v>
                </c:pt>
                <c:pt idx="1954">
                  <c:v>4.7500000000000001E-2</c:v>
                </c:pt>
                <c:pt idx="1955">
                  <c:v>4.7500000000000001E-2</c:v>
                </c:pt>
                <c:pt idx="1956">
                  <c:v>4.7500000000000001E-2</c:v>
                </c:pt>
                <c:pt idx="1957">
                  <c:v>4.7500000000000001E-2</c:v>
                </c:pt>
                <c:pt idx="1958">
                  <c:v>4.7500000000000001E-2</c:v>
                </c:pt>
                <c:pt idx="1959">
                  <c:v>4.7500000000000001E-2</c:v>
                </c:pt>
                <c:pt idx="1960">
                  <c:v>4.7500000000000001E-2</c:v>
                </c:pt>
                <c:pt idx="1961">
                  <c:v>4.7500000000000001E-2</c:v>
                </c:pt>
                <c:pt idx="1962">
                  <c:v>4.7500000000000001E-2</c:v>
                </c:pt>
                <c:pt idx="1963">
                  <c:v>4.7500000000000001E-2</c:v>
                </c:pt>
                <c:pt idx="1964">
                  <c:v>4.7500000000000001E-2</c:v>
                </c:pt>
                <c:pt idx="1965">
                  <c:v>4.7500000000000001E-2</c:v>
                </c:pt>
                <c:pt idx="1966">
                  <c:v>4.7500000000000001E-2</c:v>
                </c:pt>
                <c:pt idx="1967">
                  <c:v>4.7500000000000001E-2</c:v>
                </c:pt>
                <c:pt idx="1968">
                  <c:v>4.7500000000000001E-2</c:v>
                </c:pt>
                <c:pt idx="1969">
                  <c:v>4.7500000000000001E-2</c:v>
                </c:pt>
                <c:pt idx="1970">
                  <c:v>4.7500000000000001E-2</c:v>
                </c:pt>
                <c:pt idx="1971">
                  <c:v>4.7500000000000001E-2</c:v>
                </c:pt>
                <c:pt idx="1972">
                  <c:v>4.7500000000000001E-2</c:v>
                </c:pt>
                <c:pt idx="1973">
                  <c:v>4.7500000000000001E-2</c:v>
                </c:pt>
                <c:pt idx="1974">
                  <c:v>4.7500000000000001E-2</c:v>
                </c:pt>
                <c:pt idx="1975">
                  <c:v>4.7500000000000001E-2</c:v>
                </c:pt>
                <c:pt idx="1976">
                  <c:v>4.7500000000000001E-2</c:v>
                </c:pt>
                <c:pt idx="1977">
                  <c:v>4.7500000000000001E-2</c:v>
                </c:pt>
                <c:pt idx="1978">
                  <c:v>4.7500000000000001E-2</c:v>
                </c:pt>
                <c:pt idx="1979">
                  <c:v>4.7500000000000001E-2</c:v>
                </c:pt>
                <c:pt idx="1980">
                  <c:v>4.7500000000000001E-2</c:v>
                </c:pt>
                <c:pt idx="1981">
                  <c:v>4.7500000000000001E-2</c:v>
                </c:pt>
                <c:pt idx="1982">
                  <c:v>4.7500000000000001E-2</c:v>
                </c:pt>
                <c:pt idx="1983">
                  <c:v>4.7500000000000001E-2</c:v>
                </c:pt>
                <c:pt idx="1984">
                  <c:v>4.7500000000000001E-2</c:v>
                </c:pt>
                <c:pt idx="1985">
                  <c:v>4.7500000000000001E-2</c:v>
                </c:pt>
                <c:pt idx="1986">
                  <c:v>4.7500000000000001E-2</c:v>
                </c:pt>
                <c:pt idx="1987">
                  <c:v>4.7500000000000001E-2</c:v>
                </c:pt>
                <c:pt idx="1988">
                  <c:v>4.7500000000000001E-2</c:v>
                </c:pt>
                <c:pt idx="1989">
                  <c:v>4.7500000000000001E-2</c:v>
                </c:pt>
                <c:pt idx="1990">
                  <c:v>4.7500000000000001E-2</c:v>
                </c:pt>
                <c:pt idx="1991">
                  <c:v>4.7500000000000001E-2</c:v>
                </c:pt>
                <c:pt idx="1992">
                  <c:v>4.7500000000000001E-2</c:v>
                </c:pt>
                <c:pt idx="1993">
                  <c:v>4.7500000000000001E-2</c:v>
                </c:pt>
                <c:pt idx="1994">
                  <c:v>4.7500000000000001E-2</c:v>
                </c:pt>
                <c:pt idx="1995">
                  <c:v>4.7500000000000001E-2</c:v>
                </c:pt>
                <c:pt idx="1996">
                  <c:v>4.7500000000000001E-2</c:v>
                </c:pt>
                <c:pt idx="1997">
                  <c:v>4.7500000000000001E-2</c:v>
                </c:pt>
                <c:pt idx="1998">
                  <c:v>4.7500000000000001E-2</c:v>
                </c:pt>
                <c:pt idx="1999">
                  <c:v>4.7500000000000001E-2</c:v>
                </c:pt>
                <c:pt idx="2000">
                  <c:v>4.7500000000000001E-2</c:v>
                </c:pt>
                <c:pt idx="2001">
                  <c:v>4.7500000000000001E-2</c:v>
                </c:pt>
                <c:pt idx="2002">
                  <c:v>4.7500000000000001E-2</c:v>
                </c:pt>
                <c:pt idx="2003">
                  <c:v>4.7500000000000001E-2</c:v>
                </c:pt>
                <c:pt idx="2004">
                  <c:v>4.7500000000000001E-2</c:v>
                </c:pt>
                <c:pt idx="2005">
                  <c:v>4.7500000000000001E-2</c:v>
                </c:pt>
                <c:pt idx="2006">
                  <c:v>4.7500000000000001E-2</c:v>
                </c:pt>
                <c:pt idx="2007">
                  <c:v>4.7500000000000001E-2</c:v>
                </c:pt>
                <c:pt idx="2008">
                  <c:v>4.7500000000000001E-2</c:v>
                </c:pt>
                <c:pt idx="2009">
                  <c:v>4.7500000000000001E-2</c:v>
                </c:pt>
                <c:pt idx="2010">
                  <c:v>4.7500000000000001E-2</c:v>
                </c:pt>
                <c:pt idx="2011">
                  <c:v>4.7500000000000001E-2</c:v>
                </c:pt>
                <c:pt idx="2012">
                  <c:v>4.7500000000000001E-2</c:v>
                </c:pt>
                <c:pt idx="2013">
                  <c:v>4.7500000000000001E-2</c:v>
                </c:pt>
                <c:pt idx="2014">
                  <c:v>4.7500000000000001E-2</c:v>
                </c:pt>
                <c:pt idx="2015">
                  <c:v>4.7500000000000001E-2</c:v>
                </c:pt>
                <c:pt idx="2016">
                  <c:v>4.7500000000000001E-2</c:v>
                </c:pt>
                <c:pt idx="2017">
                  <c:v>4.7500000000000001E-2</c:v>
                </c:pt>
                <c:pt idx="2018">
                  <c:v>4.7500000000000001E-2</c:v>
                </c:pt>
                <c:pt idx="2019">
                  <c:v>4.7500000000000001E-2</c:v>
                </c:pt>
                <c:pt idx="2020">
                  <c:v>4.7500000000000001E-2</c:v>
                </c:pt>
                <c:pt idx="2021">
                  <c:v>4.7500000000000001E-2</c:v>
                </c:pt>
                <c:pt idx="2022">
                  <c:v>4.7500000000000001E-2</c:v>
                </c:pt>
                <c:pt idx="2023">
                  <c:v>4.7500000000000001E-2</c:v>
                </c:pt>
                <c:pt idx="2024">
                  <c:v>4.7500000000000001E-2</c:v>
                </c:pt>
                <c:pt idx="2025">
                  <c:v>4.7500000000000001E-2</c:v>
                </c:pt>
                <c:pt idx="2026">
                  <c:v>4.7500000000000001E-2</c:v>
                </c:pt>
                <c:pt idx="2027">
                  <c:v>4.7500000000000001E-2</c:v>
                </c:pt>
                <c:pt idx="2028">
                  <c:v>4.7500000000000001E-2</c:v>
                </c:pt>
                <c:pt idx="2029">
                  <c:v>4.7500000000000001E-2</c:v>
                </c:pt>
                <c:pt idx="2030">
                  <c:v>4.7500000000000001E-2</c:v>
                </c:pt>
                <c:pt idx="2031">
                  <c:v>4.7500000000000001E-2</c:v>
                </c:pt>
                <c:pt idx="2032">
                  <c:v>4.7500000000000001E-2</c:v>
                </c:pt>
                <c:pt idx="2033">
                  <c:v>4.7500000000000001E-2</c:v>
                </c:pt>
                <c:pt idx="2034">
                  <c:v>4.7500000000000001E-2</c:v>
                </c:pt>
                <c:pt idx="2035">
                  <c:v>4.7500000000000001E-2</c:v>
                </c:pt>
                <c:pt idx="2036">
                  <c:v>4.7500000000000001E-2</c:v>
                </c:pt>
                <c:pt idx="2037">
                  <c:v>4.7500000000000001E-2</c:v>
                </c:pt>
                <c:pt idx="2038">
                  <c:v>4.7500000000000001E-2</c:v>
                </c:pt>
                <c:pt idx="2039">
                  <c:v>4.7500000000000001E-2</c:v>
                </c:pt>
                <c:pt idx="2040">
                  <c:v>4.7500000000000001E-2</c:v>
                </c:pt>
                <c:pt idx="2041">
                  <c:v>4.7500000000000001E-2</c:v>
                </c:pt>
                <c:pt idx="2042">
                  <c:v>4.4999999999999998E-2</c:v>
                </c:pt>
                <c:pt idx="2043">
                  <c:v>4.4999999999999998E-2</c:v>
                </c:pt>
                <c:pt idx="2044">
                  <c:v>4.4999999999999998E-2</c:v>
                </c:pt>
                <c:pt idx="2045">
                  <c:v>4.4999999999999998E-2</c:v>
                </c:pt>
                <c:pt idx="2046">
                  <c:v>4.4999999999999998E-2</c:v>
                </c:pt>
                <c:pt idx="2047">
                  <c:v>4.4999999999999998E-2</c:v>
                </c:pt>
                <c:pt idx="2048">
                  <c:v>4.4999999999999998E-2</c:v>
                </c:pt>
                <c:pt idx="2049">
                  <c:v>4.4999999999999998E-2</c:v>
                </c:pt>
                <c:pt idx="2050">
                  <c:v>4.4999999999999998E-2</c:v>
                </c:pt>
                <c:pt idx="2051">
                  <c:v>4.4999999999999998E-2</c:v>
                </c:pt>
                <c:pt idx="2052">
                  <c:v>4.4999999999999998E-2</c:v>
                </c:pt>
                <c:pt idx="2053">
                  <c:v>4.4999999999999998E-2</c:v>
                </c:pt>
                <c:pt idx="2054">
                  <c:v>4.4999999999999998E-2</c:v>
                </c:pt>
                <c:pt idx="2055">
                  <c:v>4.4999999999999998E-2</c:v>
                </c:pt>
                <c:pt idx="2056">
                  <c:v>4.4999999999999998E-2</c:v>
                </c:pt>
                <c:pt idx="2057">
                  <c:v>4.4999999999999998E-2</c:v>
                </c:pt>
                <c:pt idx="2058">
                  <c:v>4.4999999999999998E-2</c:v>
                </c:pt>
                <c:pt idx="2059">
                  <c:v>4.4999999999999998E-2</c:v>
                </c:pt>
                <c:pt idx="2060">
                  <c:v>4.4999999999999998E-2</c:v>
                </c:pt>
                <c:pt idx="2061">
                  <c:v>4.4999999999999998E-2</c:v>
                </c:pt>
                <c:pt idx="2062">
                  <c:v>4.4999999999999998E-2</c:v>
                </c:pt>
                <c:pt idx="2063">
                  <c:v>4.4999999999999998E-2</c:v>
                </c:pt>
                <c:pt idx="2064">
                  <c:v>4.4999999999999998E-2</c:v>
                </c:pt>
                <c:pt idx="2065">
                  <c:v>4.4999999999999998E-2</c:v>
                </c:pt>
                <c:pt idx="2066">
                  <c:v>4.4999999999999998E-2</c:v>
                </c:pt>
                <c:pt idx="2067">
                  <c:v>4.4999999999999998E-2</c:v>
                </c:pt>
                <c:pt idx="2068">
                  <c:v>4.4999999999999998E-2</c:v>
                </c:pt>
                <c:pt idx="2069">
                  <c:v>4.4999999999999998E-2</c:v>
                </c:pt>
                <c:pt idx="2070">
                  <c:v>4.4999999999999998E-2</c:v>
                </c:pt>
                <c:pt idx="2071">
                  <c:v>4.4999999999999998E-2</c:v>
                </c:pt>
                <c:pt idx="2072">
                  <c:v>4.4999999999999998E-2</c:v>
                </c:pt>
                <c:pt idx="2073">
                  <c:v>4.4999999999999998E-2</c:v>
                </c:pt>
                <c:pt idx="2074">
                  <c:v>4.4999999999999998E-2</c:v>
                </c:pt>
                <c:pt idx="2075">
                  <c:v>4.4999999999999998E-2</c:v>
                </c:pt>
                <c:pt idx="2076">
                  <c:v>4.4999999999999998E-2</c:v>
                </c:pt>
                <c:pt idx="2077">
                  <c:v>4.4999999999999998E-2</c:v>
                </c:pt>
                <c:pt idx="2078">
                  <c:v>4.4999999999999998E-2</c:v>
                </c:pt>
                <c:pt idx="2079">
                  <c:v>4.4999999999999998E-2</c:v>
                </c:pt>
                <c:pt idx="2080">
                  <c:v>4.4999999999999998E-2</c:v>
                </c:pt>
                <c:pt idx="2081">
                  <c:v>4.4999999999999998E-2</c:v>
                </c:pt>
                <c:pt idx="2082">
                  <c:v>4.4999999999999998E-2</c:v>
                </c:pt>
                <c:pt idx="2083">
                  <c:v>4.4999999999999998E-2</c:v>
                </c:pt>
                <c:pt idx="2084">
                  <c:v>4.4999999999999998E-2</c:v>
                </c:pt>
                <c:pt idx="2085">
                  <c:v>4.4999999999999998E-2</c:v>
                </c:pt>
                <c:pt idx="2086">
                  <c:v>4.4999999999999998E-2</c:v>
                </c:pt>
                <c:pt idx="2087">
                  <c:v>4.4999999999999998E-2</c:v>
                </c:pt>
                <c:pt idx="2088">
                  <c:v>4.4999999999999998E-2</c:v>
                </c:pt>
                <c:pt idx="2089">
                  <c:v>4.4999999999999998E-2</c:v>
                </c:pt>
                <c:pt idx="2090">
                  <c:v>4.4999999999999998E-2</c:v>
                </c:pt>
                <c:pt idx="2091">
                  <c:v>4.4999999999999998E-2</c:v>
                </c:pt>
                <c:pt idx="2092">
                  <c:v>4.4999999999999998E-2</c:v>
                </c:pt>
                <c:pt idx="2093">
                  <c:v>4.4999999999999998E-2</c:v>
                </c:pt>
                <c:pt idx="2094">
                  <c:v>4.4999999999999998E-2</c:v>
                </c:pt>
                <c:pt idx="2095">
                  <c:v>4.4999999999999998E-2</c:v>
                </c:pt>
                <c:pt idx="2096">
                  <c:v>4.4999999999999998E-2</c:v>
                </c:pt>
                <c:pt idx="2097">
                  <c:v>4.4999999999999998E-2</c:v>
                </c:pt>
                <c:pt idx="2098">
                  <c:v>4.4999999999999998E-2</c:v>
                </c:pt>
                <c:pt idx="2099">
                  <c:v>4.4999999999999998E-2</c:v>
                </c:pt>
                <c:pt idx="2100">
                  <c:v>4.4999999999999998E-2</c:v>
                </c:pt>
                <c:pt idx="2101">
                  <c:v>4.4999999999999998E-2</c:v>
                </c:pt>
                <c:pt idx="2102">
                  <c:v>4.4999999999999998E-2</c:v>
                </c:pt>
                <c:pt idx="2103">
                  <c:v>4.4999999999999998E-2</c:v>
                </c:pt>
                <c:pt idx="2104">
                  <c:v>4.4999999999999998E-2</c:v>
                </c:pt>
                <c:pt idx="2105">
                  <c:v>4.4999999999999998E-2</c:v>
                </c:pt>
                <c:pt idx="2106">
                  <c:v>4.4999999999999998E-2</c:v>
                </c:pt>
                <c:pt idx="2107">
                  <c:v>4.4999999999999998E-2</c:v>
                </c:pt>
                <c:pt idx="2108">
                  <c:v>4.4999999999999998E-2</c:v>
                </c:pt>
                <c:pt idx="2109">
                  <c:v>4.4999999999999998E-2</c:v>
                </c:pt>
                <c:pt idx="2110">
                  <c:v>4.4999999999999998E-2</c:v>
                </c:pt>
                <c:pt idx="2111">
                  <c:v>4.4999999999999998E-2</c:v>
                </c:pt>
                <c:pt idx="2112">
                  <c:v>4.4999999999999998E-2</c:v>
                </c:pt>
                <c:pt idx="2113">
                  <c:v>4.4999999999999998E-2</c:v>
                </c:pt>
                <c:pt idx="2114">
                  <c:v>4.4999999999999998E-2</c:v>
                </c:pt>
                <c:pt idx="2115">
                  <c:v>4.4999999999999998E-2</c:v>
                </c:pt>
                <c:pt idx="2116">
                  <c:v>4.4999999999999998E-2</c:v>
                </c:pt>
                <c:pt idx="2117">
                  <c:v>4.4999999999999998E-2</c:v>
                </c:pt>
                <c:pt idx="2118">
                  <c:v>4.4999999999999998E-2</c:v>
                </c:pt>
                <c:pt idx="2119">
                  <c:v>4.4999999999999998E-2</c:v>
                </c:pt>
                <c:pt idx="2120">
                  <c:v>4.4999999999999998E-2</c:v>
                </c:pt>
                <c:pt idx="2121">
                  <c:v>4.4999999999999998E-2</c:v>
                </c:pt>
                <c:pt idx="2122">
                  <c:v>4.4999999999999998E-2</c:v>
                </c:pt>
                <c:pt idx="2123">
                  <c:v>4.4999999999999998E-2</c:v>
                </c:pt>
                <c:pt idx="2124">
                  <c:v>4.4999999999999998E-2</c:v>
                </c:pt>
                <c:pt idx="2125">
                  <c:v>4.4999999999999998E-2</c:v>
                </c:pt>
                <c:pt idx="2126">
                  <c:v>4.4999999999999998E-2</c:v>
                </c:pt>
                <c:pt idx="2127">
                  <c:v>4.4999999999999998E-2</c:v>
                </c:pt>
                <c:pt idx="2128">
                  <c:v>4.4999999999999998E-2</c:v>
                </c:pt>
                <c:pt idx="2129">
                  <c:v>4.4999999999999998E-2</c:v>
                </c:pt>
                <c:pt idx="2130">
                  <c:v>4.4999999999999998E-2</c:v>
                </c:pt>
                <c:pt idx="2131">
                  <c:v>4.4999999999999998E-2</c:v>
                </c:pt>
                <c:pt idx="2132">
                  <c:v>4.4999999999999998E-2</c:v>
                </c:pt>
                <c:pt idx="2133">
                  <c:v>4.4999999999999998E-2</c:v>
                </c:pt>
                <c:pt idx="2134">
                  <c:v>4.4999999999999998E-2</c:v>
                </c:pt>
                <c:pt idx="2135">
                  <c:v>4.4999999999999998E-2</c:v>
                </c:pt>
                <c:pt idx="2136">
                  <c:v>4.4999999999999998E-2</c:v>
                </c:pt>
                <c:pt idx="2137">
                  <c:v>4.4999999999999998E-2</c:v>
                </c:pt>
                <c:pt idx="2138">
                  <c:v>4.4999999999999998E-2</c:v>
                </c:pt>
                <c:pt idx="2139">
                  <c:v>4.4999999999999998E-2</c:v>
                </c:pt>
                <c:pt idx="2140">
                  <c:v>4.4999999999999998E-2</c:v>
                </c:pt>
                <c:pt idx="2141">
                  <c:v>4.4999999999999998E-2</c:v>
                </c:pt>
                <c:pt idx="2142">
                  <c:v>4.4999999999999998E-2</c:v>
                </c:pt>
                <c:pt idx="2143">
                  <c:v>4.4999999999999998E-2</c:v>
                </c:pt>
                <c:pt idx="2144">
                  <c:v>4.4999999999999998E-2</c:v>
                </c:pt>
                <c:pt idx="2145">
                  <c:v>4.4999999999999998E-2</c:v>
                </c:pt>
                <c:pt idx="2146">
                  <c:v>4.4999999999999998E-2</c:v>
                </c:pt>
                <c:pt idx="2147">
                  <c:v>4.4999999999999998E-2</c:v>
                </c:pt>
                <c:pt idx="2148">
                  <c:v>4.4999999999999998E-2</c:v>
                </c:pt>
                <c:pt idx="2149">
                  <c:v>4.4999999999999998E-2</c:v>
                </c:pt>
                <c:pt idx="2150">
                  <c:v>4.4999999999999998E-2</c:v>
                </c:pt>
                <c:pt idx="2151">
                  <c:v>4.4999999999999998E-2</c:v>
                </c:pt>
                <c:pt idx="2152">
                  <c:v>4.4999999999999998E-2</c:v>
                </c:pt>
                <c:pt idx="2153">
                  <c:v>4.4999999999999998E-2</c:v>
                </c:pt>
                <c:pt idx="2154">
                  <c:v>4.4999999999999998E-2</c:v>
                </c:pt>
                <c:pt idx="2155">
                  <c:v>4.4999999999999998E-2</c:v>
                </c:pt>
                <c:pt idx="2156">
                  <c:v>4.4999999999999998E-2</c:v>
                </c:pt>
                <c:pt idx="2157">
                  <c:v>4.4999999999999998E-2</c:v>
                </c:pt>
                <c:pt idx="2158">
                  <c:v>4.4999999999999998E-2</c:v>
                </c:pt>
                <c:pt idx="2159">
                  <c:v>4.4999999999999998E-2</c:v>
                </c:pt>
                <c:pt idx="2160">
                  <c:v>4.4999999999999998E-2</c:v>
                </c:pt>
                <c:pt idx="2161">
                  <c:v>4.4999999999999998E-2</c:v>
                </c:pt>
                <c:pt idx="2162">
                  <c:v>4.4999999999999998E-2</c:v>
                </c:pt>
                <c:pt idx="2163">
                  <c:v>4.4999999999999998E-2</c:v>
                </c:pt>
                <c:pt idx="2164">
                  <c:v>4.4999999999999998E-2</c:v>
                </c:pt>
                <c:pt idx="2165">
                  <c:v>4.4999999999999998E-2</c:v>
                </c:pt>
                <c:pt idx="2166">
                  <c:v>4.4999999999999998E-2</c:v>
                </c:pt>
                <c:pt idx="2167">
                  <c:v>4.4999999999999998E-2</c:v>
                </c:pt>
                <c:pt idx="2168">
                  <c:v>4.4999999999999998E-2</c:v>
                </c:pt>
                <c:pt idx="2169">
                  <c:v>4.4999999999999998E-2</c:v>
                </c:pt>
                <c:pt idx="2170">
                  <c:v>4.4999999999999998E-2</c:v>
                </c:pt>
                <c:pt idx="2171">
                  <c:v>4.4999999999999998E-2</c:v>
                </c:pt>
                <c:pt idx="2172">
                  <c:v>4.4999999999999998E-2</c:v>
                </c:pt>
                <c:pt idx="2173">
                  <c:v>4.4999999999999998E-2</c:v>
                </c:pt>
                <c:pt idx="2174">
                  <c:v>4.4999999999999998E-2</c:v>
                </c:pt>
                <c:pt idx="2175">
                  <c:v>4.4999999999999998E-2</c:v>
                </c:pt>
                <c:pt idx="2176">
                  <c:v>4.4999999999999998E-2</c:v>
                </c:pt>
                <c:pt idx="2177">
                  <c:v>4.4999999999999998E-2</c:v>
                </c:pt>
                <c:pt idx="2178">
                  <c:v>4.4999999999999998E-2</c:v>
                </c:pt>
                <c:pt idx="2179">
                  <c:v>4.4999999999999998E-2</c:v>
                </c:pt>
                <c:pt idx="2180">
                  <c:v>4.4999999999999998E-2</c:v>
                </c:pt>
                <c:pt idx="2181">
                  <c:v>4.4999999999999998E-2</c:v>
                </c:pt>
                <c:pt idx="2182">
                  <c:v>4.4999999999999998E-2</c:v>
                </c:pt>
                <c:pt idx="2183">
                  <c:v>4.4999999999999998E-2</c:v>
                </c:pt>
                <c:pt idx="2184">
                  <c:v>4.4999999999999998E-2</c:v>
                </c:pt>
                <c:pt idx="2185">
                  <c:v>4.4999999999999998E-2</c:v>
                </c:pt>
                <c:pt idx="2186">
                  <c:v>4.4999999999999998E-2</c:v>
                </c:pt>
                <c:pt idx="2187">
                  <c:v>4.4999999999999998E-2</c:v>
                </c:pt>
                <c:pt idx="2188">
                  <c:v>4.4999999999999998E-2</c:v>
                </c:pt>
                <c:pt idx="2189">
                  <c:v>4.4999999999999998E-2</c:v>
                </c:pt>
                <c:pt idx="2190">
                  <c:v>4.4999999999999998E-2</c:v>
                </c:pt>
                <c:pt idx="2191">
                  <c:v>4.4999999999999998E-2</c:v>
                </c:pt>
                <c:pt idx="2192">
                  <c:v>4.4999999999999998E-2</c:v>
                </c:pt>
                <c:pt idx="2193">
                  <c:v>4.4999999999999998E-2</c:v>
                </c:pt>
                <c:pt idx="2194">
                  <c:v>4.4999999999999998E-2</c:v>
                </c:pt>
                <c:pt idx="2195">
                  <c:v>4.4999999999999998E-2</c:v>
                </c:pt>
                <c:pt idx="2196">
                  <c:v>4.4999999999999998E-2</c:v>
                </c:pt>
                <c:pt idx="2197">
                  <c:v>4.4999999999999998E-2</c:v>
                </c:pt>
                <c:pt idx="2198">
                  <c:v>4.4999999999999998E-2</c:v>
                </c:pt>
                <c:pt idx="2199">
                  <c:v>4.4999999999999998E-2</c:v>
                </c:pt>
                <c:pt idx="2200">
                  <c:v>4.4999999999999998E-2</c:v>
                </c:pt>
                <c:pt idx="2201">
                  <c:v>4.4999999999999998E-2</c:v>
                </c:pt>
                <c:pt idx="2202">
                  <c:v>4.4999999999999998E-2</c:v>
                </c:pt>
                <c:pt idx="2203">
                  <c:v>4.4999999999999998E-2</c:v>
                </c:pt>
                <c:pt idx="2204">
                  <c:v>4.4999999999999998E-2</c:v>
                </c:pt>
                <c:pt idx="2205">
                  <c:v>4.4999999999999998E-2</c:v>
                </c:pt>
                <c:pt idx="2206">
                  <c:v>4.4999999999999998E-2</c:v>
                </c:pt>
                <c:pt idx="2207">
                  <c:v>4.4999999999999998E-2</c:v>
                </c:pt>
                <c:pt idx="2208">
                  <c:v>4.4999999999999998E-2</c:v>
                </c:pt>
                <c:pt idx="2209">
                  <c:v>4.4999999999999998E-2</c:v>
                </c:pt>
                <c:pt idx="2210">
                  <c:v>4.4999999999999998E-2</c:v>
                </c:pt>
                <c:pt idx="2211">
                  <c:v>4.4999999999999998E-2</c:v>
                </c:pt>
                <c:pt idx="2212">
                  <c:v>4.4999999999999998E-2</c:v>
                </c:pt>
                <c:pt idx="2213">
                  <c:v>4.4999999999999998E-2</c:v>
                </c:pt>
                <c:pt idx="2214">
                  <c:v>4.4999999999999998E-2</c:v>
                </c:pt>
                <c:pt idx="2215">
                  <c:v>4.4999999999999998E-2</c:v>
                </c:pt>
                <c:pt idx="2216">
                  <c:v>4.4999999999999998E-2</c:v>
                </c:pt>
                <c:pt idx="2217">
                  <c:v>4.4999999999999998E-2</c:v>
                </c:pt>
                <c:pt idx="2218">
                  <c:v>4.4999999999999998E-2</c:v>
                </c:pt>
                <c:pt idx="2219">
                  <c:v>4.4999999999999998E-2</c:v>
                </c:pt>
                <c:pt idx="2220">
                  <c:v>4.4999999999999998E-2</c:v>
                </c:pt>
                <c:pt idx="2221">
                  <c:v>4.4999999999999998E-2</c:v>
                </c:pt>
                <c:pt idx="2222">
                  <c:v>4.4999999999999998E-2</c:v>
                </c:pt>
                <c:pt idx="2223">
                  <c:v>4.4999999999999998E-2</c:v>
                </c:pt>
                <c:pt idx="2224">
                  <c:v>4.4999999999999998E-2</c:v>
                </c:pt>
                <c:pt idx="2225">
                  <c:v>4.4999999999999998E-2</c:v>
                </c:pt>
                <c:pt idx="2226">
                  <c:v>4.4999999999999998E-2</c:v>
                </c:pt>
                <c:pt idx="2227">
                  <c:v>4.4999999999999998E-2</c:v>
                </c:pt>
                <c:pt idx="2228">
                  <c:v>4.4999999999999998E-2</c:v>
                </c:pt>
                <c:pt idx="2229">
                  <c:v>4.4999999999999998E-2</c:v>
                </c:pt>
                <c:pt idx="2230">
                  <c:v>4.4999999999999998E-2</c:v>
                </c:pt>
                <c:pt idx="2231">
                  <c:v>4.4999999999999998E-2</c:v>
                </c:pt>
                <c:pt idx="2232">
                  <c:v>4.4999999999999998E-2</c:v>
                </c:pt>
                <c:pt idx="2233">
                  <c:v>4.4999999999999998E-2</c:v>
                </c:pt>
                <c:pt idx="2234">
                  <c:v>4.4999999999999998E-2</c:v>
                </c:pt>
                <c:pt idx="2235">
                  <c:v>4.4999999999999998E-2</c:v>
                </c:pt>
                <c:pt idx="2236">
                  <c:v>4.4999999999999998E-2</c:v>
                </c:pt>
                <c:pt idx="2237">
                  <c:v>4.4999999999999998E-2</c:v>
                </c:pt>
                <c:pt idx="2238">
                  <c:v>4.4999999999999998E-2</c:v>
                </c:pt>
                <c:pt idx="2239">
                  <c:v>4.4999999999999998E-2</c:v>
                </c:pt>
                <c:pt idx="2240">
                  <c:v>4.4999999999999998E-2</c:v>
                </c:pt>
                <c:pt idx="2241">
                  <c:v>4.4999999999999998E-2</c:v>
                </c:pt>
                <c:pt idx="2242">
                  <c:v>4.4999999999999998E-2</c:v>
                </c:pt>
                <c:pt idx="2243">
                  <c:v>4.4999999999999998E-2</c:v>
                </c:pt>
                <c:pt idx="2244">
                  <c:v>4.4999999999999998E-2</c:v>
                </c:pt>
                <c:pt idx="2245">
                  <c:v>4.4999999999999998E-2</c:v>
                </c:pt>
                <c:pt idx="2246">
                  <c:v>4.4999999999999998E-2</c:v>
                </c:pt>
                <c:pt idx="2247">
                  <c:v>4.4999999999999998E-2</c:v>
                </c:pt>
                <c:pt idx="2248">
                  <c:v>4.4999999999999998E-2</c:v>
                </c:pt>
                <c:pt idx="2249">
                  <c:v>4.4999999999999998E-2</c:v>
                </c:pt>
                <c:pt idx="2250">
                  <c:v>4.4999999999999998E-2</c:v>
                </c:pt>
                <c:pt idx="2251">
                  <c:v>4.4999999999999998E-2</c:v>
                </c:pt>
                <c:pt idx="2252">
                  <c:v>4.4999999999999998E-2</c:v>
                </c:pt>
                <c:pt idx="2253">
                  <c:v>4.4999999999999998E-2</c:v>
                </c:pt>
                <c:pt idx="2254">
                  <c:v>4.4999999999999998E-2</c:v>
                </c:pt>
                <c:pt idx="2255">
                  <c:v>4.4999999999999998E-2</c:v>
                </c:pt>
                <c:pt idx="2256">
                  <c:v>4.4999999999999998E-2</c:v>
                </c:pt>
                <c:pt idx="2257">
                  <c:v>4.4999999999999998E-2</c:v>
                </c:pt>
                <c:pt idx="2258">
                  <c:v>4.4999999999999998E-2</c:v>
                </c:pt>
                <c:pt idx="2259">
                  <c:v>4.4999999999999998E-2</c:v>
                </c:pt>
                <c:pt idx="2260">
                  <c:v>4.4999999999999998E-2</c:v>
                </c:pt>
                <c:pt idx="2261">
                  <c:v>4.4999999999999998E-2</c:v>
                </c:pt>
                <c:pt idx="2262">
                  <c:v>4.4999999999999998E-2</c:v>
                </c:pt>
                <c:pt idx="2263">
                  <c:v>4.4999999999999998E-2</c:v>
                </c:pt>
                <c:pt idx="2264">
                  <c:v>4.4999999999999998E-2</c:v>
                </c:pt>
                <c:pt idx="2265">
                  <c:v>4.4999999999999998E-2</c:v>
                </c:pt>
                <c:pt idx="2266">
                  <c:v>4.4999999999999998E-2</c:v>
                </c:pt>
                <c:pt idx="2267">
                  <c:v>4.4999999999999998E-2</c:v>
                </c:pt>
                <c:pt idx="2268">
                  <c:v>4.4999999999999998E-2</c:v>
                </c:pt>
                <c:pt idx="2269">
                  <c:v>4.4999999999999998E-2</c:v>
                </c:pt>
                <c:pt idx="2270">
                  <c:v>4.4999999999999998E-2</c:v>
                </c:pt>
                <c:pt idx="2271">
                  <c:v>4.4999999999999998E-2</c:v>
                </c:pt>
                <c:pt idx="2272">
                  <c:v>4.4999999999999998E-2</c:v>
                </c:pt>
                <c:pt idx="2273">
                  <c:v>4.4999999999999998E-2</c:v>
                </c:pt>
                <c:pt idx="2274">
                  <c:v>4.4999999999999998E-2</c:v>
                </c:pt>
                <c:pt idx="2275">
                  <c:v>4.4999999999999998E-2</c:v>
                </c:pt>
                <c:pt idx="2276">
                  <c:v>4.4999999999999998E-2</c:v>
                </c:pt>
                <c:pt idx="2277">
                  <c:v>4.4999999999999998E-2</c:v>
                </c:pt>
                <c:pt idx="2278">
                  <c:v>4.4999999999999998E-2</c:v>
                </c:pt>
                <c:pt idx="2279">
                  <c:v>4.4999999999999998E-2</c:v>
                </c:pt>
                <c:pt idx="2280">
                  <c:v>4.4999999999999998E-2</c:v>
                </c:pt>
                <c:pt idx="2281">
                  <c:v>4.4999999999999998E-2</c:v>
                </c:pt>
                <c:pt idx="2282">
                  <c:v>4.4999999999999998E-2</c:v>
                </c:pt>
                <c:pt idx="2283">
                  <c:v>4.4999999999999998E-2</c:v>
                </c:pt>
                <c:pt idx="2284">
                  <c:v>4.4999999999999998E-2</c:v>
                </c:pt>
                <c:pt idx="2285">
                  <c:v>4.4999999999999998E-2</c:v>
                </c:pt>
                <c:pt idx="2286">
                  <c:v>4.4999999999999998E-2</c:v>
                </c:pt>
                <c:pt idx="2287">
                  <c:v>4.4999999999999998E-2</c:v>
                </c:pt>
                <c:pt idx="2288">
                  <c:v>4.4999999999999998E-2</c:v>
                </c:pt>
                <c:pt idx="2289">
                  <c:v>4.4999999999999998E-2</c:v>
                </c:pt>
                <c:pt idx="2290">
                  <c:v>4.4999999999999998E-2</c:v>
                </c:pt>
                <c:pt idx="2291">
                  <c:v>4.4999999999999998E-2</c:v>
                </c:pt>
                <c:pt idx="2292">
                  <c:v>4.4999999999999998E-2</c:v>
                </c:pt>
                <c:pt idx="2293">
                  <c:v>4.4999999999999998E-2</c:v>
                </c:pt>
                <c:pt idx="2294">
                  <c:v>4.4999999999999998E-2</c:v>
                </c:pt>
                <c:pt idx="2295">
                  <c:v>4.4999999999999998E-2</c:v>
                </c:pt>
                <c:pt idx="2296">
                  <c:v>4.4999999999999998E-2</c:v>
                </c:pt>
                <c:pt idx="2297">
                  <c:v>4.4999999999999998E-2</c:v>
                </c:pt>
                <c:pt idx="2298">
                  <c:v>4.4999999999999998E-2</c:v>
                </c:pt>
                <c:pt idx="2299">
                  <c:v>4.4999999999999998E-2</c:v>
                </c:pt>
                <c:pt idx="2300">
                  <c:v>4.4999999999999998E-2</c:v>
                </c:pt>
                <c:pt idx="2301">
                  <c:v>4.4999999999999998E-2</c:v>
                </c:pt>
                <c:pt idx="2302">
                  <c:v>4.4999999999999998E-2</c:v>
                </c:pt>
                <c:pt idx="2303">
                  <c:v>4.4999999999999998E-2</c:v>
                </c:pt>
                <c:pt idx="2304">
                  <c:v>4.4999999999999998E-2</c:v>
                </c:pt>
                <c:pt idx="2305">
                  <c:v>4.4999999999999998E-2</c:v>
                </c:pt>
                <c:pt idx="2306">
                  <c:v>4.4999999999999998E-2</c:v>
                </c:pt>
                <c:pt idx="2307">
                  <c:v>4.4999999999999998E-2</c:v>
                </c:pt>
                <c:pt idx="2308">
                  <c:v>4.4999999999999998E-2</c:v>
                </c:pt>
                <c:pt idx="2309">
                  <c:v>4.4999999999999998E-2</c:v>
                </c:pt>
                <c:pt idx="2310">
                  <c:v>4.4999999999999998E-2</c:v>
                </c:pt>
                <c:pt idx="2311">
                  <c:v>4.4999999999999998E-2</c:v>
                </c:pt>
                <c:pt idx="2312">
                  <c:v>4.4999999999999998E-2</c:v>
                </c:pt>
                <c:pt idx="2313">
                  <c:v>4.4999999999999998E-2</c:v>
                </c:pt>
                <c:pt idx="2314">
                  <c:v>4.4999999999999998E-2</c:v>
                </c:pt>
                <c:pt idx="2315">
                  <c:v>4.4999999999999998E-2</c:v>
                </c:pt>
                <c:pt idx="2316">
                  <c:v>4.4999999999999998E-2</c:v>
                </c:pt>
                <c:pt idx="2317">
                  <c:v>4.4999999999999998E-2</c:v>
                </c:pt>
                <c:pt idx="2318">
                  <c:v>4.4999999999999998E-2</c:v>
                </c:pt>
                <c:pt idx="2319">
                  <c:v>4.4999999999999998E-2</c:v>
                </c:pt>
                <c:pt idx="2320">
                  <c:v>4.4999999999999998E-2</c:v>
                </c:pt>
                <c:pt idx="2321">
                  <c:v>4.4999999999999998E-2</c:v>
                </c:pt>
                <c:pt idx="2322">
                  <c:v>4.4999999999999998E-2</c:v>
                </c:pt>
                <c:pt idx="2323">
                  <c:v>4.4999999999999998E-2</c:v>
                </c:pt>
                <c:pt idx="2324">
                  <c:v>4.4999999999999998E-2</c:v>
                </c:pt>
                <c:pt idx="2325">
                  <c:v>4.4999999999999998E-2</c:v>
                </c:pt>
                <c:pt idx="2326">
                  <c:v>4.4999999999999998E-2</c:v>
                </c:pt>
                <c:pt idx="2327">
                  <c:v>4.4999999999999998E-2</c:v>
                </c:pt>
                <c:pt idx="2328">
                  <c:v>4.4999999999999998E-2</c:v>
                </c:pt>
                <c:pt idx="2329">
                  <c:v>4.4999999999999998E-2</c:v>
                </c:pt>
                <c:pt idx="2330">
                  <c:v>4.4999999999999998E-2</c:v>
                </c:pt>
                <c:pt idx="2331">
                  <c:v>4.4999999999999998E-2</c:v>
                </c:pt>
                <c:pt idx="2332">
                  <c:v>4.4999999999999998E-2</c:v>
                </c:pt>
                <c:pt idx="2333">
                  <c:v>4.4999999999999998E-2</c:v>
                </c:pt>
                <c:pt idx="2334">
                  <c:v>4.4999999999999998E-2</c:v>
                </c:pt>
                <c:pt idx="2335">
                  <c:v>4.4999999999999998E-2</c:v>
                </c:pt>
                <c:pt idx="2336">
                  <c:v>4.4999999999999998E-2</c:v>
                </c:pt>
                <c:pt idx="2337">
                  <c:v>4.4999999999999998E-2</c:v>
                </c:pt>
                <c:pt idx="2338">
                  <c:v>4.4999999999999998E-2</c:v>
                </c:pt>
                <c:pt idx="2339">
                  <c:v>4.4999999999999998E-2</c:v>
                </c:pt>
                <c:pt idx="2340">
                  <c:v>4.4999999999999998E-2</c:v>
                </c:pt>
                <c:pt idx="2341">
                  <c:v>4.4999999999999998E-2</c:v>
                </c:pt>
                <c:pt idx="2342">
                  <c:v>4.4999999999999998E-2</c:v>
                </c:pt>
                <c:pt idx="2343">
                  <c:v>4.4999999999999998E-2</c:v>
                </c:pt>
                <c:pt idx="2344">
                  <c:v>4.4999999999999998E-2</c:v>
                </c:pt>
                <c:pt idx="2345">
                  <c:v>4.4999999999999998E-2</c:v>
                </c:pt>
                <c:pt idx="2346">
                  <c:v>4.4999999999999998E-2</c:v>
                </c:pt>
                <c:pt idx="2347">
                  <c:v>4.4999999999999998E-2</c:v>
                </c:pt>
                <c:pt idx="2348">
                  <c:v>4.4999999999999998E-2</c:v>
                </c:pt>
                <c:pt idx="2349">
                  <c:v>4.4999999999999998E-2</c:v>
                </c:pt>
                <c:pt idx="2350">
                  <c:v>4.4999999999999998E-2</c:v>
                </c:pt>
                <c:pt idx="2351">
                  <c:v>4.4999999999999998E-2</c:v>
                </c:pt>
                <c:pt idx="2352">
                  <c:v>4.4999999999999998E-2</c:v>
                </c:pt>
                <c:pt idx="2353">
                  <c:v>4.4999999999999998E-2</c:v>
                </c:pt>
                <c:pt idx="2354">
                  <c:v>4.4999999999999998E-2</c:v>
                </c:pt>
                <c:pt idx="2355">
                  <c:v>4.4999999999999998E-2</c:v>
                </c:pt>
                <c:pt idx="2356">
                  <c:v>4.4999999999999998E-2</c:v>
                </c:pt>
                <c:pt idx="2357">
                  <c:v>4.4999999999999998E-2</c:v>
                </c:pt>
                <c:pt idx="2358">
                  <c:v>4.4999999999999998E-2</c:v>
                </c:pt>
                <c:pt idx="2359">
                  <c:v>4.4999999999999998E-2</c:v>
                </c:pt>
                <c:pt idx="2360">
                  <c:v>4.4999999999999998E-2</c:v>
                </c:pt>
                <c:pt idx="2361">
                  <c:v>4.4999999999999998E-2</c:v>
                </c:pt>
                <c:pt idx="2362">
                  <c:v>4.4999999999999998E-2</c:v>
                </c:pt>
                <c:pt idx="2363">
                  <c:v>4.4999999999999998E-2</c:v>
                </c:pt>
                <c:pt idx="2364">
                  <c:v>4.4999999999999998E-2</c:v>
                </c:pt>
                <c:pt idx="2365">
                  <c:v>4.4999999999999998E-2</c:v>
                </c:pt>
                <c:pt idx="2366">
                  <c:v>4.4999999999999998E-2</c:v>
                </c:pt>
                <c:pt idx="2367">
                  <c:v>4.4999999999999998E-2</c:v>
                </c:pt>
                <c:pt idx="2368">
                  <c:v>4.4999999999999998E-2</c:v>
                </c:pt>
                <c:pt idx="2369">
                  <c:v>4.4999999999999998E-2</c:v>
                </c:pt>
                <c:pt idx="2370">
                  <c:v>4.4999999999999998E-2</c:v>
                </c:pt>
                <c:pt idx="2371">
                  <c:v>4.4999999999999998E-2</c:v>
                </c:pt>
                <c:pt idx="2372">
                  <c:v>4.4999999999999998E-2</c:v>
                </c:pt>
                <c:pt idx="2373">
                  <c:v>4.4999999999999998E-2</c:v>
                </c:pt>
                <c:pt idx="2374">
                  <c:v>4.4999999999999998E-2</c:v>
                </c:pt>
                <c:pt idx="2375">
                  <c:v>4.4999999999999998E-2</c:v>
                </c:pt>
                <c:pt idx="2376">
                  <c:v>4.4999999999999998E-2</c:v>
                </c:pt>
                <c:pt idx="2377">
                  <c:v>4.4999999999999998E-2</c:v>
                </c:pt>
                <c:pt idx="2378">
                  <c:v>4.4999999999999998E-2</c:v>
                </c:pt>
                <c:pt idx="2379">
                  <c:v>4.4999999999999998E-2</c:v>
                </c:pt>
                <c:pt idx="2380">
                  <c:v>4.4999999999999998E-2</c:v>
                </c:pt>
                <c:pt idx="2381">
                  <c:v>4.4999999999999998E-2</c:v>
                </c:pt>
                <c:pt idx="2382">
                  <c:v>4.4999999999999998E-2</c:v>
                </c:pt>
                <c:pt idx="2383">
                  <c:v>4.4999999999999998E-2</c:v>
                </c:pt>
                <c:pt idx="2384">
                  <c:v>4.4999999999999998E-2</c:v>
                </c:pt>
                <c:pt idx="2385">
                  <c:v>4.4999999999999998E-2</c:v>
                </c:pt>
                <c:pt idx="2386">
                  <c:v>4.4999999999999998E-2</c:v>
                </c:pt>
                <c:pt idx="2387">
                  <c:v>4.4999999999999998E-2</c:v>
                </c:pt>
                <c:pt idx="2388">
                  <c:v>4.4999999999999998E-2</c:v>
                </c:pt>
                <c:pt idx="2389">
                  <c:v>4.4999999999999998E-2</c:v>
                </c:pt>
                <c:pt idx="2390">
                  <c:v>4.4999999999999998E-2</c:v>
                </c:pt>
                <c:pt idx="2391">
                  <c:v>4.4999999999999998E-2</c:v>
                </c:pt>
                <c:pt idx="2392">
                  <c:v>4.4999999999999998E-2</c:v>
                </c:pt>
                <c:pt idx="2393">
                  <c:v>4.4999999999999998E-2</c:v>
                </c:pt>
                <c:pt idx="2394">
                  <c:v>4.4999999999999998E-2</c:v>
                </c:pt>
                <c:pt idx="2395">
                  <c:v>4.4999999999999998E-2</c:v>
                </c:pt>
                <c:pt idx="2396">
                  <c:v>4.4999999999999998E-2</c:v>
                </c:pt>
                <c:pt idx="2397">
                  <c:v>4.4999999999999998E-2</c:v>
                </c:pt>
                <c:pt idx="2398">
                  <c:v>4.4999999999999998E-2</c:v>
                </c:pt>
                <c:pt idx="2399">
                  <c:v>4.4999999999999998E-2</c:v>
                </c:pt>
                <c:pt idx="2400">
                  <c:v>4.4999999999999998E-2</c:v>
                </c:pt>
                <c:pt idx="2401">
                  <c:v>4.4999999999999998E-2</c:v>
                </c:pt>
                <c:pt idx="2402">
                  <c:v>4.4999999999999998E-2</c:v>
                </c:pt>
                <c:pt idx="2403">
                  <c:v>4.4999999999999998E-2</c:v>
                </c:pt>
                <c:pt idx="2404">
                  <c:v>4.4999999999999998E-2</c:v>
                </c:pt>
                <c:pt idx="2405">
                  <c:v>4.4999999999999998E-2</c:v>
                </c:pt>
                <c:pt idx="2406">
                  <c:v>4.7500000000000001E-2</c:v>
                </c:pt>
                <c:pt idx="2407">
                  <c:v>4.7500000000000001E-2</c:v>
                </c:pt>
                <c:pt idx="2408">
                  <c:v>4.7500000000000001E-2</c:v>
                </c:pt>
                <c:pt idx="2409">
                  <c:v>4.7500000000000001E-2</c:v>
                </c:pt>
                <c:pt idx="2410">
                  <c:v>4.7500000000000001E-2</c:v>
                </c:pt>
                <c:pt idx="2411">
                  <c:v>4.7500000000000001E-2</c:v>
                </c:pt>
                <c:pt idx="2412">
                  <c:v>4.7500000000000001E-2</c:v>
                </c:pt>
                <c:pt idx="2413">
                  <c:v>4.7500000000000001E-2</c:v>
                </c:pt>
                <c:pt idx="2414">
                  <c:v>4.7500000000000001E-2</c:v>
                </c:pt>
                <c:pt idx="2415">
                  <c:v>4.7500000000000001E-2</c:v>
                </c:pt>
                <c:pt idx="2416">
                  <c:v>4.7500000000000001E-2</c:v>
                </c:pt>
                <c:pt idx="2417">
                  <c:v>4.7500000000000001E-2</c:v>
                </c:pt>
                <c:pt idx="2418">
                  <c:v>4.7500000000000001E-2</c:v>
                </c:pt>
                <c:pt idx="2419">
                  <c:v>4.7500000000000001E-2</c:v>
                </c:pt>
                <c:pt idx="2420">
                  <c:v>4.7500000000000001E-2</c:v>
                </c:pt>
                <c:pt idx="2421">
                  <c:v>4.7500000000000001E-2</c:v>
                </c:pt>
                <c:pt idx="2422">
                  <c:v>4.7500000000000001E-2</c:v>
                </c:pt>
                <c:pt idx="2423">
                  <c:v>4.7500000000000001E-2</c:v>
                </c:pt>
                <c:pt idx="2424">
                  <c:v>4.7500000000000001E-2</c:v>
                </c:pt>
                <c:pt idx="2425">
                  <c:v>4.7500000000000001E-2</c:v>
                </c:pt>
                <c:pt idx="2426">
                  <c:v>4.7500000000000001E-2</c:v>
                </c:pt>
                <c:pt idx="2427">
                  <c:v>4.7500000000000001E-2</c:v>
                </c:pt>
                <c:pt idx="2428">
                  <c:v>4.7500000000000001E-2</c:v>
                </c:pt>
                <c:pt idx="2429">
                  <c:v>4.7500000000000001E-2</c:v>
                </c:pt>
                <c:pt idx="2430">
                  <c:v>4.7500000000000001E-2</c:v>
                </c:pt>
                <c:pt idx="2431">
                  <c:v>4.7500000000000001E-2</c:v>
                </c:pt>
                <c:pt idx="2432">
                  <c:v>4.7500000000000001E-2</c:v>
                </c:pt>
                <c:pt idx="2433">
                  <c:v>4.7500000000000001E-2</c:v>
                </c:pt>
                <c:pt idx="2434">
                  <c:v>4.7500000000000001E-2</c:v>
                </c:pt>
                <c:pt idx="2435">
                  <c:v>4.7500000000000001E-2</c:v>
                </c:pt>
                <c:pt idx="2436">
                  <c:v>4.7500000000000001E-2</c:v>
                </c:pt>
                <c:pt idx="2437">
                  <c:v>4.7500000000000001E-2</c:v>
                </c:pt>
                <c:pt idx="2438">
                  <c:v>4.7500000000000001E-2</c:v>
                </c:pt>
                <c:pt idx="2439">
                  <c:v>4.7500000000000001E-2</c:v>
                </c:pt>
                <c:pt idx="2440">
                  <c:v>4.7500000000000001E-2</c:v>
                </c:pt>
                <c:pt idx="2441">
                  <c:v>4.7500000000000001E-2</c:v>
                </c:pt>
                <c:pt idx="2442">
                  <c:v>4.7500000000000001E-2</c:v>
                </c:pt>
                <c:pt idx="2443">
                  <c:v>4.7500000000000001E-2</c:v>
                </c:pt>
                <c:pt idx="2444">
                  <c:v>4.7500000000000001E-2</c:v>
                </c:pt>
                <c:pt idx="2445">
                  <c:v>4.7500000000000001E-2</c:v>
                </c:pt>
                <c:pt idx="2446">
                  <c:v>4.7500000000000001E-2</c:v>
                </c:pt>
                <c:pt idx="2447">
                  <c:v>4.7500000000000001E-2</c:v>
                </c:pt>
                <c:pt idx="2448">
                  <c:v>4.7500000000000001E-2</c:v>
                </c:pt>
                <c:pt idx="2449">
                  <c:v>4.7500000000000001E-2</c:v>
                </c:pt>
                <c:pt idx="2450">
                  <c:v>4.7500000000000001E-2</c:v>
                </c:pt>
                <c:pt idx="2451">
                  <c:v>4.7500000000000001E-2</c:v>
                </c:pt>
                <c:pt idx="2452">
                  <c:v>4.7500000000000001E-2</c:v>
                </c:pt>
                <c:pt idx="2453">
                  <c:v>4.7500000000000001E-2</c:v>
                </c:pt>
                <c:pt idx="2454">
                  <c:v>4.7500000000000001E-2</c:v>
                </c:pt>
                <c:pt idx="2455">
                  <c:v>4.7500000000000001E-2</c:v>
                </c:pt>
                <c:pt idx="2456">
                  <c:v>4.7500000000000001E-2</c:v>
                </c:pt>
                <c:pt idx="2457">
                  <c:v>4.7500000000000001E-2</c:v>
                </c:pt>
                <c:pt idx="2458">
                  <c:v>4.7500000000000001E-2</c:v>
                </c:pt>
                <c:pt idx="2459">
                  <c:v>4.7500000000000001E-2</c:v>
                </c:pt>
                <c:pt idx="2460">
                  <c:v>4.7500000000000001E-2</c:v>
                </c:pt>
                <c:pt idx="2461">
                  <c:v>4.7500000000000001E-2</c:v>
                </c:pt>
                <c:pt idx="2462">
                  <c:v>4.7500000000000001E-2</c:v>
                </c:pt>
                <c:pt idx="2463">
                  <c:v>4.7500000000000001E-2</c:v>
                </c:pt>
                <c:pt idx="2464">
                  <c:v>4.7500000000000001E-2</c:v>
                </c:pt>
                <c:pt idx="2465">
                  <c:v>4.7500000000000001E-2</c:v>
                </c:pt>
                <c:pt idx="2466">
                  <c:v>4.7500000000000001E-2</c:v>
                </c:pt>
                <c:pt idx="2467">
                  <c:v>4.7500000000000001E-2</c:v>
                </c:pt>
                <c:pt idx="2468">
                  <c:v>4.7500000000000001E-2</c:v>
                </c:pt>
                <c:pt idx="2469">
                  <c:v>4.7500000000000001E-2</c:v>
                </c:pt>
                <c:pt idx="2470">
                  <c:v>4.7500000000000001E-2</c:v>
                </c:pt>
                <c:pt idx="2471">
                  <c:v>4.7500000000000001E-2</c:v>
                </c:pt>
                <c:pt idx="2472">
                  <c:v>4.7500000000000001E-2</c:v>
                </c:pt>
                <c:pt idx="2473">
                  <c:v>4.7500000000000001E-2</c:v>
                </c:pt>
                <c:pt idx="2474">
                  <c:v>4.7500000000000001E-2</c:v>
                </c:pt>
                <c:pt idx="2475">
                  <c:v>4.7500000000000001E-2</c:v>
                </c:pt>
                <c:pt idx="2476">
                  <c:v>4.7500000000000001E-2</c:v>
                </c:pt>
                <c:pt idx="2477">
                  <c:v>4.7500000000000001E-2</c:v>
                </c:pt>
                <c:pt idx="2478">
                  <c:v>4.7500000000000001E-2</c:v>
                </c:pt>
                <c:pt idx="2479">
                  <c:v>4.7500000000000001E-2</c:v>
                </c:pt>
                <c:pt idx="2480">
                  <c:v>4.7500000000000001E-2</c:v>
                </c:pt>
                <c:pt idx="2481">
                  <c:v>4.7500000000000001E-2</c:v>
                </c:pt>
                <c:pt idx="2482">
                  <c:v>4.7500000000000001E-2</c:v>
                </c:pt>
                <c:pt idx="2483">
                  <c:v>4.7500000000000001E-2</c:v>
                </c:pt>
                <c:pt idx="2484">
                  <c:v>4.7500000000000001E-2</c:v>
                </c:pt>
                <c:pt idx="2485">
                  <c:v>4.7500000000000001E-2</c:v>
                </c:pt>
                <c:pt idx="2486">
                  <c:v>4.7500000000000001E-2</c:v>
                </c:pt>
                <c:pt idx="2487">
                  <c:v>4.7500000000000001E-2</c:v>
                </c:pt>
                <c:pt idx="2488">
                  <c:v>4.7500000000000001E-2</c:v>
                </c:pt>
                <c:pt idx="2489">
                  <c:v>4.7500000000000001E-2</c:v>
                </c:pt>
                <c:pt idx="2490">
                  <c:v>4.7500000000000001E-2</c:v>
                </c:pt>
                <c:pt idx="2491">
                  <c:v>4.7500000000000001E-2</c:v>
                </c:pt>
                <c:pt idx="2492">
                  <c:v>4.7500000000000001E-2</c:v>
                </c:pt>
                <c:pt idx="2493">
                  <c:v>4.7500000000000001E-2</c:v>
                </c:pt>
                <c:pt idx="2494">
                  <c:v>4.7500000000000001E-2</c:v>
                </c:pt>
                <c:pt idx="2495">
                  <c:v>4.7500000000000001E-2</c:v>
                </c:pt>
                <c:pt idx="2496">
                  <c:v>4.7500000000000001E-2</c:v>
                </c:pt>
                <c:pt idx="2497">
                  <c:v>4.7500000000000001E-2</c:v>
                </c:pt>
                <c:pt idx="2498">
                  <c:v>4.7500000000000001E-2</c:v>
                </c:pt>
                <c:pt idx="2499">
                  <c:v>4.7500000000000001E-2</c:v>
                </c:pt>
                <c:pt idx="2500">
                  <c:v>4.7500000000000001E-2</c:v>
                </c:pt>
                <c:pt idx="2501">
                  <c:v>4.7500000000000001E-2</c:v>
                </c:pt>
                <c:pt idx="2502">
                  <c:v>4.7500000000000001E-2</c:v>
                </c:pt>
                <c:pt idx="2503">
                  <c:v>4.7500000000000001E-2</c:v>
                </c:pt>
                <c:pt idx="2504">
                  <c:v>0.05</c:v>
                </c:pt>
                <c:pt idx="2505">
                  <c:v>0.05</c:v>
                </c:pt>
                <c:pt idx="2506">
                  <c:v>0.05</c:v>
                </c:pt>
                <c:pt idx="2507">
                  <c:v>0.05</c:v>
                </c:pt>
                <c:pt idx="2508">
                  <c:v>0.05</c:v>
                </c:pt>
                <c:pt idx="2509">
                  <c:v>0.05</c:v>
                </c:pt>
                <c:pt idx="2510">
                  <c:v>0.05</c:v>
                </c:pt>
                <c:pt idx="2511">
                  <c:v>0.05</c:v>
                </c:pt>
                <c:pt idx="2512">
                  <c:v>0.05</c:v>
                </c:pt>
                <c:pt idx="2513">
                  <c:v>0.05</c:v>
                </c:pt>
                <c:pt idx="2514">
                  <c:v>0.05</c:v>
                </c:pt>
                <c:pt idx="2515">
                  <c:v>0.05</c:v>
                </c:pt>
                <c:pt idx="2516">
                  <c:v>0.05</c:v>
                </c:pt>
                <c:pt idx="2517">
                  <c:v>0.05</c:v>
                </c:pt>
                <c:pt idx="2518">
                  <c:v>0.05</c:v>
                </c:pt>
                <c:pt idx="2519">
                  <c:v>0.05</c:v>
                </c:pt>
                <c:pt idx="2520">
                  <c:v>0.05</c:v>
                </c:pt>
                <c:pt idx="2521">
                  <c:v>0.05</c:v>
                </c:pt>
                <c:pt idx="2522">
                  <c:v>0.05</c:v>
                </c:pt>
                <c:pt idx="2523">
                  <c:v>0.05</c:v>
                </c:pt>
                <c:pt idx="2524">
                  <c:v>0.05</c:v>
                </c:pt>
                <c:pt idx="2525">
                  <c:v>0.05</c:v>
                </c:pt>
                <c:pt idx="2526">
                  <c:v>0.05</c:v>
                </c:pt>
                <c:pt idx="2527">
                  <c:v>0.05</c:v>
                </c:pt>
                <c:pt idx="2528">
                  <c:v>0.05</c:v>
                </c:pt>
                <c:pt idx="2529">
                  <c:v>0.05</c:v>
                </c:pt>
                <c:pt idx="2530">
                  <c:v>0.05</c:v>
                </c:pt>
                <c:pt idx="2531">
                  <c:v>0.05</c:v>
                </c:pt>
                <c:pt idx="2532">
                  <c:v>0.05</c:v>
                </c:pt>
                <c:pt idx="2533">
                  <c:v>0.05</c:v>
                </c:pt>
                <c:pt idx="2534">
                  <c:v>0.05</c:v>
                </c:pt>
                <c:pt idx="2535">
                  <c:v>0.05</c:v>
                </c:pt>
                <c:pt idx="2536">
                  <c:v>0.05</c:v>
                </c:pt>
                <c:pt idx="2537">
                  <c:v>0.05</c:v>
                </c:pt>
                <c:pt idx="2538">
                  <c:v>0.05</c:v>
                </c:pt>
                <c:pt idx="2539">
                  <c:v>0.05</c:v>
                </c:pt>
                <c:pt idx="2540">
                  <c:v>0.05</c:v>
                </c:pt>
                <c:pt idx="2541">
                  <c:v>0.05</c:v>
                </c:pt>
                <c:pt idx="2542">
                  <c:v>0.05</c:v>
                </c:pt>
                <c:pt idx="2543">
                  <c:v>0.05</c:v>
                </c:pt>
                <c:pt idx="2544">
                  <c:v>0.05</c:v>
                </c:pt>
                <c:pt idx="2545">
                  <c:v>0.05</c:v>
                </c:pt>
                <c:pt idx="2546">
                  <c:v>0.05</c:v>
                </c:pt>
                <c:pt idx="2547">
                  <c:v>0.05</c:v>
                </c:pt>
                <c:pt idx="2548">
                  <c:v>0.05</c:v>
                </c:pt>
                <c:pt idx="2549">
                  <c:v>0.05</c:v>
                </c:pt>
                <c:pt idx="2550">
                  <c:v>0.05</c:v>
                </c:pt>
                <c:pt idx="2551">
                  <c:v>0.05</c:v>
                </c:pt>
                <c:pt idx="2552">
                  <c:v>0.05</c:v>
                </c:pt>
                <c:pt idx="2553">
                  <c:v>0.05</c:v>
                </c:pt>
                <c:pt idx="2554">
                  <c:v>0.05</c:v>
                </c:pt>
                <c:pt idx="2555">
                  <c:v>0.05</c:v>
                </c:pt>
                <c:pt idx="2556">
                  <c:v>0.05</c:v>
                </c:pt>
                <c:pt idx="2557">
                  <c:v>0.05</c:v>
                </c:pt>
                <c:pt idx="2558">
                  <c:v>0.05</c:v>
                </c:pt>
                <c:pt idx="2559">
                  <c:v>0.05</c:v>
                </c:pt>
                <c:pt idx="2560">
                  <c:v>0.05</c:v>
                </c:pt>
                <c:pt idx="2561">
                  <c:v>0.05</c:v>
                </c:pt>
                <c:pt idx="2562">
                  <c:v>0.05</c:v>
                </c:pt>
                <c:pt idx="2563">
                  <c:v>0.05</c:v>
                </c:pt>
                <c:pt idx="2564">
                  <c:v>0.05</c:v>
                </c:pt>
                <c:pt idx="2565">
                  <c:v>0.05</c:v>
                </c:pt>
                <c:pt idx="2566">
                  <c:v>0.05</c:v>
                </c:pt>
                <c:pt idx="2567">
                  <c:v>5.2499999999999998E-2</c:v>
                </c:pt>
                <c:pt idx="2568">
                  <c:v>5.2499999999999998E-2</c:v>
                </c:pt>
                <c:pt idx="2569">
                  <c:v>5.2499999999999998E-2</c:v>
                </c:pt>
                <c:pt idx="2570">
                  <c:v>5.2499999999999998E-2</c:v>
                </c:pt>
                <c:pt idx="2571">
                  <c:v>5.2499999999999998E-2</c:v>
                </c:pt>
                <c:pt idx="2572">
                  <c:v>5.2499999999999998E-2</c:v>
                </c:pt>
                <c:pt idx="2573">
                  <c:v>5.2499999999999998E-2</c:v>
                </c:pt>
                <c:pt idx="2574">
                  <c:v>5.2499999999999998E-2</c:v>
                </c:pt>
                <c:pt idx="2575">
                  <c:v>5.2499999999999998E-2</c:v>
                </c:pt>
                <c:pt idx="2576">
                  <c:v>5.2499999999999998E-2</c:v>
                </c:pt>
                <c:pt idx="2577">
                  <c:v>5.2499999999999998E-2</c:v>
                </c:pt>
                <c:pt idx="2578">
                  <c:v>5.2499999999999998E-2</c:v>
                </c:pt>
                <c:pt idx="2579">
                  <c:v>5.2499999999999998E-2</c:v>
                </c:pt>
                <c:pt idx="2580">
                  <c:v>5.2499999999999998E-2</c:v>
                </c:pt>
                <c:pt idx="2581">
                  <c:v>5.2499999999999998E-2</c:v>
                </c:pt>
                <c:pt idx="2582">
                  <c:v>5.2499999999999998E-2</c:v>
                </c:pt>
                <c:pt idx="2583">
                  <c:v>5.2499999999999998E-2</c:v>
                </c:pt>
                <c:pt idx="2584">
                  <c:v>5.2499999999999998E-2</c:v>
                </c:pt>
                <c:pt idx="2585">
                  <c:v>5.2499999999999998E-2</c:v>
                </c:pt>
                <c:pt idx="2586">
                  <c:v>5.2499999999999998E-2</c:v>
                </c:pt>
                <c:pt idx="2587">
                  <c:v>5.2499999999999998E-2</c:v>
                </c:pt>
                <c:pt idx="2588">
                  <c:v>5.2499999999999998E-2</c:v>
                </c:pt>
                <c:pt idx="2589">
                  <c:v>5.2499999999999998E-2</c:v>
                </c:pt>
                <c:pt idx="2590">
                  <c:v>5.2499999999999998E-2</c:v>
                </c:pt>
                <c:pt idx="2591">
                  <c:v>5.2499999999999998E-2</c:v>
                </c:pt>
                <c:pt idx="2592">
                  <c:v>5.2499999999999998E-2</c:v>
                </c:pt>
                <c:pt idx="2593">
                  <c:v>5.2499999999999998E-2</c:v>
                </c:pt>
                <c:pt idx="2594">
                  <c:v>5.2499999999999998E-2</c:v>
                </c:pt>
                <c:pt idx="2595">
                  <c:v>5.2499999999999998E-2</c:v>
                </c:pt>
                <c:pt idx="2596">
                  <c:v>5.2499999999999998E-2</c:v>
                </c:pt>
                <c:pt idx="2597">
                  <c:v>5.2499999999999998E-2</c:v>
                </c:pt>
                <c:pt idx="2598">
                  <c:v>5.2499999999999998E-2</c:v>
                </c:pt>
                <c:pt idx="2599">
                  <c:v>5.2499999999999998E-2</c:v>
                </c:pt>
                <c:pt idx="2600">
                  <c:v>5.2499999999999998E-2</c:v>
                </c:pt>
                <c:pt idx="2601">
                  <c:v>5.2499999999999998E-2</c:v>
                </c:pt>
                <c:pt idx="2602">
                  <c:v>5.2499999999999998E-2</c:v>
                </c:pt>
                <c:pt idx="2603">
                  <c:v>5.2499999999999998E-2</c:v>
                </c:pt>
                <c:pt idx="2604">
                  <c:v>5.2499999999999998E-2</c:v>
                </c:pt>
                <c:pt idx="2605">
                  <c:v>5.2499999999999998E-2</c:v>
                </c:pt>
                <c:pt idx="2606">
                  <c:v>5.2499999999999998E-2</c:v>
                </c:pt>
                <c:pt idx="2607">
                  <c:v>5.2499999999999998E-2</c:v>
                </c:pt>
                <c:pt idx="2608">
                  <c:v>5.2499999999999998E-2</c:v>
                </c:pt>
                <c:pt idx="2609">
                  <c:v>5.2499999999999998E-2</c:v>
                </c:pt>
                <c:pt idx="2610">
                  <c:v>5.2499999999999998E-2</c:v>
                </c:pt>
                <c:pt idx="2611">
                  <c:v>5.2499999999999998E-2</c:v>
                </c:pt>
                <c:pt idx="2612">
                  <c:v>5.2499999999999998E-2</c:v>
                </c:pt>
                <c:pt idx="2613">
                  <c:v>5.2499999999999998E-2</c:v>
                </c:pt>
                <c:pt idx="2614">
                  <c:v>5.2499999999999998E-2</c:v>
                </c:pt>
                <c:pt idx="2615">
                  <c:v>5.2499999999999998E-2</c:v>
                </c:pt>
                <c:pt idx="2616">
                  <c:v>5.2499999999999998E-2</c:v>
                </c:pt>
                <c:pt idx="2617">
                  <c:v>5.2499999999999998E-2</c:v>
                </c:pt>
                <c:pt idx="2618">
                  <c:v>5.2499999999999998E-2</c:v>
                </c:pt>
                <c:pt idx="2619">
                  <c:v>5.2499999999999998E-2</c:v>
                </c:pt>
                <c:pt idx="2620">
                  <c:v>5.2499999999999998E-2</c:v>
                </c:pt>
                <c:pt idx="2621">
                  <c:v>5.2499999999999998E-2</c:v>
                </c:pt>
                <c:pt idx="2622">
                  <c:v>5.2499999999999998E-2</c:v>
                </c:pt>
                <c:pt idx="2623">
                  <c:v>5.2499999999999998E-2</c:v>
                </c:pt>
                <c:pt idx="2624">
                  <c:v>5.2499999999999998E-2</c:v>
                </c:pt>
                <c:pt idx="2625">
                  <c:v>5.2499999999999998E-2</c:v>
                </c:pt>
                <c:pt idx="2626">
                  <c:v>5.2499999999999998E-2</c:v>
                </c:pt>
                <c:pt idx="2627">
                  <c:v>5.2499999999999998E-2</c:v>
                </c:pt>
                <c:pt idx="2628">
                  <c:v>5.2499999999999998E-2</c:v>
                </c:pt>
                <c:pt idx="2629">
                  <c:v>5.2499999999999998E-2</c:v>
                </c:pt>
                <c:pt idx="2630">
                  <c:v>5.2499999999999998E-2</c:v>
                </c:pt>
                <c:pt idx="2631">
                  <c:v>5.2499999999999998E-2</c:v>
                </c:pt>
                <c:pt idx="2632">
                  <c:v>5.2499999999999998E-2</c:v>
                </c:pt>
                <c:pt idx="2633">
                  <c:v>5.2499999999999998E-2</c:v>
                </c:pt>
                <c:pt idx="2634">
                  <c:v>5.2499999999999998E-2</c:v>
                </c:pt>
                <c:pt idx="2635">
                  <c:v>5.2499999999999998E-2</c:v>
                </c:pt>
                <c:pt idx="2636">
                  <c:v>5.2499999999999998E-2</c:v>
                </c:pt>
                <c:pt idx="2637">
                  <c:v>5.2499999999999998E-2</c:v>
                </c:pt>
                <c:pt idx="2638">
                  <c:v>5.2499999999999998E-2</c:v>
                </c:pt>
                <c:pt idx="2639">
                  <c:v>5.2499999999999998E-2</c:v>
                </c:pt>
                <c:pt idx="2640">
                  <c:v>5.2499999999999998E-2</c:v>
                </c:pt>
                <c:pt idx="2641">
                  <c:v>5.2499999999999998E-2</c:v>
                </c:pt>
                <c:pt idx="2642">
                  <c:v>5.2499999999999998E-2</c:v>
                </c:pt>
                <c:pt idx="2643">
                  <c:v>5.2499999999999998E-2</c:v>
                </c:pt>
                <c:pt idx="2644">
                  <c:v>5.2499999999999998E-2</c:v>
                </c:pt>
                <c:pt idx="2645">
                  <c:v>5.2499999999999998E-2</c:v>
                </c:pt>
                <c:pt idx="2646">
                  <c:v>5.2499999999999998E-2</c:v>
                </c:pt>
                <c:pt idx="2647">
                  <c:v>5.2499999999999998E-2</c:v>
                </c:pt>
                <c:pt idx="2648">
                  <c:v>5.2499999999999998E-2</c:v>
                </c:pt>
                <c:pt idx="2649">
                  <c:v>5.2499999999999998E-2</c:v>
                </c:pt>
                <c:pt idx="2650">
                  <c:v>5.2499999999999998E-2</c:v>
                </c:pt>
                <c:pt idx="2651">
                  <c:v>5.2499999999999998E-2</c:v>
                </c:pt>
                <c:pt idx="2652">
                  <c:v>5.2499999999999998E-2</c:v>
                </c:pt>
                <c:pt idx="2653">
                  <c:v>5.2499999999999998E-2</c:v>
                </c:pt>
                <c:pt idx="2654">
                  <c:v>5.2499999999999998E-2</c:v>
                </c:pt>
                <c:pt idx="2655">
                  <c:v>5.2499999999999998E-2</c:v>
                </c:pt>
                <c:pt idx="2656">
                  <c:v>5.2499999999999998E-2</c:v>
                </c:pt>
                <c:pt idx="2657">
                  <c:v>5.2499999999999998E-2</c:v>
                </c:pt>
                <c:pt idx="2658">
                  <c:v>5.2499999999999998E-2</c:v>
                </c:pt>
                <c:pt idx="2659">
                  <c:v>5.2499999999999998E-2</c:v>
                </c:pt>
                <c:pt idx="2660">
                  <c:v>5.2499999999999998E-2</c:v>
                </c:pt>
                <c:pt idx="2661">
                  <c:v>5.2499999999999998E-2</c:v>
                </c:pt>
                <c:pt idx="2662">
                  <c:v>5.2499999999999998E-2</c:v>
                </c:pt>
                <c:pt idx="2663">
                  <c:v>5.2499999999999998E-2</c:v>
                </c:pt>
                <c:pt idx="2664">
                  <c:v>5.2499999999999998E-2</c:v>
                </c:pt>
                <c:pt idx="2665">
                  <c:v>5.2499999999999998E-2</c:v>
                </c:pt>
                <c:pt idx="2666">
                  <c:v>5.2499999999999998E-2</c:v>
                </c:pt>
                <c:pt idx="2667">
                  <c:v>5.2499999999999998E-2</c:v>
                </c:pt>
                <c:pt idx="2668">
                  <c:v>5.2499999999999998E-2</c:v>
                </c:pt>
                <c:pt idx="2669">
                  <c:v>5.2499999999999998E-2</c:v>
                </c:pt>
                <c:pt idx="2670">
                  <c:v>5.2499999999999998E-2</c:v>
                </c:pt>
                <c:pt idx="2671">
                  <c:v>5.2499999999999998E-2</c:v>
                </c:pt>
                <c:pt idx="2672">
                  <c:v>5.2499999999999998E-2</c:v>
                </c:pt>
                <c:pt idx="2673">
                  <c:v>5.2499999999999998E-2</c:v>
                </c:pt>
                <c:pt idx="2674">
                  <c:v>5.2499999999999998E-2</c:v>
                </c:pt>
                <c:pt idx="2675">
                  <c:v>5.2499999999999998E-2</c:v>
                </c:pt>
                <c:pt idx="2676">
                  <c:v>5.2499999999999998E-2</c:v>
                </c:pt>
                <c:pt idx="2677">
                  <c:v>5.2499999999999998E-2</c:v>
                </c:pt>
                <c:pt idx="2678">
                  <c:v>5.2499999999999998E-2</c:v>
                </c:pt>
                <c:pt idx="2679">
                  <c:v>5.2499999999999998E-2</c:v>
                </c:pt>
                <c:pt idx="2680">
                  <c:v>5.2499999999999998E-2</c:v>
                </c:pt>
                <c:pt idx="2681">
                  <c:v>5.2499999999999998E-2</c:v>
                </c:pt>
                <c:pt idx="2682">
                  <c:v>5.2499999999999998E-2</c:v>
                </c:pt>
                <c:pt idx="2683">
                  <c:v>5.2499999999999998E-2</c:v>
                </c:pt>
                <c:pt idx="2684">
                  <c:v>5.2499999999999998E-2</c:v>
                </c:pt>
                <c:pt idx="2685">
                  <c:v>5.2499999999999998E-2</c:v>
                </c:pt>
                <c:pt idx="2686">
                  <c:v>5.5E-2</c:v>
                </c:pt>
                <c:pt idx="2687">
                  <c:v>5.5E-2</c:v>
                </c:pt>
                <c:pt idx="2688">
                  <c:v>5.5E-2</c:v>
                </c:pt>
                <c:pt idx="2689">
                  <c:v>5.5E-2</c:v>
                </c:pt>
                <c:pt idx="2690">
                  <c:v>5.5E-2</c:v>
                </c:pt>
                <c:pt idx="2691">
                  <c:v>5.5E-2</c:v>
                </c:pt>
                <c:pt idx="2692">
                  <c:v>5.5E-2</c:v>
                </c:pt>
                <c:pt idx="2693">
                  <c:v>5.5E-2</c:v>
                </c:pt>
                <c:pt idx="2694">
                  <c:v>5.5E-2</c:v>
                </c:pt>
                <c:pt idx="2695">
                  <c:v>5.5E-2</c:v>
                </c:pt>
                <c:pt idx="2696">
                  <c:v>5.5E-2</c:v>
                </c:pt>
                <c:pt idx="2697">
                  <c:v>5.5E-2</c:v>
                </c:pt>
                <c:pt idx="2698">
                  <c:v>5.5E-2</c:v>
                </c:pt>
                <c:pt idx="2699">
                  <c:v>5.5E-2</c:v>
                </c:pt>
                <c:pt idx="2700">
                  <c:v>5.5E-2</c:v>
                </c:pt>
                <c:pt idx="2701">
                  <c:v>5.5E-2</c:v>
                </c:pt>
                <c:pt idx="2702">
                  <c:v>5.5E-2</c:v>
                </c:pt>
                <c:pt idx="2703">
                  <c:v>5.5E-2</c:v>
                </c:pt>
                <c:pt idx="2704">
                  <c:v>5.5E-2</c:v>
                </c:pt>
                <c:pt idx="2705">
                  <c:v>5.5E-2</c:v>
                </c:pt>
                <c:pt idx="2706">
                  <c:v>5.5E-2</c:v>
                </c:pt>
                <c:pt idx="2707">
                  <c:v>5.5E-2</c:v>
                </c:pt>
                <c:pt idx="2708">
                  <c:v>5.5E-2</c:v>
                </c:pt>
                <c:pt idx="2709">
                  <c:v>5.5E-2</c:v>
                </c:pt>
                <c:pt idx="2710">
                  <c:v>5.5E-2</c:v>
                </c:pt>
                <c:pt idx="2711">
                  <c:v>5.5E-2</c:v>
                </c:pt>
                <c:pt idx="2712">
                  <c:v>5.5E-2</c:v>
                </c:pt>
                <c:pt idx="2713">
                  <c:v>5.5E-2</c:v>
                </c:pt>
                <c:pt idx="2714">
                  <c:v>5.5E-2</c:v>
                </c:pt>
                <c:pt idx="2715">
                  <c:v>5.5E-2</c:v>
                </c:pt>
                <c:pt idx="2716">
                  <c:v>5.5E-2</c:v>
                </c:pt>
                <c:pt idx="2717">
                  <c:v>5.5E-2</c:v>
                </c:pt>
                <c:pt idx="2718">
                  <c:v>5.5E-2</c:v>
                </c:pt>
                <c:pt idx="2719">
                  <c:v>5.5E-2</c:v>
                </c:pt>
                <c:pt idx="2720">
                  <c:v>5.5E-2</c:v>
                </c:pt>
                <c:pt idx="2721">
                  <c:v>5.5E-2</c:v>
                </c:pt>
                <c:pt idx="2722">
                  <c:v>5.5E-2</c:v>
                </c:pt>
                <c:pt idx="2723">
                  <c:v>5.5E-2</c:v>
                </c:pt>
                <c:pt idx="2724">
                  <c:v>5.5E-2</c:v>
                </c:pt>
                <c:pt idx="2725">
                  <c:v>5.5E-2</c:v>
                </c:pt>
                <c:pt idx="2726">
                  <c:v>5.5E-2</c:v>
                </c:pt>
                <c:pt idx="2727">
                  <c:v>5.5E-2</c:v>
                </c:pt>
                <c:pt idx="2728">
                  <c:v>5.5E-2</c:v>
                </c:pt>
                <c:pt idx="2729">
                  <c:v>5.5E-2</c:v>
                </c:pt>
                <c:pt idx="2730">
                  <c:v>5.5E-2</c:v>
                </c:pt>
                <c:pt idx="2731">
                  <c:v>5.5E-2</c:v>
                </c:pt>
                <c:pt idx="2732">
                  <c:v>5.5E-2</c:v>
                </c:pt>
                <c:pt idx="2733">
                  <c:v>5.5E-2</c:v>
                </c:pt>
                <c:pt idx="2734">
                  <c:v>5.5E-2</c:v>
                </c:pt>
                <c:pt idx="2735">
                  <c:v>5.5E-2</c:v>
                </c:pt>
                <c:pt idx="2736">
                  <c:v>5.5E-2</c:v>
                </c:pt>
                <c:pt idx="2737">
                  <c:v>5.5E-2</c:v>
                </c:pt>
                <c:pt idx="2738">
                  <c:v>5.5E-2</c:v>
                </c:pt>
                <c:pt idx="2739">
                  <c:v>5.5E-2</c:v>
                </c:pt>
                <c:pt idx="2740">
                  <c:v>5.5E-2</c:v>
                </c:pt>
                <c:pt idx="2741">
                  <c:v>5.5E-2</c:v>
                </c:pt>
                <c:pt idx="2742">
                  <c:v>5.7500000000000002E-2</c:v>
                </c:pt>
                <c:pt idx="2743">
                  <c:v>5.7500000000000002E-2</c:v>
                </c:pt>
                <c:pt idx="2744">
                  <c:v>5.7500000000000002E-2</c:v>
                </c:pt>
                <c:pt idx="2745">
                  <c:v>5.7500000000000002E-2</c:v>
                </c:pt>
                <c:pt idx="2746">
                  <c:v>5.7500000000000002E-2</c:v>
                </c:pt>
                <c:pt idx="2747">
                  <c:v>5.7500000000000002E-2</c:v>
                </c:pt>
                <c:pt idx="2748">
                  <c:v>5.7500000000000002E-2</c:v>
                </c:pt>
                <c:pt idx="2749">
                  <c:v>5.7500000000000002E-2</c:v>
                </c:pt>
                <c:pt idx="2750">
                  <c:v>5.7500000000000002E-2</c:v>
                </c:pt>
                <c:pt idx="2751">
                  <c:v>5.7500000000000002E-2</c:v>
                </c:pt>
                <c:pt idx="2752">
                  <c:v>5.7500000000000002E-2</c:v>
                </c:pt>
                <c:pt idx="2753">
                  <c:v>5.7500000000000002E-2</c:v>
                </c:pt>
                <c:pt idx="2754">
                  <c:v>5.7500000000000002E-2</c:v>
                </c:pt>
                <c:pt idx="2755">
                  <c:v>5.7500000000000002E-2</c:v>
                </c:pt>
                <c:pt idx="2756">
                  <c:v>5.7500000000000002E-2</c:v>
                </c:pt>
                <c:pt idx="2757">
                  <c:v>5.7500000000000002E-2</c:v>
                </c:pt>
                <c:pt idx="2758">
                  <c:v>5.7500000000000002E-2</c:v>
                </c:pt>
                <c:pt idx="2759">
                  <c:v>5.7500000000000002E-2</c:v>
                </c:pt>
                <c:pt idx="2760">
                  <c:v>5.7500000000000002E-2</c:v>
                </c:pt>
                <c:pt idx="2761">
                  <c:v>5.7500000000000002E-2</c:v>
                </c:pt>
                <c:pt idx="2762">
                  <c:v>5.7500000000000002E-2</c:v>
                </c:pt>
                <c:pt idx="2763">
                  <c:v>5.7500000000000002E-2</c:v>
                </c:pt>
                <c:pt idx="2764">
                  <c:v>5.7500000000000002E-2</c:v>
                </c:pt>
                <c:pt idx="2765">
                  <c:v>5.7500000000000002E-2</c:v>
                </c:pt>
                <c:pt idx="2766">
                  <c:v>5.7500000000000002E-2</c:v>
                </c:pt>
                <c:pt idx="2767">
                  <c:v>5.7500000000000002E-2</c:v>
                </c:pt>
                <c:pt idx="2768">
                  <c:v>5.7500000000000002E-2</c:v>
                </c:pt>
                <c:pt idx="2769">
                  <c:v>5.7500000000000002E-2</c:v>
                </c:pt>
                <c:pt idx="2770">
                  <c:v>5.7500000000000002E-2</c:v>
                </c:pt>
                <c:pt idx="2771">
                  <c:v>5.7500000000000002E-2</c:v>
                </c:pt>
                <c:pt idx="2772">
                  <c:v>5.7500000000000002E-2</c:v>
                </c:pt>
                <c:pt idx="2773">
                  <c:v>5.7500000000000002E-2</c:v>
                </c:pt>
                <c:pt idx="2774">
                  <c:v>5.7500000000000002E-2</c:v>
                </c:pt>
                <c:pt idx="2775">
                  <c:v>5.7500000000000002E-2</c:v>
                </c:pt>
                <c:pt idx="2776">
                  <c:v>5.7500000000000002E-2</c:v>
                </c:pt>
                <c:pt idx="2777">
                  <c:v>5.7500000000000002E-2</c:v>
                </c:pt>
                <c:pt idx="2778">
                  <c:v>5.7500000000000002E-2</c:v>
                </c:pt>
                <c:pt idx="2779">
                  <c:v>5.7500000000000002E-2</c:v>
                </c:pt>
                <c:pt idx="2780">
                  <c:v>5.7500000000000002E-2</c:v>
                </c:pt>
                <c:pt idx="2781">
                  <c:v>5.7500000000000002E-2</c:v>
                </c:pt>
                <c:pt idx="2782">
                  <c:v>5.7500000000000002E-2</c:v>
                </c:pt>
                <c:pt idx="2783">
                  <c:v>5.7500000000000002E-2</c:v>
                </c:pt>
                <c:pt idx="2784">
                  <c:v>5.7500000000000002E-2</c:v>
                </c:pt>
                <c:pt idx="2785">
                  <c:v>5.7500000000000002E-2</c:v>
                </c:pt>
                <c:pt idx="2786">
                  <c:v>5.7500000000000002E-2</c:v>
                </c:pt>
                <c:pt idx="2787">
                  <c:v>5.7500000000000002E-2</c:v>
                </c:pt>
                <c:pt idx="2788">
                  <c:v>5.7500000000000002E-2</c:v>
                </c:pt>
                <c:pt idx="2789">
                  <c:v>5.7500000000000002E-2</c:v>
                </c:pt>
                <c:pt idx="2790">
                  <c:v>5.7500000000000002E-2</c:v>
                </c:pt>
                <c:pt idx="2791">
                  <c:v>5.7500000000000002E-2</c:v>
                </c:pt>
                <c:pt idx="2792">
                  <c:v>5.7500000000000002E-2</c:v>
                </c:pt>
                <c:pt idx="2793">
                  <c:v>5.7500000000000002E-2</c:v>
                </c:pt>
                <c:pt idx="2794">
                  <c:v>5.7500000000000002E-2</c:v>
                </c:pt>
                <c:pt idx="2795">
                  <c:v>5.7500000000000002E-2</c:v>
                </c:pt>
                <c:pt idx="2796">
                  <c:v>5.7500000000000002E-2</c:v>
                </c:pt>
                <c:pt idx="2797">
                  <c:v>5.7500000000000002E-2</c:v>
                </c:pt>
                <c:pt idx="2798">
                  <c:v>5.7500000000000002E-2</c:v>
                </c:pt>
                <c:pt idx="2799">
                  <c:v>5.7500000000000002E-2</c:v>
                </c:pt>
                <c:pt idx="2800">
                  <c:v>5.7500000000000002E-2</c:v>
                </c:pt>
                <c:pt idx="2801">
                  <c:v>5.7500000000000002E-2</c:v>
                </c:pt>
                <c:pt idx="2802">
                  <c:v>5.7500000000000002E-2</c:v>
                </c:pt>
                <c:pt idx="2803">
                  <c:v>5.7500000000000002E-2</c:v>
                </c:pt>
                <c:pt idx="2804">
                  <c:v>5.7500000000000002E-2</c:v>
                </c:pt>
                <c:pt idx="2805">
                  <c:v>5.7500000000000002E-2</c:v>
                </c:pt>
                <c:pt idx="2806">
                  <c:v>5.7500000000000002E-2</c:v>
                </c:pt>
                <c:pt idx="2807">
                  <c:v>5.7500000000000002E-2</c:v>
                </c:pt>
                <c:pt idx="2808">
                  <c:v>5.7500000000000002E-2</c:v>
                </c:pt>
                <c:pt idx="2809">
                  <c:v>5.7500000000000002E-2</c:v>
                </c:pt>
                <c:pt idx="2810">
                  <c:v>5.7500000000000002E-2</c:v>
                </c:pt>
                <c:pt idx="2811">
                  <c:v>5.7500000000000002E-2</c:v>
                </c:pt>
                <c:pt idx="2812">
                  <c:v>5.7500000000000002E-2</c:v>
                </c:pt>
                <c:pt idx="2813">
                  <c:v>5.7500000000000002E-2</c:v>
                </c:pt>
                <c:pt idx="2814">
                  <c:v>5.7500000000000002E-2</c:v>
                </c:pt>
                <c:pt idx="2815">
                  <c:v>5.7500000000000002E-2</c:v>
                </c:pt>
                <c:pt idx="2816">
                  <c:v>5.7500000000000002E-2</c:v>
                </c:pt>
                <c:pt idx="2817">
                  <c:v>5.7500000000000002E-2</c:v>
                </c:pt>
                <c:pt idx="2818">
                  <c:v>5.7500000000000002E-2</c:v>
                </c:pt>
                <c:pt idx="2819">
                  <c:v>5.7500000000000002E-2</c:v>
                </c:pt>
                <c:pt idx="2820">
                  <c:v>5.7500000000000002E-2</c:v>
                </c:pt>
                <c:pt idx="2821">
                  <c:v>5.7500000000000002E-2</c:v>
                </c:pt>
                <c:pt idx="2822">
                  <c:v>5.7500000000000002E-2</c:v>
                </c:pt>
                <c:pt idx="2823">
                  <c:v>5.7500000000000002E-2</c:v>
                </c:pt>
                <c:pt idx="2824">
                  <c:v>5.7500000000000002E-2</c:v>
                </c:pt>
                <c:pt idx="2825">
                  <c:v>5.7500000000000002E-2</c:v>
                </c:pt>
                <c:pt idx="2826">
                  <c:v>5.7500000000000002E-2</c:v>
                </c:pt>
                <c:pt idx="2827">
                  <c:v>5.7500000000000002E-2</c:v>
                </c:pt>
                <c:pt idx="2828">
                  <c:v>5.7500000000000002E-2</c:v>
                </c:pt>
                <c:pt idx="2829">
                  <c:v>5.7500000000000002E-2</c:v>
                </c:pt>
                <c:pt idx="2830">
                  <c:v>5.7500000000000002E-2</c:v>
                </c:pt>
                <c:pt idx="2831">
                  <c:v>5.7500000000000002E-2</c:v>
                </c:pt>
                <c:pt idx="2832">
                  <c:v>5.7500000000000002E-2</c:v>
                </c:pt>
                <c:pt idx="2833">
                  <c:v>5.7500000000000002E-2</c:v>
                </c:pt>
                <c:pt idx="2834">
                  <c:v>5.7500000000000002E-2</c:v>
                </c:pt>
                <c:pt idx="2835">
                  <c:v>5.7500000000000002E-2</c:v>
                </c:pt>
                <c:pt idx="2836">
                  <c:v>5.7500000000000002E-2</c:v>
                </c:pt>
                <c:pt idx="2837">
                  <c:v>5.7500000000000002E-2</c:v>
                </c:pt>
                <c:pt idx="2838">
                  <c:v>5.7500000000000002E-2</c:v>
                </c:pt>
                <c:pt idx="2839">
                  <c:v>5.7500000000000002E-2</c:v>
                </c:pt>
                <c:pt idx="2840">
                  <c:v>5.7500000000000002E-2</c:v>
                </c:pt>
                <c:pt idx="2841">
                  <c:v>5.7500000000000002E-2</c:v>
                </c:pt>
                <c:pt idx="2842">
                  <c:v>5.7500000000000002E-2</c:v>
                </c:pt>
                <c:pt idx="2843">
                  <c:v>5.7500000000000002E-2</c:v>
                </c:pt>
                <c:pt idx="2844">
                  <c:v>5.7500000000000002E-2</c:v>
                </c:pt>
                <c:pt idx="2845">
                  <c:v>5.7500000000000002E-2</c:v>
                </c:pt>
                <c:pt idx="2846">
                  <c:v>5.7500000000000002E-2</c:v>
                </c:pt>
                <c:pt idx="2847">
                  <c:v>5.7500000000000002E-2</c:v>
                </c:pt>
                <c:pt idx="2848">
                  <c:v>5.7500000000000002E-2</c:v>
                </c:pt>
                <c:pt idx="2849">
                  <c:v>5.7500000000000002E-2</c:v>
                </c:pt>
                <c:pt idx="2850">
                  <c:v>5.7500000000000002E-2</c:v>
                </c:pt>
                <c:pt idx="2851">
                  <c:v>5.7500000000000002E-2</c:v>
                </c:pt>
                <c:pt idx="2852">
                  <c:v>5.7500000000000002E-2</c:v>
                </c:pt>
                <c:pt idx="2853">
                  <c:v>5.7500000000000002E-2</c:v>
                </c:pt>
                <c:pt idx="2854">
                  <c:v>5.7500000000000002E-2</c:v>
                </c:pt>
                <c:pt idx="2855">
                  <c:v>5.7500000000000002E-2</c:v>
                </c:pt>
                <c:pt idx="2856">
                  <c:v>5.7500000000000002E-2</c:v>
                </c:pt>
                <c:pt idx="2857">
                  <c:v>5.7500000000000002E-2</c:v>
                </c:pt>
                <c:pt idx="2858">
                  <c:v>5.7500000000000002E-2</c:v>
                </c:pt>
                <c:pt idx="2859">
                  <c:v>5.7500000000000002E-2</c:v>
                </c:pt>
                <c:pt idx="2860">
                  <c:v>5.7500000000000002E-2</c:v>
                </c:pt>
                <c:pt idx="2861">
                  <c:v>5.7500000000000002E-2</c:v>
                </c:pt>
                <c:pt idx="2862">
                  <c:v>5.7500000000000002E-2</c:v>
                </c:pt>
                <c:pt idx="2863">
                  <c:v>5.7500000000000002E-2</c:v>
                </c:pt>
                <c:pt idx="2864">
                  <c:v>5.7500000000000002E-2</c:v>
                </c:pt>
                <c:pt idx="2865">
                  <c:v>5.7500000000000002E-2</c:v>
                </c:pt>
                <c:pt idx="2866">
                  <c:v>5.7500000000000002E-2</c:v>
                </c:pt>
                <c:pt idx="2867">
                  <c:v>5.7500000000000002E-2</c:v>
                </c:pt>
                <c:pt idx="2868">
                  <c:v>5.7500000000000002E-2</c:v>
                </c:pt>
                <c:pt idx="2869">
                  <c:v>5.7500000000000002E-2</c:v>
                </c:pt>
                <c:pt idx="2870">
                  <c:v>5.7500000000000002E-2</c:v>
                </c:pt>
                <c:pt idx="2871">
                  <c:v>5.7500000000000002E-2</c:v>
                </c:pt>
                <c:pt idx="2872">
                  <c:v>5.7500000000000002E-2</c:v>
                </c:pt>
                <c:pt idx="2873">
                  <c:v>5.7500000000000002E-2</c:v>
                </c:pt>
                <c:pt idx="2874">
                  <c:v>5.7500000000000002E-2</c:v>
                </c:pt>
                <c:pt idx="2875">
                  <c:v>5.7500000000000002E-2</c:v>
                </c:pt>
                <c:pt idx="2876">
                  <c:v>5.7500000000000002E-2</c:v>
                </c:pt>
                <c:pt idx="2877">
                  <c:v>5.7500000000000002E-2</c:v>
                </c:pt>
                <c:pt idx="2878">
                  <c:v>5.7500000000000002E-2</c:v>
                </c:pt>
                <c:pt idx="2879">
                  <c:v>5.7500000000000002E-2</c:v>
                </c:pt>
                <c:pt idx="2880">
                  <c:v>5.7500000000000002E-2</c:v>
                </c:pt>
                <c:pt idx="2881">
                  <c:v>5.7500000000000002E-2</c:v>
                </c:pt>
                <c:pt idx="2882">
                  <c:v>5.7500000000000002E-2</c:v>
                </c:pt>
                <c:pt idx="2883">
                  <c:v>5.7500000000000002E-2</c:v>
                </c:pt>
                <c:pt idx="2884">
                  <c:v>5.7500000000000002E-2</c:v>
                </c:pt>
                <c:pt idx="2885">
                  <c:v>5.7500000000000002E-2</c:v>
                </c:pt>
                <c:pt idx="2886">
                  <c:v>5.7500000000000002E-2</c:v>
                </c:pt>
                <c:pt idx="2887">
                  <c:v>5.7500000000000002E-2</c:v>
                </c:pt>
                <c:pt idx="2888">
                  <c:v>5.7500000000000002E-2</c:v>
                </c:pt>
                <c:pt idx="2889">
                  <c:v>5.7500000000000002E-2</c:v>
                </c:pt>
                <c:pt idx="2890">
                  <c:v>5.7500000000000002E-2</c:v>
                </c:pt>
                <c:pt idx="2891">
                  <c:v>5.7500000000000002E-2</c:v>
                </c:pt>
                <c:pt idx="2892">
                  <c:v>5.7500000000000002E-2</c:v>
                </c:pt>
                <c:pt idx="2893">
                  <c:v>5.7500000000000002E-2</c:v>
                </c:pt>
                <c:pt idx="2894">
                  <c:v>5.7500000000000002E-2</c:v>
                </c:pt>
                <c:pt idx="2895">
                  <c:v>5.7500000000000002E-2</c:v>
                </c:pt>
                <c:pt idx="2896">
                  <c:v>5.5E-2</c:v>
                </c:pt>
                <c:pt idx="2897">
                  <c:v>5.5E-2</c:v>
                </c:pt>
                <c:pt idx="2898">
                  <c:v>5.5E-2</c:v>
                </c:pt>
                <c:pt idx="2899">
                  <c:v>5.5E-2</c:v>
                </c:pt>
                <c:pt idx="2900">
                  <c:v>5.5E-2</c:v>
                </c:pt>
                <c:pt idx="2901">
                  <c:v>5.5E-2</c:v>
                </c:pt>
                <c:pt idx="2902">
                  <c:v>5.5E-2</c:v>
                </c:pt>
                <c:pt idx="2903">
                  <c:v>5.5E-2</c:v>
                </c:pt>
                <c:pt idx="2904">
                  <c:v>5.5E-2</c:v>
                </c:pt>
                <c:pt idx="2905">
                  <c:v>5.5E-2</c:v>
                </c:pt>
                <c:pt idx="2906">
                  <c:v>5.5E-2</c:v>
                </c:pt>
                <c:pt idx="2907">
                  <c:v>5.5E-2</c:v>
                </c:pt>
                <c:pt idx="2908">
                  <c:v>5.5E-2</c:v>
                </c:pt>
                <c:pt idx="2909">
                  <c:v>5.5E-2</c:v>
                </c:pt>
                <c:pt idx="2910">
                  <c:v>5.5E-2</c:v>
                </c:pt>
                <c:pt idx="2911">
                  <c:v>5.5E-2</c:v>
                </c:pt>
                <c:pt idx="2912">
                  <c:v>5.5E-2</c:v>
                </c:pt>
                <c:pt idx="2913">
                  <c:v>5.5E-2</c:v>
                </c:pt>
                <c:pt idx="2914">
                  <c:v>5.5E-2</c:v>
                </c:pt>
                <c:pt idx="2915">
                  <c:v>5.5E-2</c:v>
                </c:pt>
                <c:pt idx="2916">
                  <c:v>5.5E-2</c:v>
                </c:pt>
                <c:pt idx="2917">
                  <c:v>5.5E-2</c:v>
                </c:pt>
                <c:pt idx="2918">
                  <c:v>5.5E-2</c:v>
                </c:pt>
                <c:pt idx="2919">
                  <c:v>5.5E-2</c:v>
                </c:pt>
                <c:pt idx="2920">
                  <c:v>5.5E-2</c:v>
                </c:pt>
                <c:pt idx="2921">
                  <c:v>5.5E-2</c:v>
                </c:pt>
                <c:pt idx="2922">
                  <c:v>5.5E-2</c:v>
                </c:pt>
                <c:pt idx="2923">
                  <c:v>5.5E-2</c:v>
                </c:pt>
                <c:pt idx="2924">
                  <c:v>5.5E-2</c:v>
                </c:pt>
                <c:pt idx="2925">
                  <c:v>5.5E-2</c:v>
                </c:pt>
                <c:pt idx="2926">
                  <c:v>5.5E-2</c:v>
                </c:pt>
                <c:pt idx="2927">
                  <c:v>5.5E-2</c:v>
                </c:pt>
                <c:pt idx="2928">
                  <c:v>5.5E-2</c:v>
                </c:pt>
                <c:pt idx="2929">
                  <c:v>5.5E-2</c:v>
                </c:pt>
                <c:pt idx="2930">
                  <c:v>5.5E-2</c:v>
                </c:pt>
                <c:pt idx="2931">
                  <c:v>5.5E-2</c:v>
                </c:pt>
                <c:pt idx="2932">
                  <c:v>5.5E-2</c:v>
                </c:pt>
                <c:pt idx="2933">
                  <c:v>5.5E-2</c:v>
                </c:pt>
                <c:pt idx="2934">
                  <c:v>5.5E-2</c:v>
                </c:pt>
                <c:pt idx="2935">
                  <c:v>5.5E-2</c:v>
                </c:pt>
                <c:pt idx="2936">
                  <c:v>5.5E-2</c:v>
                </c:pt>
                <c:pt idx="2937">
                  <c:v>5.5E-2</c:v>
                </c:pt>
                <c:pt idx="2938">
                  <c:v>5.5E-2</c:v>
                </c:pt>
                <c:pt idx="2939">
                  <c:v>5.5E-2</c:v>
                </c:pt>
                <c:pt idx="2940">
                  <c:v>5.5E-2</c:v>
                </c:pt>
                <c:pt idx="2941">
                  <c:v>5.5E-2</c:v>
                </c:pt>
                <c:pt idx="2942">
                  <c:v>5.5E-2</c:v>
                </c:pt>
                <c:pt idx="2943">
                  <c:v>5.5E-2</c:v>
                </c:pt>
                <c:pt idx="2944">
                  <c:v>5.5E-2</c:v>
                </c:pt>
                <c:pt idx="2945">
                  <c:v>5.5E-2</c:v>
                </c:pt>
                <c:pt idx="2946">
                  <c:v>5.5E-2</c:v>
                </c:pt>
                <c:pt idx="2947">
                  <c:v>5.5E-2</c:v>
                </c:pt>
                <c:pt idx="2948">
                  <c:v>5.5E-2</c:v>
                </c:pt>
                <c:pt idx="2949">
                  <c:v>5.5E-2</c:v>
                </c:pt>
                <c:pt idx="2950">
                  <c:v>5.5E-2</c:v>
                </c:pt>
                <c:pt idx="2951">
                  <c:v>5.5E-2</c:v>
                </c:pt>
                <c:pt idx="2952">
                  <c:v>5.5E-2</c:v>
                </c:pt>
                <c:pt idx="2953">
                  <c:v>5.5E-2</c:v>
                </c:pt>
                <c:pt idx="2954">
                  <c:v>5.5E-2</c:v>
                </c:pt>
                <c:pt idx="2955">
                  <c:v>5.5E-2</c:v>
                </c:pt>
                <c:pt idx="2956">
                  <c:v>5.5E-2</c:v>
                </c:pt>
                <c:pt idx="2957">
                  <c:v>5.5E-2</c:v>
                </c:pt>
                <c:pt idx="2958">
                  <c:v>5.5E-2</c:v>
                </c:pt>
                <c:pt idx="2959">
                  <c:v>5.2499999999999998E-2</c:v>
                </c:pt>
                <c:pt idx="2960">
                  <c:v>5.2499999999999998E-2</c:v>
                </c:pt>
                <c:pt idx="2961">
                  <c:v>5.2499999999999998E-2</c:v>
                </c:pt>
                <c:pt idx="2962">
                  <c:v>5.2499999999999998E-2</c:v>
                </c:pt>
                <c:pt idx="2963">
                  <c:v>5.2499999999999998E-2</c:v>
                </c:pt>
                <c:pt idx="2964">
                  <c:v>5.2499999999999998E-2</c:v>
                </c:pt>
                <c:pt idx="2965">
                  <c:v>5.2499999999999998E-2</c:v>
                </c:pt>
                <c:pt idx="2966">
                  <c:v>5.2499999999999998E-2</c:v>
                </c:pt>
                <c:pt idx="2967">
                  <c:v>5.2499999999999998E-2</c:v>
                </c:pt>
                <c:pt idx="2968">
                  <c:v>5.2499999999999998E-2</c:v>
                </c:pt>
                <c:pt idx="2969">
                  <c:v>5.2499999999999998E-2</c:v>
                </c:pt>
                <c:pt idx="2970">
                  <c:v>5.2499999999999998E-2</c:v>
                </c:pt>
                <c:pt idx="2971">
                  <c:v>5.2499999999999998E-2</c:v>
                </c:pt>
                <c:pt idx="2972">
                  <c:v>5.2499999999999998E-2</c:v>
                </c:pt>
                <c:pt idx="2973">
                  <c:v>5.2499999999999998E-2</c:v>
                </c:pt>
                <c:pt idx="2974">
                  <c:v>5.2499999999999998E-2</c:v>
                </c:pt>
                <c:pt idx="2975">
                  <c:v>5.2499999999999998E-2</c:v>
                </c:pt>
                <c:pt idx="2976">
                  <c:v>5.2499999999999998E-2</c:v>
                </c:pt>
                <c:pt idx="2977">
                  <c:v>5.2499999999999998E-2</c:v>
                </c:pt>
                <c:pt idx="2978">
                  <c:v>5.2499999999999998E-2</c:v>
                </c:pt>
                <c:pt idx="2979">
                  <c:v>5.2499999999999998E-2</c:v>
                </c:pt>
                <c:pt idx="2980">
                  <c:v>5.2499999999999998E-2</c:v>
                </c:pt>
                <c:pt idx="2981">
                  <c:v>5.2499999999999998E-2</c:v>
                </c:pt>
                <c:pt idx="2982">
                  <c:v>5.2499999999999998E-2</c:v>
                </c:pt>
                <c:pt idx="2983">
                  <c:v>5.2499999999999998E-2</c:v>
                </c:pt>
                <c:pt idx="2984">
                  <c:v>5.2499999999999998E-2</c:v>
                </c:pt>
                <c:pt idx="2985">
                  <c:v>5.2499999999999998E-2</c:v>
                </c:pt>
                <c:pt idx="2986">
                  <c:v>5.2499999999999998E-2</c:v>
                </c:pt>
                <c:pt idx="2987">
                  <c:v>5.2499999999999998E-2</c:v>
                </c:pt>
                <c:pt idx="2988">
                  <c:v>5.2499999999999998E-2</c:v>
                </c:pt>
                <c:pt idx="2989">
                  <c:v>5.2499999999999998E-2</c:v>
                </c:pt>
                <c:pt idx="2990">
                  <c:v>5.2499999999999998E-2</c:v>
                </c:pt>
                <c:pt idx="2991">
                  <c:v>5.2499999999999998E-2</c:v>
                </c:pt>
                <c:pt idx="2992">
                  <c:v>5.2499999999999998E-2</c:v>
                </c:pt>
                <c:pt idx="2993">
                  <c:v>5.2499999999999998E-2</c:v>
                </c:pt>
                <c:pt idx="2994">
                  <c:v>5.2499999999999998E-2</c:v>
                </c:pt>
                <c:pt idx="2995">
                  <c:v>5.2499999999999998E-2</c:v>
                </c:pt>
                <c:pt idx="2996">
                  <c:v>5.2499999999999998E-2</c:v>
                </c:pt>
                <c:pt idx="2997">
                  <c:v>5.2499999999999998E-2</c:v>
                </c:pt>
                <c:pt idx="2998">
                  <c:v>5.2499999999999998E-2</c:v>
                </c:pt>
                <c:pt idx="2999">
                  <c:v>5.2499999999999998E-2</c:v>
                </c:pt>
                <c:pt idx="3000">
                  <c:v>5.2499999999999998E-2</c:v>
                </c:pt>
                <c:pt idx="3001">
                  <c:v>5.2499999999999998E-2</c:v>
                </c:pt>
                <c:pt idx="3002">
                  <c:v>5.2499999999999998E-2</c:v>
                </c:pt>
                <c:pt idx="3003">
                  <c:v>5.2499999999999998E-2</c:v>
                </c:pt>
                <c:pt idx="3004">
                  <c:v>5.2499999999999998E-2</c:v>
                </c:pt>
                <c:pt idx="3005">
                  <c:v>5.2499999999999998E-2</c:v>
                </c:pt>
                <c:pt idx="3006">
                  <c:v>5.2499999999999998E-2</c:v>
                </c:pt>
                <c:pt idx="3007">
                  <c:v>5.2499999999999998E-2</c:v>
                </c:pt>
                <c:pt idx="3008">
                  <c:v>5.2499999999999998E-2</c:v>
                </c:pt>
                <c:pt idx="3009">
                  <c:v>5.2499999999999998E-2</c:v>
                </c:pt>
                <c:pt idx="3010">
                  <c:v>5.2499999999999998E-2</c:v>
                </c:pt>
                <c:pt idx="3011">
                  <c:v>5.2499999999999998E-2</c:v>
                </c:pt>
                <c:pt idx="3012">
                  <c:v>5.2499999999999998E-2</c:v>
                </c:pt>
                <c:pt idx="3013">
                  <c:v>5.2499999999999998E-2</c:v>
                </c:pt>
                <c:pt idx="3014">
                  <c:v>5.2499999999999998E-2</c:v>
                </c:pt>
                <c:pt idx="3015">
                  <c:v>5.2499999999999998E-2</c:v>
                </c:pt>
                <c:pt idx="3016">
                  <c:v>5.2499999999999998E-2</c:v>
                </c:pt>
                <c:pt idx="3017">
                  <c:v>5.2499999999999998E-2</c:v>
                </c:pt>
                <c:pt idx="3018">
                  <c:v>5.2499999999999998E-2</c:v>
                </c:pt>
                <c:pt idx="3019">
                  <c:v>5.2499999999999998E-2</c:v>
                </c:pt>
                <c:pt idx="3020">
                  <c:v>5.2499999999999998E-2</c:v>
                </c:pt>
                <c:pt idx="3021">
                  <c:v>5.2499999999999998E-2</c:v>
                </c:pt>
                <c:pt idx="3022">
                  <c:v>0.05</c:v>
                </c:pt>
                <c:pt idx="3023">
                  <c:v>0.05</c:v>
                </c:pt>
                <c:pt idx="3024">
                  <c:v>0.05</c:v>
                </c:pt>
                <c:pt idx="3025">
                  <c:v>0.05</c:v>
                </c:pt>
                <c:pt idx="3026">
                  <c:v>0.05</c:v>
                </c:pt>
                <c:pt idx="3027">
                  <c:v>0.05</c:v>
                </c:pt>
                <c:pt idx="3028">
                  <c:v>0.05</c:v>
                </c:pt>
                <c:pt idx="3029">
                  <c:v>0.05</c:v>
                </c:pt>
                <c:pt idx="3030">
                  <c:v>0.05</c:v>
                </c:pt>
                <c:pt idx="3031">
                  <c:v>0.05</c:v>
                </c:pt>
                <c:pt idx="3032">
                  <c:v>0.05</c:v>
                </c:pt>
                <c:pt idx="3033">
                  <c:v>0.05</c:v>
                </c:pt>
                <c:pt idx="3034">
                  <c:v>0.05</c:v>
                </c:pt>
                <c:pt idx="3035">
                  <c:v>0.05</c:v>
                </c:pt>
                <c:pt idx="3036">
                  <c:v>0.05</c:v>
                </c:pt>
                <c:pt idx="3037">
                  <c:v>0.05</c:v>
                </c:pt>
                <c:pt idx="3038">
                  <c:v>0.05</c:v>
                </c:pt>
                <c:pt idx="3039">
                  <c:v>0.05</c:v>
                </c:pt>
                <c:pt idx="3040">
                  <c:v>0.05</c:v>
                </c:pt>
                <c:pt idx="3041">
                  <c:v>0.05</c:v>
                </c:pt>
                <c:pt idx="3042">
                  <c:v>0.05</c:v>
                </c:pt>
                <c:pt idx="3043">
                  <c:v>0.05</c:v>
                </c:pt>
                <c:pt idx="3044">
                  <c:v>0.05</c:v>
                </c:pt>
                <c:pt idx="3045">
                  <c:v>0.05</c:v>
                </c:pt>
                <c:pt idx="3046">
                  <c:v>0.05</c:v>
                </c:pt>
                <c:pt idx="3047">
                  <c:v>0.05</c:v>
                </c:pt>
                <c:pt idx="3048">
                  <c:v>0.05</c:v>
                </c:pt>
                <c:pt idx="3049">
                  <c:v>0.05</c:v>
                </c:pt>
                <c:pt idx="3050">
                  <c:v>0.05</c:v>
                </c:pt>
                <c:pt idx="3051">
                  <c:v>0.05</c:v>
                </c:pt>
                <c:pt idx="3052">
                  <c:v>0.05</c:v>
                </c:pt>
                <c:pt idx="3053">
                  <c:v>0.05</c:v>
                </c:pt>
                <c:pt idx="3054">
                  <c:v>0.05</c:v>
                </c:pt>
                <c:pt idx="3055">
                  <c:v>0.05</c:v>
                </c:pt>
                <c:pt idx="3056">
                  <c:v>0.05</c:v>
                </c:pt>
                <c:pt idx="3057">
                  <c:v>0.05</c:v>
                </c:pt>
                <c:pt idx="3058">
                  <c:v>0.05</c:v>
                </c:pt>
                <c:pt idx="3059">
                  <c:v>0.05</c:v>
                </c:pt>
                <c:pt idx="3060">
                  <c:v>0.05</c:v>
                </c:pt>
                <c:pt idx="3061">
                  <c:v>0.05</c:v>
                </c:pt>
                <c:pt idx="3062">
                  <c:v>0.05</c:v>
                </c:pt>
                <c:pt idx="3063">
                  <c:v>0.05</c:v>
                </c:pt>
                <c:pt idx="3064">
                  <c:v>0.05</c:v>
                </c:pt>
                <c:pt idx="3065">
                  <c:v>0.05</c:v>
                </c:pt>
                <c:pt idx="3066">
                  <c:v>0.05</c:v>
                </c:pt>
                <c:pt idx="3067">
                  <c:v>0.05</c:v>
                </c:pt>
                <c:pt idx="3068">
                  <c:v>0.05</c:v>
                </c:pt>
                <c:pt idx="3069">
                  <c:v>0.05</c:v>
                </c:pt>
                <c:pt idx="3070">
                  <c:v>0.05</c:v>
                </c:pt>
                <c:pt idx="3071">
                  <c:v>0.05</c:v>
                </c:pt>
                <c:pt idx="3072">
                  <c:v>0.05</c:v>
                </c:pt>
                <c:pt idx="3073">
                  <c:v>0.05</c:v>
                </c:pt>
                <c:pt idx="3074">
                  <c:v>0.05</c:v>
                </c:pt>
                <c:pt idx="3075">
                  <c:v>0.05</c:v>
                </c:pt>
                <c:pt idx="3076">
                  <c:v>0.05</c:v>
                </c:pt>
                <c:pt idx="3077">
                  <c:v>0.05</c:v>
                </c:pt>
                <c:pt idx="3078">
                  <c:v>0.05</c:v>
                </c:pt>
                <c:pt idx="3079">
                  <c:v>0.05</c:v>
                </c:pt>
                <c:pt idx="3080">
                  <c:v>0.05</c:v>
                </c:pt>
                <c:pt idx="3081">
                  <c:v>0.05</c:v>
                </c:pt>
                <c:pt idx="3082">
                  <c:v>0.05</c:v>
                </c:pt>
                <c:pt idx="3083">
                  <c:v>0.05</c:v>
                </c:pt>
                <c:pt idx="3084">
                  <c:v>0.05</c:v>
                </c:pt>
                <c:pt idx="3085">
                  <c:v>0.05</c:v>
                </c:pt>
                <c:pt idx="3086">
                  <c:v>0.05</c:v>
                </c:pt>
                <c:pt idx="3087">
                  <c:v>0.05</c:v>
                </c:pt>
                <c:pt idx="3088">
                  <c:v>0.05</c:v>
                </c:pt>
                <c:pt idx="3089">
                  <c:v>0.05</c:v>
                </c:pt>
                <c:pt idx="3090">
                  <c:v>0.05</c:v>
                </c:pt>
                <c:pt idx="3091">
                  <c:v>0.05</c:v>
                </c:pt>
                <c:pt idx="3092">
                  <c:v>0.05</c:v>
                </c:pt>
                <c:pt idx="3093">
                  <c:v>0.05</c:v>
                </c:pt>
                <c:pt idx="3094">
                  <c:v>0.05</c:v>
                </c:pt>
                <c:pt idx="3095">
                  <c:v>0.05</c:v>
                </c:pt>
                <c:pt idx="3096">
                  <c:v>0.05</c:v>
                </c:pt>
                <c:pt idx="3097">
                  <c:v>0.05</c:v>
                </c:pt>
                <c:pt idx="3098">
                  <c:v>0.05</c:v>
                </c:pt>
                <c:pt idx="3099">
                  <c:v>0.05</c:v>
                </c:pt>
                <c:pt idx="3100">
                  <c:v>0.05</c:v>
                </c:pt>
                <c:pt idx="3101">
                  <c:v>0.05</c:v>
                </c:pt>
                <c:pt idx="3102">
                  <c:v>0.05</c:v>
                </c:pt>
                <c:pt idx="3103">
                  <c:v>0.05</c:v>
                </c:pt>
                <c:pt idx="3104">
                  <c:v>0.05</c:v>
                </c:pt>
                <c:pt idx="3105">
                  <c:v>0.05</c:v>
                </c:pt>
                <c:pt idx="3106">
                  <c:v>0.05</c:v>
                </c:pt>
                <c:pt idx="3107">
                  <c:v>0.05</c:v>
                </c:pt>
                <c:pt idx="3108">
                  <c:v>0.05</c:v>
                </c:pt>
                <c:pt idx="3109">
                  <c:v>0.05</c:v>
                </c:pt>
                <c:pt idx="3110">
                  <c:v>0.05</c:v>
                </c:pt>
                <c:pt idx="3111">
                  <c:v>0.05</c:v>
                </c:pt>
                <c:pt idx="3112">
                  <c:v>0.05</c:v>
                </c:pt>
                <c:pt idx="3113">
                  <c:v>0.05</c:v>
                </c:pt>
                <c:pt idx="3114">
                  <c:v>0.05</c:v>
                </c:pt>
                <c:pt idx="3115">
                  <c:v>0.05</c:v>
                </c:pt>
                <c:pt idx="3116">
                  <c:v>0.05</c:v>
                </c:pt>
                <c:pt idx="3117">
                  <c:v>0.05</c:v>
                </c:pt>
                <c:pt idx="3118">
                  <c:v>0.05</c:v>
                </c:pt>
                <c:pt idx="3119">
                  <c:v>0.05</c:v>
                </c:pt>
                <c:pt idx="3120">
                  <c:v>0.05</c:v>
                </c:pt>
                <c:pt idx="3121">
                  <c:v>0.05</c:v>
                </c:pt>
                <c:pt idx="3122">
                  <c:v>0.05</c:v>
                </c:pt>
                <c:pt idx="3123">
                  <c:v>0.05</c:v>
                </c:pt>
                <c:pt idx="3124">
                  <c:v>0.05</c:v>
                </c:pt>
                <c:pt idx="3125">
                  <c:v>0.05</c:v>
                </c:pt>
                <c:pt idx="3126">
                  <c:v>0.05</c:v>
                </c:pt>
                <c:pt idx="3127">
                  <c:v>0.05</c:v>
                </c:pt>
                <c:pt idx="3128">
                  <c:v>0.05</c:v>
                </c:pt>
                <c:pt idx="3129">
                  <c:v>0.05</c:v>
                </c:pt>
                <c:pt idx="3130">
                  <c:v>0.05</c:v>
                </c:pt>
                <c:pt idx="3131">
                  <c:v>0.05</c:v>
                </c:pt>
                <c:pt idx="3132">
                  <c:v>0.05</c:v>
                </c:pt>
                <c:pt idx="3133">
                  <c:v>0.05</c:v>
                </c:pt>
                <c:pt idx="3134">
                  <c:v>0.05</c:v>
                </c:pt>
                <c:pt idx="3135">
                  <c:v>0.05</c:v>
                </c:pt>
                <c:pt idx="3136">
                  <c:v>0.05</c:v>
                </c:pt>
                <c:pt idx="3137">
                  <c:v>0.05</c:v>
                </c:pt>
                <c:pt idx="3138">
                  <c:v>0.05</c:v>
                </c:pt>
                <c:pt idx="3139">
                  <c:v>0.05</c:v>
                </c:pt>
                <c:pt idx="3140">
                  <c:v>0.05</c:v>
                </c:pt>
                <c:pt idx="3141">
                  <c:v>0.05</c:v>
                </c:pt>
                <c:pt idx="3142">
                  <c:v>0.05</c:v>
                </c:pt>
                <c:pt idx="3143">
                  <c:v>0.05</c:v>
                </c:pt>
                <c:pt idx="3144">
                  <c:v>0.05</c:v>
                </c:pt>
                <c:pt idx="3145">
                  <c:v>0.05</c:v>
                </c:pt>
                <c:pt idx="3146">
                  <c:v>0.05</c:v>
                </c:pt>
                <c:pt idx="3147">
                  <c:v>0.05</c:v>
                </c:pt>
                <c:pt idx="3148">
                  <c:v>0.05</c:v>
                </c:pt>
                <c:pt idx="3149">
                  <c:v>0.05</c:v>
                </c:pt>
                <c:pt idx="3150">
                  <c:v>0.05</c:v>
                </c:pt>
                <c:pt idx="3151">
                  <c:v>0.05</c:v>
                </c:pt>
                <c:pt idx="3152">
                  <c:v>0.05</c:v>
                </c:pt>
                <c:pt idx="3153">
                  <c:v>0.05</c:v>
                </c:pt>
                <c:pt idx="3154">
                  <c:v>0.05</c:v>
                </c:pt>
                <c:pt idx="3155">
                  <c:v>0.05</c:v>
                </c:pt>
                <c:pt idx="3156">
                  <c:v>0.05</c:v>
                </c:pt>
                <c:pt idx="3157">
                  <c:v>0.05</c:v>
                </c:pt>
                <c:pt idx="3158">
                  <c:v>0.05</c:v>
                </c:pt>
                <c:pt idx="3159">
                  <c:v>0.05</c:v>
                </c:pt>
                <c:pt idx="3160">
                  <c:v>0.05</c:v>
                </c:pt>
                <c:pt idx="3161">
                  <c:v>0.05</c:v>
                </c:pt>
                <c:pt idx="3162">
                  <c:v>0.05</c:v>
                </c:pt>
                <c:pt idx="3163">
                  <c:v>0.05</c:v>
                </c:pt>
                <c:pt idx="3164">
                  <c:v>0.05</c:v>
                </c:pt>
                <c:pt idx="3165">
                  <c:v>0.05</c:v>
                </c:pt>
                <c:pt idx="3166">
                  <c:v>0.05</c:v>
                </c:pt>
                <c:pt idx="3167">
                  <c:v>0.05</c:v>
                </c:pt>
                <c:pt idx="3168">
                  <c:v>0.05</c:v>
                </c:pt>
                <c:pt idx="3169">
                  <c:v>0.05</c:v>
                </c:pt>
                <c:pt idx="3170">
                  <c:v>0.05</c:v>
                </c:pt>
                <c:pt idx="3171">
                  <c:v>0.05</c:v>
                </c:pt>
                <c:pt idx="3172">
                  <c:v>0.05</c:v>
                </c:pt>
                <c:pt idx="3173">
                  <c:v>0.05</c:v>
                </c:pt>
                <c:pt idx="3174">
                  <c:v>0.05</c:v>
                </c:pt>
                <c:pt idx="3175">
                  <c:v>0.05</c:v>
                </c:pt>
                <c:pt idx="3176">
                  <c:v>0.05</c:v>
                </c:pt>
                <c:pt idx="3177">
                  <c:v>0.05</c:v>
                </c:pt>
                <c:pt idx="3178">
                  <c:v>0.05</c:v>
                </c:pt>
                <c:pt idx="3179">
                  <c:v>0.05</c:v>
                </c:pt>
                <c:pt idx="3180">
                  <c:v>0.05</c:v>
                </c:pt>
                <c:pt idx="3181">
                  <c:v>0.05</c:v>
                </c:pt>
                <c:pt idx="3182">
                  <c:v>0.05</c:v>
                </c:pt>
                <c:pt idx="3183">
                  <c:v>0.05</c:v>
                </c:pt>
                <c:pt idx="3184">
                  <c:v>0.05</c:v>
                </c:pt>
                <c:pt idx="3185">
                  <c:v>0.05</c:v>
                </c:pt>
                <c:pt idx="3186">
                  <c:v>0.05</c:v>
                </c:pt>
                <c:pt idx="3187">
                  <c:v>0.05</c:v>
                </c:pt>
                <c:pt idx="3188">
                  <c:v>0.05</c:v>
                </c:pt>
                <c:pt idx="3189">
                  <c:v>0.05</c:v>
                </c:pt>
                <c:pt idx="3190">
                  <c:v>0.05</c:v>
                </c:pt>
                <c:pt idx="3191">
                  <c:v>0.05</c:v>
                </c:pt>
                <c:pt idx="3192">
                  <c:v>0.05</c:v>
                </c:pt>
                <c:pt idx="3193">
                  <c:v>0.05</c:v>
                </c:pt>
                <c:pt idx="3194">
                  <c:v>0.05</c:v>
                </c:pt>
                <c:pt idx="3195">
                  <c:v>0.05</c:v>
                </c:pt>
                <c:pt idx="3196">
                  <c:v>0.05</c:v>
                </c:pt>
                <c:pt idx="3197">
                  <c:v>0.05</c:v>
                </c:pt>
                <c:pt idx="3198">
                  <c:v>0.05</c:v>
                </c:pt>
                <c:pt idx="3199">
                  <c:v>0.05</c:v>
                </c:pt>
                <c:pt idx="3200">
                  <c:v>0.05</c:v>
                </c:pt>
                <c:pt idx="3201">
                  <c:v>0.05</c:v>
                </c:pt>
                <c:pt idx="3202">
                  <c:v>0.05</c:v>
                </c:pt>
                <c:pt idx="3203">
                  <c:v>4.4999999999999998E-2</c:v>
                </c:pt>
                <c:pt idx="3204">
                  <c:v>4.4999999999999998E-2</c:v>
                </c:pt>
                <c:pt idx="3205">
                  <c:v>4.4999999999999998E-2</c:v>
                </c:pt>
                <c:pt idx="3206">
                  <c:v>4.4999999999999998E-2</c:v>
                </c:pt>
                <c:pt idx="3207">
                  <c:v>4.4999999999999998E-2</c:v>
                </c:pt>
                <c:pt idx="3208">
                  <c:v>4.4999999999999998E-2</c:v>
                </c:pt>
                <c:pt idx="3209">
                  <c:v>4.4999999999999998E-2</c:v>
                </c:pt>
                <c:pt idx="3210">
                  <c:v>4.4999999999999998E-2</c:v>
                </c:pt>
                <c:pt idx="3211">
                  <c:v>4.4999999999999998E-2</c:v>
                </c:pt>
                <c:pt idx="3212">
                  <c:v>4.4999999999999998E-2</c:v>
                </c:pt>
                <c:pt idx="3213">
                  <c:v>4.4999999999999998E-2</c:v>
                </c:pt>
                <c:pt idx="3214">
                  <c:v>4.4999999999999998E-2</c:v>
                </c:pt>
                <c:pt idx="3215">
                  <c:v>4.4999999999999998E-2</c:v>
                </c:pt>
                <c:pt idx="3216">
                  <c:v>4.4999999999999998E-2</c:v>
                </c:pt>
                <c:pt idx="3217">
                  <c:v>4.4999999999999998E-2</c:v>
                </c:pt>
                <c:pt idx="3218">
                  <c:v>4.4999999999999998E-2</c:v>
                </c:pt>
                <c:pt idx="3219">
                  <c:v>4.4999999999999998E-2</c:v>
                </c:pt>
                <c:pt idx="3220">
                  <c:v>4.4999999999999998E-2</c:v>
                </c:pt>
                <c:pt idx="3221">
                  <c:v>4.4999999999999998E-2</c:v>
                </c:pt>
                <c:pt idx="3222">
                  <c:v>4.4999999999999998E-2</c:v>
                </c:pt>
                <c:pt idx="3223">
                  <c:v>4.4999999999999998E-2</c:v>
                </c:pt>
                <c:pt idx="3224">
                  <c:v>4.4999999999999998E-2</c:v>
                </c:pt>
                <c:pt idx="3225">
                  <c:v>4.4999999999999998E-2</c:v>
                </c:pt>
                <c:pt idx="3226">
                  <c:v>4.4999999999999998E-2</c:v>
                </c:pt>
                <c:pt idx="3227">
                  <c:v>4.4999999999999998E-2</c:v>
                </c:pt>
                <c:pt idx="3228">
                  <c:v>4.4999999999999998E-2</c:v>
                </c:pt>
                <c:pt idx="3229">
                  <c:v>4.4999999999999998E-2</c:v>
                </c:pt>
                <c:pt idx="3230">
                  <c:v>4.4999999999999998E-2</c:v>
                </c:pt>
                <c:pt idx="3231">
                  <c:v>4.4999999999999998E-2</c:v>
                </c:pt>
                <c:pt idx="3232">
                  <c:v>0.03</c:v>
                </c:pt>
                <c:pt idx="3233">
                  <c:v>0.03</c:v>
                </c:pt>
                <c:pt idx="3234">
                  <c:v>0.03</c:v>
                </c:pt>
                <c:pt idx="3235">
                  <c:v>0.03</c:v>
                </c:pt>
                <c:pt idx="3236">
                  <c:v>0.03</c:v>
                </c:pt>
                <c:pt idx="3237">
                  <c:v>0.03</c:v>
                </c:pt>
                <c:pt idx="3238">
                  <c:v>0.03</c:v>
                </c:pt>
                <c:pt idx="3239">
                  <c:v>0.03</c:v>
                </c:pt>
                <c:pt idx="3240">
                  <c:v>0.03</c:v>
                </c:pt>
                <c:pt idx="3241">
                  <c:v>0.03</c:v>
                </c:pt>
                <c:pt idx="3242">
                  <c:v>0.03</c:v>
                </c:pt>
                <c:pt idx="3243">
                  <c:v>0.03</c:v>
                </c:pt>
                <c:pt idx="3244">
                  <c:v>0.03</c:v>
                </c:pt>
                <c:pt idx="3245">
                  <c:v>0.03</c:v>
                </c:pt>
                <c:pt idx="3246">
                  <c:v>0.03</c:v>
                </c:pt>
                <c:pt idx="3247">
                  <c:v>0.03</c:v>
                </c:pt>
                <c:pt idx="3248">
                  <c:v>0.03</c:v>
                </c:pt>
                <c:pt idx="3249">
                  <c:v>0.03</c:v>
                </c:pt>
                <c:pt idx="3250">
                  <c:v>0.03</c:v>
                </c:pt>
                <c:pt idx="3251">
                  <c:v>0.03</c:v>
                </c:pt>
                <c:pt idx="3252">
                  <c:v>0.03</c:v>
                </c:pt>
                <c:pt idx="3253">
                  <c:v>0.03</c:v>
                </c:pt>
                <c:pt idx="3254">
                  <c:v>0.03</c:v>
                </c:pt>
                <c:pt idx="3255">
                  <c:v>0.03</c:v>
                </c:pt>
                <c:pt idx="3256">
                  <c:v>0.03</c:v>
                </c:pt>
                <c:pt idx="3257">
                  <c:v>0.03</c:v>
                </c:pt>
                <c:pt idx="3258">
                  <c:v>0.03</c:v>
                </c:pt>
                <c:pt idx="3259">
                  <c:v>0.03</c:v>
                </c:pt>
                <c:pt idx="3260">
                  <c:v>0.02</c:v>
                </c:pt>
                <c:pt idx="3261">
                  <c:v>0.02</c:v>
                </c:pt>
                <c:pt idx="3262">
                  <c:v>0.02</c:v>
                </c:pt>
                <c:pt idx="3263">
                  <c:v>0.02</c:v>
                </c:pt>
                <c:pt idx="3264">
                  <c:v>0.02</c:v>
                </c:pt>
                <c:pt idx="3265">
                  <c:v>0.02</c:v>
                </c:pt>
                <c:pt idx="3266">
                  <c:v>0.02</c:v>
                </c:pt>
                <c:pt idx="3267">
                  <c:v>0.02</c:v>
                </c:pt>
                <c:pt idx="3268">
                  <c:v>0.02</c:v>
                </c:pt>
                <c:pt idx="3269">
                  <c:v>0.02</c:v>
                </c:pt>
                <c:pt idx="3270">
                  <c:v>0.02</c:v>
                </c:pt>
                <c:pt idx="3271">
                  <c:v>0.02</c:v>
                </c:pt>
                <c:pt idx="3272">
                  <c:v>0.02</c:v>
                </c:pt>
                <c:pt idx="3273">
                  <c:v>0.02</c:v>
                </c:pt>
                <c:pt idx="3274">
                  <c:v>0.02</c:v>
                </c:pt>
                <c:pt idx="3275">
                  <c:v>0.02</c:v>
                </c:pt>
                <c:pt idx="3276">
                  <c:v>0.02</c:v>
                </c:pt>
                <c:pt idx="3277">
                  <c:v>0.02</c:v>
                </c:pt>
                <c:pt idx="3278">
                  <c:v>0.02</c:v>
                </c:pt>
                <c:pt idx="3279">
                  <c:v>0.02</c:v>
                </c:pt>
                <c:pt idx="3280">
                  <c:v>0.02</c:v>
                </c:pt>
                <c:pt idx="3281">
                  <c:v>0.02</c:v>
                </c:pt>
                <c:pt idx="3282">
                  <c:v>0.02</c:v>
                </c:pt>
                <c:pt idx="3283">
                  <c:v>0.02</c:v>
                </c:pt>
                <c:pt idx="3284">
                  <c:v>0.02</c:v>
                </c:pt>
                <c:pt idx="3285">
                  <c:v>0.02</c:v>
                </c:pt>
                <c:pt idx="3286">
                  <c:v>0.02</c:v>
                </c:pt>
                <c:pt idx="3287">
                  <c:v>0.02</c:v>
                </c:pt>
                <c:pt idx="3288">
                  <c:v>0.02</c:v>
                </c:pt>
                <c:pt idx="3289">
                  <c:v>0.02</c:v>
                </c:pt>
                <c:pt idx="3290">
                  <c:v>0.02</c:v>
                </c:pt>
                <c:pt idx="3291">
                  <c:v>0.02</c:v>
                </c:pt>
                <c:pt idx="3292">
                  <c:v>0.02</c:v>
                </c:pt>
                <c:pt idx="3293">
                  <c:v>0.02</c:v>
                </c:pt>
                <c:pt idx="3294">
                  <c:v>0.02</c:v>
                </c:pt>
                <c:pt idx="3295">
                  <c:v>1.4999999999999999E-2</c:v>
                </c:pt>
                <c:pt idx="3296">
                  <c:v>1.4999999999999999E-2</c:v>
                </c:pt>
                <c:pt idx="3297">
                  <c:v>1.4999999999999999E-2</c:v>
                </c:pt>
                <c:pt idx="3298">
                  <c:v>1.4999999999999999E-2</c:v>
                </c:pt>
                <c:pt idx="3299">
                  <c:v>1.4999999999999999E-2</c:v>
                </c:pt>
                <c:pt idx="3300">
                  <c:v>1.4999999999999999E-2</c:v>
                </c:pt>
                <c:pt idx="3301">
                  <c:v>1.4999999999999999E-2</c:v>
                </c:pt>
                <c:pt idx="3302">
                  <c:v>1.4999999999999999E-2</c:v>
                </c:pt>
                <c:pt idx="3303">
                  <c:v>1.4999999999999999E-2</c:v>
                </c:pt>
                <c:pt idx="3304">
                  <c:v>1.4999999999999999E-2</c:v>
                </c:pt>
                <c:pt idx="3305">
                  <c:v>1.4999999999999999E-2</c:v>
                </c:pt>
                <c:pt idx="3306">
                  <c:v>1.4999999999999999E-2</c:v>
                </c:pt>
                <c:pt idx="3307">
                  <c:v>1.4999999999999999E-2</c:v>
                </c:pt>
                <c:pt idx="3308">
                  <c:v>1.4999999999999999E-2</c:v>
                </c:pt>
                <c:pt idx="3309">
                  <c:v>1.4999999999999999E-2</c:v>
                </c:pt>
                <c:pt idx="3310">
                  <c:v>1.4999999999999999E-2</c:v>
                </c:pt>
                <c:pt idx="3311">
                  <c:v>1.4999999999999999E-2</c:v>
                </c:pt>
                <c:pt idx="3312">
                  <c:v>1.4999999999999999E-2</c:v>
                </c:pt>
                <c:pt idx="3313">
                  <c:v>1.4999999999999999E-2</c:v>
                </c:pt>
                <c:pt idx="3314">
                  <c:v>1.4999999999999999E-2</c:v>
                </c:pt>
                <c:pt idx="3315">
                  <c:v>1.4999999999999999E-2</c:v>
                </c:pt>
                <c:pt idx="3316">
                  <c:v>1.4999999999999999E-2</c:v>
                </c:pt>
                <c:pt idx="3317">
                  <c:v>1.4999999999999999E-2</c:v>
                </c:pt>
                <c:pt idx="3318">
                  <c:v>1.4999999999999999E-2</c:v>
                </c:pt>
                <c:pt idx="3319">
                  <c:v>1.4999999999999999E-2</c:v>
                </c:pt>
                <c:pt idx="3320">
                  <c:v>1.4999999999999999E-2</c:v>
                </c:pt>
                <c:pt idx="3321">
                  <c:v>1.4999999999999999E-2</c:v>
                </c:pt>
                <c:pt idx="3322">
                  <c:v>1.4999999999999999E-2</c:v>
                </c:pt>
                <c:pt idx="3323">
                  <c:v>0.01</c:v>
                </c:pt>
                <c:pt idx="3324">
                  <c:v>0.01</c:v>
                </c:pt>
                <c:pt idx="3325">
                  <c:v>0.01</c:v>
                </c:pt>
                <c:pt idx="3326">
                  <c:v>0.01</c:v>
                </c:pt>
                <c:pt idx="3327">
                  <c:v>0.01</c:v>
                </c:pt>
                <c:pt idx="3328">
                  <c:v>0.01</c:v>
                </c:pt>
                <c:pt idx="3329">
                  <c:v>0.01</c:v>
                </c:pt>
                <c:pt idx="3330">
                  <c:v>0.01</c:v>
                </c:pt>
                <c:pt idx="3331">
                  <c:v>0.01</c:v>
                </c:pt>
                <c:pt idx="3332">
                  <c:v>0.01</c:v>
                </c:pt>
                <c:pt idx="3333">
                  <c:v>0.01</c:v>
                </c:pt>
                <c:pt idx="3334">
                  <c:v>0.01</c:v>
                </c:pt>
                <c:pt idx="3335">
                  <c:v>0.01</c:v>
                </c:pt>
                <c:pt idx="3336">
                  <c:v>0.01</c:v>
                </c:pt>
                <c:pt idx="3337">
                  <c:v>0.01</c:v>
                </c:pt>
                <c:pt idx="3338">
                  <c:v>0.01</c:v>
                </c:pt>
                <c:pt idx="3339">
                  <c:v>0.01</c:v>
                </c:pt>
                <c:pt idx="3340">
                  <c:v>0.01</c:v>
                </c:pt>
                <c:pt idx="3341">
                  <c:v>0.01</c:v>
                </c:pt>
                <c:pt idx="3342">
                  <c:v>0.01</c:v>
                </c:pt>
                <c:pt idx="3343">
                  <c:v>0.01</c:v>
                </c:pt>
                <c:pt idx="3344">
                  <c:v>0.01</c:v>
                </c:pt>
                <c:pt idx="3345">
                  <c:v>0.01</c:v>
                </c:pt>
                <c:pt idx="3346">
                  <c:v>0.01</c:v>
                </c:pt>
                <c:pt idx="3347">
                  <c:v>0.01</c:v>
                </c:pt>
                <c:pt idx="3348">
                  <c:v>0.01</c:v>
                </c:pt>
                <c:pt idx="3349">
                  <c:v>0.01</c:v>
                </c:pt>
                <c:pt idx="3350">
                  <c:v>0.01</c:v>
                </c:pt>
                <c:pt idx="3351">
                  <c:v>5.0000000000000001E-3</c:v>
                </c:pt>
                <c:pt idx="3352">
                  <c:v>5.0000000000000001E-3</c:v>
                </c:pt>
                <c:pt idx="3353">
                  <c:v>5.0000000000000001E-3</c:v>
                </c:pt>
                <c:pt idx="3354">
                  <c:v>5.0000000000000001E-3</c:v>
                </c:pt>
                <c:pt idx="3355">
                  <c:v>5.0000000000000001E-3</c:v>
                </c:pt>
                <c:pt idx="3356">
                  <c:v>5.0000000000000001E-3</c:v>
                </c:pt>
                <c:pt idx="3357">
                  <c:v>5.0000000000000001E-3</c:v>
                </c:pt>
                <c:pt idx="3358">
                  <c:v>5.0000000000000001E-3</c:v>
                </c:pt>
                <c:pt idx="3359">
                  <c:v>5.0000000000000001E-3</c:v>
                </c:pt>
                <c:pt idx="3360">
                  <c:v>5.0000000000000001E-3</c:v>
                </c:pt>
                <c:pt idx="3361">
                  <c:v>5.0000000000000001E-3</c:v>
                </c:pt>
                <c:pt idx="3362">
                  <c:v>5.0000000000000001E-3</c:v>
                </c:pt>
                <c:pt idx="3363">
                  <c:v>5.0000000000000001E-3</c:v>
                </c:pt>
                <c:pt idx="3364">
                  <c:v>5.0000000000000001E-3</c:v>
                </c:pt>
                <c:pt idx="3365">
                  <c:v>5.0000000000000001E-3</c:v>
                </c:pt>
                <c:pt idx="3366">
                  <c:v>5.0000000000000001E-3</c:v>
                </c:pt>
                <c:pt idx="3367">
                  <c:v>5.0000000000000001E-3</c:v>
                </c:pt>
                <c:pt idx="3368">
                  <c:v>5.0000000000000001E-3</c:v>
                </c:pt>
                <c:pt idx="3369">
                  <c:v>5.0000000000000001E-3</c:v>
                </c:pt>
                <c:pt idx="3370">
                  <c:v>5.0000000000000001E-3</c:v>
                </c:pt>
                <c:pt idx="3371">
                  <c:v>5.0000000000000001E-3</c:v>
                </c:pt>
                <c:pt idx="3372">
                  <c:v>5.0000000000000001E-3</c:v>
                </c:pt>
                <c:pt idx="3373">
                  <c:v>5.0000000000000001E-3</c:v>
                </c:pt>
                <c:pt idx="3374">
                  <c:v>5.0000000000000001E-3</c:v>
                </c:pt>
                <c:pt idx="3375">
                  <c:v>5.0000000000000001E-3</c:v>
                </c:pt>
                <c:pt idx="3376">
                  <c:v>5.0000000000000001E-3</c:v>
                </c:pt>
                <c:pt idx="3377">
                  <c:v>5.0000000000000001E-3</c:v>
                </c:pt>
                <c:pt idx="3378">
                  <c:v>5.0000000000000001E-3</c:v>
                </c:pt>
                <c:pt idx="3379">
                  <c:v>5.0000000000000001E-3</c:v>
                </c:pt>
                <c:pt idx="3380">
                  <c:v>5.0000000000000001E-3</c:v>
                </c:pt>
                <c:pt idx="3381">
                  <c:v>5.0000000000000001E-3</c:v>
                </c:pt>
                <c:pt idx="3382">
                  <c:v>5.0000000000000001E-3</c:v>
                </c:pt>
                <c:pt idx="3383">
                  <c:v>5.0000000000000001E-3</c:v>
                </c:pt>
                <c:pt idx="3384">
                  <c:v>5.0000000000000001E-3</c:v>
                </c:pt>
                <c:pt idx="3385">
                  <c:v>5.0000000000000001E-3</c:v>
                </c:pt>
                <c:pt idx="3386">
                  <c:v>5.0000000000000001E-3</c:v>
                </c:pt>
                <c:pt idx="3387">
                  <c:v>5.0000000000000001E-3</c:v>
                </c:pt>
                <c:pt idx="3388">
                  <c:v>5.0000000000000001E-3</c:v>
                </c:pt>
                <c:pt idx="3389">
                  <c:v>5.0000000000000001E-3</c:v>
                </c:pt>
                <c:pt idx="3390">
                  <c:v>5.0000000000000001E-3</c:v>
                </c:pt>
                <c:pt idx="3391">
                  <c:v>5.0000000000000001E-3</c:v>
                </c:pt>
                <c:pt idx="3392">
                  <c:v>5.0000000000000001E-3</c:v>
                </c:pt>
                <c:pt idx="3393">
                  <c:v>5.0000000000000001E-3</c:v>
                </c:pt>
                <c:pt idx="3394">
                  <c:v>5.0000000000000001E-3</c:v>
                </c:pt>
                <c:pt idx="3395">
                  <c:v>5.0000000000000001E-3</c:v>
                </c:pt>
                <c:pt idx="3396">
                  <c:v>5.0000000000000001E-3</c:v>
                </c:pt>
                <c:pt idx="3397">
                  <c:v>5.0000000000000001E-3</c:v>
                </c:pt>
                <c:pt idx="3398">
                  <c:v>5.0000000000000001E-3</c:v>
                </c:pt>
                <c:pt idx="3399">
                  <c:v>5.0000000000000001E-3</c:v>
                </c:pt>
                <c:pt idx="3400">
                  <c:v>5.0000000000000001E-3</c:v>
                </c:pt>
                <c:pt idx="3401">
                  <c:v>5.0000000000000001E-3</c:v>
                </c:pt>
                <c:pt idx="3402">
                  <c:v>5.0000000000000001E-3</c:v>
                </c:pt>
                <c:pt idx="3403">
                  <c:v>5.0000000000000001E-3</c:v>
                </c:pt>
                <c:pt idx="3404">
                  <c:v>5.0000000000000001E-3</c:v>
                </c:pt>
                <c:pt idx="3405">
                  <c:v>5.0000000000000001E-3</c:v>
                </c:pt>
                <c:pt idx="3406">
                  <c:v>5.0000000000000001E-3</c:v>
                </c:pt>
                <c:pt idx="3407">
                  <c:v>5.0000000000000001E-3</c:v>
                </c:pt>
                <c:pt idx="3408">
                  <c:v>5.0000000000000001E-3</c:v>
                </c:pt>
                <c:pt idx="3409">
                  <c:v>5.0000000000000001E-3</c:v>
                </c:pt>
                <c:pt idx="3410">
                  <c:v>5.0000000000000001E-3</c:v>
                </c:pt>
                <c:pt idx="3411">
                  <c:v>5.0000000000000001E-3</c:v>
                </c:pt>
                <c:pt idx="3412">
                  <c:v>5.0000000000000001E-3</c:v>
                </c:pt>
                <c:pt idx="3413">
                  <c:v>5.0000000000000001E-3</c:v>
                </c:pt>
                <c:pt idx="3414">
                  <c:v>5.0000000000000001E-3</c:v>
                </c:pt>
                <c:pt idx="3415">
                  <c:v>5.0000000000000001E-3</c:v>
                </c:pt>
                <c:pt idx="3416">
                  <c:v>5.0000000000000001E-3</c:v>
                </c:pt>
                <c:pt idx="3417">
                  <c:v>5.0000000000000001E-3</c:v>
                </c:pt>
                <c:pt idx="3418">
                  <c:v>5.0000000000000001E-3</c:v>
                </c:pt>
                <c:pt idx="3419">
                  <c:v>5.0000000000000001E-3</c:v>
                </c:pt>
                <c:pt idx="3420">
                  <c:v>5.0000000000000001E-3</c:v>
                </c:pt>
                <c:pt idx="3421">
                  <c:v>5.0000000000000001E-3</c:v>
                </c:pt>
                <c:pt idx="3422">
                  <c:v>5.0000000000000001E-3</c:v>
                </c:pt>
                <c:pt idx="3423">
                  <c:v>5.0000000000000001E-3</c:v>
                </c:pt>
                <c:pt idx="3424">
                  <c:v>5.0000000000000001E-3</c:v>
                </c:pt>
                <c:pt idx="3425">
                  <c:v>5.0000000000000001E-3</c:v>
                </c:pt>
                <c:pt idx="3426">
                  <c:v>5.0000000000000001E-3</c:v>
                </c:pt>
                <c:pt idx="3427">
                  <c:v>5.0000000000000001E-3</c:v>
                </c:pt>
                <c:pt idx="3428">
                  <c:v>5.0000000000000001E-3</c:v>
                </c:pt>
                <c:pt idx="3429">
                  <c:v>5.0000000000000001E-3</c:v>
                </c:pt>
                <c:pt idx="3430">
                  <c:v>5.0000000000000001E-3</c:v>
                </c:pt>
                <c:pt idx="3431">
                  <c:v>5.0000000000000001E-3</c:v>
                </c:pt>
                <c:pt idx="3432">
                  <c:v>5.0000000000000001E-3</c:v>
                </c:pt>
                <c:pt idx="3433">
                  <c:v>5.0000000000000001E-3</c:v>
                </c:pt>
                <c:pt idx="3434">
                  <c:v>5.0000000000000001E-3</c:v>
                </c:pt>
                <c:pt idx="3435">
                  <c:v>5.0000000000000001E-3</c:v>
                </c:pt>
                <c:pt idx="3436">
                  <c:v>5.0000000000000001E-3</c:v>
                </c:pt>
                <c:pt idx="3437">
                  <c:v>5.0000000000000001E-3</c:v>
                </c:pt>
                <c:pt idx="3438">
                  <c:v>5.0000000000000001E-3</c:v>
                </c:pt>
                <c:pt idx="3439">
                  <c:v>5.0000000000000001E-3</c:v>
                </c:pt>
                <c:pt idx="3440">
                  <c:v>5.0000000000000001E-3</c:v>
                </c:pt>
                <c:pt idx="3441">
                  <c:v>5.0000000000000001E-3</c:v>
                </c:pt>
                <c:pt idx="3442">
                  <c:v>5.0000000000000001E-3</c:v>
                </c:pt>
                <c:pt idx="3443">
                  <c:v>5.0000000000000001E-3</c:v>
                </c:pt>
                <c:pt idx="3444">
                  <c:v>5.0000000000000001E-3</c:v>
                </c:pt>
                <c:pt idx="3445">
                  <c:v>5.0000000000000001E-3</c:v>
                </c:pt>
                <c:pt idx="3446">
                  <c:v>5.0000000000000001E-3</c:v>
                </c:pt>
                <c:pt idx="3447">
                  <c:v>5.0000000000000001E-3</c:v>
                </c:pt>
                <c:pt idx="3448">
                  <c:v>5.0000000000000001E-3</c:v>
                </c:pt>
                <c:pt idx="3449">
                  <c:v>5.0000000000000001E-3</c:v>
                </c:pt>
                <c:pt idx="3450">
                  <c:v>5.0000000000000001E-3</c:v>
                </c:pt>
                <c:pt idx="3451">
                  <c:v>5.0000000000000001E-3</c:v>
                </c:pt>
                <c:pt idx="3452">
                  <c:v>5.0000000000000001E-3</c:v>
                </c:pt>
                <c:pt idx="3453">
                  <c:v>5.0000000000000001E-3</c:v>
                </c:pt>
                <c:pt idx="3454">
                  <c:v>5.0000000000000001E-3</c:v>
                </c:pt>
                <c:pt idx="3455">
                  <c:v>5.0000000000000001E-3</c:v>
                </c:pt>
                <c:pt idx="3456">
                  <c:v>5.0000000000000001E-3</c:v>
                </c:pt>
                <c:pt idx="3457">
                  <c:v>5.0000000000000001E-3</c:v>
                </c:pt>
                <c:pt idx="3458">
                  <c:v>5.0000000000000001E-3</c:v>
                </c:pt>
                <c:pt idx="3459">
                  <c:v>5.0000000000000001E-3</c:v>
                </c:pt>
                <c:pt idx="3460">
                  <c:v>5.0000000000000001E-3</c:v>
                </c:pt>
                <c:pt idx="3461">
                  <c:v>5.0000000000000001E-3</c:v>
                </c:pt>
                <c:pt idx="3462">
                  <c:v>5.0000000000000001E-3</c:v>
                </c:pt>
                <c:pt idx="3463">
                  <c:v>5.0000000000000001E-3</c:v>
                </c:pt>
                <c:pt idx="3464">
                  <c:v>5.0000000000000001E-3</c:v>
                </c:pt>
                <c:pt idx="3465">
                  <c:v>5.0000000000000001E-3</c:v>
                </c:pt>
                <c:pt idx="3466">
                  <c:v>5.0000000000000001E-3</c:v>
                </c:pt>
                <c:pt idx="3467">
                  <c:v>5.0000000000000001E-3</c:v>
                </c:pt>
                <c:pt idx="3468">
                  <c:v>5.0000000000000001E-3</c:v>
                </c:pt>
                <c:pt idx="3469">
                  <c:v>5.0000000000000001E-3</c:v>
                </c:pt>
                <c:pt idx="3470">
                  <c:v>5.0000000000000001E-3</c:v>
                </c:pt>
                <c:pt idx="3471">
                  <c:v>5.0000000000000001E-3</c:v>
                </c:pt>
                <c:pt idx="3472">
                  <c:v>5.0000000000000001E-3</c:v>
                </c:pt>
                <c:pt idx="3473">
                  <c:v>5.0000000000000001E-3</c:v>
                </c:pt>
                <c:pt idx="3474">
                  <c:v>5.0000000000000001E-3</c:v>
                </c:pt>
                <c:pt idx="3475">
                  <c:v>5.0000000000000001E-3</c:v>
                </c:pt>
                <c:pt idx="3476">
                  <c:v>5.0000000000000001E-3</c:v>
                </c:pt>
                <c:pt idx="3477">
                  <c:v>5.0000000000000001E-3</c:v>
                </c:pt>
                <c:pt idx="3478">
                  <c:v>5.0000000000000001E-3</c:v>
                </c:pt>
                <c:pt idx="3479">
                  <c:v>5.0000000000000001E-3</c:v>
                </c:pt>
                <c:pt idx="3480">
                  <c:v>5.0000000000000001E-3</c:v>
                </c:pt>
                <c:pt idx="3481">
                  <c:v>5.0000000000000001E-3</c:v>
                </c:pt>
                <c:pt idx="3482">
                  <c:v>5.0000000000000001E-3</c:v>
                </c:pt>
                <c:pt idx="3483">
                  <c:v>5.0000000000000001E-3</c:v>
                </c:pt>
                <c:pt idx="3484">
                  <c:v>5.0000000000000001E-3</c:v>
                </c:pt>
                <c:pt idx="3485">
                  <c:v>5.0000000000000001E-3</c:v>
                </c:pt>
                <c:pt idx="3486">
                  <c:v>5.0000000000000001E-3</c:v>
                </c:pt>
                <c:pt idx="3487">
                  <c:v>5.0000000000000001E-3</c:v>
                </c:pt>
                <c:pt idx="3488">
                  <c:v>5.0000000000000001E-3</c:v>
                </c:pt>
                <c:pt idx="3489">
                  <c:v>5.0000000000000001E-3</c:v>
                </c:pt>
                <c:pt idx="3490">
                  <c:v>5.0000000000000001E-3</c:v>
                </c:pt>
                <c:pt idx="3491">
                  <c:v>5.0000000000000001E-3</c:v>
                </c:pt>
                <c:pt idx="3492">
                  <c:v>5.0000000000000001E-3</c:v>
                </c:pt>
                <c:pt idx="3493">
                  <c:v>5.0000000000000001E-3</c:v>
                </c:pt>
                <c:pt idx="3494">
                  <c:v>5.0000000000000001E-3</c:v>
                </c:pt>
                <c:pt idx="3495">
                  <c:v>5.0000000000000001E-3</c:v>
                </c:pt>
                <c:pt idx="3496">
                  <c:v>5.0000000000000001E-3</c:v>
                </c:pt>
                <c:pt idx="3497">
                  <c:v>5.0000000000000001E-3</c:v>
                </c:pt>
                <c:pt idx="3498">
                  <c:v>5.0000000000000001E-3</c:v>
                </c:pt>
                <c:pt idx="3499">
                  <c:v>5.0000000000000001E-3</c:v>
                </c:pt>
                <c:pt idx="3500">
                  <c:v>5.0000000000000001E-3</c:v>
                </c:pt>
                <c:pt idx="3501">
                  <c:v>5.0000000000000001E-3</c:v>
                </c:pt>
                <c:pt idx="3502">
                  <c:v>5.0000000000000001E-3</c:v>
                </c:pt>
                <c:pt idx="3503">
                  <c:v>5.0000000000000001E-3</c:v>
                </c:pt>
                <c:pt idx="3504">
                  <c:v>5.0000000000000001E-3</c:v>
                </c:pt>
                <c:pt idx="3505">
                  <c:v>5.0000000000000001E-3</c:v>
                </c:pt>
                <c:pt idx="3506">
                  <c:v>5.0000000000000001E-3</c:v>
                </c:pt>
                <c:pt idx="3507">
                  <c:v>5.0000000000000001E-3</c:v>
                </c:pt>
                <c:pt idx="3508">
                  <c:v>5.0000000000000001E-3</c:v>
                </c:pt>
                <c:pt idx="3509">
                  <c:v>5.0000000000000001E-3</c:v>
                </c:pt>
                <c:pt idx="3510">
                  <c:v>5.0000000000000001E-3</c:v>
                </c:pt>
                <c:pt idx="3511">
                  <c:v>5.0000000000000001E-3</c:v>
                </c:pt>
                <c:pt idx="3512">
                  <c:v>5.0000000000000001E-3</c:v>
                </c:pt>
                <c:pt idx="3513">
                  <c:v>5.0000000000000001E-3</c:v>
                </c:pt>
                <c:pt idx="3514">
                  <c:v>5.0000000000000001E-3</c:v>
                </c:pt>
                <c:pt idx="3515">
                  <c:v>5.0000000000000001E-3</c:v>
                </c:pt>
                <c:pt idx="3516">
                  <c:v>5.0000000000000001E-3</c:v>
                </c:pt>
                <c:pt idx="3517">
                  <c:v>5.0000000000000001E-3</c:v>
                </c:pt>
                <c:pt idx="3518">
                  <c:v>5.0000000000000001E-3</c:v>
                </c:pt>
                <c:pt idx="3519">
                  <c:v>5.0000000000000001E-3</c:v>
                </c:pt>
                <c:pt idx="3520">
                  <c:v>5.0000000000000001E-3</c:v>
                </c:pt>
                <c:pt idx="3521">
                  <c:v>5.0000000000000001E-3</c:v>
                </c:pt>
                <c:pt idx="3522">
                  <c:v>5.0000000000000001E-3</c:v>
                </c:pt>
                <c:pt idx="3523">
                  <c:v>5.0000000000000001E-3</c:v>
                </c:pt>
                <c:pt idx="3524">
                  <c:v>5.0000000000000001E-3</c:v>
                </c:pt>
                <c:pt idx="3525">
                  <c:v>5.0000000000000001E-3</c:v>
                </c:pt>
                <c:pt idx="3526">
                  <c:v>5.0000000000000001E-3</c:v>
                </c:pt>
                <c:pt idx="3527">
                  <c:v>5.0000000000000001E-3</c:v>
                </c:pt>
                <c:pt idx="3528">
                  <c:v>5.0000000000000001E-3</c:v>
                </c:pt>
                <c:pt idx="3529">
                  <c:v>5.0000000000000001E-3</c:v>
                </c:pt>
                <c:pt idx="3530">
                  <c:v>5.0000000000000001E-3</c:v>
                </c:pt>
                <c:pt idx="3531">
                  <c:v>5.0000000000000001E-3</c:v>
                </c:pt>
                <c:pt idx="3532">
                  <c:v>5.0000000000000001E-3</c:v>
                </c:pt>
                <c:pt idx="3533">
                  <c:v>5.0000000000000001E-3</c:v>
                </c:pt>
                <c:pt idx="3534">
                  <c:v>5.0000000000000001E-3</c:v>
                </c:pt>
                <c:pt idx="3535">
                  <c:v>5.0000000000000001E-3</c:v>
                </c:pt>
                <c:pt idx="3536">
                  <c:v>5.0000000000000001E-3</c:v>
                </c:pt>
                <c:pt idx="3537">
                  <c:v>5.0000000000000001E-3</c:v>
                </c:pt>
                <c:pt idx="3538">
                  <c:v>5.0000000000000001E-3</c:v>
                </c:pt>
                <c:pt idx="3539">
                  <c:v>5.0000000000000001E-3</c:v>
                </c:pt>
                <c:pt idx="3540">
                  <c:v>5.0000000000000001E-3</c:v>
                </c:pt>
                <c:pt idx="3541">
                  <c:v>5.0000000000000001E-3</c:v>
                </c:pt>
                <c:pt idx="3542">
                  <c:v>5.0000000000000001E-3</c:v>
                </c:pt>
                <c:pt idx="3543">
                  <c:v>5.0000000000000001E-3</c:v>
                </c:pt>
                <c:pt idx="3544">
                  <c:v>5.0000000000000001E-3</c:v>
                </c:pt>
                <c:pt idx="3545">
                  <c:v>5.0000000000000001E-3</c:v>
                </c:pt>
                <c:pt idx="3546">
                  <c:v>5.0000000000000001E-3</c:v>
                </c:pt>
                <c:pt idx="3547">
                  <c:v>5.0000000000000001E-3</c:v>
                </c:pt>
                <c:pt idx="3548">
                  <c:v>5.0000000000000001E-3</c:v>
                </c:pt>
                <c:pt idx="3549">
                  <c:v>5.0000000000000001E-3</c:v>
                </c:pt>
                <c:pt idx="3550">
                  <c:v>5.0000000000000001E-3</c:v>
                </c:pt>
                <c:pt idx="3551">
                  <c:v>5.0000000000000001E-3</c:v>
                </c:pt>
                <c:pt idx="3552">
                  <c:v>5.0000000000000001E-3</c:v>
                </c:pt>
                <c:pt idx="3553">
                  <c:v>5.0000000000000001E-3</c:v>
                </c:pt>
                <c:pt idx="3554">
                  <c:v>5.0000000000000001E-3</c:v>
                </c:pt>
                <c:pt idx="3555">
                  <c:v>5.0000000000000001E-3</c:v>
                </c:pt>
                <c:pt idx="3556">
                  <c:v>5.0000000000000001E-3</c:v>
                </c:pt>
                <c:pt idx="3557">
                  <c:v>5.0000000000000001E-3</c:v>
                </c:pt>
                <c:pt idx="3558">
                  <c:v>5.0000000000000001E-3</c:v>
                </c:pt>
                <c:pt idx="3559">
                  <c:v>5.0000000000000001E-3</c:v>
                </c:pt>
                <c:pt idx="3560">
                  <c:v>5.0000000000000001E-3</c:v>
                </c:pt>
                <c:pt idx="3561">
                  <c:v>5.0000000000000001E-3</c:v>
                </c:pt>
                <c:pt idx="3562">
                  <c:v>5.0000000000000001E-3</c:v>
                </c:pt>
                <c:pt idx="3563">
                  <c:v>5.0000000000000001E-3</c:v>
                </c:pt>
                <c:pt idx="3564">
                  <c:v>5.0000000000000001E-3</c:v>
                </c:pt>
                <c:pt idx="3565">
                  <c:v>5.0000000000000001E-3</c:v>
                </c:pt>
                <c:pt idx="3566">
                  <c:v>5.0000000000000001E-3</c:v>
                </c:pt>
                <c:pt idx="3567">
                  <c:v>5.0000000000000001E-3</c:v>
                </c:pt>
                <c:pt idx="3568">
                  <c:v>5.0000000000000001E-3</c:v>
                </c:pt>
                <c:pt idx="3569">
                  <c:v>5.0000000000000001E-3</c:v>
                </c:pt>
                <c:pt idx="3570">
                  <c:v>5.0000000000000001E-3</c:v>
                </c:pt>
                <c:pt idx="3571">
                  <c:v>5.0000000000000001E-3</c:v>
                </c:pt>
                <c:pt idx="3572">
                  <c:v>5.0000000000000001E-3</c:v>
                </c:pt>
                <c:pt idx="3573">
                  <c:v>5.0000000000000001E-3</c:v>
                </c:pt>
                <c:pt idx="3574">
                  <c:v>5.0000000000000001E-3</c:v>
                </c:pt>
                <c:pt idx="3575">
                  <c:v>5.0000000000000001E-3</c:v>
                </c:pt>
                <c:pt idx="3576">
                  <c:v>5.0000000000000001E-3</c:v>
                </c:pt>
                <c:pt idx="3577">
                  <c:v>5.0000000000000001E-3</c:v>
                </c:pt>
                <c:pt idx="3578">
                  <c:v>5.0000000000000001E-3</c:v>
                </c:pt>
                <c:pt idx="3579">
                  <c:v>5.0000000000000001E-3</c:v>
                </c:pt>
                <c:pt idx="3580">
                  <c:v>5.0000000000000001E-3</c:v>
                </c:pt>
                <c:pt idx="3581">
                  <c:v>5.0000000000000001E-3</c:v>
                </c:pt>
                <c:pt idx="3582">
                  <c:v>5.0000000000000001E-3</c:v>
                </c:pt>
                <c:pt idx="3583">
                  <c:v>5.0000000000000001E-3</c:v>
                </c:pt>
                <c:pt idx="3584">
                  <c:v>5.0000000000000001E-3</c:v>
                </c:pt>
                <c:pt idx="3585">
                  <c:v>5.0000000000000001E-3</c:v>
                </c:pt>
                <c:pt idx="3586">
                  <c:v>5.0000000000000001E-3</c:v>
                </c:pt>
                <c:pt idx="3587">
                  <c:v>5.0000000000000001E-3</c:v>
                </c:pt>
                <c:pt idx="3588">
                  <c:v>5.0000000000000001E-3</c:v>
                </c:pt>
                <c:pt idx="3589">
                  <c:v>5.0000000000000001E-3</c:v>
                </c:pt>
                <c:pt idx="3590">
                  <c:v>5.0000000000000001E-3</c:v>
                </c:pt>
                <c:pt idx="3591">
                  <c:v>5.0000000000000001E-3</c:v>
                </c:pt>
                <c:pt idx="3592">
                  <c:v>5.0000000000000001E-3</c:v>
                </c:pt>
                <c:pt idx="3593">
                  <c:v>5.0000000000000001E-3</c:v>
                </c:pt>
                <c:pt idx="3594">
                  <c:v>5.0000000000000001E-3</c:v>
                </c:pt>
                <c:pt idx="3595">
                  <c:v>5.0000000000000001E-3</c:v>
                </c:pt>
                <c:pt idx="3596">
                  <c:v>5.0000000000000001E-3</c:v>
                </c:pt>
                <c:pt idx="3597">
                  <c:v>5.0000000000000001E-3</c:v>
                </c:pt>
                <c:pt idx="3598">
                  <c:v>5.0000000000000001E-3</c:v>
                </c:pt>
                <c:pt idx="3599">
                  <c:v>5.0000000000000001E-3</c:v>
                </c:pt>
                <c:pt idx="3600">
                  <c:v>5.0000000000000001E-3</c:v>
                </c:pt>
                <c:pt idx="3601">
                  <c:v>5.0000000000000001E-3</c:v>
                </c:pt>
                <c:pt idx="3602">
                  <c:v>5.0000000000000001E-3</c:v>
                </c:pt>
                <c:pt idx="3603">
                  <c:v>5.0000000000000001E-3</c:v>
                </c:pt>
                <c:pt idx="3604">
                  <c:v>5.0000000000000001E-3</c:v>
                </c:pt>
                <c:pt idx="3605">
                  <c:v>5.0000000000000001E-3</c:v>
                </c:pt>
                <c:pt idx="3606">
                  <c:v>5.0000000000000001E-3</c:v>
                </c:pt>
                <c:pt idx="3607">
                  <c:v>5.0000000000000001E-3</c:v>
                </c:pt>
                <c:pt idx="3608">
                  <c:v>5.0000000000000001E-3</c:v>
                </c:pt>
                <c:pt idx="3609">
                  <c:v>5.0000000000000001E-3</c:v>
                </c:pt>
                <c:pt idx="3610">
                  <c:v>5.0000000000000001E-3</c:v>
                </c:pt>
                <c:pt idx="3611">
                  <c:v>5.0000000000000001E-3</c:v>
                </c:pt>
                <c:pt idx="3612">
                  <c:v>5.0000000000000001E-3</c:v>
                </c:pt>
                <c:pt idx="3613">
                  <c:v>5.0000000000000001E-3</c:v>
                </c:pt>
                <c:pt idx="3614">
                  <c:v>5.0000000000000001E-3</c:v>
                </c:pt>
                <c:pt idx="3615">
                  <c:v>5.0000000000000001E-3</c:v>
                </c:pt>
                <c:pt idx="3616">
                  <c:v>5.0000000000000001E-3</c:v>
                </c:pt>
                <c:pt idx="3617">
                  <c:v>5.0000000000000001E-3</c:v>
                </c:pt>
                <c:pt idx="3618">
                  <c:v>5.0000000000000001E-3</c:v>
                </c:pt>
                <c:pt idx="3619">
                  <c:v>5.0000000000000001E-3</c:v>
                </c:pt>
                <c:pt idx="3620">
                  <c:v>5.0000000000000001E-3</c:v>
                </c:pt>
                <c:pt idx="3621">
                  <c:v>5.0000000000000001E-3</c:v>
                </c:pt>
                <c:pt idx="3622">
                  <c:v>5.0000000000000001E-3</c:v>
                </c:pt>
                <c:pt idx="3623">
                  <c:v>5.0000000000000001E-3</c:v>
                </c:pt>
                <c:pt idx="3624">
                  <c:v>5.0000000000000001E-3</c:v>
                </c:pt>
                <c:pt idx="3625">
                  <c:v>5.0000000000000001E-3</c:v>
                </c:pt>
                <c:pt idx="3626">
                  <c:v>5.0000000000000001E-3</c:v>
                </c:pt>
                <c:pt idx="3627">
                  <c:v>5.0000000000000001E-3</c:v>
                </c:pt>
                <c:pt idx="3628">
                  <c:v>5.0000000000000001E-3</c:v>
                </c:pt>
                <c:pt idx="3629">
                  <c:v>5.0000000000000001E-3</c:v>
                </c:pt>
                <c:pt idx="3630">
                  <c:v>5.0000000000000001E-3</c:v>
                </c:pt>
                <c:pt idx="3631">
                  <c:v>5.0000000000000001E-3</c:v>
                </c:pt>
                <c:pt idx="3632">
                  <c:v>5.0000000000000001E-3</c:v>
                </c:pt>
                <c:pt idx="3633">
                  <c:v>5.0000000000000001E-3</c:v>
                </c:pt>
                <c:pt idx="3634">
                  <c:v>5.0000000000000001E-3</c:v>
                </c:pt>
                <c:pt idx="3635">
                  <c:v>5.0000000000000001E-3</c:v>
                </c:pt>
                <c:pt idx="3636">
                  <c:v>5.0000000000000001E-3</c:v>
                </c:pt>
                <c:pt idx="3637">
                  <c:v>5.0000000000000001E-3</c:v>
                </c:pt>
                <c:pt idx="3638">
                  <c:v>5.0000000000000001E-3</c:v>
                </c:pt>
                <c:pt idx="3639">
                  <c:v>5.0000000000000001E-3</c:v>
                </c:pt>
                <c:pt idx="3640">
                  <c:v>5.0000000000000001E-3</c:v>
                </c:pt>
                <c:pt idx="3641">
                  <c:v>5.0000000000000001E-3</c:v>
                </c:pt>
                <c:pt idx="3642">
                  <c:v>5.0000000000000001E-3</c:v>
                </c:pt>
                <c:pt idx="3643">
                  <c:v>5.0000000000000001E-3</c:v>
                </c:pt>
                <c:pt idx="3644">
                  <c:v>5.0000000000000001E-3</c:v>
                </c:pt>
                <c:pt idx="3645">
                  <c:v>5.0000000000000001E-3</c:v>
                </c:pt>
                <c:pt idx="3646">
                  <c:v>5.0000000000000001E-3</c:v>
                </c:pt>
                <c:pt idx="3647">
                  <c:v>5.0000000000000001E-3</c:v>
                </c:pt>
                <c:pt idx="3648">
                  <c:v>5.0000000000000001E-3</c:v>
                </c:pt>
                <c:pt idx="3649">
                  <c:v>5.0000000000000001E-3</c:v>
                </c:pt>
                <c:pt idx="3650">
                  <c:v>5.0000000000000001E-3</c:v>
                </c:pt>
                <c:pt idx="3651">
                  <c:v>5.0000000000000001E-3</c:v>
                </c:pt>
                <c:pt idx="3652">
                  <c:v>5.0000000000000001E-3</c:v>
                </c:pt>
                <c:pt idx="3653">
                  <c:v>5.0000000000000001E-3</c:v>
                </c:pt>
                <c:pt idx="3654">
                  <c:v>5.0000000000000001E-3</c:v>
                </c:pt>
                <c:pt idx="3655">
                  <c:v>5.0000000000000001E-3</c:v>
                </c:pt>
                <c:pt idx="3656">
                  <c:v>5.0000000000000001E-3</c:v>
                </c:pt>
                <c:pt idx="3657">
                  <c:v>5.0000000000000001E-3</c:v>
                </c:pt>
                <c:pt idx="3658">
                  <c:v>5.0000000000000001E-3</c:v>
                </c:pt>
                <c:pt idx="3659">
                  <c:v>5.0000000000000001E-3</c:v>
                </c:pt>
                <c:pt idx="3660">
                  <c:v>5.0000000000000001E-3</c:v>
                </c:pt>
                <c:pt idx="3661">
                  <c:v>5.0000000000000001E-3</c:v>
                </c:pt>
                <c:pt idx="3662">
                  <c:v>5.0000000000000001E-3</c:v>
                </c:pt>
                <c:pt idx="3663">
                  <c:v>5.0000000000000001E-3</c:v>
                </c:pt>
                <c:pt idx="3664">
                  <c:v>5.0000000000000001E-3</c:v>
                </c:pt>
                <c:pt idx="3665">
                  <c:v>5.0000000000000001E-3</c:v>
                </c:pt>
                <c:pt idx="3666">
                  <c:v>5.0000000000000001E-3</c:v>
                </c:pt>
                <c:pt idx="3667">
                  <c:v>5.0000000000000001E-3</c:v>
                </c:pt>
                <c:pt idx="3668">
                  <c:v>5.0000000000000001E-3</c:v>
                </c:pt>
                <c:pt idx="3669">
                  <c:v>5.0000000000000001E-3</c:v>
                </c:pt>
                <c:pt idx="3670">
                  <c:v>5.0000000000000001E-3</c:v>
                </c:pt>
                <c:pt idx="3671">
                  <c:v>5.0000000000000001E-3</c:v>
                </c:pt>
                <c:pt idx="3672">
                  <c:v>5.0000000000000001E-3</c:v>
                </c:pt>
                <c:pt idx="3673">
                  <c:v>5.0000000000000001E-3</c:v>
                </c:pt>
                <c:pt idx="3674">
                  <c:v>5.0000000000000001E-3</c:v>
                </c:pt>
                <c:pt idx="3675">
                  <c:v>5.0000000000000001E-3</c:v>
                </c:pt>
                <c:pt idx="3676">
                  <c:v>5.0000000000000001E-3</c:v>
                </c:pt>
                <c:pt idx="3677">
                  <c:v>5.0000000000000001E-3</c:v>
                </c:pt>
                <c:pt idx="3678">
                  <c:v>5.0000000000000001E-3</c:v>
                </c:pt>
                <c:pt idx="3679">
                  <c:v>5.0000000000000001E-3</c:v>
                </c:pt>
                <c:pt idx="3680">
                  <c:v>5.0000000000000001E-3</c:v>
                </c:pt>
                <c:pt idx="3681">
                  <c:v>5.0000000000000001E-3</c:v>
                </c:pt>
                <c:pt idx="3682">
                  <c:v>5.0000000000000001E-3</c:v>
                </c:pt>
                <c:pt idx="3683">
                  <c:v>5.0000000000000001E-3</c:v>
                </c:pt>
                <c:pt idx="3684">
                  <c:v>5.0000000000000001E-3</c:v>
                </c:pt>
                <c:pt idx="3685">
                  <c:v>5.0000000000000001E-3</c:v>
                </c:pt>
                <c:pt idx="3686">
                  <c:v>5.0000000000000001E-3</c:v>
                </c:pt>
                <c:pt idx="3687">
                  <c:v>5.0000000000000001E-3</c:v>
                </c:pt>
                <c:pt idx="3688">
                  <c:v>5.0000000000000001E-3</c:v>
                </c:pt>
                <c:pt idx="3689">
                  <c:v>5.0000000000000001E-3</c:v>
                </c:pt>
                <c:pt idx="3690">
                  <c:v>5.0000000000000001E-3</c:v>
                </c:pt>
                <c:pt idx="3691">
                  <c:v>5.0000000000000001E-3</c:v>
                </c:pt>
                <c:pt idx="3692">
                  <c:v>5.0000000000000001E-3</c:v>
                </c:pt>
                <c:pt idx="3693">
                  <c:v>5.0000000000000001E-3</c:v>
                </c:pt>
                <c:pt idx="3694">
                  <c:v>5.0000000000000001E-3</c:v>
                </c:pt>
                <c:pt idx="3695">
                  <c:v>5.0000000000000001E-3</c:v>
                </c:pt>
                <c:pt idx="3696">
                  <c:v>5.0000000000000001E-3</c:v>
                </c:pt>
                <c:pt idx="3697">
                  <c:v>5.0000000000000001E-3</c:v>
                </c:pt>
                <c:pt idx="3698">
                  <c:v>5.0000000000000001E-3</c:v>
                </c:pt>
                <c:pt idx="3699">
                  <c:v>5.0000000000000001E-3</c:v>
                </c:pt>
                <c:pt idx="3700">
                  <c:v>5.0000000000000001E-3</c:v>
                </c:pt>
                <c:pt idx="3701">
                  <c:v>5.0000000000000001E-3</c:v>
                </c:pt>
                <c:pt idx="3702">
                  <c:v>5.0000000000000001E-3</c:v>
                </c:pt>
                <c:pt idx="3703">
                  <c:v>5.0000000000000001E-3</c:v>
                </c:pt>
                <c:pt idx="3704">
                  <c:v>5.0000000000000001E-3</c:v>
                </c:pt>
                <c:pt idx="3705">
                  <c:v>5.0000000000000001E-3</c:v>
                </c:pt>
                <c:pt idx="3706">
                  <c:v>5.0000000000000001E-3</c:v>
                </c:pt>
                <c:pt idx="3707">
                  <c:v>5.0000000000000001E-3</c:v>
                </c:pt>
                <c:pt idx="3708">
                  <c:v>5.0000000000000001E-3</c:v>
                </c:pt>
                <c:pt idx="3709">
                  <c:v>5.0000000000000001E-3</c:v>
                </c:pt>
                <c:pt idx="3710">
                  <c:v>5.0000000000000001E-3</c:v>
                </c:pt>
                <c:pt idx="3711">
                  <c:v>5.0000000000000001E-3</c:v>
                </c:pt>
                <c:pt idx="3712">
                  <c:v>5.0000000000000001E-3</c:v>
                </c:pt>
                <c:pt idx="3713">
                  <c:v>5.0000000000000001E-3</c:v>
                </c:pt>
                <c:pt idx="3714">
                  <c:v>5.0000000000000001E-3</c:v>
                </c:pt>
                <c:pt idx="3715">
                  <c:v>5.0000000000000001E-3</c:v>
                </c:pt>
                <c:pt idx="3716">
                  <c:v>5.0000000000000001E-3</c:v>
                </c:pt>
                <c:pt idx="3717">
                  <c:v>5.0000000000000001E-3</c:v>
                </c:pt>
                <c:pt idx="3718">
                  <c:v>5.0000000000000001E-3</c:v>
                </c:pt>
                <c:pt idx="3719">
                  <c:v>5.0000000000000001E-3</c:v>
                </c:pt>
                <c:pt idx="3720">
                  <c:v>5.0000000000000001E-3</c:v>
                </c:pt>
                <c:pt idx="3721">
                  <c:v>5.0000000000000001E-3</c:v>
                </c:pt>
                <c:pt idx="3722">
                  <c:v>5.0000000000000001E-3</c:v>
                </c:pt>
                <c:pt idx="3723">
                  <c:v>5.0000000000000001E-3</c:v>
                </c:pt>
                <c:pt idx="3724">
                  <c:v>5.0000000000000001E-3</c:v>
                </c:pt>
                <c:pt idx="3725">
                  <c:v>5.0000000000000001E-3</c:v>
                </c:pt>
                <c:pt idx="3726">
                  <c:v>5.0000000000000001E-3</c:v>
                </c:pt>
                <c:pt idx="3727">
                  <c:v>5.0000000000000001E-3</c:v>
                </c:pt>
                <c:pt idx="3728">
                  <c:v>5.0000000000000001E-3</c:v>
                </c:pt>
                <c:pt idx="3729">
                  <c:v>5.0000000000000001E-3</c:v>
                </c:pt>
                <c:pt idx="3730">
                  <c:v>5.0000000000000001E-3</c:v>
                </c:pt>
                <c:pt idx="3731">
                  <c:v>5.0000000000000001E-3</c:v>
                </c:pt>
                <c:pt idx="3732">
                  <c:v>5.0000000000000001E-3</c:v>
                </c:pt>
                <c:pt idx="3733">
                  <c:v>5.0000000000000001E-3</c:v>
                </c:pt>
                <c:pt idx="3734">
                  <c:v>5.0000000000000001E-3</c:v>
                </c:pt>
                <c:pt idx="3735">
                  <c:v>5.0000000000000001E-3</c:v>
                </c:pt>
                <c:pt idx="3736">
                  <c:v>5.0000000000000001E-3</c:v>
                </c:pt>
                <c:pt idx="3737">
                  <c:v>5.0000000000000001E-3</c:v>
                </c:pt>
                <c:pt idx="3738">
                  <c:v>5.0000000000000001E-3</c:v>
                </c:pt>
                <c:pt idx="3739">
                  <c:v>5.0000000000000001E-3</c:v>
                </c:pt>
                <c:pt idx="3740">
                  <c:v>5.0000000000000001E-3</c:v>
                </c:pt>
                <c:pt idx="3741">
                  <c:v>5.0000000000000001E-3</c:v>
                </c:pt>
                <c:pt idx="3742">
                  <c:v>5.0000000000000001E-3</c:v>
                </c:pt>
                <c:pt idx="3743">
                  <c:v>5.0000000000000001E-3</c:v>
                </c:pt>
                <c:pt idx="3744">
                  <c:v>5.0000000000000001E-3</c:v>
                </c:pt>
                <c:pt idx="3745">
                  <c:v>5.0000000000000001E-3</c:v>
                </c:pt>
                <c:pt idx="3746">
                  <c:v>5.0000000000000001E-3</c:v>
                </c:pt>
                <c:pt idx="3747">
                  <c:v>5.0000000000000001E-3</c:v>
                </c:pt>
                <c:pt idx="3748">
                  <c:v>5.0000000000000001E-3</c:v>
                </c:pt>
                <c:pt idx="3749">
                  <c:v>5.0000000000000001E-3</c:v>
                </c:pt>
                <c:pt idx="3750">
                  <c:v>5.0000000000000001E-3</c:v>
                </c:pt>
                <c:pt idx="3751">
                  <c:v>5.0000000000000001E-3</c:v>
                </c:pt>
                <c:pt idx="3752">
                  <c:v>5.0000000000000001E-3</c:v>
                </c:pt>
                <c:pt idx="3753">
                  <c:v>5.0000000000000001E-3</c:v>
                </c:pt>
                <c:pt idx="3754">
                  <c:v>5.0000000000000001E-3</c:v>
                </c:pt>
                <c:pt idx="3755">
                  <c:v>5.0000000000000001E-3</c:v>
                </c:pt>
                <c:pt idx="3756">
                  <c:v>5.0000000000000001E-3</c:v>
                </c:pt>
                <c:pt idx="3757">
                  <c:v>5.0000000000000001E-3</c:v>
                </c:pt>
                <c:pt idx="3758">
                  <c:v>5.0000000000000001E-3</c:v>
                </c:pt>
                <c:pt idx="3759">
                  <c:v>5.0000000000000001E-3</c:v>
                </c:pt>
                <c:pt idx="3760">
                  <c:v>5.0000000000000001E-3</c:v>
                </c:pt>
                <c:pt idx="3761">
                  <c:v>5.0000000000000001E-3</c:v>
                </c:pt>
                <c:pt idx="3762">
                  <c:v>5.0000000000000001E-3</c:v>
                </c:pt>
                <c:pt idx="3763">
                  <c:v>5.0000000000000001E-3</c:v>
                </c:pt>
                <c:pt idx="3764">
                  <c:v>5.0000000000000001E-3</c:v>
                </c:pt>
                <c:pt idx="3765">
                  <c:v>5.0000000000000001E-3</c:v>
                </c:pt>
                <c:pt idx="3766">
                  <c:v>5.0000000000000001E-3</c:v>
                </c:pt>
                <c:pt idx="3767">
                  <c:v>5.0000000000000001E-3</c:v>
                </c:pt>
                <c:pt idx="3768">
                  <c:v>5.0000000000000001E-3</c:v>
                </c:pt>
                <c:pt idx="3769">
                  <c:v>5.0000000000000001E-3</c:v>
                </c:pt>
                <c:pt idx="3770">
                  <c:v>5.0000000000000001E-3</c:v>
                </c:pt>
                <c:pt idx="3771">
                  <c:v>5.0000000000000001E-3</c:v>
                </c:pt>
                <c:pt idx="3772">
                  <c:v>5.0000000000000001E-3</c:v>
                </c:pt>
                <c:pt idx="3773">
                  <c:v>5.0000000000000001E-3</c:v>
                </c:pt>
                <c:pt idx="3774">
                  <c:v>5.0000000000000001E-3</c:v>
                </c:pt>
                <c:pt idx="3775">
                  <c:v>5.0000000000000001E-3</c:v>
                </c:pt>
                <c:pt idx="3776">
                  <c:v>5.0000000000000001E-3</c:v>
                </c:pt>
                <c:pt idx="3777">
                  <c:v>5.0000000000000001E-3</c:v>
                </c:pt>
                <c:pt idx="3778">
                  <c:v>5.0000000000000001E-3</c:v>
                </c:pt>
                <c:pt idx="3779">
                  <c:v>5.0000000000000001E-3</c:v>
                </c:pt>
                <c:pt idx="3780">
                  <c:v>5.0000000000000001E-3</c:v>
                </c:pt>
                <c:pt idx="3781">
                  <c:v>5.0000000000000001E-3</c:v>
                </c:pt>
                <c:pt idx="3782">
                  <c:v>5.0000000000000001E-3</c:v>
                </c:pt>
                <c:pt idx="3783">
                  <c:v>5.0000000000000001E-3</c:v>
                </c:pt>
                <c:pt idx="3784">
                  <c:v>5.0000000000000001E-3</c:v>
                </c:pt>
                <c:pt idx="3785">
                  <c:v>5.0000000000000001E-3</c:v>
                </c:pt>
                <c:pt idx="3786">
                  <c:v>5.0000000000000001E-3</c:v>
                </c:pt>
                <c:pt idx="3787">
                  <c:v>5.0000000000000001E-3</c:v>
                </c:pt>
                <c:pt idx="3788">
                  <c:v>5.0000000000000001E-3</c:v>
                </c:pt>
                <c:pt idx="3789">
                  <c:v>5.0000000000000001E-3</c:v>
                </c:pt>
                <c:pt idx="3790">
                  <c:v>5.0000000000000001E-3</c:v>
                </c:pt>
                <c:pt idx="3791">
                  <c:v>5.0000000000000001E-3</c:v>
                </c:pt>
                <c:pt idx="3792">
                  <c:v>5.0000000000000001E-3</c:v>
                </c:pt>
                <c:pt idx="3793">
                  <c:v>5.0000000000000001E-3</c:v>
                </c:pt>
                <c:pt idx="3794">
                  <c:v>5.0000000000000001E-3</c:v>
                </c:pt>
                <c:pt idx="3795">
                  <c:v>5.0000000000000001E-3</c:v>
                </c:pt>
                <c:pt idx="3796">
                  <c:v>5.0000000000000001E-3</c:v>
                </c:pt>
                <c:pt idx="3797">
                  <c:v>5.0000000000000001E-3</c:v>
                </c:pt>
                <c:pt idx="3798">
                  <c:v>5.0000000000000001E-3</c:v>
                </c:pt>
                <c:pt idx="3799">
                  <c:v>5.0000000000000001E-3</c:v>
                </c:pt>
                <c:pt idx="3800">
                  <c:v>5.0000000000000001E-3</c:v>
                </c:pt>
                <c:pt idx="3801">
                  <c:v>5.0000000000000001E-3</c:v>
                </c:pt>
                <c:pt idx="3802">
                  <c:v>5.0000000000000001E-3</c:v>
                </c:pt>
                <c:pt idx="3803">
                  <c:v>5.0000000000000001E-3</c:v>
                </c:pt>
                <c:pt idx="3804">
                  <c:v>5.0000000000000001E-3</c:v>
                </c:pt>
                <c:pt idx="3805">
                  <c:v>5.0000000000000001E-3</c:v>
                </c:pt>
                <c:pt idx="3806">
                  <c:v>5.0000000000000001E-3</c:v>
                </c:pt>
                <c:pt idx="3807">
                  <c:v>5.0000000000000001E-3</c:v>
                </c:pt>
                <c:pt idx="3808">
                  <c:v>5.0000000000000001E-3</c:v>
                </c:pt>
                <c:pt idx="3809">
                  <c:v>5.0000000000000001E-3</c:v>
                </c:pt>
                <c:pt idx="3810">
                  <c:v>5.0000000000000001E-3</c:v>
                </c:pt>
                <c:pt idx="3811">
                  <c:v>5.0000000000000001E-3</c:v>
                </c:pt>
                <c:pt idx="3812">
                  <c:v>5.0000000000000001E-3</c:v>
                </c:pt>
                <c:pt idx="3813">
                  <c:v>5.0000000000000001E-3</c:v>
                </c:pt>
                <c:pt idx="3814">
                  <c:v>5.0000000000000001E-3</c:v>
                </c:pt>
                <c:pt idx="3815">
                  <c:v>5.0000000000000001E-3</c:v>
                </c:pt>
                <c:pt idx="3816">
                  <c:v>5.0000000000000001E-3</c:v>
                </c:pt>
                <c:pt idx="3817">
                  <c:v>5.0000000000000001E-3</c:v>
                </c:pt>
                <c:pt idx="3818">
                  <c:v>5.0000000000000001E-3</c:v>
                </c:pt>
                <c:pt idx="3819">
                  <c:v>5.0000000000000001E-3</c:v>
                </c:pt>
                <c:pt idx="3820">
                  <c:v>5.0000000000000001E-3</c:v>
                </c:pt>
                <c:pt idx="3821">
                  <c:v>5.0000000000000001E-3</c:v>
                </c:pt>
                <c:pt idx="3822">
                  <c:v>5.0000000000000001E-3</c:v>
                </c:pt>
                <c:pt idx="3823">
                  <c:v>5.0000000000000001E-3</c:v>
                </c:pt>
                <c:pt idx="3824">
                  <c:v>5.0000000000000001E-3</c:v>
                </c:pt>
                <c:pt idx="3825">
                  <c:v>5.0000000000000001E-3</c:v>
                </c:pt>
                <c:pt idx="3826">
                  <c:v>5.0000000000000001E-3</c:v>
                </c:pt>
                <c:pt idx="3827">
                  <c:v>5.0000000000000001E-3</c:v>
                </c:pt>
                <c:pt idx="3828">
                  <c:v>5.0000000000000001E-3</c:v>
                </c:pt>
                <c:pt idx="3829">
                  <c:v>5.0000000000000001E-3</c:v>
                </c:pt>
                <c:pt idx="3830">
                  <c:v>5.0000000000000001E-3</c:v>
                </c:pt>
                <c:pt idx="3831">
                  <c:v>5.0000000000000001E-3</c:v>
                </c:pt>
                <c:pt idx="3832">
                  <c:v>5.0000000000000001E-3</c:v>
                </c:pt>
                <c:pt idx="3833">
                  <c:v>5.0000000000000001E-3</c:v>
                </c:pt>
                <c:pt idx="3834">
                  <c:v>5.0000000000000001E-3</c:v>
                </c:pt>
                <c:pt idx="3835">
                  <c:v>5.0000000000000001E-3</c:v>
                </c:pt>
                <c:pt idx="3836">
                  <c:v>5.0000000000000001E-3</c:v>
                </c:pt>
                <c:pt idx="3837">
                  <c:v>5.0000000000000001E-3</c:v>
                </c:pt>
                <c:pt idx="3838">
                  <c:v>5.0000000000000001E-3</c:v>
                </c:pt>
                <c:pt idx="3839">
                  <c:v>5.0000000000000001E-3</c:v>
                </c:pt>
                <c:pt idx="3840">
                  <c:v>5.0000000000000001E-3</c:v>
                </c:pt>
                <c:pt idx="3841">
                  <c:v>5.0000000000000001E-3</c:v>
                </c:pt>
                <c:pt idx="3842">
                  <c:v>5.0000000000000001E-3</c:v>
                </c:pt>
                <c:pt idx="3843">
                  <c:v>5.0000000000000001E-3</c:v>
                </c:pt>
                <c:pt idx="3844">
                  <c:v>5.0000000000000001E-3</c:v>
                </c:pt>
                <c:pt idx="3845">
                  <c:v>5.0000000000000001E-3</c:v>
                </c:pt>
                <c:pt idx="3846">
                  <c:v>5.0000000000000001E-3</c:v>
                </c:pt>
                <c:pt idx="3847">
                  <c:v>5.0000000000000001E-3</c:v>
                </c:pt>
                <c:pt idx="3848">
                  <c:v>5.0000000000000001E-3</c:v>
                </c:pt>
                <c:pt idx="3849">
                  <c:v>5.0000000000000001E-3</c:v>
                </c:pt>
                <c:pt idx="3850">
                  <c:v>5.0000000000000001E-3</c:v>
                </c:pt>
                <c:pt idx="3851">
                  <c:v>5.0000000000000001E-3</c:v>
                </c:pt>
                <c:pt idx="3852">
                  <c:v>5.0000000000000001E-3</c:v>
                </c:pt>
                <c:pt idx="3853">
                  <c:v>5.0000000000000001E-3</c:v>
                </c:pt>
                <c:pt idx="3854">
                  <c:v>5.0000000000000001E-3</c:v>
                </c:pt>
                <c:pt idx="3855">
                  <c:v>5.0000000000000001E-3</c:v>
                </c:pt>
                <c:pt idx="3856">
                  <c:v>5.0000000000000001E-3</c:v>
                </c:pt>
                <c:pt idx="3857">
                  <c:v>5.0000000000000001E-3</c:v>
                </c:pt>
                <c:pt idx="3858">
                  <c:v>5.0000000000000001E-3</c:v>
                </c:pt>
                <c:pt idx="3859">
                  <c:v>5.0000000000000001E-3</c:v>
                </c:pt>
                <c:pt idx="3860">
                  <c:v>5.0000000000000001E-3</c:v>
                </c:pt>
                <c:pt idx="3861">
                  <c:v>5.0000000000000001E-3</c:v>
                </c:pt>
                <c:pt idx="3862">
                  <c:v>5.0000000000000001E-3</c:v>
                </c:pt>
                <c:pt idx="3863">
                  <c:v>5.0000000000000001E-3</c:v>
                </c:pt>
                <c:pt idx="3864">
                  <c:v>5.0000000000000001E-3</c:v>
                </c:pt>
                <c:pt idx="3865">
                  <c:v>5.0000000000000001E-3</c:v>
                </c:pt>
                <c:pt idx="3866">
                  <c:v>5.0000000000000001E-3</c:v>
                </c:pt>
                <c:pt idx="3867">
                  <c:v>5.0000000000000001E-3</c:v>
                </c:pt>
                <c:pt idx="3868">
                  <c:v>5.0000000000000001E-3</c:v>
                </c:pt>
                <c:pt idx="3869">
                  <c:v>5.0000000000000001E-3</c:v>
                </c:pt>
                <c:pt idx="3870">
                  <c:v>5.0000000000000001E-3</c:v>
                </c:pt>
                <c:pt idx="3871">
                  <c:v>5.0000000000000001E-3</c:v>
                </c:pt>
                <c:pt idx="3872">
                  <c:v>5.0000000000000001E-3</c:v>
                </c:pt>
                <c:pt idx="3873">
                  <c:v>5.0000000000000001E-3</c:v>
                </c:pt>
                <c:pt idx="3874">
                  <c:v>5.0000000000000001E-3</c:v>
                </c:pt>
                <c:pt idx="3875">
                  <c:v>5.0000000000000001E-3</c:v>
                </c:pt>
                <c:pt idx="3876">
                  <c:v>5.0000000000000001E-3</c:v>
                </c:pt>
                <c:pt idx="3877">
                  <c:v>5.0000000000000001E-3</c:v>
                </c:pt>
                <c:pt idx="3878">
                  <c:v>5.0000000000000001E-3</c:v>
                </c:pt>
                <c:pt idx="3879">
                  <c:v>5.0000000000000001E-3</c:v>
                </c:pt>
                <c:pt idx="3880">
                  <c:v>5.0000000000000001E-3</c:v>
                </c:pt>
                <c:pt idx="3881">
                  <c:v>5.0000000000000001E-3</c:v>
                </c:pt>
                <c:pt idx="3882">
                  <c:v>5.0000000000000001E-3</c:v>
                </c:pt>
                <c:pt idx="3883">
                  <c:v>5.0000000000000001E-3</c:v>
                </c:pt>
                <c:pt idx="3884">
                  <c:v>5.0000000000000001E-3</c:v>
                </c:pt>
                <c:pt idx="3885">
                  <c:v>5.0000000000000001E-3</c:v>
                </c:pt>
                <c:pt idx="3886">
                  <c:v>5.0000000000000001E-3</c:v>
                </c:pt>
                <c:pt idx="3887">
                  <c:v>5.0000000000000001E-3</c:v>
                </c:pt>
                <c:pt idx="3888">
                  <c:v>5.0000000000000001E-3</c:v>
                </c:pt>
                <c:pt idx="3889">
                  <c:v>5.0000000000000001E-3</c:v>
                </c:pt>
                <c:pt idx="3890">
                  <c:v>5.0000000000000001E-3</c:v>
                </c:pt>
                <c:pt idx="3891">
                  <c:v>5.0000000000000001E-3</c:v>
                </c:pt>
                <c:pt idx="3892">
                  <c:v>5.0000000000000001E-3</c:v>
                </c:pt>
                <c:pt idx="3893">
                  <c:v>5.0000000000000001E-3</c:v>
                </c:pt>
                <c:pt idx="3894">
                  <c:v>5.0000000000000001E-3</c:v>
                </c:pt>
                <c:pt idx="3895">
                  <c:v>5.0000000000000001E-3</c:v>
                </c:pt>
                <c:pt idx="3896">
                  <c:v>5.0000000000000001E-3</c:v>
                </c:pt>
                <c:pt idx="3897">
                  <c:v>5.0000000000000001E-3</c:v>
                </c:pt>
                <c:pt idx="3898">
                  <c:v>5.0000000000000001E-3</c:v>
                </c:pt>
                <c:pt idx="3899">
                  <c:v>5.0000000000000001E-3</c:v>
                </c:pt>
                <c:pt idx="3900">
                  <c:v>5.0000000000000001E-3</c:v>
                </c:pt>
                <c:pt idx="3901">
                  <c:v>5.0000000000000001E-3</c:v>
                </c:pt>
                <c:pt idx="3902">
                  <c:v>5.0000000000000001E-3</c:v>
                </c:pt>
                <c:pt idx="3903">
                  <c:v>5.0000000000000001E-3</c:v>
                </c:pt>
                <c:pt idx="3904">
                  <c:v>5.0000000000000001E-3</c:v>
                </c:pt>
                <c:pt idx="3905">
                  <c:v>5.0000000000000001E-3</c:v>
                </c:pt>
                <c:pt idx="3906">
                  <c:v>5.0000000000000001E-3</c:v>
                </c:pt>
                <c:pt idx="3907">
                  <c:v>5.0000000000000001E-3</c:v>
                </c:pt>
                <c:pt idx="3908">
                  <c:v>5.0000000000000001E-3</c:v>
                </c:pt>
                <c:pt idx="3909">
                  <c:v>5.0000000000000001E-3</c:v>
                </c:pt>
                <c:pt idx="3910">
                  <c:v>5.0000000000000001E-3</c:v>
                </c:pt>
                <c:pt idx="3911">
                  <c:v>5.0000000000000001E-3</c:v>
                </c:pt>
                <c:pt idx="3912">
                  <c:v>5.0000000000000001E-3</c:v>
                </c:pt>
                <c:pt idx="3913">
                  <c:v>5.0000000000000001E-3</c:v>
                </c:pt>
                <c:pt idx="3914">
                  <c:v>5.0000000000000001E-3</c:v>
                </c:pt>
                <c:pt idx="3915">
                  <c:v>5.0000000000000001E-3</c:v>
                </c:pt>
                <c:pt idx="3916">
                  <c:v>5.0000000000000001E-3</c:v>
                </c:pt>
                <c:pt idx="3917">
                  <c:v>5.0000000000000001E-3</c:v>
                </c:pt>
                <c:pt idx="3918">
                  <c:v>5.0000000000000001E-3</c:v>
                </c:pt>
                <c:pt idx="3919">
                  <c:v>5.0000000000000001E-3</c:v>
                </c:pt>
                <c:pt idx="3920">
                  <c:v>5.0000000000000001E-3</c:v>
                </c:pt>
                <c:pt idx="3921">
                  <c:v>5.0000000000000001E-3</c:v>
                </c:pt>
                <c:pt idx="3922">
                  <c:v>5.0000000000000001E-3</c:v>
                </c:pt>
                <c:pt idx="3923">
                  <c:v>5.0000000000000001E-3</c:v>
                </c:pt>
                <c:pt idx="3924">
                  <c:v>5.0000000000000001E-3</c:v>
                </c:pt>
                <c:pt idx="3925">
                  <c:v>5.0000000000000001E-3</c:v>
                </c:pt>
                <c:pt idx="3926">
                  <c:v>5.0000000000000001E-3</c:v>
                </c:pt>
                <c:pt idx="3927">
                  <c:v>5.0000000000000001E-3</c:v>
                </c:pt>
                <c:pt idx="3928">
                  <c:v>5.0000000000000001E-3</c:v>
                </c:pt>
                <c:pt idx="3929">
                  <c:v>5.0000000000000001E-3</c:v>
                </c:pt>
                <c:pt idx="3930">
                  <c:v>5.0000000000000001E-3</c:v>
                </c:pt>
                <c:pt idx="3931">
                  <c:v>5.0000000000000001E-3</c:v>
                </c:pt>
                <c:pt idx="3932">
                  <c:v>5.0000000000000001E-3</c:v>
                </c:pt>
                <c:pt idx="3933">
                  <c:v>5.0000000000000001E-3</c:v>
                </c:pt>
                <c:pt idx="3934">
                  <c:v>5.0000000000000001E-3</c:v>
                </c:pt>
                <c:pt idx="3935">
                  <c:v>5.0000000000000001E-3</c:v>
                </c:pt>
                <c:pt idx="3936">
                  <c:v>5.0000000000000001E-3</c:v>
                </c:pt>
                <c:pt idx="3937">
                  <c:v>5.0000000000000001E-3</c:v>
                </c:pt>
                <c:pt idx="3938">
                  <c:v>5.0000000000000001E-3</c:v>
                </c:pt>
                <c:pt idx="3939">
                  <c:v>5.0000000000000001E-3</c:v>
                </c:pt>
                <c:pt idx="3940">
                  <c:v>5.0000000000000001E-3</c:v>
                </c:pt>
                <c:pt idx="3941">
                  <c:v>5.0000000000000001E-3</c:v>
                </c:pt>
                <c:pt idx="3942">
                  <c:v>5.0000000000000001E-3</c:v>
                </c:pt>
                <c:pt idx="3943">
                  <c:v>5.0000000000000001E-3</c:v>
                </c:pt>
                <c:pt idx="3944">
                  <c:v>5.0000000000000001E-3</c:v>
                </c:pt>
                <c:pt idx="3945">
                  <c:v>5.0000000000000001E-3</c:v>
                </c:pt>
                <c:pt idx="3946">
                  <c:v>5.0000000000000001E-3</c:v>
                </c:pt>
                <c:pt idx="3947">
                  <c:v>5.0000000000000001E-3</c:v>
                </c:pt>
                <c:pt idx="3948">
                  <c:v>5.0000000000000001E-3</c:v>
                </c:pt>
                <c:pt idx="3949">
                  <c:v>5.0000000000000001E-3</c:v>
                </c:pt>
                <c:pt idx="3950">
                  <c:v>5.0000000000000001E-3</c:v>
                </c:pt>
                <c:pt idx="3951">
                  <c:v>5.0000000000000001E-3</c:v>
                </c:pt>
                <c:pt idx="3952">
                  <c:v>5.0000000000000001E-3</c:v>
                </c:pt>
                <c:pt idx="3953">
                  <c:v>5.0000000000000001E-3</c:v>
                </c:pt>
                <c:pt idx="3954">
                  <c:v>5.0000000000000001E-3</c:v>
                </c:pt>
                <c:pt idx="3955">
                  <c:v>5.0000000000000001E-3</c:v>
                </c:pt>
                <c:pt idx="3956">
                  <c:v>5.0000000000000001E-3</c:v>
                </c:pt>
                <c:pt idx="3957">
                  <c:v>5.0000000000000001E-3</c:v>
                </c:pt>
                <c:pt idx="3958">
                  <c:v>5.0000000000000001E-3</c:v>
                </c:pt>
                <c:pt idx="3959">
                  <c:v>5.0000000000000001E-3</c:v>
                </c:pt>
                <c:pt idx="3960">
                  <c:v>5.0000000000000001E-3</c:v>
                </c:pt>
                <c:pt idx="3961">
                  <c:v>5.0000000000000001E-3</c:v>
                </c:pt>
                <c:pt idx="3962">
                  <c:v>5.0000000000000001E-3</c:v>
                </c:pt>
                <c:pt idx="3963">
                  <c:v>5.0000000000000001E-3</c:v>
                </c:pt>
                <c:pt idx="3964">
                  <c:v>5.0000000000000001E-3</c:v>
                </c:pt>
                <c:pt idx="3965">
                  <c:v>5.0000000000000001E-3</c:v>
                </c:pt>
                <c:pt idx="3966">
                  <c:v>5.0000000000000001E-3</c:v>
                </c:pt>
                <c:pt idx="3967">
                  <c:v>5.0000000000000001E-3</c:v>
                </c:pt>
                <c:pt idx="3968">
                  <c:v>5.0000000000000001E-3</c:v>
                </c:pt>
                <c:pt idx="3969">
                  <c:v>5.0000000000000001E-3</c:v>
                </c:pt>
                <c:pt idx="3970">
                  <c:v>5.0000000000000001E-3</c:v>
                </c:pt>
                <c:pt idx="3971">
                  <c:v>5.0000000000000001E-3</c:v>
                </c:pt>
                <c:pt idx="3972">
                  <c:v>5.0000000000000001E-3</c:v>
                </c:pt>
                <c:pt idx="3973">
                  <c:v>5.0000000000000001E-3</c:v>
                </c:pt>
                <c:pt idx="3974">
                  <c:v>5.0000000000000001E-3</c:v>
                </c:pt>
                <c:pt idx="3975">
                  <c:v>5.0000000000000001E-3</c:v>
                </c:pt>
                <c:pt idx="3976">
                  <c:v>5.0000000000000001E-3</c:v>
                </c:pt>
                <c:pt idx="3977">
                  <c:v>5.0000000000000001E-3</c:v>
                </c:pt>
                <c:pt idx="3978">
                  <c:v>5.0000000000000001E-3</c:v>
                </c:pt>
                <c:pt idx="3979">
                  <c:v>5.0000000000000001E-3</c:v>
                </c:pt>
                <c:pt idx="3980">
                  <c:v>5.0000000000000001E-3</c:v>
                </c:pt>
                <c:pt idx="3981">
                  <c:v>5.0000000000000001E-3</c:v>
                </c:pt>
                <c:pt idx="3982">
                  <c:v>5.0000000000000001E-3</c:v>
                </c:pt>
                <c:pt idx="3983">
                  <c:v>5.0000000000000001E-3</c:v>
                </c:pt>
                <c:pt idx="3984">
                  <c:v>5.0000000000000001E-3</c:v>
                </c:pt>
                <c:pt idx="3985">
                  <c:v>5.0000000000000001E-3</c:v>
                </c:pt>
                <c:pt idx="3986">
                  <c:v>5.0000000000000001E-3</c:v>
                </c:pt>
                <c:pt idx="3987">
                  <c:v>5.0000000000000001E-3</c:v>
                </c:pt>
                <c:pt idx="3988">
                  <c:v>5.0000000000000001E-3</c:v>
                </c:pt>
                <c:pt idx="3989">
                  <c:v>5.0000000000000001E-3</c:v>
                </c:pt>
                <c:pt idx="3990">
                  <c:v>5.0000000000000001E-3</c:v>
                </c:pt>
                <c:pt idx="3991">
                  <c:v>5.0000000000000001E-3</c:v>
                </c:pt>
                <c:pt idx="3992">
                  <c:v>5.0000000000000001E-3</c:v>
                </c:pt>
                <c:pt idx="3993">
                  <c:v>5.0000000000000001E-3</c:v>
                </c:pt>
                <c:pt idx="3994">
                  <c:v>5.0000000000000001E-3</c:v>
                </c:pt>
                <c:pt idx="3995">
                  <c:v>5.0000000000000001E-3</c:v>
                </c:pt>
                <c:pt idx="3996">
                  <c:v>5.0000000000000001E-3</c:v>
                </c:pt>
                <c:pt idx="3997">
                  <c:v>5.0000000000000001E-3</c:v>
                </c:pt>
                <c:pt idx="3998">
                  <c:v>5.0000000000000001E-3</c:v>
                </c:pt>
                <c:pt idx="3999">
                  <c:v>5.0000000000000001E-3</c:v>
                </c:pt>
                <c:pt idx="4000">
                  <c:v>5.0000000000000001E-3</c:v>
                </c:pt>
                <c:pt idx="4001">
                  <c:v>5.0000000000000001E-3</c:v>
                </c:pt>
                <c:pt idx="4002">
                  <c:v>5.0000000000000001E-3</c:v>
                </c:pt>
                <c:pt idx="4003">
                  <c:v>5.0000000000000001E-3</c:v>
                </c:pt>
                <c:pt idx="4004">
                  <c:v>5.0000000000000001E-3</c:v>
                </c:pt>
                <c:pt idx="4005">
                  <c:v>5.0000000000000001E-3</c:v>
                </c:pt>
                <c:pt idx="4006">
                  <c:v>5.0000000000000001E-3</c:v>
                </c:pt>
                <c:pt idx="4007">
                  <c:v>5.0000000000000001E-3</c:v>
                </c:pt>
                <c:pt idx="4008">
                  <c:v>5.0000000000000001E-3</c:v>
                </c:pt>
                <c:pt idx="4009">
                  <c:v>5.0000000000000001E-3</c:v>
                </c:pt>
                <c:pt idx="4010">
                  <c:v>5.0000000000000001E-3</c:v>
                </c:pt>
                <c:pt idx="4011">
                  <c:v>5.0000000000000001E-3</c:v>
                </c:pt>
                <c:pt idx="4012">
                  <c:v>5.0000000000000001E-3</c:v>
                </c:pt>
                <c:pt idx="4013">
                  <c:v>5.0000000000000001E-3</c:v>
                </c:pt>
                <c:pt idx="4014">
                  <c:v>5.0000000000000001E-3</c:v>
                </c:pt>
                <c:pt idx="4015">
                  <c:v>5.0000000000000001E-3</c:v>
                </c:pt>
                <c:pt idx="4016">
                  <c:v>5.0000000000000001E-3</c:v>
                </c:pt>
                <c:pt idx="4017">
                  <c:v>5.0000000000000001E-3</c:v>
                </c:pt>
                <c:pt idx="4018">
                  <c:v>5.0000000000000001E-3</c:v>
                </c:pt>
                <c:pt idx="4019">
                  <c:v>5.0000000000000001E-3</c:v>
                </c:pt>
                <c:pt idx="4020">
                  <c:v>5.0000000000000001E-3</c:v>
                </c:pt>
                <c:pt idx="4021">
                  <c:v>5.0000000000000001E-3</c:v>
                </c:pt>
                <c:pt idx="4022">
                  <c:v>5.0000000000000001E-3</c:v>
                </c:pt>
                <c:pt idx="4023">
                  <c:v>5.0000000000000001E-3</c:v>
                </c:pt>
                <c:pt idx="4024">
                  <c:v>5.0000000000000001E-3</c:v>
                </c:pt>
                <c:pt idx="4025">
                  <c:v>5.0000000000000001E-3</c:v>
                </c:pt>
                <c:pt idx="4026">
                  <c:v>5.0000000000000001E-3</c:v>
                </c:pt>
                <c:pt idx="4027">
                  <c:v>5.0000000000000001E-3</c:v>
                </c:pt>
                <c:pt idx="4028">
                  <c:v>5.0000000000000001E-3</c:v>
                </c:pt>
                <c:pt idx="4029">
                  <c:v>5.0000000000000001E-3</c:v>
                </c:pt>
                <c:pt idx="4030">
                  <c:v>5.0000000000000001E-3</c:v>
                </c:pt>
                <c:pt idx="4031">
                  <c:v>5.0000000000000001E-3</c:v>
                </c:pt>
                <c:pt idx="4032">
                  <c:v>5.0000000000000001E-3</c:v>
                </c:pt>
                <c:pt idx="4033">
                  <c:v>5.0000000000000001E-3</c:v>
                </c:pt>
                <c:pt idx="4034">
                  <c:v>5.0000000000000001E-3</c:v>
                </c:pt>
                <c:pt idx="4035">
                  <c:v>5.0000000000000001E-3</c:v>
                </c:pt>
                <c:pt idx="4036">
                  <c:v>5.0000000000000001E-3</c:v>
                </c:pt>
                <c:pt idx="4037">
                  <c:v>5.0000000000000001E-3</c:v>
                </c:pt>
                <c:pt idx="4038">
                  <c:v>5.0000000000000001E-3</c:v>
                </c:pt>
                <c:pt idx="4039">
                  <c:v>5.0000000000000001E-3</c:v>
                </c:pt>
                <c:pt idx="4040">
                  <c:v>5.0000000000000001E-3</c:v>
                </c:pt>
                <c:pt idx="4041">
                  <c:v>5.0000000000000001E-3</c:v>
                </c:pt>
                <c:pt idx="4042">
                  <c:v>5.0000000000000001E-3</c:v>
                </c:pt>
                <c:pt idx="4043">
                  <c:v>5.0000000000000001E-3</c:v>
                </c:pt>
                <c:pt idx="4044">
                  <c:v>5.0000000000000001E-3</c:v>
                </c:pt>
                <c:pt idx="4045">
                  <c:v>5.0000000000000001E-3</c:v>
                </c:pt>
                <c:pt idx="4046">
                  <c:v>5.0000000000000001E-3</c:v>
                </c:pt>
                <c:pt idx="4047">
                  <c:v>5.0000000000000001E-3</c:v>
                </c:pt>
                <c:pt idx="4048">
                  <c:v>5.0000000000000001E-3</c:v>
                </c:pt>
                <c:pt idx="4049">
                  <c:v>5.0000000000000001E-3</c:v>
                </c:pt>
                <c:pt idx="4050">
                  <c:v>5.0000000000000001E-3</c:v>
                </c:pt>
                <c:pt idx="4051">
                  <c:v>5.0000000000000001E-3</c:v>
                </c:pt>
                <c:pt idx="4052">
                  <c:v>5.0000000000000001E-3</c:v>
                </c:pt>
                <c:pt idx="4053">
                  <c:v>5.0000000000000001E-3</c:v>
                </c:pt>
                <c:pt idx="4054">
                  <c:v>5.0000000000000001E-3</c:v>
                </c:pt>
                <c:pt idx="4055">
                  <c:v>5.0000000000000001E-3</c:v>
                </c:pt>
                <c:pt idx="4056">
                  <c:v>5.0000000000000001E-3</c:v>
                </c:pt>
                <c:pt idx="4057">
                  <c:v>5.0000000000000001E-3</c:v>
                </c:pt>
                <c:pt idx="4058">
                  <c:v>5.0000000000000001E-3</c:v>
                </c:pt>
                <c:pt idx="4059">
                  <c:v>5.0000000000000001E-3</c:v>
                </c:pt>
                <c:pt idx="4060">
                  <c:v>5.0000000000000001E-3</c:v>
                </c:pt>
                <c:pt idx="4061">
                  <c:v>5.0000000000000001E-3</c:v>
                </c:pt>
                <c:pt idx="4062">
                  <c:v>5.0000000000000001E-3</c:v>
                </c:pt>
                <c:pt idx="4063">
                  <c:v>5.0000000000000001E-3</c:v>
                </c:pt>
                <c:pt idx="4064">
                  <c:v>5.0000000000000001E-3</c:v>
                </c:pt>
                <c:pt idx="4065">
                  <c:v>5.0000000000000001E-3</c:v>
                </c:pt>
                <c:pt idx="4066">
                  <c:v>5.0000000000000001E-3</c:v>
                </c:pt>
                <c:pt idx="4067">
                  <c:v>5.0000000000000001E-3</c:v>
                </c:pt>
                <c:pt idx="4068">
                  <c:v>5.0000000000000001E-3</c:v>
                </c:pt>
                <c:pt idx="4069">
                  <c:v>5.0000000000000001E-3</c:v>
                </c:pt>
                <c:pt idx="4070">
                  <c:v>5.0000000000000001E-3</c:v>
                </c:pt>
                <c:pt idx="4071">
                  <c:v>5.0000000000000001E-3</c:v>
                </c:pt>
                <c:pt idx="4072">
                  <c:v>5.0000000000000001E-3</c:v>
                </c:pt>
                <c:pt idx="4073">
                  <c:v>5.0000000000000001E-3</c:v>
                </c:pt>
                <c:pt idx="4074">
                  <c:v>5.0000000000000001E-3</c:v>
                </c:pt>
                <c:pt idx="4075">
                  <c:v>5.0000000000000001E-3</c:v>
                </c:pt>
                <c:pt idx="4076">
                  <c:v>5.0000000000000001E-3</c:v>
                </c:pt>
                <c:pt idx="4077">
                  <c:v>5.0000000000000001E-3</c:v>
                </c:pt>
                <c:pt idx="4078">
                  <c:v>5.0000000000000001E-3</c:v>
                </c:pt>
                <c:pt idx="4079">
                  <c:v>5.0000000000000001E-3</c:v>
                </c:pt>
                <c:pt idx="4080">
                  <c:v>5.0000000000000001E-3</c:v>
                </c:pt>
                <c:pt idx="4081">
                  <c:v>5.0000000000000001E-3</c:v>
                </c:pt>
                <c:pt idx="4082">
                  <c:v>5.0000000000000001E-3</c:v>
                </c:pt>
                <c:pt idx="4083">
                  <c:v>5.0000000000000001E-3</c:v>
                </c:pt>
                <c:pt idx="4084">
                  <c:v>5.0000000000000001E-3</c:v>
                </c:pt>
                <c:pt idx="4085">
                  <c:v>5.0000000000000001E-3</c:v>
                </c:pt>
                <c:pt idx="4086">
                  <c:v>5.0000000000000001E-3</c:v>
                </c:pt>
                <c:pt idx="4087">
                  <c:v>5.0000000000000001E-3</c:v>
                </c:pt>
                <c:pt idx="4088">
                  <c:v>5.0000000000000001E-3</c:v>
                </c:pt>
                <c:pt idx="4089">
                  <c:v>5.0000000000000001E-3</c:v>
                </c:pt>
                <c:pt idx="4090">
                  <c:v>5.0000000000000001E-3</c:v>
                </c:pt>
                <c:pt idx="4091">
                  <c:v>5.0000000000000001E-3</c:v>
                </c:pt>
                <c:pt idx="4092">
                  <c:v>5.0000000000000001E-3</c:v>
                </c:pt>
                <c:pt idx="4093">
                  <c:v>5.0000000000000001E-3</c:v>
                </c:pt>
                <c:pt idx="4094">
                  <c:v>5.0000000000000001E-3</c:v>
                </c:pt>
                <c:pt idx="4095">
                  <c:v>5.0000000000000001E-3</c:v>
                </c:pt>
                <c:pt idx="4096">
                  <c:v>5.0000000000000001E-3</c:v>
                </c:pt>
                <c:pt idx="4097">
                  <c:v>5.0000000000000001E-3</c:v>
                </c:pt>
                <c:pt idx="4098">
                  <c:v>5.0000000000000001E-3</c:v>
                </c:pt>
                <c:pt idx="4099">
                  <c:v>5.0000000000000001E-3</c:v>
                </c:pt>
                <c:pt idx="4100">
                  <c:v>5.0000000000000001E-3</c:v>
                </c:pt>
                <c:pt idx="4101">
                  <c:v>5.0000000000000001E-3</c:v>
                </c:pt>
                <c:pt idx="4102">
                  <c:v>5.0000000000000001E-3</c:v>
                </c:pt>
                <c:pt idx="4103">
                  <c:v>5.0000000000000001E-3</c:v>
                </c:pt>
                <c:pt idx="4104">
                  <c:v>5.0000000000000001E-3</c:v>
                </c:pt>
                <c:pt idx="4105">
                  <c:v>5.0000000000000001E-3</c:v>
                </c:pt>
                <c:pt idx="4106">
                  <c:v>5.0000000000000001E-3</c:v>
                </c:pt>
                <c:pt idx="4107">
                  <c:v>5.0000000000000001E-3</c:v>
                </c:pt>
                <c:pt idx="4108">
                  <c:v>5.0000000000000001E-3</c:v>
                </c:pt>
                <c:pt idx="4109">
                  <c:v>5.0000000000000001E-3</c:v>
                </c:pt>
                <c:pt idx="4110">
                  <c:v>5.0000000000000001E-3</c:v>
                </c:pt>
                <c:pt idx="4111">
                  <c:v>5.0000000000000001E-3</c:v>
                </c:pt>
                <c:pt idx="4112">
                  <c:v>5.0000000000000001E-3</c:v>
                </c:pt>
                <c:pt idx="4113">
                  <c:v>5.0000000000000001E-3</c:v>
                </c:pt>
                <c:pt idx="4114">
                  <c:v>5.0000000000000001E-3</c:v>
                </c:pt>
                <c:pt idx="4115">
                  <c:v>5.0000000000000001E-3</c:v>
                </c:pt>
                <c:pt idx="4116">
                  <c:v>5.0000000000000001E-3</c:v>
                </c:pt>
                <c:pt idx="4117">
                  <c:v>5.0000000000000001E-3</c:v>
                </c:pt>
                <c:pt idx="4118">
                  <c:v>5.0000000000000001E-3</c:v>
                </c:pt>
                <c:pt idx="4119">
                  <c:v>5.0000000000000001E-3</c:v>
                </c:pt>
                <c:pt idx="4120">
                  <c:v>5.0000000000000001E-3</c:v>
                </c:pt>
                <c:pt idx="4121">
                  <c:v>5.0000000000000001E-3</c:v>
                </c:pt>
                <c:pt idx="4122">
                  <c:v>5.0000000000000001E-3</c:v>
                </c:pt>
                <c:pt idx="4123">
                  <c:v>5.0000000000000001E-3</c:v>
                </c:pt>
                <c:pt idx="4124">
                  <c:v>5.0000000000000001E-3</c:v>
                </c:pt>
                <c:pt idx="4125">
                  <c:v>5.0000000000000001E-3</c:v>
                </c:pt>
                <c:pt idx="4126">
                  <c:v>5.0000000000000001E-3</c:v>
                </c:pt>
                <c:pt idx="4127">
                  <c:v>5.0000000000000001E-3</c:v>
                </c:pt>
                <c:pt idx="4128">
                  <c:v>5.0000000000000001E-3</c:v>
                </c:pt>
                <c:pt idx="4129">
                  <c:v>5.0000000000000001E-3</c:v>
                </c:pt>
                <c:pt idx="4130">
                  <c:v>5.0000000000000001E-3</c:v>
                </c:pt>
                <c:pt idx="4131">
                  <c:v>5.0000000000000001E-3</c:v>
                </c:pt>
                <c:pt idx="4132">
                  <c:v>5.0000000000000001E-3</c:v>
                </c:pt>
                <c:pt idx="4133">
                  <c:v>5.0000000000000001E-3</c:v>
                </c:pt>
                <c:pt idx="4134">
                  <c:v>5.0000000000000001E-3</c:v>
                </c:pt>
                <c:pt idx="4135">
                  <c:v>5.0000000000000001E-3</c:v>
                </c:pt>
                <c:pt idx="4136">
                  <c:v>5.0000000000000001E-3</c:v>
                </c:pt>
                <c:pt idx="4137">
                  <c:v>5.0000000000000001E-3</c:v>
                </c:pt>
                <c:pt idx="4138">
                  <c:v>5.0000000000000001E-3</c:v>
                </c:pt>
                <c:pt idx="4139">
                  <c:v>5.0000000000000001E-3</c:v>
                </c:pt>
                <c:pt idx="4140">
                  <c:v>5.0000000000000001E-3</c:v>
                </c:pt>
                <c:pt idx="4141">
                  <c:v>5.0000000000000001E-3</c:v>
                </c:pt>
                <c:pt idx="4142">
                  <c:v>5.0000000000000001E-3</c:v>
                </c:pt>
                <c:pt idx="4143">
                  <c:v>5.0000000000000001E-3</c:v>
                </c:pt>
                <c:pt idx="4144">
                  <c:v>5.0000000000000001E-3</c:v>
                </c:pt>
                <c:pt idx="4145">
                  <c:v>5.0000000000000001E-3</c:v>
                </c:pt>
                <c:pt idx="4146">
                  <c:v>5.0000000000000001E-3</c:v>
                </c:pt>
                <c:pt idx="4147">
                  <c:v>5.0000000000000001E-3</c:v>
                </c:pt>
                <c:pt idx="4148">
                  <c:v>5.0000000000000001E-3</c:v>
                </c:pt>
                <c:pt idx="4149">
                  <c:v>5.0000000000000001E-3</c:v>
                </c:pt>
                <c:pt idx="4150">
                  <c:v>5.0000000000000001E-3</c:v>
                </c:pt>
                <c:pt idx="4151">
                  <c:v>5.0000000000000001E-3</c:v>
                </c:pt>
                <c:pt idx="4152">
                  <c:v>5.0000000000000001E-3</c:v>
                </c:pt>
                <c:pt idx="4153">
                  <c:v>5.0000000000000001E-3</c:v>
                </c:pt>
                <c:pt idx="4154">
                  <c:v>5.0000000000000001E-3</c:v>
                </c:pt>
                <c:pt idx="4155">
                  <c:v>5.0000000000000001E-3</c:v>
                </c:pt>
                <c:pt idx="4156">
                  <c:v>5.0000000000000001E-3</c:v>
                </c:pt>
                <c:pt idx="4157">
                  <c:v>5.0000000000000001E-3</c:v>
                </c:pt>
                <c:pt idx="4158">
                  <c:v>5.0000000000000001E-3</c:v>
                </c:pt>
                <c:pt idx="4159">
                  <c:v>5.0000000000000001E-3</c:v>
                </c:pt>
                <c:pt idx="4160">
                  <c:v>5.0000000000000001E-3</c:v>
                </c:pt>
                <c:pt idx="4161">
                  <c:v>5.0000000000000001E-3</c:v>
                </c:pt>
                <c:pt idx="4162">
                  <c:v>5.0000000000000001E-3</c:v>
                </c:pt>
                <c:pt idx="4163">
                  <c:v>5.0000000000000001E-3</c:v>
                </c:pt>
                <c:pt idx="4164">
                  <c:v>5.0000000000000001E-3</c:v>
                </c:pt>
                <c:pt idx="4165">
                  <c:v>5.0000000000000001E-3</c:v>
                </c:pt>
                <c:pt idx="4166">
                  <c:v>5.0000000000000001E-3</c:v>
                </c:pt>
                <c:pt idx="4167">
                  <c:v>5.0000000000000001E-3</c:v>
                </c:pt>
                <c:pt idx="4168">
                  <c:v>5.0000000000000001E-3</c:v>
                </c:pt>
                <c:pt idx="4169">
                  <c:v>5.0000000000000001E-3</c:v>
                </c:pt>
                <c:pt idx="4170">
                  <c:v>5.0000000000000001E-3</c:v>
                </c:pt>
                <c:pt idx="4171">
                  <c:v>5.0000000000000001E-3</c:v>
                </c:pt>
                <c:pt idx="4172">
                  <c:v>5.0000000000000001E-3</c:v>
                </c:pt>
                <c:pt idx="4173">
                  <c:v>5.0000000000000001E-3</c:v>
                </c:pt>
                <c:pt idx="4174">
                  <c:v>5.0000000000000001E-3</c:v>
                </c:pt>
                <c:pt idx="4175">
                  <c:v>5.0000000000000001E-3</c:v>
                </c:pt>
                <c:pt idx="4176">
                  <c:v>5.0000000000000001E-3</c:v>
                </c:pt>
                <c:pt idx="4177">
                  <c:v>5.0000000000000001E-3</c:v>
                </c:pt>
                <c:pt idx="4178">
                  <c:v>5.0000000000000001E-3</c:v>
                </c:pt>
                <c:pt idx="4179">
                  <c:v>5.0000000000000001E-3</c:v>
                </c:pt>
                <c:pt idx="4180">
                  <c:v>5.0000000000000001E-3</c:v>
                </c:pt>
                <c:pt idx="4181">
                  <c:v>5.0000000000000001E-3</c:v>
                </c:pt>
                <c:pt idx="4182">
                  <c:v>5.0000000000000001E-3</c:v>
                </c:pt>
                <c:pt idx="4183">
                  <c:v>5.0000000000000001E-3</c:v>
                </c:pt>
                <c:pt idx="4184">
                  <c:v>5.0000000000000001E-3</c:v>
                </c:pt>
                <c:pt idx="4185">
                  <c:v>5.0000000000000001E-3</c:v>
                </c:pt>
                <c:pt idx="4186">
                  <c:v>5.0000000000000001E-3</c:v>
                </c:pt>
                <c:pt idx="4187">
                  <c:v>5.0000000000000001E-3</c:v>
                </c:pt>
                <c:pt idx="4188">
                  <c:v>5.0000000000000001E-3</c:v>
                </c:pt>
                <c:pt idx="4189">
                  <c:v>5.0000000000000001E-3</c:v>
                </c:pt>
                <c:pt idx="4190">
                  <c:v>5.0000000000000001E-3</c:v>
                </c:pt>
                <c:pt idx="4191">
                  <c:v>5.0000000000000001E-3</c:v>
                </c:pt>
                <c:pt idx="4192">
                  <c:v>5.0000000000000001E-3</c:v>
                </c:pt>
                <c:pt idx="4193">
                  <c:v>5.0000000000000001E-3</c:v>
                </c:pt>
                <c:pt idx="4194">
                  <c:v>5.0000000000000001E-3</c:v>
                </c:pt>
                <c:pt idx="4195">
                  <c:v>5.0000000000000001E-3</c:v>
                </c:pt>
                <c:pt idx="4196">
                  <c:v>5.0000000000000001E-3</c:v>
                </c:pt>
                <c:pt idx="4197">
                  <c:v>5.0000000000000001E-3</c:v>
                </c:pt>
                <c:pt idx="4198">
                  <c:v>5.0000000000000001E-3</c:v>
                </c:pt>
                <c:pt idx="4199">
                  <c:v>5.0000000000000001E-3</c:v>
                </c:pt>
                <c:pt idx="4200">
                  <c:v>5.0000000000000001E-3</c:v>
                </c:pt>
                <c:pt idx="4201">
                  <c:v>5.0000000000000001E-3</c:v>
                </c:pt>
                <c:pt idx="4202">
                  <c:v>5.0000000000000001E-3</c:v>
                </c:pt>
                <c:pt idx="4203">
                  <c:v>5.0000000000000001E-3</c:v>
                </c:pt>
                <c:pt idx="4204">
                  <c:v>5.0000000000000001E-3</c:v>
                </c:pt>
                <c:pt idx="4205">
                  <c:v>5.0000000000000001E-3</c:v>
                </c:pt>
                <c:pt idx="4206">
                  <c:v>5.0000000000000001E-3</c:v>
                </c:pt>
                <c:pt idx="4207">
                  <c:v>5.0000000000000001E-3</c:v>
                </c:pt>
                <c:pt idx="4208">
                  <c:v>5.0000000000000001E-3</c:v>
                </c:pt>
                <c:pt idx="4209">
                  <c:v>5.0000000000000001E-3</c:v>
                </c:pt>
                <c:pt idx="4210">
                  <c:v>5.0000000000000001E-3</c:v>
                </c:pt>
                <c:pt idx="4211">
                  <c:v>5.0000000000000001E-3</c:v>
                </c:pt>
                <c:pt idx="4212">
                  <c:v>5.0000000000000001E-3</c:v>
                </c:pt>
                <c:pt idx="4213">
                  <c:v>5.0000000000000001E-3</c:v>
                </c:pt>
                <c:pt idx="4214">
                  <c:v>5.0000000000000001E-3</c:v>
                </c:pt>
                <c:pt idx="4215">
                  <c:v>5.0000000000000001E-3</c:v>
                </c:pt>
                <c:pt idx="4216">
                  <c:v>5.0000000000000001E-3</c:v>
                </c:pt>
                <c:pt idx="4217">
                  <c:v>5.0000000000000001E-3</c:v>
                </c:pt>
                <c:pt idx="4218">
                  <c:v>5.0000000000000001E-3</c:v>
                </c:pt>
                <c:pt idx="4219">
                  <c:v>5.0000000000000001E-3</c:v>
                </c:pt>
                <c:pt idx="4220">
                  <c:v>5.0000000000000001E-3</c:v>
                </c:pt>
                <c:pt idx="4221">
                  <c:v>5.0000000000000001E-3</c:v>
                </c:pt>
                <c:pt idx="4222">
                  <c:v>5.0000000000000001E-3</c:v>
                </c:pt>
                <c:pt idx="4223">
                  <c:v>5.0000000000000001E-3</c:v>
                </c:pt>
                <c:pt idx="4224">
                  <c:v>5.0000000000000001E-3</c:v>
                </c:pt>
                <c:pt idx="4225">
                  <c:v>5.0000000000000001E-3</c:v>
                </c:pt>
                <c:pt idx="4226">
                  <c:v>5.0000000000000001E-3</c:v>
                </c:pt>
                <c:pt idx="4227">
                  <c:v>5.0000000000000001E-3</c:v>
                </c:pt>
                <c:pt idx="4228">
                  <c:v>5.0000000000000001E-3</c:v>
                </c:pt>
                <c:pt idx="4229">
                  <c:v>5.0000000000000001E-3</c:v>
                </c:pt>
                <c:pt idx="4230">
                  <c:v>5.0000000000000001E-3</c:v>
                </c:pt>
                <c:pt idx="4231">
                  <c:v>5.0000000000000001E-3</c:v>
                </c:pt>
                <c:pt idx="4232">
                  <c:v>5.0000000000000001E-3</c:v>
                </c:pt>
                <c:pt idx="4233">
                  <c:v>5.0000000000000001E-3</c:v>
                </c:pt>
                <c:pt idx="4234">
                  <c:v>5.0000000000000001E-3</c:v>
                </c:pt>
                <c:pt idx="4235">
                  <c:v>5.0000000000000001E-3</c:v>
                </c:pt>
                <c:pt idx="4236">
                  <c:v>5.0000000000000001E-3</c:v>
                </c:pt>
                <c:pt idx="4237">
                  <c:v>5.0000000000000001E-3</c:v>
                </c:pt>
                <c:pt idx="4238">
                  <c:v>5.0000000000000001E-3</c:v>
                </c:pt>
                <c:pt idx="4239">
                  <c:v>5.0000000000000001E-3</c:v>
                </c:pt>
                <c:pt idx="4240">
                  <c:v>5.0000000000000001E-3</c:v>
                </c:pt>
                <c:pt idx="4241">
                  <c:v>5.0000000000000001E-3</c:v>
                </c:pt>
                <c:pt idx="4242">
                  <c:v>5.0000000000000001E-3</c:v>
                </c:pt>
                <c:pt idx="4243">
                  <c:v>5.0000000000000001E-3</c:v>
                </c:pt>
                <c:pt idx="4244">
                  <c:v>5.0000000000000001E-3</c:v>
                </c:pt>
                <c:pt idx="4245">
                  <c:v>5.0000000000000001E-3</c:v>
                </c:pt>
                <c:pt idx="4246">
                  <c:v>5.0000000000000001E-3</c:v>
                </c:pt>
                <c:pt idx="4247">
                  <c:v>5.0000000000000001E-3</c:v>
                </c:pt>
                <c:pt idx="4248">
                  <c:v>5.0000000000000001E-3</c:v>
                </c:pt>
                <c:pt idx="4249">
                  <c:v>5.0000000000000001E-3</c:v>
                </c:pt>
                <c:pt idx="4250">
                  <c:v>5.0000000000000001E-3</c:v>
                </c:pt>
                <c:pt idx="4251">
                  <c:v>5.0000000000000001E-3</c:v>
                </c:pt>
                <c:pt idx="4252">
                  <c:v>5.0000000000000001E-3</c:v>
                </c:pt>
                <c:pt idx="4253">
                  <c:v>5.0000000000000001E-3</c:v>
                </c:pt>
                <c:pt idx="4254">
                  <c:v>5.0000000000000001E-3</c:v>
                </c:pt>
                <c:pt idx="4255">
                  <c:v>5.0000000000000001E-3</c:v>
                </c:pt>
                <c:pt idx="4256">
                  <c:v>5.0000000000000001E-3</c:v>
                </c:pt>
                <c:pt idx="4257">
                  <c:v>5.0000000000000001E-3</c:v>
                </c:pt>
                <c:pt idx="4258">
                  <c:v>5.0000000000000001E-3</c:v>
                </c:pt>
                <c:pt idx="4259">
                  <c:v>5.0000000000000001E-3</c:v>
                </c:pt>
                <c:pt idx="4260">
                  <c:v>5.0000000000000001E-3</c:v>
                </c:pt>
                <c:pt idx="4261">
                  <c:v>5.0000000000000001E-3</c:v>
                </c:pt>
                <c:pt idx="4262">
                  <c:v>5.0000000000000001E-3</c:v>
                </c:pt>
                <c:pt idx="4263">
                  <c:v>5.0000000000000001E-3</c:v>
                </c:pt>
                <c:pt idx="4264">
                  <c:v>5.0000000000000001E-3</c:v>
                </c:pt>
                <c:pt idx="4265">
                  <c:v>5.0000000000000001E-3</c:v>
                </c:pt>
                <c:pt idx="4266">
                  <c:v>5.0000000000000001E-3</c:v>
                </c:pt>
                <c:pt idx="4267">
                  <c:v>5.0000000000000001E-3</c:v>
                </c:pt>
                <c:pt idx="4268">
                  <c:v>5.0000000000000001E-3</c:v>
                </c:pt>
                <c:pt idx="4269">
                  <c:v>5.0000000000000001E-3</c:v>
                </c:pt>
                <c:pt idx="4270">
                  <c:v>5.0000000000000001E-3</c:v>
                </c:pt>
                <c:pt idx="4271">
                  <c:v>5.0000000000000001E-3</c:v>
                </c:pt>
                <c:pt idx="4272">
                  <c:v>5.0000000000000001E-3</c:v>
                </c:pt>
                <c:pt idx="4273">
                  <c:v>5.0000000000000001E-3</c:v>
                </c:pt>
                <c:pt idx="4274">
                  <c:v>5.0000000000000001E-3</c:v>
                </c:pt>
                <c:pt idx="4275">
                  <c:v>5.0000000000000001E-3</c:v>
                </c:pt>
                <c:pt idx="4276">
                  <c:v>5.0000000000000001E-3</c:v>
                </c:pt>
                <c:pt idx="4277">
                  <c:v>5.0000000000000001E-3</c:v>
                </c:pt>
                <c:pt idx="4278">
                  <c:v>5.0000000000000001E-3</c:v>
                </c:pt>
                <c:pt idx="4279">
                  <c:v>5.0000000000000001E-3</c:v>
                </c:pt>
                <c:pt idx="4280">
                  <c:v>5.0000000000000001E-3</c:v>
                </c:pt>
                <c:pt idx="4281">
                  <c:v>5.0000000000000001E-3</c:v>
                </c:pt>
                <c:pt idx="4282">
                  <c:v>5.0000000000000001E-3</c:v>
                </c:pt>
                <c:pt idx="4283">
                  <c:v>5.0000000000000001E-3</c:v>
                </c:pt>
                <c:pt idx="4284">
                  <c:v>5.0000000000000001E-3</c:v>
                </c:pt>
                <c:pt idx="4285">
                  <c:v>5.0000000000000001E-3</c:v>
                </c:pt>
                <c:pt idx="4286">
                  <c:v>5.0000000000000001E-3</c:v>
                </c:pt>
                <c:pt idx="4287">
                  <c:v>5.0000000000000001E-3</c:v>
                </c:pt>
                <c:pt idx="4288">
                  <c:v>5.0000000000000001E-3</c:v>
                </c:pt>
                <c:pt idx="4289">
                  <c:v>5.0000000000000001E-3</c:v>
                </c:pt>
                <c:pt idx="4290">
                  <c:v>5.0000000000000001E-3</c:v>
                </c:pt>
                <c:pt idx="4291">
                  <c:v>5.0000000000000001E-3</c:v>
                </c:pt>
                <c:pt idx="4292">
                  <c:v>5.0000000000000001E-3</c:v>
                </c:pt>
                <c:pt idx="4293">
                  <c:v>5.0000000000000001E-3</c:v>
                </c:pt>
                <c:pt idx="4294">
                  <c:v>5.0000000000000001E-3</c:v>
                </c:pt>
                <c:pt idx="4295">
                  <c:v>5.0000000000000001E-3</c:v>
                </c:pt>
                <c:pt idx="4296">
                  <c:v>5.0000000000000001E-3</c:v>
                </c:pt>
                <c:pt idx="4297">
                  <c:v>5.0000000000000001E-3</c:v>
                </c:pt>
                <c:pt idx="4298">
                  <c:v>5.0000000000000001E-3</c:v>
                </c:pt>
                <c:pt idx="4299">
                  <c:v>5.0000000000000001E-3</c:v>
                </c:pt>
                <c:pt idx="4300">
                  <c:v>5.0000000000000001E-3</c:v>
                </c:pt>
                <c:pt idx="4301">
                  <c:v>5.0000000000000001E-3</c:v>
                </c:pt>
                <c:pt idx="4302">
                  <c:v>5.0000000000000001E-3</c:v>
                </c:pt>
                <c:pt idx="4303">
                  <c:v>5.0000000000000001E-3</c:v>
                </c:pt>
                <c:pt idx="4304">
                  <c:v>5.0000000000000001E-3</c:v>
                </c:pt>
                <c:pt idx="4305">
                  <c:v>5.0000000000000001E-3</c:v>
                </c:pt>
                <c:pt idx="4306">
                  <c:v>5.0000000000000001E-3</c:v>
                </c:pt>
                <c:pt idx="4307">
                  <c:v>5.0000000000000001E-3</c:v>
                </c:pt>
                <c:pt idx="4308">
                  <c:v>5.0000000000000001E-3</c:v>
                </c:pt>
                <c:pt idx="4309">
                  <c:v>5.0000000000000001E-3</c:v>
                </c:pt>
                <c:pt idx="4310">
                  <c:v>5.0000000000000001E-3</c:v>
                </c:pt>
                <c:pt idx="4311">
                  <c:v>5.0000000000000001E-3</c:v>
                </c:pt>
                <c:pt idx="4312">
                  <c:v>5.0000000000000001E-3</c:v>
                </c:pt>
                <c:pt idx="4313">
                  <c:v>5.0000000000000001E-3</c:v>
                </c:pt>
                <c:pt idx="4314">
                  <c:v>5.0000000000000001E-3</c:v>
                </c:pt>
                <c:pt idx="4315">
                  <c:v>5.0000000000000001E-3</c:v>
                </c:pt>
                <c:pt idx="4316">
                  <c:v>5.0000000000000001E-3</c:v>
                </c:pt>
                <c:pt idx="4317">
                  <c:v>5.0000000000000001E-3</c:v>
                </c:pt>
                <c:pt idx="4318">
                  <c:v>5.0000000000000001E-3</c:v>
                </c:pt>
                <c:pt idx="4319">
                  <c:v>5.0000000000000001E-3</c:v>
                </c:pt>
                <c:pt idx="4320">
                  <c:v>5.0000000000000001E-3</c:v>
                </c:pt>
                <c:pt idx="4321">
                  <c:v>5.0000000000000001E-3</c:v>
                </c:pt>
                <c:pt idx="4322">
                  <c:v>5.0000000000000001E-3</c:v>
                </c:pt>
                <c:pt idx="4323">
                  <c:v>5.0000000000000001E-3</c:v>
                </c:pt>
                <c:pt idx="4324">
                  <c:v>5.0000000000000001E-3</c:v>
                </c:pt>
                <c:pt idx="4325">
                  <c:v>5.0000000000000001E-3</c:v>
                </c:pt>
                <c:pt idx="4326">
                  <c:v>5.0000000000000001E-3</c:v>
                </c:pt>
                <c:pt idx="4327">
                  <c:v>5.0000000000000001E-3</c:v>
                </c:pt>
                <c:pt idx="4328">
                  <c:v>5.0000000000000001E-3</c:v>
                </c:pt>
                <c:pt idx="4329">
                  <c:v>5.0000000000000001E-3</c:v>
                </c:pt>
                <c:pt idx="4330">
                  <c:v>5.0000000000000001E-3</c:v>
                </c:pt>
                <c:pt idx="4331">
                  <c:v>5.0000000000000001E-3</c:v>
                </c:pt>
                <c:pt idx="4332">
                  <c:v>5.0000000000000001E-3</c:v>
                </c:pt>
                <c:pt idx="4333">
                  <c:v>5.0000000000000001E-3</c:v>
                </c:pt>
                <c:pt idx="4334">
                  <c:v>5.0000000000000001E-3</c:v>
                </c:pt>
                <c:pt idx="4335">
                  <c:v>5.0000000000000001E-3</c:v>
                </c:pt>
                <c:pt idx="4336">
                  <c:v>5.0000000000000001E-3</c:v>
                </c:pt>
                <c:pt idx="4337">
                  <c:v>5.0000000000000001E-3</c:v>
                </c:pt>
                <c:pt idx="4338">
                  <c:v>5.0000000000000001E-3</c:v>
                </c:pt>
                <c:pt idx="4339">
                  <c:v>5.0000000000000001E-3</c:v>
                </c:pt>
                <c:pt idx="4340">
                  <c:v>5.0000000000000001E-3</c:v>
                </c:pt>
                <c:pt idx="4341">
                  <c:v>5.0000000000000001E-3</c:v>
                </c:pt>
                <c:pt idx="4342">
                  <c:v>5.0000000000000001E-3</c:v>
                </c:pt>
                <c:pt idx="4343">
                  <c:v>5.0000000000000001E-3</c:v>
                </c:pt>
                <c:pt idx="4344">
                  <c:v>5.0000000000000001E-3</c:v>
                </c:pt>
                <c:pt idx="4345">
                  <c:v>5.0000000000000001E-3</c:v>
                </c:pt>
                <c:pt idx="4346">
                  <c:v>5.0000000000000001E-3</c:v>
                </c:pt>
                <c:pt idx="4347">
                  <c:v>5.0000000000000001E-3</c:v>
                </c:pt>
                <c:pt idx="4348">
                  <c:v>5.0000000000000001E-3</c:v>
                </c:pt>
                <c:pt idx="4349">
                  <c:v>5.0000000000000001E-3</c:v>
                </c:pt>
                <c:pt idx="4350">
                  <c:v>5.0000000000000001E-3</c:v>
                </c:pt>
                <c:pt idx="4351">
                  <c:v>5.0000000000000001E-3</c:v>
                </c:pt>
                <c:pt idx="4352">
                  <c:v>5.0000000000000001E-3</c:v>
                </c:pt>
                <c:pt idx="4353">
                  <c:v>5.0000000000000001E-3</c:v>
                </c:pt>
                <c:pt idx="4354">
                  <c:v>5.0000000000000001E-3</c:v>
                </c:pt>
                <c:pt idx="4355">
                  <c:v>5.0000000000000001E-3</c:v>
                </c:pt>
                <c:pt idx="4356">
                  <c:v>5.0000000000000001E-3</c:v>
                </c:pt>
                <c:pt idx="4357">
                  <c:v>5.0000000000000001E-3</c:v>
                </c:pt>
                <c:pt idx="4358">
                  <c:v>5.0000000000000001E-3</c:v>
                </c:pt>
                <c:pt idx="4359">
                  <c:v>5.0000000000000001E-3</c:v>
                </c:pt>
                <c:pt idx="4360">
                  <c:v>5.0000000000000001E-3</c:v>
                </c:pt>
                <c:pt idx="4361">
                  <c:v>5.0000000000000001E-3</c:v>
                </c:pt>
                <c:pt idx="4362">
                  <c:v>5.0000000000000001E-3</c:v>
                </c:pt>
                <c:pt idx="4363">
                  <c:v>5.0000000000000001E-3</c:v>
                </c:pt>
                <c:pt idx="4364">
                  <c:v>5.0000000000000001E-3</c:v>
                </c:pt>
                <c:pt idx="4365">
                  <c:v>5.0000000000000001E-3</c:v>
                </c:pt>
                <c:pt idx="4366">
                  <c:v>5.0000000000000001E-3</c:v>
                </c:pt>
                <c:pt idx="4367">
                  <c:v>5.0000000000000001E-3</c:v>
                </c:pt>
                <c:pt idx="4368">
                  <c:v>5.0000000000000001E-3</c:v>
                </c:pt>
                <c:pt idx="4369">
                  <c:v>5.0000000000000001E-3</c:v>
                </c:pt>
                <c:pt idx="4370">
                  <c:v>5.0000000000000001E-3</c:v>
                </c:pt>
                <c:pt idx="4371">
                  <c:v>5.0000000000000001E-3</c:v>
                </c:pt>
                <c:pt idx="4372">
                  <c:v>5.0000000000000001E-3</c:v>
                </c:pt>
                <c:pt idx="4373">
                  <c:v>5.0000000000000001E-3</c:v>
                </c:pt>
                <c:pt idx="4374">
                  <c:v>5.0000000000000001E-3</c:v>
                </c:pt>
                <c:pt idx="4375">
                  <c:v>5.0000000000000001E-3</c:v>
                </c:pt>
                <c:pt idx="4376">
                  <c:v>5.0000000000000001E-3</c:v>
                </c:pt>
                <c:pt idx="4377">
                  <c:v>5.0000000000000001E-3</c:v>
                </c:pt>
                <c:pt idx="4378">
                  <c:v>5.0000000000000001E-3</c:v>
                </c:pt>
                <c:pt idx="4379">
                  <c:v>5.0000000000000001E-3</c:v>
                </c:pt>
                <c:pt idx="4380">
                  <c:v>5.0000000000000001E-3</c:v>
                </c:pt>
                <c:pt idx="4381">
                  <c:v>5.0000000000000001E-3</c:v>
                </c:pt>
                <c:pt idx="4382">
                  <c:v>5.0000000000000001E-3</c:v>
                </c:pt>
                <c:pt idx="4383">
                  <c:v>5.0000000000000001E-3</c:v>
                </c:pt>
                <c:pt idx="4384">
                  <c:v>5.0000000000000001E-3</c:v>
                </c:pt>
                <c:pt idx="4385">
                  <c:v>5.0000000000000001E-3</c:v>
                </c:pt>
                <c:pt idx="4386">
                  <c:v>5.0000000000000001E-3</c:v>
                </c:pt>
                <c:pt idx="4387">
                  <c:v>5.0000000000000001E-3</c:v>
                </c:pt>
                <c:pt idx="4388">
                  <c:v>5.0000000000000001E-3</c:v>
                </c:pt>
                <c:pt idx="4389">
                  <c:v>5.0000000000000001E-3</c:v>
                </c:pt>
                <c:pt idx="4390">
                  <c:v>5.0000000000000001E-3</c:v>
                </c:pt>
                <c:pt idx="4391">
                  <c:v>5.0000000000000001E-3</c:v>
                </c:pt>
                <c:pt idx="4392">
                  <c:v>5.0000000000000001E-3</c:v>
                </c:pt>
                <c:pt idx="4393">
                  <c:v>5.0000000000000001E-3</c:v>
                </c:pt>
                <c:pt idx="4394">
                  <c:v>5.0000000000000001E-3</c:v>
                </c:pt>
                <c:pt idx="4395">
                  <c:v>5.0000000000000001E-3</c:v>
                </c:pt>
                <c:pt idx="4396">
                  <c:v>5.0000000000000001E-3</c:v>
                </c:pt>
                <c:pt idx="4397">
                  <c:v>5.0000000000000001E-3</c:v>
                </c:pt>
                <c:pt idx="4398">
                  <c:v>5.0000000000000001E-3</c:v>
                </c:pt>
                <c:pt idx="4399">
                  <c:v>5.0000000000000001E-3</c:v>
                </c:pt>
                <c:pt idx="4400">
                  <c:v>5.0000000000000001E-3</c:v>
                </c:pt>
                <c:pt idx="4401">
                  <c:v>5.0000000000000001E-3</c:v>
                </c:pt>
                <c:pt idx="4402">
                  <c:v>5.0000000000000001E-3</c:v>
                </c:pt>
                <c:pt idx="4403">
                  <c:v>5.0000000000000001E-3</c:v>
                </c:pt>
                <c:pt idx="4404">
                  <c:v>5.0000000000000001E-3</c:v>
                </c:pt>
                <c:pt idx="4405">
                  <c:v>5.0000000000000001E-3</c:v>
                </c:pt>
                <c:pt idx="4406">
                  <c:v>5.0000000000000001E-3</c:v>
                </c:pt>
                <c:pt idx="4407">
                  <c:v>5.0000000000000001E-3</c:v>
                </c:pt>
                <c:pt idx="4408">
                  <c:v>5.0000000000000001E-3</c:v>
                </c:pt>
                <c:pt idx="4409">
                  <c:v>5.0000000000000001E-3</c:v>
                </c:pt>
                <c:pt idx="4410">
                  <c:v>5.0000000000000001E-3</c:v>
                </c:pt>
                <c:pt idx="4411">
                  <c:v>5.0000000000000001E-3</c:v>
                </c:pt>
                <c:pt idx="4412">
                  <c:v>5.0000000000000001E-3</c:v>
                </c:pt>
                <c:pt idx="4413">
                  <c:v>5.0000000000000001E-3</c:v>
                </c:pt>
                <c:pt idx="4414">
                  <c:v>5.0000000000000001E-3</c:v>
                </c:pt>
                <c:pt idx="4415">
                  <c:v>5.0000000000000001E-3</c:v>
                </c:pt>
                <c:pt idx="4416">
                  <c:v>5.0000000000000001E-3</c:v>
                </c:pt>
                <c:pt idx="4417">
                  <c:v>5.0000000000000001E-3</c:v>
                </c:pt>
                <c:pt idx="4418">
                  <c:v>5.0000000000000001E-3</c:v>
                </c:pt>
                <c:pt idx="4419">
                  <c:v>5.0000000000000001E-3</c:v>
                </c:pt>
                <c:pt idx="4420">
                  <c:v>5.0000000000000001E-3</c:v>
                </c:pt>
                <c:pt idx="4421">
                  <c:v>5.0000000000000001E-3</c:v>
                </c:pt>
                <c:pt idx="4422">
                  <c:v>5.0000000000000001E-3</c:v>
                </c:pt>
                <c:pt idx="4423">
                  <c:v>5.0000000000000001E-3</c:v>
                </c:pt>
                <c:pt idx="4424">
                  <c:v>5.0000000000000001E-3</c:v>
                </c:pt>
                <c:pt idx="4425">
                  <c:v>5.0000000000000001E-3</c:v>
                </c:pt>
                <c:pt idx="4426">
                  <c:v>5.0000000000000001E-3</c:v>
                </c:pt>
                <c:pt idx="4427">
                  <c:v>5.0000000000000001E-3</c:v>
                </c:pt>
                <c:pt idx="4428">
                  <c:v>5.0000000000000001E-3</c:v>
                </c:pt>
                <c:pt idx="4429">
                  <c:v>5.0000000000000001E-3</c:v>
                </c:pt>
                <c:pt idx="4430">
                  <c:v>5.0000000000000001E-3</c:v>
                </c:pt>
                <c:pt idx="4431">
                  <c:v>5.0000000000000001E-3</c:v>
                </c:pt>
                <c:pt idx="4432">
                  <c:v>5.0000000000000001E-3</c:v>
                </c:pt>
                <c:pt idx="4433">
                  <c:v>5.0000000000000001E-3</c:v>
                </c:pt>
                <c:pt idx="4434">
                  <c:v>5.0000000000000001E-3</c:v>
                </c:pt>
                <c:pt idx="4435">
                  <c:v>5.0000000000000001E-3</c:v>
                </c:pt>
                <c:pt idx="4436">
                  <c:v>5.0000000000000001E-3</c:v>
                </c:pt>
                <c:pt idx="4437">
                  <c:v>5.0000000000000001E-3</c:v>
                </c:pt>
                <c:pt idx="4438">
                  <c:v>5.0000000000000001E-3</c:v>
                </c:pt>
                <c:pt idx="4439">
                  <c:v>5.0000000000000001E-3</c:v>
                </c:pt>
                <c:pt idx="4440">
                  <c:v>5.0000000000000001E-3</c:v>
                </c:pt>
                <c:pt idx="4441">
                  <c:v>5.0000000000000001E-3</c:v>
                </c:pt>
                <c:pt idx="4442">
                  <c:v>5.0000000000000001E-3</c:v>
                </c:pt>
                <c:pt idx="4443">
                  <c:v>5.0000000000000001E-3</c:v>
                </c:pt>
                <c:pt idx="4444">
                  <c:v>5.0000000000000001E-3</c:v>
                </c:pt>
                <c:pt idx="4445">
                  <c:v>5.0000000000000001E-3</c:v>
                </c:pt>
                <c:pt idx="4446">
                  <c:v>5.0000000000000001E-3</c:v>
                </c:pt>
                <c:pt idx="4447">
                  <c:v>5.0000000000000001E-3</c:v>
                </c:pt>
                <c:pt idx="4448">
                  <c:v>5.0000000000000001E-3</c:v>
                </c:pt>
                <c:pt idx="4449">
                  <c:v>5.0000000000000001E-3</c:v>
                </c:pt>
                <c:pt idx="4450">
                  <c:v>5.0000000000000001E-3</c:v>
                </c:pt>
                <c:pt idx="4451">
                  <c:v>5.0000000000000001E-3</c:v>
                </c:pt>
                <c:pt idx="4452">
                  <c:v>5.0000000000000001E-3</c:v>
                </c:pt>
                <c:pt idx="4453">
                  <c:v>5.0000000000000001E-3</c:v>
                </c:pt>
                <c:pt idx="4454">
                  <c:v>5.0000000000000001E-3</c:v>
                </c:pt>
                <c:pt idx="4455">
                  <c:v>5.0000000000000001E-3</c:v>
                </c:pt>
                <c:pt idx="4456">
                  <c:v>5.0000000000000001E-3</c:v>
                </c:pt>
                <c:pt idx="4457">
                  <c:v>5.0000000000000001E-3</c:v>
                </c:pt>
                <c:pt idx="4458">
                  <c:v>5.0000000000000001E-3</c:v>
                </c:pt>
                <c:pt idx="4459">
                  <c:v>5.0000000000000001E-3</c:v>
                </c:pt>
                <c:pt idx="4460">
                  <c:v>5.0000000000000001E-3</c:v>
                </c:pt>
                <c:pt idx="4461">
                  <c:v>5.0000000000000001E-3</c:v>
                </c:pt>
                <c:pt idx="4462">
                  <c:v>5.0000000000000001E-3</c:v>
                </c:pt>
                <c:pt idx="4463">
                  <c:v>5.0000000000000001E-3</c:v>
                </c:pt>
                <c:pt idx="4464">
                  <c:v>5.0000000000000001E-3</c:v>
                </c:pt>
                <c:pt idx="4465">
                  <c:v>5.0000000000000001E-3</c:v>
                </c:pt>
                <c:pt idx="4466">
                  <c:v>5.0000000000000001E-3</c:v>
                </c:pt>
                <c:pt idx="4467">
                  <c:v>5.0000000000000001E-3</c:v>
                </c:pt>
                <c:pt idx="4468">
                  <c:v>5.0000000000000001E-3</c:v>
                </c:pt>
                <c:pt idx="4469">
                  <c:v>5.0000000000000001E-3</c:v>
                </c:pt>
                <c:pt idx="4470">
                  <c:v>5.0000000000000001E-3</c:v>
                </c:pt>
                <c:pt idx="4471">
                  <c:v>5.0000000000000001E-3</c:v>
                </c:pt>
                <c:pt idx="4472">
                  <c:v>5.0000000000000001E-3</c:v>
                </c:pt>
                <c:pt idx="4473">
                  <c:v>5.0000000000000001E-3</c:v>
                </c:pt>
                <c:pt idx="4474">
                  <c:v>5.0000000000000001E-3</c:v>
                </c:pt>
                <c:pt idx="4475">
                  <c:v>5.0000000000000001E-3</c:v>
                </c:pt>
                <c:pt idx="4476">
                  <c:v>5.0000000000000001E-3</c:v>
                </c:pt>
                <c:pt idx="4477">
                  <c:v>5.0000000000000001E-3</c:v>
                </c:pt>
                <c:pt idx="4478">
                  <c:v>5.0000000000000001E-3</c:v>
                </c:pt>
                <c:pt idx="4479">
                  <c:v>5.0000000000000001E-3</c:v>
                </c:pt>
                <c:pt idx="4480">
                  <c:v>5.0000000000000001E-3</c:v>
                </c:pt>
                <c:pt idx="4481">
                  <c:v>5.0000000000000001E-3</c:v>
                </c:pt>
                <c:pt idx="4482">
                  <c:v>5.0000000000000001E-3</c:v>
                </c:pt>
                <c:pt idx="4483">
                  <c:v>5.0000000000000001E-3</c:v>
                </c:pt>
                <c:pt idx="4484">
                  <c:v>5.0000000000000001E-3</c:v>
                </c:pt>
                <c:pt idx="4485">
                  <c:v>5.0000000000000001E-3</c:v>
                </c:pt>
                <c:pt idx="4486">
                  <c:v>5.0000000000000001E-3</c:v>
                </c:pt>
                <c:pt idx="4487">
                  <c:v>5.0000000000000001E-3</c:v>
                </c:pt>
                <c:pt idx="4488">
                  <c:v>5.0000000000000001E-3</c:v>
                </c:pt>
                <c:pt idx="4489">
                  <c:v>5.0000000000000001E-3</c:v>
                </c:pt>
                <c:pt idx="4490">
                  <c:v>5.0000000000000001E-3</c:v>
                </c:pt>
                <c:pt idx="4491">
                  <c:v>5.0000000000000001E-3</c:v>
                </c:pt>
                <c:pt idx="4492">
                  <c:v>5.0000000000000001E-3</c:v>
                </c:pt>
                <c:pt idx="4493">
                  <c:v>5.0000000000000001E-3</c:v>
                </c:pt>
                <c:pt idx="4494">
                  <c:v>5.0000000000000001E-3</c:v>
                </c:pt>
                <c:pt idx="4495">
                  <c:v>5.0000000000000001E-3</c:v>
                </c:pt>
                <c:pt idx="4496">
                  <c:v>5.0000000000000001E-3</c:v>
                </c:pt>
                <c:pt idx="4497">
                  <c:v>5.0000000000000001E-3</c:v>
                </c:pt>
                <c:pt idx="4498">
                  <c:v>5.0000000000000001E-3</c:v>
                </c:pt>
                <c:pt idx="4499">
                  <c:v>5.0000000000000001E-3</c:v>
                </c:pt>
                <c:pt idx="4500">
                  <c:v>5.0000000000000001E-3</c:v>
                </c:pt>
                <c:pt idx="4501">
                  <c:v>5.0000000000000001E-3</c:v>
                </c:pt>
                <c:pt idx="4502">
                  <c:v>5.0000000000000001E-3</c:v>
                </c:pt>
                <c:pt idx="4503">
                  <c:v>5.0000000000000001E-3</c:v>
                </c:pt>
                <c:pt idx="4504">
                  <c:v>5.0000000000000001E-3</c:v>
                </c:pt>
                <c:pt idx="4505">
                  <c:v>5.0000000000000001E-3</c:v>
                </c:pt>
                <c:pt idx="4506">
                  <c:v>5.0000000000000001E-3</c:v>
                </c:pt>
                <c:pt idx="4507">
                  <c:v>5.0000000000000001E-3</c:v>
                </c:pt>
                <c:pt idx="4508">
                  <c:v>5.0000000000000001E-3</c:v>
                </c:pt>
                <c:pt idx="4509">
                  <c:v>5.0000000000000001E-3</c:v>
                </c:pt>
                <c:pt idx="4510">
                  <c:v>5.0000000000000001E-3</c:v>
                </c:pt>
                <c:pt idx="4511">
                  <c:v>5.0000000000000001E-3</c:v>
                </c:pt>
                <c:pt idx="4512">
                  <c:v>5.0000000000000001E-3</c:v>
                </c:pt>
                <c:pt idx="4513">
                  <c:v>5.0000000000000001E-3</c:v>
                </c:pt>
                <c:pt idx="4514">
                  <c:v>5.0000000000000001E-3</c:v>
                </c:pt>
                <c:pt idx="4515">
                  <c:v>5.0000000000000001E-3</c:v>
                </c:pt>
                <c:pt idx="4516">
                  <c:v>5.0000000000000001E-3</c:v>
                </c:pt>
                <c:pt idx="4517">
                  <c:v>5.0000000000000001E-3</c:v>
                </c:pt>
                <c:pt idx="4518">
                  <c:v>5.0000000000000001E-3</c:v>
                </c:pt>
                <c:pt idx="4519">
                  <c:v>5.0000000000000001E-3</c:v>
                </c:pt>
                <c:pt idx="4520">
                  <c:v>5.0000000000000001E-3</c:v>
                </c:pt>
                <c:pt idx="4521">
                  <c:v>5.0000000000000001E-3</c:v>
                </c:pt>
                <c:pt idx="4522">
                  <c:v>5.0000000000000001E-3</c:v>
                </c:pt>
                <c:pt idx="4523">
                  <c:v>5.0000000000000001E-3</c:v>
                </c:pt>
                <c:pt idx="4524">
                  <c:v>5.0000000000000001E-3</c:v>
                </c:pt>
                <c:pt idx="4525">
                  <c:v>5.0000000000000001E-3</c:v>
                </c:pt>
                <c:pt idx="4526">
                  <c:v>5.0000000000000001E-3</c:v>
                </c:pt>
                <c:pt idx="4527">
                  <c:v>5.0000000000000001E-3</c:v>
                </c:pt>
                <c:pt idx="4528">
                  <c:v>5.0000000000000001E-3</c:v>
                </c:pt>
                <c:pt idx="4529">
                  <c:v>5.0000000000000001E-3</c:v>
                </c:pt>
                <c:pt idx="4530">
                  <c:v>5.0000000000000001E-3</c:v>
                </c:pt>
                <c:pt idx="4531">
                  <c:v>5.0000000000000001E-3</c:v>
                </c:pt>
                <c:pt idx="4532">
                  <c:v>5.0000000000000001E-3</c:v>
                </c:pt>
                <c:pt idx="4533">
                  <c:v>5.0000000000000001E-3</c:v>
                </c:pt>
                <c:pt idx="4534">
                  <c:v>5.0000000000000001E-3</c:v>
                </c:pt>
                <c:pt idx="4535">
                  <c:v>5.0000000000000001E-3</c:v>
                </c:pt>
                <c:pt idx="4536">
                  <c:v>5.0000000000000001E-3</c:v>
                </c:pt>
                <c:pt idx="4537">
                  <c:v>5.0000000000000001E-3</c:v>
                </c:pt>
                <c:pt idx="4538">
                  <c:v>5.0000000000000001E-3</c:v>
                </c:pt>
                <c:pt idx="4539">
                  <c:v>5.0000000000000001E-3</c:v>
                </c:pt>
                <c:pt idx="4540">
                  <c:v>5.0000000000000001E-3</c:v>
                </c:pt>
                <c:pt idx="4541">
                  <c:v>5.0000000000000001E-3</c:v>
                </c:pt>
                <c:pt idx="4542">
                  <c:v>5.0000000000000001E-3</c:v>
                </c:pt>
                <c:pt idx="4543">
                  <c:v>5.0000000000000001E-3</c:v>
                </c:pt>
                <c:pt idx="4544">
                  <c:v>5.0000000000000001E-3</c:v>
                </c:pt>
                <c:pt idx="4545">
                  <c:v>5.0000000000000001E-3</c:v>
                </c:pt>
                <c:pt idx="4546">
                  <c:v>5.0000000000000001E-3</c:v>
                </c:pt>
                <c:pt idx="4547">
                  <c:v>5.0000000000000001E-3</c:v>
                </c:pt>
                <c:pt idx="4548">
                  <c:v>5.0000000000000001E-3</c:v>
                </c:pt>
                <c:pt idx="4549">
                  <c:v>5.0000000000000001E-3</c:v>
                </c:pt>
                <c:pt idx="4550">
                  <c:v>5.0000000000000001E-3</c:v>
                </c:pt>
                <c:pt idx="4551">
                  <c:v>5.0000000000000001E-3</c:v>
                </c:pt>
                <c:pt idx="4552">
                  <c:v>5.0000000000000001E-3</c:v>
                </c:pt>
                <c:pt idx="4553">
                  <c:v>5.0000000000000001E-3</c:v>
                </c:pt>
                <c:pt idx="4554">
                  <c:v>5.0000000000000001E-3</c:v>
                </c:pt>
                <c:pt idx="4555">
                  <c:v>5.0000000000000001E-3</c:v>
                </c:pt>
                <c:pt idx="4556">
                  <c:v>5.0000000000000001E-3</c:v>
                </c:pt>
                <c:pt idx="4557">
                  <c:v>5.0000000000000001E-3</c:v>
                </c:pt>
                <c:pt idx="4558">
                  <c:v>5.0000000000000001E-3</c:v>
                </c:pt>
                <c:pt idx="4559">
                  <c:v>5.0000000000000001E-3</c:v>
                </c:pt>
                <c:pt idx="4560">
                  <c:v>5.0000000000000001E-3</c:v>
                </c:pt>
                <c:pt idx="4561">
                  <c:v>5.0000000000000001E-3</c:v>
                </c:pt>
                <c:pt idx="4562">
                  <c:v>5.0000000000000001E-3</c:v>
                </c:pt>
                <c:pt idx="4563">
                  <c:v>5.0000000000000001E-3</c:v>
                </c:pt>
                <c:pt idx="4564">
                  <c:v>5.0000000000000001E-3</c:v>
                </c:pt>
                <c:pt idx="4565">
                  <c:v>5.0000000000000001E-3</c:v>
                </c:pt>
                <c:pt idx="4566">
                  <c:v>5.0000000000000001E-3</c:v>
                </c:pt>
                <c:pt idx="4567">
                  <c:v>5.0000000000000001E-3</c:v>
                </c:pt>
                <c:pt idx="4568">
                  <c:v>5.0000000000000001E-3</c:v>
                </c:pt>
                <c:pt idx="4569">
                  <c:v>5.0000000000000001E-3</c:v>
                </c:pt>
                <c:pt idx="4570">
                  <c:v>5.0000000000000001E-3</c:v>
                </c:pt>
                <c:pt idx="4571">
                  <c:v>5.0000000000000001E-3</c:v>
                </c:pt>
                <c:pt idx="4572">
                  <c:v>5.0000000000000001E-3</c:v>
                </c:pt>
                <c:pt idx="4573">
                  <c:v>5.0000000000000001E-3</c:v>
                </c:pt>
                <c:pt idx="4574">
                  <c:v>5.0000000000000001E-3</c:v>
                </c:pt>
                <c:pt idx="4575">
                  <c:v>5.0000000000000001E-3</c:v>
                </c:pt>
                <c:pt idx="4576">
                  <c:v>5.0000000000000001E-3</c:v>
                </c:pt>
                <c:pt idx="4577">
                  <c:v>5.0000000000000001E-3</c:v>
                </c:pt>
                <c:pt idx="4578">
                  <c:v>5.0000000000000001E-3</c:v>
                </c:pt>
                <c:pt idx="4579">
                  <c:v>5.0000000000000001E-3</c:v>
                </c:pt>
                <c:pt idx="4580">
                  <c:v>5.0000000000000001E-3</c:v>
                </c:pt>
                <c:pt idx="4581">
                  <c:v>5.0000000000000001E-3</c:v>
                </c:pt>
                <c:pt idx="4582">
                  <c:v>5.0000000000000001E-3</c:v>
                </c:pt>
                <c:pt idx="4583">
                  <c:v>5.0000000000000001E-3</c:v>
                </c:pt>
                <c:pt idx="4584">
                  <c:v>5.0000000000000001E-3</c:v>
                </c:pt>
                <c:pt idx="4585">
                  <c:v>5.0000000000000001E-3</c:v>
                </c:pt>
                <c:pt idx="4586">
                  <c:v>5.0000000000000001E-3</c:v>
                </c:pt>
                <c:pt idx="4587">
                  <c:v>5.0000000000000001E-3</c:v>
                </c:pt>
                <c:pt idx="4588">
                  <c:v>5.0000000000000001E-3</c:v>
                </c:pt>
                <c:pt idx="4589">
                  <c:v>5.0000000000000001E-3</c:v>
                </c:pt>
                <c:pt idx="4590">
                  <c:v>5.0000000000000001E-3</c:v>
                </c:pt>
                <c:pt idx="4591">
                  <c:v>5.0000000000000001E-3</c:v>
                </c:pt>
                <c:pt idx="4592">
                  <c:v>5.0000000000000001E-3</c:v>
                </c:pt>
                <c:pt idx="4593">
                  <c:v>5.0000000000000001E-3</c:v>
                </c:pt>
                <c:pt idx="4594">
                  <c:v>5.0000000000000001E-3</c:v>
                </c:pt>
                <c:pt idx="4595">
                  <c:v>5.0000000000000001E-3</c:v>
                </c:pt>
                <c:pt idx="4596">
                  <c:v>5.0000000000000001E-3</c:v>
                </c:pt>
                <c:pt idx="4597">
                  <c:v>5.0000000000000001E-3</c:v>
                </c:pt>
                <c:pt idx="4598">
                  <c:v>5.0000000000000001E-3</c:v>
                </c:pt>
                <c:pt idx="4599">
                  <c:v>5.0000000000000001E-3</c:v>
                </c:pt>
                <c:pt idx="4600">
                  <c:v>5.0000000000000001E-3</c:v>
                </c:pt>
                <c:pt idx="4601">
                  <c:v>5.0000000000000001E-3</c:v>
                </c:pt>
                <c:pt idx="4602">
                  <c:v>5.0000000000000001E-3</c:v>
                </c:pt>
                <c:pt idx="4603">
                  <c:v>5.0000000000000001E-3</c:v>
                </c:pt>
                <c:pt idx="4604">
                  <c:v>5.0000000000000001E-3</c:v>
                </c:pt>
                <c:pt idx="4605">
                  <c:v>5.0000000000000001E-3</c:v>
                </c:pt>
                <c:pt idx="4606">
                  <c:v>5.0000000000000001E-3</c:v>
                </c:pt>
                <c:pt idx="4607">
                  <c:v>5.0000000000000001E-3</c:v>
                </c:pt>
                <c:pt idx="4608">
                  <c:v>5.0000000000000001E-3</c:v>
                </c:pt>
                <c:pt idx="4609">
                  <c:v>5.0000000000000001E-3</c:v>
                </c:pt>
                <c:pt idx="4610">
                  <c:v>5.0000000000000001E-3</c:v>
                </c:pt>
                <c:pt idx="4611">
                  <c:v>5.0000000000000001E-3</c:v>
                </c:pt>
                <c:pt idx="4612">
                  <c:v>5.0000000000000001E-3</c:v>
                </c:pt>
                <c:pt idx="4613">
                  <c:v>5.0000000000000001E-3</c:v>
                </c:pt>
                <c:pt idx="4614">
                  <c:v>5.0000000000000001E-3</c:v>
                </c:pt>
                <c:pt idx="4615">
                  <c:v>5.0000000000000001E-3</c:v>
                </c:pt>
                <c:pt idx="4616">
                  <c:v>5.0000000000000001E-3</c:v>
                </c:pt>
                <c:pt idx="4617">
                  <c:v>5.0000000000000001E-3</c:v>
                </c:pt>
                <c:pt idx="4618">
                  <c:v>5.0000000000000001E-3</c:v>
                </c:pt>
                <c:pt idx="4619">
                  <c:v>5.0000000000000001E-3</c:v>
                </c:pt>
                <c:pt idx="4620">
                  <c:v>5.0000000000000001E-3</c:v>
                </c:pt>
                <c:pt idx="4621">
                  <c:v>5.0000000000000001E-3</c:v>
                </c:pt>
                <c:pt idx="4622">
                  <c:v>5.0000000000000001E-3</c:v>
                </c:pt>
                <c:pt idx="4623">
                  <c:v>5.0000000000000001E-3</c:v>
                </c:pt>
                <c:pt idx="4624">
                  <c:v>5.0000000000000001E-3</c:v>
                </c:pt>
                <c:pt idx="4625">
                  <c:v>5.0000000000000001E-3</c:v>
                </c:pt>
                <c:pt idx="4626">
                  <c:v>5.0000000000000001E-3</c:v>
                </c:pt>
                <c:pt idx="4627">
                  <c:v>5.0000000000000001E-3</c:v>
                </c:pt>
                <c:pt idx="4628">
                  <c:v>5.0000000000000001E-3</c:v>
                </c:pt>
                <c:pt idx="4629">
                  <c:v>5.0000000000000001E-3</c:v>
                </c:pt>
                <c:pt idx="4630">
                  <c:v>5.0000000000000001E-3</c:v>
                </c:pt>
                <c:pt idx="4631">
                  <c:v>5.0000000000000001E-3</c:v>
                </c:pt>
                <c:pt idx="4632">
                  <c:v>5.0000000000000001E-3</c:v>
                </c:pt>
                <c:pt idx="4633">
                  <c:v>5.0000000000000001E-3</c:v>
                </c:pt>
                <c:pt idx="4634">
                  <c:v>5.0000000000000001E-3</c:v>
                </c:pt>
                <c:pt idx="4635">
                  <c:v>5.0000000000000001E-3</c:v>
                </c:pt>
                <c:pt idx="4636">
                  <c:v>5.0000000000000001E-3</c:v>
                </c:pt>
                <c:pt idx="4637">
                  <c:v>5.0000000000000001E-3</c:v>
                </c:pt>
                <c:pt idx="4638">
                  <c:v>5.0000000000000001E-3</c:v>
                </c:pt>
                <c:pt idx="4639">
                  <c:v>5.0000000000000001E-3</c:v>
                </c:pt>
                <c:pt idx="4640">
                  <c:v>5.0000000000000001E-3</c:v>
                </c:pt>
                <c:pt idx="4641">
                  <c:v>5.0000000000000001E-3</c:v>
                </c:pt>
                <c:pt idx="4642">
                  <c:v>5.0000000000000001E-3</c:v>
                </c:pt>
                <c:pt idx="4643">
                  <c:v>5.0000000000000001E-3</c:v>
                </c:pt>
                <c:pt idx="4644">
                  <c:v>5.0000000000000001E-3</c:v>
                </c:pt>
                <c:pt idx="4645">
                  <c:v>5.0000000000000001E-3</c:v>
                </c:pt>
                <c:pt idx="4646">
                  <c:v>5.0000000000000001E-3</c:v>
                </c:pt>
                <c:pt idx="4647">
                  <c:v>5.0000000000000001E-3</c:v>
                </c:pt>
                <c:pt idx="4648">
                  <c:v>5.0000000000000001E-3</c:v>
                </c:pt>
                <c:pt idx="4649">
                  <c:v>5.0000000000000001E-3</c:v>
                </c:pt>
                <c:pt idx="4650">
                  <c:v>5.0000000000000001E-3</c:v>
                </c:pt>
                <c:pt idx="4651">
                  <c:v>5.0000000000000001E-3</c:v>
                </c:pt>
                <c:pt idx="4652">
                  <c:v>5.0000000000000001E-3</c:v>
                </c:pt>
                <c:pt idx="4653">
                  <c:v>5.0000000000000001E-3</c:v>
                </c:pt>
                <c:pt idx="4654">
                  <c:v>5.0000000000000001E-3</c:v>
                </c:pt>
                <c:pt idx="4655">
                  <c:v>5.0000000000000001E-3</c:v>
                </c:pt>
                <c:pt idx="4656">
                  <c:v>5.0000000000000001E-3</c:v>
                </c:pt>
                <c:pt idx="4657">
                  <c:v>5.0000000000000001E-3</c:v>
                </c:pt>
                <c:pt idx="4658">
                  <c:v>5.0000000000000001E-3</c:v>
                </c:pt>
                <c:pt idx="4659">
                  <c:v>5.0000000000000001E-3</c:v>
                </c:pt>
                <c:pt idx="4660">
                  <c:v>5.0000000000000001E-3</c:v>
                </c:pt>
                <c:pt idx="4661">
                  <c:v>5.0000000000000001E-3</c:v>
                </c:pt>
                <c:pt idx="4662">
                  <c:v>5.0000000000000001E-3</c:v>
                </c:pt>
                <c:pt idx="4663">
                  <c:v>5.0000000000000001E-3</c:v>
                </c:pt>
                <c:pt idx="4664">
                  <c:v>5.0000000000000001E-3</c:v>
                </c:pt>
                <c:pt idx="4665">
                  <c:v>5.0000000000000001E-3</c:v>
                </c:pt>
                <c:pt idx="4666">
                  <c:v>5.0000000000000001E-3</c:v>
                </c:pt>
                <c:pt idx="4667">
                  <c:v>5.0000000000000001E-3</c:v>
                </c:pt>
                <c:pt idx="4668">
                  <c:v>5.0000000000000001E-3</c:v>
                </c:pt>
                <c:pt idx="4669">
                  <c:v>5.0000000000000001E-3</c:v>
                </c:pt>
                <c:pt idx="4670">
                  <c:v>5.0000000000000001E-3</c:v>
                </c:pt>
                <c:pt idx="4671">
                  <c:v>5.0000000000000001E-3</c:v>
                </c:pt>
                <c:pt idx="4672">
                  <c:v>5.0000000000000001E-3</c:v>
                </c:pt>
                <c:pt idx="4673">
                  <c:v>5.0000000000000001E-3</c:v>
                </c:pt>
                <c:pt idx="4674">
                  <c:v>5.0000000000000001E-3</c:v>
                </c:pt>
                <c:pt idx="4675">
                  <c:v>5.0000000000000001E-3</c:v>
                </c:pt>
                <c:pt idx="4676">
                  <c:v>5.0000000000000001E-3</c:v>
                </c:pt>
                <c:pt idx="4677">
                  <c:v>5.0000000000000001E-3</c:v>
                </c:pt>
                <c:pt idx="4678">
                  <c:v>5.0000000000000001E-3</c:v>
                </c:pt>
                <c:pt idx="4679">
                  <c:v>5.0000000000000001E-3</c:v>
                </c:pt>
                <c:pt idx="4680">
                  <c:v>5.0000000000000001E-3</c:v>
                </c:pt>
                <c:pt idx="4681">
                  <c:v>5.0000000000000001E-3</c:v>
                </c:pt>
                <c:pt idx="4682">
                  <c:v>5.0000000000000001E-3</c:v>
                </c:pt>
                <c:pt idx="4683">
                  <c:v>5.0000000000000001E-3</c:v>
                </c:pt>
                <c:pt idx="4684">
                  <c:v>5.0000000000000001E-3</c:v>
                </c:pt>
                <c:pt idx="4685">
                  <c:v>5.0000000000000001E-3</c:v>
                </c:pt>
                <c:pt idx="4686">
                  <c:v>5.0000000000000001E-3</c:v>
                </c:pt>
                <c:pt idx="4687">
                  <c:v>5.0000000000000001E-3</c:v>
                </c:pt>
                <c:pt idx="4688">
                  <c:v>5.0000000000000001E-3</c:v>
                </c:pt>
                <c:pt idx="4689">
                  <c:v>5.0000000000000001E-3</c:v>
                </c:pt>
                <c:pt idx="4690">
                  <c:v>5.0000000000000001E-3</c:v>
                </c:pt>
                <c:pt idx="4691">
                  <c:v>5.0000000000000001E-3</c:v>
                </c:pt>
                <c:pt idx="4692">
                  <c:v>5.0000000000000001E-3</c:v>
                </c:pt>
                <c:pt idx="4693">
                  <c:v>5.0000000000000001E-3</c:v>
                </c:pt>
                <c:pt idx="4694">
                  <c:v>5.0000000000000001E-3</c:v>
                </c:pt>
                <c:pt idx="4695">
                  <c:v>5.0000000000000001E-3</c:v>
                </c:pt>
                <c:pt idx="4696">
                  <c:v>5.0000000000000001E-3</c:v>
                </c:pt>
                <c:pt idx="4697">
                  <c:v>5.0000000000000001E-3</c:v>
                </c:pt>
                <c:pt idx="4698">
                  <c:v>5.0000000000000001E-3</c:v>
                </c:pt>
                <c:pt idx="4699">
                  <c:v>5.0000000000000001E-3</c:v>
                </c:pt>
                <c:pt idx="4700">
                  <c:v>5.0000000000000001E-3</c:v>
                </c:pt>
                <c:pt idx="4701">
                  <c:v>5.0000000000000001E-3</c:v>
                </c:pt>
                <c:pt idx="4702">
                  <c:v>5.0000000000000001E-3</c:v>
                </c:pt>
                <c:pt idx="4703">
                  <c:v>5.0000000000000001E-3</c:v>
                </c:pt>
                <c:pt idx="4704">
                  <c:v>5.0000000000000001E-3</c:v>
                </c:pt>
                <c:pt idx="4705">
                  <c:v>5.0000000000000001E-3</c:v>
                </c:pt>
                <c:pt idx="4706">
                  <c:v>5.0000000000000001E-3</c:v>
                </c:pt>
                <c:pt idx="4707">
                  <c:v>5.0000000000000001E-3</c:v>
                </c:pt>
                <c:pt idx="4708">
                  <c:v>5.0000000000000001E-3</c:v>
                </c:pt>
                <c:pt idx="4709">
                  <c:v>5.0000000000000001E-3</c:v>
                </c:pt>
                <c:pt idx="4710">
                  <c:v>5.0000000000000001E-3</c:v>
                </c:pt>
                <c:pt idx="4711">
                  <c:v>5.0000000000000001E-3</c:v>
                </c:pt>
                <c:pt idx="4712">
                  <c:v>5.0000000000000001E-3</c:v>
                </c:pt>
                <c:pt idx="4713">
                  <c:v>5.0000000000000001E-3</c:v>
                </c:pt>
                <c:pt idx="4714">
                  <c:v>5.0000000000000001E-3</c:v>
                </c:pt>
                <c:pt idx="4715">
                  <c:v>5.0000000000000001E-3</c:v>
                </c:pt>
                <c:pt idx="4716">
                  <c:v>5.0000000000000001E-3</c:v>
                </c:pt>
                <c:pt idx="4717">
                  <c:v>5.0000000000000001E-3</c:v>
                </c:pt>
                <c:pt idx="4718">
                  <c:v>5.0000000000000001E-3</c:v>
                </c:pt>
                <c:pt idx="4719">
                  <c:v>5.0000000000000001E-3</c:v>
                </c:pt>
                <c:pt idx="4720">
                  <c:v>5.0000000000000001E-3</c:v>
                </c:pt>
                <c:pt idx="4721">
                  <c:v>5.0000000000000001E-3</c:v>
                </c:pt>
                <c:pt idx="4722">
                  <c:v>5.0000000000000001E-3</c:v>
                </c:pt>
                <c:pt idx="4723">
                  <c:v>5.0000000000000001E-3</c:v>
                </c:pt>
                <c:pt idx="4724">
                  <c:v>5.0000000000000001E-3</c:v>
                </c:pt>
                <c:pt idx="4725">
                  <c:v>5.0000000000000001E-3</c:v>
                </c:pt>
                <c:pt idx="4726">
                  <c:v>5.0000000000000001E-3</c:v>
                </c:pt>
                <c:pt idx="4727">
                  <c:v>5.0000000000000001E-3</c:v>
                </c:pt>
                <c:pt idx="4728">
                  <c:v>5.0000000000000001E-3</c:v>
                </c:pt>
                <c:pt idx="4729">
                  <c:v>5.0000000000000001E-3</c:v>
                </c:pt>
                <c:pt idx="4730">
                  <c:v>5.0000000000000001E-3</c:v>
                </c:pt>
                <c:pt idx="4731">
                  <c:v>5.0000000000000001E-3</c:v>
                </c:pt>
                <c:pt idx="4732">
                  <c:v>5.0000000000000001E-3</c:v>
                </c:pt>
                <c:pt idx="4733">
                  <c:v>5.0000000000000001E-3</c:v>
                </c:pt>
                <c:pt idx="4734">
                  <c:v>5.0000000000000001E-3</c:v>
                </c:pt>
                <c:pt idx="4735">
                  <c:v>5.0000000000000001E-3</c:v>
                </c:pt>
                <c:pt idx="4736">
                  <c:v>5.0000000000000001E-3</c:v>
                </c:pt>
                <c:pt idx="4737">
                  <c:v>5.0000000000000001E-3</c:v>
                </c:pt>
                <c:pt idx="4738">
                  <c:v>5.0000000000000001E-3</c:v>
                </c:pt>
                <c:pt idx="4739">
                  <c:v>5.0000000000000001E-3</c:v>
                </c:pt>
                <c:pt idx="4740">
                  <c:v>5.0000000000000001E-3</c:v>
                </c:pt>
                <c:pt idx="4741">
                  <c:v>5.0000000000000001E-3</c:v>
                </c:pt>
                <c:pt idx="4742">
                  <c:v>5.0000000000000001E-3</c:v>
                </c:pt>
                <c:pt idx="4743">
                  <c:v>5.0000000000000001E-3</c:v>
                </c:pt>
                <c:pt idx="4744">
                  <c:v>5.0000000000000001E-3</c:v>
                </c:pt>
                <c:pt idx="4745">
                  <c:v>5.0000000000000001E-3</c:v>
                </c:pt>
                <c:pt idx="4746">
                  <c:v>5.0000000000000001E-3</c:v>
                </c:pt>
                <c:pt idx="4747">
                  <c:v>5.0000000000000001E-3</c:v>
                </c:pt>
                <c:pt idx="4748">
                  <c:v>5.0000000000000001E-3</c:v>
                </c:pt>
                <c:pt idx="4749">
                  <c:v>5.0000000000000001E-3</c:v>
                </c:pt>
                <c:pt idx="4750">
                  <c:v>5.0000000000000001E-3</c:v>
                </c:pt>
                <c:pt idx="4751">
                  <c:v>5.0000000000000001E-3</c:v>
                </c:pt>
                <c:pt idx="4752">
                  <c:v>5.0000000000000001E-3</c:v>
                </c:pt>
                <c:pt idx="4753">
                  <c:v>5.0000000000000001E-3</c:v>
                </c:pt>
                <c:pt idx="4754">
                  <c:v>5.0000000000000001E-3</c:v>
                </c:pt>
                <c:pt idx="4755">
                  <c:v>5.0000000000000001E-3</c:v>
                </c:pt>
                <c:pt idx="4756">
                  <c:v>5.0000000000000001E-3</c:v>
                </c:pt>
                <c:pt idx="4757">
                  <c:v>5.0000000000000001E-3</c:v>
                </c:pt>
                <c:pt idx="4758">
                  <c:v>5.0000000000000001E-3</c:v>
                </c:pt>
                <c:pt idx="4759">
                  <c:v>5.0000000000000001E-3</c:v>
                </c:pt>
                <c:pt idx="4760">
                  <c:v>5.0000000000000001E-3</c:v>
                </c:pt>
                <c:pt idx="4761">
                  <c:v>5.0000000000000001E-3</c:v>
                </c:pt>
                <c:pt idx="4762">
                  <c:v>5.0000000000000001E-3</c:v>
                </c:pt>
                <c:pt idx="4763">
                  <c:v>5.0000000000000001E-3</c:v>
                </c:pt>
                <c:pt idx="4764">
                  <c:v>5.0000000000000001E-3</c:v>
                </c:pt>
                <c:pt idx="4765">
                  <c:v>5.0000000000000001E-3</c:v>
                </c:pt>
                <c:pt idx="4766">
                  <c:v>5.0000000000000001E-3</c:v>
                </c:pt>
                <c:pt idx="4767">
                  <c:v>5.0000000000000001E-3</c:v>
                </c:pt>
                <c:pt idx="4768">
                  <c:v>5.0000000000000001E-3</c:v>
                </c:pt>
                <c:pt idx="4769">
                  <c:v>5.0000000000000001E-3</c:v>
                </c:pt>
                <c:pt idx="4770">
                  <c:v>5.0000000000000001E-3</c:v>
                </c:pt>
                <c:pt idx="4771">
                  <c:v>5.0000000000000001E-3</c:v>
                </c:pt>
                <c:pt idx="4772">
                  <c:v>5.0000000000000001E-3</c:v>
                </c:pt>
                <c:pt idx="4773">
                  <c:v>5.0000000000000001E-3</c:v>
                </c:pt>
                <c:pt idx="4774">
                  <c:v>5.0000000000000001E-3</c:v>
                </c:pt>
                <c:pt idx="4775">
                  <c:v>5.0000000000000001E-3</c:v>
                </c:pt>
                <c:pt idx="4776">
                  <c:v>5.0000000000000001E-3</c:v>
                </c:pt>
                <c:pt idx="4777">
                  <c:v>5.0000000000000001E-3</c:v>
                </c:pt>
                <c:pt idx="4778">
                  <c:v>5.0000000000000001E-3</c:v>
                </c:pt>
                <c:pt idx="4779">
                  <c:v>5.0000000000000001E-3</c:v>
                </c:pt>
                <c:pt idx="4780">
                  <c:v>5.0000000000000001E-3</c:v>
                </c:pt>
                <c:pt idx="4781">
                  <c:v>5.0000000000000001E-3</c:v>
                </c:pt>
                <c:pt idx="4782">
                  <c:v>5.0000000000000001E-3</c:v>
                </c:pt>
                <c:pt idx="4783">
                  <c:v>5.0000000000000001E-3</c:v>
                </c:pt>
                <c:pt idx="4784">
                  <c:v>5.0000000000000001E-3</c:v>
                </c:pt>
                <c:pt idx="4785">
                  <c:v>5.0000000000000001E-3</c:v>
                </c:pt>
                <c:pt idx="4786">
                  <c:v>5.0000000000000001E-3</c:v>
                </c:pt>
                <c:pt idx="4787">
                  <c:v>5.0000000000000001E-3</c:v>
                </c:pt>
                <c:pt idx="4788">
                  <c:v>5.0000000000000001E-3</c:v>
                </c:pt>
                <c:pt idx="4789">
                  <c:v>5.0000000000000001E-3</c:v>
                </c:pt>
                <c:pt idx="4790">
                  <c:v>5.0000000000000001E-3</c:v>
                </c:pt>
                <c:pt idx="4791">
                  <c:v>5.0000000000000001E-3</c:v>
                </c:pt>
                <c:pt idx="4792">
                  <c:v>5.0000000000000001E-3</c:v>
                </c:pt>
                <c:pt idx="4793">
                  <c:v>5.0000000000000001E-3</c:v>
                </c:pt>
                <c:pt idx="4794">
                  <c:v>5.0000000000000001E-3</c:v>
                </c:pt>
                <c:pt idx="4795">
                  <c:v>5.0000000000000001E-3</c:v>
                </c:pt>
                <c:pt idx="4796">
                  <c:v>5.0000000000000001E-3</c:v>
                </c:pt>
                <c:pt idx="4797">
                  <c:v>5.0000000000000001E-3</c:v>
                </c:pt>
                <c:pt idx="4798">
                  <c:v>5.0000000000000001E-3</c:v>
                </c:pt>
                <c:pt idx="4799">
                  <c:v>5.0000000000000001E-3</c:v>
                </c:pt>
                <c:pt idx="4800">
                  <c:v>5.0000000000000001E-3</c:v>
                </c:pt>
                <c:pt idx="4801">
                  <c:v>5.0000000000000001E-3</c:v>
                </c:pt>
                <c:pt idx="4802">
                  <c:v>5.0000000000000001E-3</c:v>
                </c:pt>
                <c:pt idx="4803">
                  <c:v>5.0000000000000001E-3</c:v>
                </c:pt>
                <c:pt idx="4804">
                  <c:v>5.0000000000000001E-3</c:v>
                </c:pt>
                <c:pt idx="4805">
                  <c:v>5.0000000000000001E-3</c:v>
                </c:pt>
                <c:pt idx="4806">
                  <c:v>5.0000000000000001E-3</c:v>
                </c:pt>
                <c:pt idx="4807">
                  <c:v>5.0000000000000001E-3</c:v>
                </c:pt>
                <c:pt idx="4808">
                  <c:v>5.0000000000000001E-3</c:v>
                </c:pt>
                <c:pt idx="4809">
                  <c:v>5.0000000000000001E-3</c:v>
                </c:pt>
                <c:pt idx="4810">
                  <c:v>5.0000000000000001E-3</c:v>
                </c:pt>
                <c:pt idx="4811">
                  <c:v>5.0000000000000001E-3</c:v>
                </c:pt>
                <c:pt idx="4812">
                  <c:v>5.0000000000000001E-3</c:v>
                </c:pt>
                <c:pt idx="4813">
                  <c:v>5.0000000000000001E-3</c:v>
                </c:pt>
                <c:pt idx="4814">
                  <c:v>5.0000000000000001E-3</c:v>
                </c:pt>
                <c:pt idx="4815">
                  <c:v>5.0000000000000001E-3</c:v>
                </c:pt>
                <c:pt idx="4816">
                  <c:v>5.0000000000000001E-3</c:v>
                </c:pt>
                <c:pt idx="4817">
                  <c:v>5.0000000000000001E-3</c:v>
                </c:pt>
                <c:pt idx="4818">
                  <c:v>5.0000000000000001E-3</c:v>
                </c:pt>
                <c:pt idx="4819">
                  <c:v>5.0000000000000001E-3</c:v>
                </c:pt>
                <c:pt idx="4820">
                  <c:v>5.0000000000000001E-3</c:v>
                </c:pt>
                <c:pt idx="4821">
                  <c:v>5.0000000000000001E-3</c:v>
                </c:pt>
                <c:pt idx="4822">
                  <c:v>5.0000000000000001E-3</c:v>
                </c:pt>
                <c:pt idx="4823">
                  <c:v>5.0000000000000001E-3</c:v>
                </c:pt>
                <c:pt idx="4824">
                  <c:v>5.0000000000000001E-3</c:v>
                </c:pt>
                <c:pt idx="4825">
                  <c:v>5.0000000000000001E-3</c:v>
                </c:pt>
                <c:pt idx="4826">
                  <c:v>5.0000000000000001E-3</c:v>
                </c:pt>
                <c:pt idx="4827">
                  <c:v>5.0000000000000001E-3</c:v>
                </c:pt>
                <c:pt idx="4828">
                  <c:v>5.0000000000000001E-3</c:v>
                </c:pt>
                <c:pt idx="4829">
                  <c:v>5.0000000000000001E-3</c:v>
                </c:pt>
                <c:pt idx="4830">
                  <c:v>5.0000000000000001E-3</c:v>
                </c:pt>
                <c:pt idx="4831">
                  <c:v>5.0000000000000001E-3</c:v>
                </c:pt>
                <c:pt idx="4832">
                  <c:v>5.0000000000000001E-3</c:v>
                </c:pt>
                <c:pt idx="4833">
                  <c:v>5.0000000000000001E-3</c:v>
                </c:pt>
                <c:pt idx="4834">
                  <c:v>5.0000000000000001E-3</c:v>
                </c:pt>
                <c:pt idx="4835">
                  <c:v>5.0000000000000001E-3</c:v>
                </c:pt>
                <c:pt idx="4836">
                  <c:v>5.0000000000000001E-3</c:v>
                </c:pt>
                <c:pt idx="4837">
                  <c:v>5.0000000000000001E-3</c:v>
                </c:pt>
                <c:pt idx="4838">
                  <c:v>5.0000000000000001E-3</c:v>
                </c:pt>
                <c:pt idx="4839">
                  <c:v>5.0000000000000001E-3</c:v>
                </c:pt>
                <c:pt idx="4840">
                  <c:v>5.0000000000000001E-3</c:v>
                </c:pt>
                <c:pt idx="4841">
                  <c:v>5.0000000000000001E-3</c:v>
                </c:pt>
                <c:pt idx="4842">
                  <c:v>5.0000000000000001E-3</c:v>
                </c:pt>
                <c:pt idx="4843">
                  <c:v>5.0000000000000001E-3</c:v>
                </c:pt>
                <c:pt idx="4844">
                  <c:v>5.0000000000000001E-3</c:v>
                </c:pt>
                <c:pt idx="4845">
                  <c:v>5.0000000000000001E-3</c:v>
                </c:pt>
                <c:pt idx="4846">
                  <c:v>5.0000000000000001E-3</c:v>
                </c:pt>
                <c:pt idx="4847">
                  <c:v>5.0000000000000001E-3</c:v>
                </c:pt>
                <c:pt idx="4848">
                  <c:v>5.0000000000000001E-3</c:v>
                </c:pt>
                <c:pt idx="4849">
                  <c:v>5.0000000000000001E-3</c:v>
                </c:pt>
                <c:pt idx="4850">
                  <c:v>5.0000000000000001E-3</c:v>
                </c:pt>
                <c:pt idx="4851">
                  <c:v>5.0000000000000001E-3</c:v>
                </c:pt>
                <c:pt idx="4852">
                  <c:v>5.0000000000000001E-3</c:v>
                </c:pt>
                <c:pt idx="4853">
                  <c:v>5.0000000000000001E-3</c:v>
                </c:pt>
                <c:pt idx="4854">
                  <c:v>5.0000000000000001E-3</c:v>
                </c:pt>
                <c:pt idx="4855">
                  <c:v>5.0000000000000001E-3</c:v>
                </c:pt>
                <c:pt idx="4856">
                  <c:v>5.0000000000000001E-3</c:v>
                </c:pt>
                <c:pt idx="4857">
                  <c:v>5.0000000000000001E-3</c:v>
                </c:pt>
                <c:pt idx="4858">
                  <c:v>5.0000000000000001E-3</c:v>
                </c:pt>
                <c:pt idx="4859">
                  <c:v>5.0000000000000001E-3</c:v>
                </c:pt>
                <c:pt idx="4860">
                  <c:v>5.0000000000000001E-3</c:v>
                </c:pt>
                <c:pt idx="4861">
                  <c:v>5.0000000000000001E-3</c:v>
                </c:pt>
                <c:pt idx="4862">
                  <c:v>5.0000000000000001E-3</c:v>
                </c:pt>
                <c:pt idx="4863">
                  <c:v>5.0000000000000001E-3</c:v>
                </c:pt>
                <c:pt idx="4864">
                  <c:v>5.0000000000000001E-3</c:v>
                </c:pt>
                <c:pt idx="4865">
                  <c:v>5.0000000000000001E-3</c:v>
                </c:pt>
                <c:pt idx="4866">
                  <c:v>5.0000000000000001E-3</c:v>
                </c:pt>
                <c:pt idx="4867">
                  <c:v>5.0000000000000001E-3</c:v>
                </c:pt>
                <c:pt idx="4868">
                  <c:v>5.0000000000000001E-3</c:v>
                </c:pt>
                <c:pt idx="4869">
                  <c:v>5.0000000000000001E-3</c:v>
                </c:pt>
                <c:pt idx="4870">
                  <c:v>5.0000000000000001E-3</c:v>
                </c:pt>
                <c:pt idx="4871">
                  <c:v>5.0000000000000001E-3</c:v>
                </c:pt>
                <c:pt idx="4872">
                  <c:v>5.0000000000000001E-3</c:v>
                </c:pt>
                <c:pt idx="4873">
                  <c:v>5.0000000000000001E-3</c:v>
                </c:pt>
                <c:pt idx="4874">
                  <c:v>5.0000000000000001E-3</c:v>
                </c:pt>
                <c:pt idx="4875">
                  <c:v>5.0000000000000001E-3</c:v>
                </c:pt>
                <c:pt idx="4876">
                  <c:v>5.0000000000000001E-3</c:v>
                </c:pt>
                <c:pt idx="4877">
                  <c:v>5.0000000000000001E-3</c:v>
                </c:pt>
                <c:pt idx="4878">
                  <c:v>5.0000000000000001E-3</c:v>
                </c:pt>
                <c:pt idx="4879">
                  <c:v>5.0000000000000001E-3</c:v>
                </c:pt>
                <c:pt idx="4880">
                  <c:v>5.0000000000000001E-3</c:v>
                </c:pt>
                <c:pt idx="4881">
                  <c:v>5.0000000000000001E-3</c:v>
                </c:pt>
                <c:pt idx="4882">
                  <c:v>5.0000000000000001E-3</c:v>
                </c:pt>
                <c:pt idx="4883">
                  <c:v>5.0000000000000001E-3</c:v>
                </c:pt>
                <c:pt idx="4884">
                  <c:v>5.0000000000000001E-3</c:v>
                </c:pt>
                <c:pt idx="4885">
                  <c:v>5.0000000000000001E-3</c:v>
                </c:pt>
                <c:pt idx="4886">
                  <c:v>5.0000000000000001E-3</c:v>
                </c:pt>
                <c:pt idx="4887">
                  <c:v>5.0000000000000001E-3</c:v>
                </c:pt>
                <c:pt idx="4888">
                  <c:v>5.0000000000000001E-3</c:v>
                </c:pt>
                <c:pt idx="4889">
                  <c:v>5.0000000000000001E-3</c:v>
                </c:pt>
                <c:pt idx="4890">
                  <c:v>5.0000000000000001E-3</c:v>
                </c:pt>
                <c:pt idx="4891">
                  <c:v>5.0000000000000001E-3</c:v>
                </c:pt>
                <c:pt idx="4892">
                  <c:v>5.0000000000000001E-3</c:v>
                </c:pt>
                <c:pt idx="4893">
                  <c:v>5.0000000000000001E-3</c:v>
                </c:pt>
                <c:pt idx="4894">
                  <c:v>5.0000000000000001E-3</c:v>
                </c:pt>
                <c:pt idx="4895">
                  <c:v>5.0000000000000001E-3</c:v>
                </c:pt>
                <c:pt idx="4896">
                  <c:v>5.0000000000000001E-3</c:v>
                </c:pt>
                <c:pt idx="4897">
                  <c:v>5.0000000000000001E-3</c:v>
                </c:pt>
                <c:pt idx="4898">
                  <c:v>5.0000000000000001E-3</c:v>
                </c:pt>
                <c:pt idx="4899">
                  <c:v>5.0000000000000001E-3</c:v>
                </c:pt>
                <c:pt idx="4900">
                  <c:v>5.0000000000000001E-3</c:v>
                </c:pt>
                <c:pt idx="4901">
                  <c:v>5.0000000000000001E-3</c:v>
                </c:pt>
                <c:pt idx="4902">
                  <c:v>5.0000000000000001E-3</c:v>
                </c:pt>
                <c:pt idx="4903">
                  <c:v>5.0000000000000001E-3</c:v>
                </c:pt>
                <c:pt idx="4904">
                  <c:v>5.0000000000000001E-3</c:v>
                </c:pt>
                <c:pt idx="4905">
                  <c:v>5.0000000000000001E-3</c:v>
                </c:pt>
                <c:pt idx="4906">
                  <c:v>5.0000000000000001E-3</c:v>
                </c:pt>
                <c:pt idx="4907">
                  <c:v>5.0000000000000001E-3</c:v>
                </c:pt>
                <c:pt idx="4908">
                  <c:v>5.0000000000000001E-3</c:v>
                </c:pt>
                <c:pt idx="4909">
                  <c:v>5.0000000000000001E-3</c:v>
                </c:pt>
                <c:pt idx="4910">
                  <c:v>5.0000000000000001E-3</c:v>
                </c:pt>
                <c:pt idx="4911">
                  <c:v>5.0000000000000001E-3</c:v>
                </c:pt>
                <c:pt idx="4912">
                  <c:v>5.0000000000000001E-3</c:v>
                </c:pt>
                <c:pt idx="4913">
                  <c:v>5.0000000000000001E-3</c:v>
                </c:pt>
                <c:pt idx="4914">
                  <c:v>5.0000000000000001E-3</c:v>
                </c:pt>
                <c:pt idx="4915">
                  <c:v>5.0000000000000001E-3</c:v>
                </c:pt>
                <c:pt idx="4916">
                  <c:v>5.0000000000000001E-3</c:v>
                </c:pt>
                <c:pt idx="4917">
                  <c:v>5.0000000000000001E-3</c:v>
                </c:pt>
                <c:pt idx="4918">
                  <c:v>5.0000000000000001E-3</c:v>
                </c:pt>
                <c:pt idx="4919">
                  <c:v>5.0000000000000001E-3</c:v>
                </c:pt>
                <c:pt idx="4920">
                  <c:v>5.0000000000000001E-3</c:v>
                </c:pt>
                <c:pt idx="4921">
                  <c:v>5.0000000000000001E-3</c:v>
                </c:pt>
                <c:pt idx="4922">
                  <c:v>5.0000000000000001E-3</c:v>
                </c:pt>
                <c:pt idx="4923">
                  <c:v>5.0000000000000001E-3</c:v>
                </c:pt>
                <c:pt idx="4924">
                  <c:v>5.0000000000000001E-3</c:v>
                </c:pt>
                <c:pt idx="4925">
                  <c:v>5.0000000000000001E-3</c:v>
                </c:pt>
                <c:pt idx="4926">
                  <c:v>5.0000000000000001E-3</c:v>
                </c:pt>
                <c:pt idx="4927">
                  <c:v>5.0000000000000001E-3</c:v>
                </c:pt>
                <c:pt idx="4928">
                  <c:v>5.0000000000000001E-3</c:v>
                </c:pt>
                <c:pt idx="4929">
                  <c:v>5.0000000000000001E-3</c:v>
                </c:pt>
                <c:pt idx="4930">
                  <c:v>5.0000000000000001E-3</c:v>
                </c:pt>
                <c:pt idx="4931">
                  <c:v>5.0000000000000001E-3</c:v>
                </c:pt>
                <c:pt idx="4932">
                  <c:v>5.0000000000000001E-3</c:v>
                </c:pt>
                <c:pt idx="4933">
                  <c:v>5.0000000000000001E-3</c:v>
                </c:pt>
                <c:pt idx="4934">
                  <c:v>5.0000000000000001E-3</c:v>
                </c:pt>
                <c:pt idx="4935">
                  <c:v>5.0000000000000001E-3</c:v>
                </c:pt>
                <c:pt idx="4936">
                  <c:v>5.0000000000000001E-3</c:v>
                </c:pt>
                <c:pt idx="4937">
                  <c:v>5.0000000000000001E-3</c:v>
                </c:pt>
                <c:pt idx="4938">
                  <c:v>5.0000000000000001E-3</c:v>
                </c:pt>
                <c:pt idx="4939">
                  <c:v>5.0000000000000001E-3</c:v>
                </c:pt>
                <c:pt idx="4940">
                  <c:v>5.0000000000000001E-3</c:v>
                </c:pt>
                <c:pt idx="4941">
                  <c:v>5.0000000000000001E-3</c:v>
                </c:pt>
                <c:pt idx="4942">
                  <c:v>5.0000000000000001E-3</c:v>
                </c:pt>
                <c:pt idx="4943">
                  <c:v>5.0000000000000001E-3</c:v>
                </c:pt>
                <c:pt idx="4944">
                  <c:v>5.0000000000000001E-3</c:v>
                </c:pt>
                <c:pt idx="4945">
                  <c:v>5.0000000000000001E-3</c:v>
                </c:pt>
                <c:pt idx="4946">
                  <c:v>5.0000000000000001E-3</c:v>
                </c:pt>
                <c:pt idx="4947">
                  <c:v>5.0000000000000001E-3</c:v>
                </c:pt>
                <c:pt idx="4948">
                  <c:v>5.0000000000000001E-3</c:v>
                </c:pt>
                <c:pt idx="4949">
                  <c:v>5.0000000000000001E-3</c:v>
                </c:pt>
                <c:pt idx="4950">
                  <c:v>5.0000000000000001E-3</c:v>
                </c:pt>
                <c:pt idx="4951">
                  <c:v>5.0000000000000001E-3</c:v>
                </c:pt>
                <c:pt idx="4952">
                  <c:v>5.0000000000000001E-3</c:v>
                </c:pt>
                <c:pt idx="4953">
                  <c:v>5.0000000000000001E-3</c:v>
                </c:pt>
                <c:pt idx="4954">
                  <c:v>5.0000000000000001E-3</c:v>
                </c:pt>
                <c:pt idx="4955">
                  <c:v>5.0000000000000001E-3</c:v>
                </c:pt>
                <c:pt idx="4956">
                  <c:v>5.0000000000000001E-3</c:v>
                </c:pt>
                <c:pt idx="4957">
                  <c:v>5.0000000000000001E-3</c:v>
                </c:pt>
                <c:pt idx="4958">
                  <c:v>5.0000000000000001E-3</c:v>
                </c:pt>
                <c:pt idx="4959">
                  <c:v>5.0000000000000001E-3</c:v>
                </c:pt>
                <c:pt idx="4960">
                  <c:v>5.0000000000000001E-3</c:v>
                </c:pt>
                <c:pt idx="4961">
                  <c:v>5.0000000000000001E-3</c:v>
                </c:pt>
                <c:pt idx="4962">
                  <c:v>5.0000000000000001E-3</c:v>
                </c:pt>
                <c:pt idx="4963">
                  <c:v>5.0000000000000001E-3</c:v>
                </c:pt>
                <c:pt idx="4964">
                  <c:v>5.0000000000000001E-3</c:v>
                </c:pt>
                <c:pt idx="4965">
                  <c:v>5.0000000000000001E-3</c:v>
                </c:pt>
                <c:pt idx="4966">
                  <c:v>5.0000000000000001E-3</c:v>
                </c:pt>
                <c:pt idx="4967">
                  <c:v>5.0000000000000001E-3</c:v>
                </c:pt>
                <c:pt idx="4968">
                  <c:v>5.0000000000000001E-3</c:v>
                </c:pt>
                <c:pt idx="4969">
                  <c:v>5.0000000000000001E-3</c:v>
                </c:pt>
                <c:pt idx="4970">
                  <c:v>5.0000000000000001E-3</c:v>
                </c:pt>
                <c:pt idx="4971">
                  <c:v>5.0000000000000001E-3</c:v>
                </c:pt>
                <c:pt idx="4972">
                  <c:v>5.0000000000000001E-3</c:v>
                </c:pt>
                <c:pt idx="4973">
                  <c:v>5.0000000000000001E-3</c:v>
                </c:pt>
                <c:pt idx="4974">
                  <c:v>5.0000000000000001E-3</c:v>
                </c:pt>
                <c:pt idx="4975">
                  <c:v>5.0000000000000001E-3</c:v>
                </c:pt>
                <c:pt idx="4976">
                  <c:v>5.0000000000000001E-3</c:v>
                </c:pt>
                <c:pt idx="4977">
                  <c:v>5.0000000000000001E-3</c:v>
                </c:pt>
                <c:pt idx="4978">
                  <c:v>5.0000000000000001E-3</c:v>
                </c:pt>
                <c:pt idx="4979">
                  <c:v>5.0000000000000001E-3</c:v>
                </c:pt>
                <c:pt idx="4980">
                  <c:v>5.0000000000000001E-3</c:v>
                </c:pt>
                <c:pt idx="4981">
                  <c:v>5.0000000000000001E-3</c:v>
                </c:pt>
                <c:pt idx="4982">
                  <c:v>5.0000000000000001E-3</c:v>
                </c:pt>
                <c:pt idx="4983">
                  <c:v>5.0000000000000001E-3</c:v>
                </c:pt>
                <c:pt idx="4984">
                  <c:v>5.0000000000000001E-3</c:v>
                </c:pt>
                <c:pt idx="4985">
                  <c:v>5.0000000000000001E-3</c:v>
                </c:pt>
                <c:pt idx="4986">
                  <c:v>5.0000000000000001E-3</c:v>
                </c:pt>
                <c:pt idx="4987">
                  <c:v>5.0000000000000001E-3</c:v>
                </c:pt>
                <c:pt idx="4988">
                  <c:v>5.0000000000000001E-3</c:v>
                </c:pt>
                <c:pt idx="4989">
                  <c:v>5.0000000000000001E-3</c:v>
                </c:pt>
                <c:pt idx="4990">
                  <c:v>5.0000000000000001E-3</c:v>
                </c:pt>
                <c:pt idx="4991">
                  <c:v>5.0000000000000001E-3</c:v>
                </c:pt>
                <c:pt idx="4992">
                  <c:v>5.0000000000000001E-3</c:v>
                </c:pt>
                <c:pt idx="4993">
                  <c:v>5.0000000000000001E-3</c:v>
                </c:pt>
                <c:pt idx="4994">
                  <c:v>5.0000000000000001E-3</c:v>
                </c:pt>
                <c:pt idx="4995">
                  <c:v>5.0000000000000001E-3</c:v>
                </c:pt>
                <c:pt idx="4996">
                  <c:v>5.0000000000000001E-3</c:v>
                </c:pt>
                <c:pt idx="4997">
                  <c:v>5.0000000000000001E-3</c:v>
                </c:pt>
                <c:pt idx="4998">
                  <c:v>5.0000000000000001E-3</c:v>
                </c:pt>
                <c:pt idx="4999">
                  <c:v>5.0000000000000001E-3</c:v>
                </c:pt>
                <c:pt idx="5000">
                  <c:v>5.0000000000000001E-3</c:v>
                </c:pt>
                <c:pt idx="5001">
                  <c:v>5.0000000000000001E-3</c:v>
                </c:pt>
                <c:pt idx="5002">
                  <c:v>5.0000000000000001E-3</c:v>
                </c:pt>
                <c:pt idx="5003">
                  <c:v>5.0000000000000001E-3</c:v>
                </c:pt>
                <c:pt idx="5004">
                  <c:v>5.0000000000000001E-3</c:v>
                </c:pt>
                <c:pt idx="5005">
                  <c:v>5.0000000000000001E-3</c:v>
                </c:pt>
                <c:pt idx="5006">
                  <c:v>5.0000000000000001E-3</c:v>
                </c:pt>
                <c:pt idx="5007">
                  <c:v>5.0000000000000001E-3</c:v>
                </c:pt>
                <c:pt idx="5008">
                  <c:v>5.0000000000000001E-3</c:v>
                </c:pt>
                <c:pt idx="5009">
                  <c:v>5.0000000000000001E-3</c:v>
                </c:pt>
                <c:pt idx="5010">
                  <c:v>5.0000000000000001E-3</c:v>
                </c:pt>
                <c:pt idx="5011">
                  <c:v>5.0000000000000001E-3</c:v>
                </c:pt>
                <c:pt idx="5012">
                  <c:v>5.0000000000000001E-3</c:v>
                </c:pt>
                <c:pt idx="5013">
                  <c:v>5.0000000000000001E-3</c:v>
                </c:pt>
                <c:pt idx="5014">
                  <c:v>5.0000000000000001E-3</c:v>
                </c:pt>
                <c:pt idx="5015">
                  <c:v>5.0000000000000001E-3</c:v>
                </c:pt>
                <c:pt idx="5016">
                  <c:v>5.0000000000000001E-3</c:v>
                </c:pt>
                <c:pt idx="5017">
                  <c:v>5.0000000000000001E-3</c:v>
                </c:pt>
                <c:pt idx="5018">
                  <c:v>5.0000000000000001E-3</c:v>
                </c:pt>
                <c:pt idx="5019">
                  <c:v>5.0000000000000001E-3</c:v>
                </c:pt>
                <c:pt idx="5020">
                  <c:v>5.0000000000000001E-3</c:v>
                </c:pt>
                <c:pt idx="5021">
                  <c:v>5.0000000000000001E-3</c:v>
                </c:pt>
                <c:pt idx="5022">
                  <c:v>5.0000000000000001E-3</c:v>
                </c:pt>
                <c:pt idx="5023">
                  <c:v>5.0000000000000001E-3</c:v>
                </c:pt>
                <c:pt idx="5024">
                  <c:v>5.0000000000000001E-3</c:v>
                </c:pt>
                <c:pt idx="5025">
                  <c:v>5.0000000000000001E-3</c:v>
                </c:pt>
                <c:pt idx="5026">
                  <c:v>5.0000000000000001E-3</c:v>
                </c:pt>
                <c:pt idx="5027">
                  <c:v>5.0000000000000001E-3</c:v>
                </c:pt>
                <c:pt idx="5028">
                  <c:v>5.0000000000000001E-3</c:v>
                </c:pt>
                <c:pt idx="5029">
                  <c:v>5.0000000000000001E-3</c:v>
                </c:pt>
                <c:pt idx="5030">
                  <c:v>5.0000000000000001E-3</c:v>
                </c:pt>
                <c:pt idx="5031">
                  <c:v>5.0000000000000001E-3</c:v>
                </c:pt>
                <c:pt idx="5032">
                  <c:v>5.0000000000000001E-3</c:v>
                </c:pt>
                <c:pt idx="5033">
                  <c:v>5.0000000000000001E-3</c:v>
                </c:pt>
                <c:pt idx="5034">
                  <c:v>5.0000000000000001E-3</c:v>
                </c:pt>
                <c:pt idx="5035">
                  <c:v>5.0000000000000001E-3</c:v>
                </c:pt>
                <c:pt idx="5036">
                  <c:v>5.0000000000000001E-3</c:v>
                </c:pt>
                <c:pt idx="5037">
                  <c:v>5.0000000000000001E-3</c:v>
                </c:pt>
                <c:pt idx="5038">
                  <c:v>5.0000000000000001E-3</c:v>
                </c:pt>
                <c:pt idx="5039">
                  <c:v>5.0000000000000001E-3</c:v>
                </c:pt>
                <c:pt idx="5040">
                  <c:v>5.0000000000000001E-3</c:v>
                </c:pt>
                <c:pt idx="5041">
                  <c:v>5.0000000000000001E-3</c:v>
                </c:pt>
                <c:pt idx="5042">
                  <c:v>5.0000000000000001E-3</c:v>
                </c:pt>
                <c:pt idx="5043">
                  <c:v>5.0000000000000001E-3</c:v>
                </c:pt>
                <c:pt idx="5044">
                  <c:v>5.0000000000000001E-3</c:v>
                </c:pt>
                <c:pt idx="5045">
                  <c:v>5.0000000000000001E-3</c:v>
                </c:pt>
                <c:pt idx="5046">
                  <c:v>5.0000000000000001E-3</c:v>
                </c:pt>
                <c:pt idx="5047">
                  <c:v>5.0000000000000001E-3</c:v>
                </c:pt>
                <c:pt idx="5048">
                  <c:v>5.0000000000000001E-3</c:v>
                </c:pt>
                <c:pt idx="5049">
                  <c:v>5.0000000000000001E-3</c:v>
                </c:pt>
                <c:pt idx="5050">
                  <c:v>5.0000000000000001E-3</c:v>
                </c:pt>
                <c:pt idx="5051">
                  <c:v>5.0000000000000001E-3</c:v>
                </c:pt>
                <c:pt idx="5052">
                  <c:v>5.0000000000000001E-3</c:v>
                </c:pt>
                <c:pt idx="5053">
                  <c:v>5.0000000000000001E-3</c:v>
                </c:pt>
                <c:pt idx="5054">
                  <c:v>5.0000000000000001E-3</c:v>
                </c:pt>
                <c:pt idx="5055">
                  <c:v>5.0000000000000001E-3</c:v>
                </c:pt>
                <c:pt idx="5056">
                  <c:v>5.0000000000000001E-3</c:v>
                </c:pt>
                <c:pt idx="5057">
                  <c:v>5.0000000000000001E-3</c:v>
                </c:pt>
                <c:pt idx="5058">
                  <c:v>5.0000000000000001E-3</c:v>
                </c:pt>
                <c:pt idx="5059">
                  <c:v>5.0000000000000001E-3</c:v>
                </c:pt>
                <c:pt idx="5060">
                  <c:v>5.0000000000000001E-3</c:v>
                </c:pt>
                <c:pt idx="5061">
                  <c:v>5.0000000000000001E-3</c:v>
                </c:pt>
                <c:pt idx="5062">
                  <c:v>5.0000000000000001E-3</c:v>
                </c:pt>
                <c:pt idx="5063">
                  <c:v>5.0000000000000001E-3</c:v>
                </c:pt>
                <c:pt idx="5064">
                  <c:v>5.0000000000000001E-3</c:v>
                </c:pt>
                <c:pt idx="5065">
                  <c:v>5.0000000000000001E-3</c:v>
                </c:pt>
                <c:pt idx="5066">
                  <c:v>5.0000000000000001E-3</c:v>
                </c:pt>
                <c:pt idx="5067">
                  <c:v>5.0000000000000001E-3</c:v>
                </c:pt>
                <c:pt idx="5068">
                  <c:v>5.0000000000000001E-3</c:v>
                </c:pt>
                <c:pt idx="5069">
                  <c:v>5.0000000000000001E-3</c:v>
                </c:pt>
                <c:pt idx="5070">
                  <c:v>5.0000000000000001E-3</c:v>
                </c:pt>
                <c:pt idx="5071">
                  <c:v>5.0000000000000001E-3</c:v>
                </c:pt>
                <c:pt idx="5072">
                  <c:v>5.0000000000000001E-3</c:v>
                </c:pt>
                <c:pt idx="5073">
                  <c:v>5.0000000000000001E-3</c:v>
                </c:pt>
                <c:pt idx="5074">
                  <c:v>5.0000000000000001E-3</c:v>
                </c:pt>
                <c:pt idx="5075">
                  <c:v>5.0000000000000001E-3</c:v>
                </c:pt>
                <c:pt idx="5076">
                  <c:v>5.0000000000000001E-3</c:v>
                </c:pt>
                <c:pt idx="5077">
                  <c:v>5.0000000000000001E-3</c:v>
                </c:pt>
                <c:pt idx="5078">
                  <c:v>5.0000000000000001E-3</c:v>
                </c:pt>
                <c:pt idx="5079">
                  <c:v>5.0000000000000001E-3</c:v>
                </c:pt>
                <c:pt idx="5080">
                  <c:v>5.0000000000000001E-3</c:v>
                </c:pt>
                <c:pt idx="5081">
                  <c:v>5.0000000000000001E-3</c:v>
                </c:pt>
                <c:pt idx="5082">
                  <c:v>5.0000000000000001E-3</c:v>
                </c:pt>
                <c:pt idx="5083">
                  <c:v>5.0000000000000001E-3</c:v>
                </c:pt>
                <c:pt idx="5084">
                  <c:v>5.0000000000000001E-3</c:v>
                </c:pt>
                <c:pt idx="5085">
                  <c:v>5.0000000000000001E-3</c:v>
                </c:pt>
                <c:pt idx="5086">
                  <c:v>5.0000000000000001E-3</c:v>
                </c:pt>
                <c:pt idx="5087">
                  <c:v>5.0000000000000001E-3</c:v>
                </c:pt>
                <c:pt idx="5088">
                  <c:v>5.0000000000000001E-3</c:v>
                </c:pt>
                <c:pt idx="5089">
                  <c:v>5.0000000000000001E-3</c:v>
                </c:pt>
                <c:pt idx="5090">
                  <c:v>5.0000000000000001E-3</c:v>
                </c:pt>
                <c:pt idx="5091">
                  <c:v>5.0000000000000001E-3</c:v>
                </c:pt>
                <c:pt idx="5092">
                  <c:v>5.0000000000000001E-3</c:v>
                </c:pt>
                <c:pt idx="5093">
                  <c:v>5.0000000000000001E-3</c:v>
                </c:pt>
                <c:pt idx="5094">
                  <c:v>5.0000000000000001E-3</c:v>
                </c:pt>
                <c:pt idx="5095">
                  <c:v>5.0000000000000001E-3</c:v>
                </c:pt>
                <c:pt idx="5096">
                  <c:v>5.0000000000000001E-3</c:v>
                </c:pt>
                <c:pt idx="5097">
                  <c:v>5.0000000000000001E-3</c:v>
                </c:pt>
                <c:pt idx="5098">
                  <c:v>5.0000000000000001E-3</c:v>
                </c:pt>
                <c:pt idx="5099">
                  <c:v>5.0000000000000001E-3</c:v>
                </c:pt>
                <c:pt idx="5100">
                  <c:v>5.0000000000000001E-3</c:v>
                </c:pt>
                <c:pt idx="5101">
                  <c:v>5.0000000000000001E-3</c:v>
                </c:pt>
                <c:pt idx="5102">
                  <c:v>5.0000000000000001E-3</c:v>
                </c:pt>
                <c:pt idx="5103">
                  <c:v>5.0000000000000001E-3</c:v>
                </c:pt>
                <c:pt idx="5104">
                  <c:v>5.0000000000000001E-3</c:v>
                </c:pt>
                <c:pt idx="5105">
                  <c:v>5.0000000000000001E-3</c:v>
                </c:pt>
                <c:pt idx="5106">
                  <c:v>5.0000000000000001E-3</c:v>
                </c:pt>
                <c:pt idx="5107">
                  <c:v>5.0000000000000001E-3</c:v>
                </c:pt>
                <c:pt idx="5108">
                  <c:v>5.0000000000000001E-3</c:v>
                </c:pt>
                <c:pt idx="5109">
                  <c:v>5.0000000000000001E-3</c:v>
                </c:pt>
                <c:pt idx="5110">
                  <c:v>5.0000000000000001E-3</c:v>
                </c:pt>
                <c:pt idx="5111">
                  <c:v>5.0000000000000001E-3</c:v>
                </c:pt>
                <c:pt idx="5112">
                  <c:v>5.0000000000000001E-3</c:v>
                </c:pt>
                <c:pt idx="5113">
                  <c:v>5.0000000000000001E-3</c:v>
                </c:pt>
                <c:pt idx="5114">
                  <c:v>5.0000000000000001E-3</c:v>
                </c:pt>
                <c:pt idx="5115">
                  <c:v>5.0000000000000001E-3</c:v>
                </c:pt>
                <c:pt idx="5116">
                  <c:v>5.0000000000000001E-3</c:v>
                </c:pt>
                <c:pt idx="5117">
                  <c:v>5.0000000000000001E-3</c:v>
                </c:pt>
                <c:pt idx="5118">
                  <c:v>5.0000000000000001E-3</c:v>
                </c:pt>
                <c:pt idx="5119">
                  <c:v>5.0000000000000001E-3</c:v>
                </c:pt>
                <c:pt idx="5120">
                  <c:v>5.0000000000000001E-3</c:v>
                </c:pt>
                <c:pt idx="5121">
                  <c:v>5.0000000000000001E-3</c:v>
                </c:pt>
                <c:pt idx="5122">
                  <c:v>5.0000000000000001E-3</c:v>
                </c:pt>
                <c:pt idx="5123">
                  <c:v>5.0000000000000001E-3</c:v>
                </c:pt>
                <c:pt idx="5124">
                  <c:v>5.0000000000000001E-3</c:v>
                </c:pt>
                <c:pt idx="5125">
                  <c:v>5.0000000000000001E-3</c:v>
                </c:pt>
                <c:pt idx="5126">
                  <c:v>5.0000000000000001E-3</c:v>
                </c:pt>
                <c:pt idx="5127">
                  <c:v>5.0000000000000001E-3</c:v>
                </c:pt>
                <c:pt idx="5128">
                  <c:v>5.0000000000000001E-3</c:v>
                </c:pt>
                <c:pt idx="5129">
                  <c:v>5.0000000000000001E-3</c:v>
                </c:pt>
                <c:pt idx="5130">
                  <c:v>5.0000000000000001E-3</c:v>
                </c:pt>
                <c:pt idx="5131">
                  <c:v>5.0000000000000001E-3</c:v>
                </c:pt>
                <c:pt idx="5132">
                  <c:v>5.0000000000000001E-3</c:v>
                </c:pt>
                <c:pt idx="5133">
                  <c:v>5.0000000000000001E-3</c:v>
                </c:pt>
                <c:pt idx="5134">
                  <c:v>5.0000000000000001E-3</c:v>
                </c:pt>
                <c:pt idx="5135">
                  <c:v>5.0000000000000001E-3</c:v>
                </c:pt>
                <c:pt idx="5136">
                  <c:v>5.0000000000000001E-3</c:v>
                </c:pt>
                <c:pt idx="5137">
                  <c:v>5.0000000000000001E-3</c:v>
                </c:pt>
                <c:pt idx="5138">
                  <c:v>5.0000000000000001E-3</c:v>
                </c:pt>
                <c:pt idx="5139">
                  <c:v>5.0000000000000001E-3</c:v>
                </c:pt>
                <c:pt idx="5140">
                  <c:v>5.0000000000000001E-3</c:v>
                </c:pt>
                <c:pt idx="5141">
                  <c:v>5.0000000000000001E-3</c:v>
                </c:pt>
                <c:pt idx="5142">
                  <c:v>5.0000000000000001E-3</c:v>
                </c:pt>
                <c:pt idx="5143">
                  <c:v>5.0000000000000001E-3</c:v>
                </c:pt>
                <c:pt idx="5144">
                  <c:v>5.0000000000000001E-3</c:v>
                </c:pt>
                <c:pt idx="5145">
                  <c:v>5.0000000000000001E-3</c:v>
                </c:pt>
                <c:pt idx="5146">
                  <c:v>5.0000000000000001E-3</c:v>
                </c:pt>
                <c:pt idx="5147">
                  <c:v>5.0000000000000001E-3</c:v>
                </c:pt>
                <c:pt idx="5148">
                  <c:v>5.0000000000000001E-3</c:v>
                </c:pt>
                <c:pt idx="5149">
                  <c:v>5.0000000000000001E-3</c:v>
                </c:pt>
                <c:pt idx="5150">
                  <c:v>5.0000000000000001E-3</c:v>
                </c:pt>
                <c:pt idx="5151">
                  <c:v>5.0000000000000001E-3</c:v>
                </c:pt>
                <c:pt idx="5152">
                  <c:v>5.0000000000000001E-3</c:v>
                </c:pt>
                <c:pt idx="5153">
                  <c:v>5.0000000000000001E-3</c:v>
                </c:pt>
                <c:pt idx="5154">
                  <c:v>5.0000000000000001E-3</c:v>
                </c:pt>
                <c:pt idx="5155">
                  <c:v>5.0000000000000001E-3</c:v>
                </c:pt>
                <c:pt idx="5156">
                  <c:v>5.0000000000000001E-3</c:v>
                </c:pt>
                <c:pt idx="5157">
                  <c:v>5.0000000000000001E-3</c:v>
                </c:pt>
                <c:pt idx="5158">
                  <c:v>5.0000000000000001E-3</c:v>
                </c:pt>
                <c:pt idx="5159">
                  <c:v>5.0000000000000001E-3</c:v>
                </c:pt>
                <c:pt idx="5160">
                  <c:v>5.0000000000000001E-3</c:v>
                </c:pt>
                <c:pt idx="5161">
                  <c:v>5.0000000000000001E-3</c:v>
                </c:pt>
                <c:pt idx="5162">
                  <c:v>5.0000000000000001E-3</c:v>
                </c:pt>
                <c:pt idx="5163">
                  <c:v>5.0000000000000001E-3</c:v>
                </c:pt>
                <c:pt idx="5164">
                  <c:v>5.0000000000000001E-3</c:v>
                </c:pt>
                <c:pt idx="5165">
                  <c:v>5.0000000000000001E-3</c:v>
                </c:pt>
                <c:pt idx="5166">
                  <c:v>5.0000000000000001E-3</c:v>
                </c:pt>
                <c:pt idx="5167">
                  <c:v>5.0000000000000001E-3</c:v>
                </c:pt>
                <c:pt idx="5168">
                  <c:v>5.0000000000000001E-3</c:v>
                </c:pt>
                <c:pt idx="5169">
                  <c:v>5.0000000000000001E-3</c:v>
                </c:pt>
                <c:pt idx="5170">
                  <c:v>5.0000000000000001E-3</c:v>
                </c:pt>
                <c:pt idx="5171">
                  <c:v>5.0000000000000001E-3</c:v>
                </c:pt>
                <c:pt idx="5172">
                  <c:v>5.0000000000000001E-3</c:v>
                </c:pt>
                <c:pt idx="5173">
                  <c:v>5.0000000000000001E-3</c:v>
                </c:pt>
                <c:pt idx="5174">
                  <c:v>5.0000000000000001E-3</c:v>
                </c:pt>
                <c:pt idx="5175">
                  <c:v>5.0000000000000001E-3</c:v>
                </c:pt>
                <c:pt idx="5176">
                  <c:v>5.0000000000000001E-3</c:v>
                </c:pt>
                <c:pt idx="5177">
                  <c:v>5.0000000000000001E-3</c:v>
                </c:pt>
                <c:pt idx="5178">
                  <c:v>5.0000000000000001E-3</c:v>
                </c:pt>
                <c:pt idx="5179">
                  <c:v>5.0000000000000001E-3</c:v>
                </c:pt>
                <c:pt idx="5180">
                  <c:v>5.0000000000000001E-3</c:v>
                </c:pt>
                <c:pt idx="5181">
                  <c:v>5.0000000000000001E-3</c:v>
                </c:pt>
                <c:pt idx="5182">
                  <c:v>5.0000000000000001E-3</c:v>
                </c:pt>
                <c:pt idx="5183">
                  <c:v>5.0000000000000001E-3</c:v>
                </c:pt>
                <c:pt idx="5184">
                  <c:v>5.0000000000000001E-3</c:v>
                </c:pt>
                <c:pt idx="5185">
                  <c:v>5.0000000000000001E-3</c:v>
                </c:pt>
                <c:pt idx="5186">
                  <c:v>5.0000000000000001E-3</c:v>
                </c:pt>
                <c:pt idx="5187">
                  <c:v>5.0000000000000001E-3</c:v>
                </c:pt>
                <c:pt idx="5188">
                  <c:v>5.0000000000000001E-3</c:v>
                </c:pt>
                <c:pt idx="5189">
                  <c:v>5.0000000000000001E-3</c:v>
                </c:pt>
                <c:pt idx="5190">
                  <c:v>5.0000000000000001E-3</c:v>
                </c:pt>
                <c:pt idx="5191">
                  <c:v>5.0000000000000001E-3</c:v>
                </c:pt>
                <c:pt idx="5192">
                  <c:v>5.0000000000000001E-3</c:v>
                </c:pt>
                <c:pt idx="5193">
                  <c:v>5.0000000000000001E-3</c:v>
                </c:pt>
                <c:pt idx="5194">
                  <c:v>5.0000000000000001E-3</c:v>
                </c:pt>
                <c:pt idx="5195">
                  <c:v>5.0000000000000001E-3</c:v>
                </c:pt>
                <c:pt idx="5196">
                  <c:v>5.0000000000000001E-3</c:v>
                </c:pt>
                <c:pt idx="5197">
                  <c:v>5.0000000000000001E-3</c:v>
                </c:pt>
                <c:pt idx="5198">
                  <c:v>5.0000000000000001E-3</c:v>
                </c:pt>
                <c:pt idx="5199">
                  <c:v>5.0000000000000001E-3</c:v>
                </c:pt>
                <c:pt idx="5200">
                  <c:v>5.0000000000000001E-3</c:v>
                </c:pt>
                <c:pt idx="5201">
                  <c:v>5.0000000000000001E-3</c:v>
                </c:pt>
                <c:pt idx="5202">
                  <c:v>5.0000000000000001E-3</c:v>
                </c:pt>
                <c:pt idx="5203">
                  <c:v>5.0000000000000001E-3</c:v>
                </c:pt>
                <c:pt idx="5204">
                  <c:v>5.0000000000000001E-3</c:v>
                </c:pt>
                <c:pt idx="5205">
                  <c:v>5.0000000000000001E-3</c:v>
                </c:pt>
                <c:pt idx="5206">
                  <c:v>5.0000000000000001E-3</c:v>
                </c:pt>
                <c:pt idx="5207">
                  <c:v>5.0000000000000001E-3</c:v>
                </c:pt>
                <c:pt idx="5208">
                  <c:v>5.0000000000000001E-3</c:v>
                </c:pt>
                <c:pt idx="5209">
                  <c:v>5.0000000000000001E-3</c:v>
                </c:pt>
                <c:pt idx="5210">
                  <c:v>5.0000000000000001E-3</c:v>
                </c:pt>
                <c:pt idx="5211">
                  <c:v>5.0000000000000001E-3</c:v>
                </c:pt>
                <c:pt idx="5212">
                  <c:v>5.0000000000000001E-3</c:v>
                </c:pt>
                <c:pt idx="5213">
                  <c:v>5.0000000000000001E-3</c:v>
                </c:pt>
                <c:pt idx="5214">
                  <c:v>5.0000000000000001E-3</c:v>
                </c:pt>
                <c:pt idx="5215">
                  <c:v>5.0000000000000001E-3</c:v>
                </c:pt>
                <c:pt idx="5216">
                  <c:v>5.0000000000000001E-3</c:v>
                </c:pt>
                <c:pt idx="5217">
                  <c:v>5.0000000000000001E-3</c:v>
                </c:pt>
                <c:pt idx="5218">
                  <c:v>5.0000000000000001E-3</c:v>
                </c:pt>
                <c:pt idx="5219">
                  <c:v>5.0000000000000001E-3</c:v>
                </c:pt>
                <c:pt idx="5220">
                  <c:v>5.0000000000000001E-3</c:v>
                </c:pt>
                <c:pt idx="5221">
                  <c:v>5.0000000000000001E-3</c:v>
                </c:pt>
                <c:pt idx="5222">
                  <c:v>5.0000000000000001E-3</c:v>
                </c:pt>
                <c:pt idx="5223">
                  <c:v>5.0000000000000001E-3</c:v>
                </c:pt>
                <c:pt idx="5224">
                  <c:v>5.0000000000000001E-3</c:v>
                </c:pt>
                <c:pt idx="5225">
                  <c:v>5.0000000000000001E-3</c:v>
                </c:pt>
                <c:pt idx="5226">
                  <c:v>5.0000000000000001E-3</c:v>
                </c:pt>
                <c:pt idx="5227">
                  <c:v>5.0000000000000001E-3</c:v>
                </c:pt>
                <c:pt idx="5228">
                  <c:v>5.0000000000000001E-3</c:v>
                </c:pt>
                <c:pt idx="5229">
                  <c:v>5.0000000000000001E-3</c:v>
                </c:pt>
                <c:pt idx="5230">
                  <c:v>5.0000000000000001E-3</c:v>
                </c:pt>
                <c:pt idx="5231">
                  <c:v>5.0000000000000001E-3</c:v>
                </c:pt>
                <c:pt idx="5232">
                  <c:v>5.0000000000000001E-3</c:v>
                </c:pt>
                <c:pt idx="5233">
                  <c:v>5.0000000000000001E-3</c:v>
                </c:pt>
                <c:pt idx="5234">
                  <c:v>5.0000000000000001E-3</c:v>
                </c:pt>
                <c:pt idx="5235">
                  <c:v>5.0000000000000001E-3</c:v>
                </c:pt>
                <c:pt idx="5236">
                  <c:v>5.0000000000000001E-3</c:v>
                </c:pt>
                <c:pt idx="5237">
                  <c:v>5.0000000000000001E-3</c:v>
                </c:pt>
                <c:pt idx="5238">
                  <c:v>5.0000000000000001E-3</c:v>
                </c:pt>
                <c:pt idx="5239">
                  <c:v>5.0000000000000001E-3</c:v>
                </c:pt>
                <c:pt idx="5240">
                  <c:v>5.0000000000000001E-3</c:v>
                </c:pt>
                <c:pt idx="5241">
                  <c:v>5.0000000000000001E-3</c:v>
                </c:pt>
                <c:pt idx="5242">
                  <c:v>5.0000000000000001E-3</c:v>
                </c:pt>
                <c:pt idx="5243">
                  <c:v>5.0000000000000001E-3</c:v>
                </c:pt>
                <c:pt idx="5244">
                  <c:v>5.0000000000000001E-3</c:v>
                </c:pt>
                <c:pt idx="5245">
                  <c:v>5.0000000000000001E-3</c:v>
                </c:pt>
                <c:pt idx="5246">
                  <c:v>5.0000000000000001E-3</c:v>
                </c:pt>
                <c:pt idx="5247">
                  <c:v>5.0000000000000001E-3</c:v>
                </c:pt>
                <c:pt idx="5248">
                  <c:v>5.0000000000000001E-3</c:v>
                </c:pt>
                <c:pt idx="5249">
                  <c:v>5.0000000000000001E-3</c:v>
                </c:pt>
                <c:pt idx="5250">
                  <c:v>5.0000000000000001E-3</c:v>
                </c:pt>
                <c:pt idx="5251">
                  <c:v>5.0000000000000001E-3</c:v>
                </c:pt>
                <c:pt idx="5252">
                  <c:v>5.0000000000000001E-3</c:v>
                </c:pt>
                <c:pt idx="5253">
                  <c:v>5.0000000000000001E-3</c:v>
                </c:pt>
                <c:pt idx="5254">
                  <c:v>5.0000000000000001E-3</c:v>
                </c:pt>
                <c:pt idx="5255">
                  <c:v>5.0000000000000001E-3</c:v>
                </c:pt>
                <c:pt idx="5256">
                  <c:v>5.0000000000000001E-3</c:v>
                </c:pt>
                <c:pt idx="5257">
                  <c:v>5.0000000000000001E-3</c:v>
                </c:pt>
                <c:pt idx="5258">
                  <c:v>5.0000000000000001E-3</c:v>
                </c:pt>
                <c:pt idx="5259">
                  <c:v>5.0000000000000001E-3</c:v>
                </c:pt>
                <c:pt idx="5260">
                  <c:v>5.0000000000000001E-3</c:v>
                </c:pt>
                <c:pt idx="5261">
                  <c:v>5.0000000000000001E-3</c:v>
                </c:pt>
                <c:pt idx="5262">
                  <c:v>5.0000000000000001E-3</c:v>
                </c:pt>
                <c:pt idx="5263">
                  <c:v>5.0000000000000001E-3</c:v>
                </c:pt>
                <c:pt idx="5264">
                  <c:v>5.0000000000000001E-3</c:v>
                </c:pt>
                <c:pt idx="5265">
                  <c:v>5.0000000000000001E-3</c:v>
                </c:pt>
                <c:pt idx="5266">
                  <c:v>5.0000000000000001E-3</c:v>
                </c:pt>
                <c:pt idx="5267">
                  <c:v>5.0000000000000001E-3</c:v>
                </c:pt>
                <c:pt idx="5268">
                  <c:v>5.0000000000000001E-3</c:v>
                </c:pt>
                <c:pt idx="5269">
                  <c:v>5.0000000000000001E-3</c:v>
                </c:pt>
                <c:pt idx="5270">
                  <c:v>5.0000000000000001E-3</c:v>
                </c:pt>
                <c:pt idx="5271">
                  <c:v>5.0000000000000001E-3</c:v>
                </c:pt>
                <c:pt idx="5272">
                  <c:v>5.0000000000000001E-3</c:v>
                </c:pt>
                <c:pt idx="5273">
                  <c:v>5.0000000000000001E-3</c:v>
                </c:pt>
                <c:pt idx="5274">
                  <c:v>5.0000000000000001E-3</c:v>
                </c:pt>
                <c:pt idx="5275">
                  <c:v>5.0000000000000001E-3</c:v>
                </c:pt>
                <c:pt idx="5276">
                  <c:v>5.0000000000000001E-3</c:v>
                </c:pt>
                <c:pt idx="5277">
                  <c:v>5.0000000000000001E-3</c:v>
                </c:pt>
                <c:pt idx="5278">
                  <c:v>5.0000000000000001E-3</c:v>
                </c:pt>
                <c:pt idx="5279">
                  <c:v>5.0000000000000001E-3</c:v>
                </c:pt>
                <c:pt idx="5280">
                  <c:v>5.0000000000000001E-3</c:v>
                </c:pt>
                <c:pt idx="5281">
                  <c:v>5.0000000000000001E-3</c:v>
                </c:pt>
                <c:pt idx="5282">
                  <c:v>5.0000000000000001E-3</c:v>
                </c:pt>
                <c:pt idx="5283">
                  <c:v>5.0000000000000001E-3</c:v>
                </c:pt>
                <c:pt idx="5284">
                  <c:v>5.0000000000000001E-3</c:v>
                </c:pt>
                <c:pt idx="5285">
                  <c:v>5.0000000000000001E-3</c:v>
                </c:pt>
                <c:pt idx="5286">
                  <c:v>5.0000000000000001E-3</c:v>
                </c:pt>
                <c:pt idx="5287">
                  <c:v>5.0000000000000001E-3</c:v>
                </c:pt>
                <c:pt idx="5288">
                  <c:v>5.0000000000000001E-3</c:v>
                </c:pt>
                <c:pt idx="5289">
                  <c:v>5.0000000000000001E-3</c:v>
                </c:pt>
                <c:pt idx="5290">
                  <c:v>5.0000000000000001E-3</c:v>
                </c:pt>
                <c:pt idx="5291">
                  <c:v>5.0000000000000001E-3</c:v>
                </c:pt>
                <c:pt idx="5292">
                  <c:v>5.0000000000000001E-3</c:v>
                </c:pt>
                <c:pt idx="5293">
                  <c:v>5.0000000000000001E-3</c:v>
                </c:pt>
                <c:pt idx="5294">
                  <c:v>5.0000000000000001E-3</c:v>
                </c:pt>
                <c:pt idx="5295">
                  <c:v>5.0000000000000001E-3</c:v>
                </c:pt>
                <c:pt idx="5296">
                  <c:v>5.0000000000000001E-3</c:v>
                </c:pt>
                <c:pt idx="5297">
                  <c:v>5.0000000000000001E-3</c:v>
                </c:pt>
                <c:pt idx="5298">
                  <c:v>5.0000000000000001E-3</c:v>
                </c:pt>
                <c:pt idx="5299">
                  <c:v>5.0000000000000001E-3</c:v>
                </c:pt>
                <c:pt idx="5300">
                  <c:v>5.0000000000000001E-3</c:v>
                </c:pt>
                <c:pt idx="5301">
                  <c:v>5.0000000000000001E-3</c:v>
                </c:pt>
                <c:pt idx="5302">
                  <c:v>5.0000000000000001E-3</c:v>
                </c:pt>
                <c:pt idx="5303">
                  <c:v>5.0000000000000001E-3</c:v>
                </c:pt>
                <c:pt idx="5304">
                  <c:v>5.0000000000000001E-3</c:v>
                </c:pt>
                <c:pt idx="5305">
                  <c:v>5.0000000000000001E-3</c:v>
                </c:pt>
                <c:pt idx="5306">
                  <c:v>5.0000000000000001E-3</c:v>
                </c:pt>
                <c:pt idx="5307">
                  <c:v>5.0000000000000001E-3</c:v>
                </c:pt>
                <c:pt idx="5308">
                  <c:v>5.0000000000000001E-3</c:v>
                </c:pt>
                <c:pt idx="5309">
                  <c:v>5.0000000000000001E-3</c:v>
                </c:pt>
                <c:pt idx="5310">
                  <c:v>5.0000000000000001E-3</c:v>
                </c:pt>
                <c:pt idx="5311">
                  <c:v>5.0000000000000001E-3</c:v>
                </c:pt>
                <c:pt idx="5312">
                  <c:v>5.0000000000000001E-3</c:v>
                </c:pt>
                <c:pt idx="5313">
                  <c:v>5.0000000000000001E-3</c:v>
                </c:pt>
                <c:pt idx="5314">
                  <c:v>5.0000000000000001E-3</c:v>
                </c:pt>
                <c:pt idx="5315">
                  <c:v>5.0000000000000001E-3</c:v>
                </c:pt>
                <c:pt idx="5316">
                  <c:v>5.0000000000000001E-3</c:v>
                </c:pt>
                <c:pt idx="5317">
                  <c:v>5.0000000000000001E-3</c:v>
                </c:pt>
                <c:pt idx="5318">
                  <c:v>5.0000000000000001E-3</c:v>
                </c:pt>
                <c:pt idx="5319">
                  <c:v>5.0000000000000001E-3</c:v>
                </c:pt>
                <c:pt idx="5320">
                  <c:v>5.0000000000000001E-3</c:v>
                </c:pt>
                <c:pt idx="5321">
                  <c:v>5.0000000000000001E-3</c:v>
                </c:pt>
                <c:pt idx="5322">
                  <c:v>5.0000000000000001E-3</c:v>
                </c:pt>
                <c:pt idx="5323">
                  <c:v>5.0000000000000001E-3</c:v>
                </c:pt>
                <c:pt idx="5324">
                  <c:v>5.0000000000000001E-3</c:v>
                </c:pt>
                <c:pt idx="5325">
                  <c:v>5.0000000000000001E-3</c:v>
                </c:pt>
                <c:pt idx="5326">
                  <c:v>5.0000000000000001E-3</c:v>
                </c:pt>
                <c:pt idx="5327">
                  <c:v>5.0000000000000001E-3</c:v>
                </c:pt>
                <c:pt idx="5328">
                  <c:v>5.0000000000000001E-3</c:v>
                </c:pt>
                <c:pt idx="5329">
                  <c:v>5.0000000000000001E-3</c:v>
                </c:pt>
                <c:pt idx="5330">
                  <c:v>5.0000000000000001E-3</c:v>
                </c:pt>
                <c:pt idx="5331">
                  <c:v>5.0000000000000001E-3</c:v>
                </c:pt>
                <c:pt idx="5332">
                  <c:v>5.0000000000000001E-3</c:v>
                </c:pt>
                <c:pt idx="5333">
                  <c:v>5.0000000000000001E-3</c:v>
                </c:pt>
                <c:pt idx="5334">
                  <c:v>5.0000000000000001E-3</c:v>
                </c:pt>
                <c:pt idx="5335">
                  <c:v>5.0000000000000001E-3</c:v>
                </c:pt>
                <c:pt idx="5336">
                  <c:v>5.0000000000000001E-3</c:v>
                </c:pt>
                <c:pt idx="5337">
                  <c:v>5.0000000000000001E-3</c:v>
                </c:pt>
                <c:pt idx="5338">
                  <c:v>5.0000000000000001E-3</c:v>
                </c:pt>
                <c:pt idx="5339">
                  <c:v>5.0000000000000001E-3</c:v>
                </c:pt>
                <c:pt idx="5340">
                  <c:v>5.0000000000000001E-3</c:v>
                </c:pt>
                <c:pt idx="5341">
                  <c:v>5.0000000000000001E-3</c:v>
                </c:pt>
                <c:pt idx="5342">
                  <c:v>5.0000000000000001E-3</c:v>
                </c:pt>
                <c:pt idx="5343">
                  <c:v>5.0000000000000001E-3</c:v>
                </c:pt>
                <c:pt idx="5344">
                  <c:v>5.0000000000000001E-3</c:v>
                </c:pt>
                <c:pt idx="5345">
                  <c:v>5.0000000000000001E-3</c:v>
                </c:pt>
                <c:pt idx="5346">
                  <c:v>5.0000000000000001E-3</c:v>
                </c:pt>
                <c:pt idx="5347">
                  <c:v>5.0000000000000001E-3</c:v>
                </c:pt>
                <c:pt idx="5348">
                  <c:v>5.0000000000000001E-3</c:v>
                </c:pt>
                <c:pt idx="5349">
                  <c:v>5.0000000000000001E-3</c:v>
                </c:pt>
                <c:pt idx="5350">
                  <c:v>5.0000000000000001E-3</c:v>
                </c:pt>
                <c:pt idx="5351">
                  <c:v>5.0000000000000001E-3</c:v>
                </c:pt>
                <c:pt idx="5352">
                  <c:v>5.0000000000000001E-3</c:v>
                </c:pt>
                <c:pt idx="5353">
                  <c:v>5.0000000000000001E-3</c:v>
                </c:pt>
                <c:pt idx="5354">
                  <c:v>5.0000000000000001E-3</c:v>
                </c:pt>
                <c:pt idx="5355">
                  <c:v>5.0000000000000001E-3</c:v>
                </c:pt>
                <c:pt idx="5356">
                  <c:v>5.0000000000000001E-3</c:v>
                </c:pt>
                <c:pt idx="5357">
                  <c:v>5.0000000000000001E-3</c:v>
                </c:pt>
                <c:pt idx="5358">
                  <c:v>5.0000000000000001E-3</c:v>
                </c:pt>
                <c:pt idx="5359">
                  <c:v>5.0000000000000001E-3</c:v>
                </c:pt>
                <c:pt idx="5360">
                  <c:v>5.0000000000000001E-3</c:v>
                </c:pt>
                <c:pt idx="5361">
                  <c:v>5.0000000000000001E-3</c:v>
                </c:pt>
                <c:pt idx="5362">
                  <c:v>5.0000000000000001E-3</c:v>
                </c:pt>
                <c:pt idx="5363">
                  <c:v>5.0000000000000001E-3</c:v>
                </c:pt>
                <c:pt idx="5364">
                  <c:v>5.0000000000000001E-3</c:v>
                </c:pt>
                <c:pt idx="5365">
                  <c:v>5.0000000000000001E-3</c:v>
                </c:pt>
                <c:pt idx="5366">
                  <c:v>5.0000000000000001E-3</c:v>
                </c:pt>
                <c:pt idx="5367">
                  <c:v>5.0000000000000001E-3</c:v>
                </c:pt>
                <c:pt idx="5368">
                  <c:v>5.0000000000000001E-3</c:v>
                </c:pt>
                <c:pt idx="5369">
                  <c:v>5.0000000000000001E-3</c:v>
                </c:pt>
                <c:pt idx="5370">
                  <c:v>5.0000000000000001E-3</c:v>
                </c:pt>
                <c:pt idx="5371">
                  <c:v>5.0000000000000001E-3</c:v>
                </c:pt>
                <c:pt idx="5372">
                  <c:v>5.0000000000000001E-3</c:v>
                </c:pt>
                <c:pt idx="5373">
                  <c:v>5.0000000000000001E-3</c:v>
                </c:pt>
                <c:pt idx="5374">
                  <c:v>5.0000000000000001E-3</c:v>
                </c:pt>
                <c:pt idx="5375">
                  <c:v>5.0000000000000001E-3</c:v>
                </c:pt>
                <c:pt idx="5376">
                  <c:v>5.0000000000000001E-3</c:v>
                </c:pt>
                <c:pt idx="5377">
                  <c:v>5.0000000000000001E-3</c:v>
                </c:pt>
                <c:pt idx="5378">
                  <c:v>5.0000000000000001E-3</c:v>
                </c:pt>
                <c:pt idx="5379">
                  <c:v>5.0000000000000001E-3</c:v>
                </c:pt>
                <c:pt idx="5380">
                  <c:v>5.0000000000000001E-3</c:v>
                </c:pt>
                <c:pt idx="5381">
                  <c:v>5.0000000000000001E-3</c:v>
                </c:pt>
                <c:pt idx="5382">
                  <c:v>5.0000000000000001E-3</c:v>
                </c:pt>
                <c:pt idx="5383">
                  <c:v>5.0000000000000001E-3</c:v>
                </c:pt>
                <c:pt idx="5384">
                  <c:v>5.0000000000000001E-3</c:v>
                </c:pt>
                <c:pt idx="5385">
                  <c:v>5.0000000000000001E-3</c:v>
                </c:pt>
                <c:pt idx="5386">
                  <c:v>5.0000000000000001E-3</c:v>
                </c:pt>
                <c:pt idx="5387">
                  <c:v>5.0000000000000001E-3</c:v>
                </c:pt>
                <c:pt idx="5388">
                  <c:v>5.0000000000000001E-3</c:v>
                </c:pt>
                <c:pt idx="5389">
                  <c:v>5.0000000000000001E-3</c:v>
                </c:pt>
                <c:pt idx="5390">
                  <c:v>5.0000000000000001E-3</c:v>
                </c:pt>
                <c:pt idx="5391">
                  <c:v>5.0000000000000001E-3</c:v>
                </c:pt>
                <c:pt idx="5392">
                  <c:v>5.0000000000000001E-3</c:v>
                </c:pt>
                <c:pt idx="5393">
                  <c:v>5.0000000000000001E-3</c:v>
                </c:pt>
                <c:pt idx="5394">
                  <c:v>5.0000000000000001E-3</c:v>
                </c:pt>
                <c:pt idx="5395">
                  <c:v>5.0000000000000001E-3</c:v>
                </c:pt>
                <c:pt idx="5396">
                  <c:v>5.0000000000000001E-3</c:v>
                </c:pt>
                <c:pt idx="5397">
                  <c:v>5.0000000000000001E-3</c:v>
                </c:pt>
                <c:pt idx="5398">
                  <c:v>5.0000000000000001E-3</c:v>
                </c:pt>
                <c:pt idx="5399">
                  <c:v>5.0000000000000001E-3</c:v>
                </c:pt>
                <c:pt idx="5400">
                  <c:v>5.0000000000000001E-3</c:v>
                </c:pt>
                <c:pt idx="5401">
                  <c:v>5.0000000000000001E-3</c:v>
                </c:pt>
                <c:pt idx="5402">
                  <c:v>5.0000000000000001E-3</c:v>
                </c:pt>
                <c:pt idx="5403">
                  <c:v>5.0000000000000001E-3</c:v>
                </c:pt>
                <c:pt idx="5404">
                  <c:v>5.0000000000000001E-3</c:v>
                </c:pt>
                <c:pt idx="5405">
                  <c:v>5.0000000000000001E-3</c:v>
                </c:pt>
                <c:pt idx="5406">
                  <c:v>5.0000000000000001E-3</c:v>
                </c:pt>
                <c:pt idx="5407">
                  <c:v>5.0000000000000001E-3</c:v>
                </c:pt>
                <c:pt idx="5408">
                  <c:v>5.0000000000000001E-3</c:v>
                </c:pt>
                <c:pt idx="5409">
                  <c:v>5.0000000000000001E-3</c:v>
                </c:pt>
                <c:pt idx="5410">
                  <c:v>5.0000000000000001E-3</c:v>
                </c:pt>
                <c:pt idx="5411">
                  <c:v>5.0000000000000001E-3</c:v>
                </c:pt>
                <c:pt idx="5412">
                  <c:v>5.0000000000000001E-3</c:v>
                </c:pt>
                <c:pt idx="5413">
                  <c:v>5.0000000000000001E-3</c:v>
                </c:pt>
                <c:pt idx="5414">
                  <c:v>5.0000000000000001E-3</c:v>
                </c:pt>
                <c:pt idx="5415">
                  <c:v>5.0000000000000001E-3</c:v>
                </c:pt>
                <c:pt idx="5416">
                  <c:v>5.0000000000000001E-3</c:v>
                </c:pt>
                <c:pt idx="5417">
                  <c:v>5.0000000000000001E-3</c:v>
                </c:pt>
                <c:pt idx="5418">
                  <c:v>5.0000000000000001E-3</c:v>
                </c:pt>
                <c:pt idx="5419">
                  <c:v>5.0000000000000001E-3</c:v>
                </c:pt>
                <c:pt idx="5420">
                  <c:v>5.0000000000000001E-3</c:v>
                </c:pt>
                <c:pt idx="5421">
                  <c:v>5.0000000000000001E-3</c:v>
                </c:pt>
                <c:pt idx="5422">
                  <c:v>5.0000000000000001E-3</c:v>
                </c:pt>
                <c:pt idx="5423">
                  <c:v>5.0000000000000001E-3</c:v>
                </c:pt>
                <c:pt idx="5424">
                  <c:v>5.0000000000000001E-3</c:v>
                </c:pt>
                <c:pt idx="5425">
                  <c:v>5.0000000000000001E-3</c:v>
                </c:pt>
                <c:pt idx="5426">
                  <c:v>5.0000000000000001E-3</c:v>
                </c:pt>
                <c:pt idx="5427">
                  <c:v>5.0000000000000001E-3</c:v>
                </c:pt>
                <c:pt idx="5428">
                  <c:v>5.0000000000000001E-3</c:v>
                </c:pt>
                <c:pt idx="5429">
                  <c:v>5.0000000000000001E-3</c:v>
                </c:pt>
                <c:pt idx="5430">
                  <c:v>5.0000000000000001E-3</c:v>
                </c:pt>
                <c:pt idx="5431">
                  <c:v>5.0000000000000001E-3</c:v>
                </c:pt>
                <c:pt idx="5432">
                  <c:v>5.0000000000000001E-3</c:v>
                </c:pt>
                <c:pt idx="5433">
                  <c:v>5.0000000000000001E-3</c:v>
                </c:pt>
                <c:pt idx="5434">
                  <c:v>5.0000000000000001E-3</c:v>
                </c:pt>
                <c:pt idx="5435">
                  <c:v>5.0000000000000001E-3</c:v>
                </c:pt>
                <c:pt idx="5436">
                  <c:v>5.0000000000000001E-3</c:v>
                </c:pt>
                <c:pt idx="5437">
                  <c:v>5.0000000000000001E-3</c:v>
                </c:pt>
                <c:pt idx="5438">
                  <c:v>5.0000000000000001E-3</c:v>
                </c:pt>
                <c:pt idx="5439">
                  <c:v>5.0000000000000001E-3</c:v>
                </c:pt>
                <c:pt idx="5440">
                  <c:v>5.0000000000000001E-3</c:v>
                </c:pt>
                <c:pt idx="5441">
                  <c:v>5.0000000000000001E-3</c:v>
                </c:pt>
                <c:pt idx="5442">
                  <c:v>5.0000000000000001E-3</c:v>
                </c:pt>
                <c:pt idx="5443">
                  <c:v>5.0000000000000001E-3</c:v>
                </c:pt>
                <c:pt idx="5444">
                  <c:v>5.0000000000000001E-3</c:v>
                </c:pt>
                <c:pt idx="5445">
                  <c:v>5.0000000000000001E-3</c:v>
                </c:pt>
                <c:pt idx="5446">
                  <c:v>5.0000000000000001E-3</c:v>
                </c:pt>
                <c:pt idx="5447">
                  <c:v>5.0000000000000001E-3</c:v>
                </c:pt>
                <c:pt idx="5448">
                  <c:v>5.0000000000000001E-3</c:v>
                </c:pt>
                <c:pt idx="5449">
                  <c:v>5.0000000000000001E-3</c:v>
                </c:pt>
                <c:pt idx="5450">
                  <c:v>5.0000000000000001E-3</c:v>
                </c:pt>
                <c:pt idx="5451">
                  <c:v>5.0000000000000001E-3</c:v>
                </c:pt>
                <c:pt idx="5452">
                  <c:v>5.0000000000000001E-3</c:v>
                </c:pt>
                <c:pt idx="5453">
                  <c:v>5.0000000000000001E-3</c:v>
                </c:pt>
                <c:pt idx="5454">
                  <c:v>5.0000000000000001E-3</c:v>
                </c:pt>
                <c:pt idx="5455">
                  <c:v>5.0000000000000001E-3</c:v>
                </c:pt>
                <c:pt idx="5456">
                  <c:v>5.0000000000000001E-3</c:v>
                </c:pt>
                <c:pt idx="5457">
                  <c:v>5.0000000000000001E-3</c:v>
                </c:pt>
                <c:pt idx="5458">
                  <c:v>5.0000000000000001E-3</c:v>
                </c:pt>
                <c:pt idx="5459">
                  <c:v>5.0000000000000001E-3</c:v>
                </c:pt>
                <c:pt idx="5460">
                  <c:v>5.0000000000000001E-3</c:v>
                </c:pt>
                <c:pt idx="5461">
                  <c:v>5.0000000000000001E-3</c:v>
                </c:pt>
                <c:pt idx="5462">
                  <c:v>5.0000000000000001E-3</c:v>
                </c:pt>
                <c:pt idx="5463">
                  <c:v>5.0000000000000001E-3</c:v>
                </c:pt>
                <c:pt idx="5464">
                  <c:v>5.0000000000000001E-3</c:v>
                </c:pt>
                <c:pt idx="5465">
                  <c:v>5.0000000000000001E-3</c:v>
                </c:pt>
                <c:pt idx="5466">
                  <c:v>5.0000000000000001E-3</c:v>
                </c:pt>
                <c:pt idx="5467">
                  <c:v>5.0000000000000001E-3</c:v>
                </c:pt>
                <c:pt idx="5468">
                  <c:v>5.0000000000000001E-3</c:v>
                </c:pt>
                <c:pt idx="5469">
                  <c:v>5.0000000000000001E-3</c:v>
                </c:pt>
                <c:pt idx="5470">
                  <c:v>5.0000000000000001E-3</c:v>
                </c:pt>
                <c:pt idx="5471">
                  <c:v>5.0000000000000001E-3</c:v>
                </c:pt>
                <c:pt idx="5472">
                  <c:v>5.0000000000000001E-3</c:v>
                </c:pt>
                <c:pt idx="5473">
                  <c:v>5.0000000000000001E-3</c:v>
                </c:pt>
                <c:pt idx="5474">
                  <c:v>5.0000000000000001E-3</c:v>
                </c:pt>
                <c:pt idx="5475">
                  <c:v>5.0000000000000001E-3</c:v>
                </c:pt>
                <c:pt idx="5476">
                  <c:v>5.0000000000000001E-3</c:v>
                </c:pt>
                <c:pt idx="5477">
                  <c:v>5.0000000000000001E-3</c:v>
                </c:pt>
                <c:pt idx="5478">
                  <c:v>5.0000000000000001E-3</c:v>
                </c:pt>
                <c:pt idx="5479">
                  <c:v>5.0000000000000001E-3</c:v>
                </c:pt>
                <c:pt idx="5480">
                  <c:v>5.0000000000000001E-3</c:v>
                </c:pt>
                <c:pt idx="5481">
                  <c:v>5.0000000000000001E-3</c:v>
                </c:pt>
                <c:pt idx="5482">
                  <c:v>5.0000000000000001E-3</c:v>
                </c:pt>
                <c:pt idx="5483">
                  <c:v>5.0000000000000001E-3</c:v>
                </c:pt>
                <c:pt idx="5484">
                  <c:v>5.0000000000000001E-3</c:v>
                </c:pt>
                <c:pt idx="5485">
                  <c:v>5.0000000000000001E-3</c:v>
                </c:pt>
                <c:pt idx="5486">
                  <c:v>5.0000000000000001E-3</c:v>
                </c:pt>
                <c:pt idx="5487">
                  <c:v>5.0000000000000001E-3</c:v>
                </c:pt>
                <c:pt idx="5488">
                  <c:v>5.0000000000000001E-3</c:v>
                </c:pt>
                <c:pt idx="5489">
                  <c:v>5.0000000000000001E-3</c:v>
                </c:pt>
                <c:pt idx="5490">
                  <c:v>5.0000000000000001E-3</c:v>
                </c:pt>
                <c:pt idx="5491">
                  <c:v>5.0000000000000001E-3</c:v>
                </c:pt>
                <c:pt idx="5492">
                  <c:v>5.0000000000000001E-3</c:v>
                </c:pt>
                <c:pt idx="5493">
                  <c:v>5.0000000000000001E-3</c:v>
                </c:pt>
                <c:pt idx="5494">
                  <c:v>5.0000000000000001E-3</c:v>
                </c:pt>
                <c:pt idx="5495">
                  <c:v>5.0000000000000001E-3</c:v>
                </c:pt>
                <c:pt idx="5496">
                  <c:v>5.0000000000000001E-3</c:v>
                </c:pt>
                <c:pt idx="5497">
                  <c:v>5.0000000000000001E-3</c:v>
                </c:pt>
                <c:pt idx="5498">
                  <c:v>5.0000000000000001E-3</c:v>
                </c:pt>
                <c:pt idx="5499">
                  <c:v>5.0000000000000001E-3</c:v>
                </c:pt>
                <c:pt idx="5500">
                  <c:v>5.0000000000000001E-3</c:v>
                </c:pt>
                <c:pt idx="5501">
                  <c:v>5.0000000000000001E-3</c:v>
                </c:pt>
                <c:pt idx="5502">
                  <c:v>5.0000000000000001E-3</c:v>
                </c:pt>
                <c:pt idx="5503">
                  <c:v>5.0000000000000001E-3</c:v>
                </c:pt>
                <c:pt idx="5504">
                  <c:v>5.0000000000000001E-3</c:v>
                </c:pt>
                <c:pt idx="5505">
                  <c:v>5.0000000000000001E-3</c:v>
                </c:pt>
                <c:pt idx="5506">
                  <c:v>5.0000000000000001E-3</c:v>
                </c:pt>
                <c:pt idx="5507">
                  <c:v>5.0000000000000001E-3</c:v>
                </c:pt>
                <c:pt idx="5508">
                  <c:v>5.0000000000000001E-3</c:v>
                </c:pt>
                <c:pt idx="5509">
                  <c:v>5.0000000000000001E-3</c:v>
                </c:pt>
                <c:pt idx="5510">
                  <c:v>5.0000000000000001E-3</c:v>
                </c:pt>
                <c:pt idx="5511">
                  <c:v>5.0000000000000001E-3</c:v>
                </c:pt>
                <c:pt idx="5512">
                  <c:v>5.0000000000000001E-3</c:v>
                </c:pt>
                <c:pt idx="5513">
                  <c:v>5.0000000000000001E-3</c:v>
                </c:pt>
                <c:pt idx="5514">
                  <c:v>5.0000000000000001E-3</c:v>
                </c:pt>
                <c:pt idx="5515">
                  <c:v>5.0000000000000001E-3</c:v>
                </c:pt>
                <c:pt idx="5516">
                  <c:v>5.0000000000000001E-3</c:v>
                </c:pt>
                <c:pt idx="5517">
                  <c:v>5.0000000000000001E-3</c:v>
                </c:pt>
                <c:pt idx="5518">
                  <c:v>5.0000000000000001E-3</c:v>
                </c:pt>
                <c:pt idx="5519">
                  <c:v>5.0000000000000001E-3</c:v>
                </c:pt>
                <c:pt idx="5520">
                  <c:v>5.0000000000000001E-3</c:v>
                </c:pt>
                <c:pt idx="5521">
                  <c:v>5.0000000000000001E-3</c:v>
                </c:pt>
                <c:pt idx="5522">
                  <c:v>5.0000000000000001E-3</c:v>
                </c:pt>
                <c:pt idx="5523">
                  <c:v>5.0000000000000001E-3</c:v>
                </c:pt>
                <c:pt idx="5524">
                  <c:v>5.0000000000000001E-3</c:v>
                </c:pt>
                <c:pt idx="5525">
                  <c:v>5.0000000000000001E-3</c:v>
                </c:pt>
                <c:pt idx="5526">
                  <c:v>5.0000000000000001E-3</c:v>
                </c:pt>
                <c:pt idx="5527">
                  <c:v>5.0000000000000001E-3</c:v>
                </c:pt>
                <c:pt idx="5528">
                  <c:v>5.0000000000000001E-3</c:v>
                </c:pt>
                <c:pt idx="5529">
                  <c:v>5.0000000000000001E-3</c:v>
                </c:pt>
                <c:pt idx="5530">
                  <c:v>5.0000000000000001E-3</c:v>
                </c:pt>
                <c:pt idx="5531">
                  <c:v>5.0000000000000001E-3</c:v>
                </c:pt>
                <c:pt idx="5532">
                  <c:v>5.0000000000000001E-3</c:v>
                </c:pt>
                <c:pt idx="5533">
                  <c:v>5.0000000000000001E-3</c:v>
                </c:pt>
                <c:pt idx="5534">
                  <c:v>5.0000000000000001E-3</c:v>
                </c:pt>
                <c:pt idx="5535">
                  <c:v>5.0000000000000001E-3</c:v>
                </c:pt>
                <c:pt idx="5536">
                  <c:v>5.0000000000000001E-3</c:v>
                </c:pt>
                <c:pt idx="5537">
                  <c:v>5.0000000000000001E-3</c:v>
                </c:pt>
                <c:pt idx="5538">
                  <c:v>5.0000000000000001E-3</c:v>
                </c:pt>
                <c:pt idx="5539">
                  <c:v>5.0000000000000001E-3</c:v>
                </c:pt>
                <c:pt idx="5540">
                  <c:v>5.0000000000000001E-3</c:v>
                </c:pt>
                <c:pt idx="5541">
                  <c:v>5.0000000000000001E-3</c:v>
                </c:pt>
                <c:pt idx="5542">
                  <c:v>5.0000000000000001E-3</c:v>
                </c:pt>
                <c:pt idx="5543">
                  <c:v>5.0000000000000001E-3</c:v>
                </c:pt>
                <c:pt idx="5544">
                  <c:v>5.0000000000000001E-3</c:v>
                </c:pt>
                <c:pt idx="5545">
                  <c:v>5.0000000000000001E-3</c:v>
                </c:pt>
                <c:pt idx="5546">
                  <c:v>5.0000000000000001E-3</c:v>
                </c:pt>
                <c:pt idx="5547">
                  <c:v>5.0000000000000001E-3</c:v>
                </c:pt>
                <c:pt idx="5548">
                  <c:v>5.0000000000000001E-3</c:v>
                </c:pt>
                <c:pt idx="5549">
                  <c:v>5.0000000000000001E-3</c:v>
                </c:pt>
                <c:pt idx="5550">
                  <c:v>5.0000000000000001E-3</c:v>
                </c:pt>
                <c:pt idx="5551">
                  <c:v>5.0000000000000001E-3</c:v>
                </c:pt>
                <c:pt idx="5552">
                  <c:v>5.0000000000000001E-3</c:v>
                </c:pt>
                <c:pt idx="5553">
                  <c:v>5.0000000000000001E-3</c:v>
                </c:pt>
                <c:pt idx="5554">
                  <c:v>5.0000000000000001E-3</c:v>
                </c:pt>
                <c:pt idx="5555">
                  <c:v>5.0000000000000001E-3</c:v>
                </c:pt>
                <c:pt idx="5556">
                  <c:v>5.0000000000000001E-3</c:v>
                </c:pt>
                <c:pt idx="5557">
                  <c:v>5.0000000000000001E-3</c:v>
                </c:pt>
                <c:pt idx="5558">
                  <c:v>5.0000000000000001E-3</c:v>
                </c:pt>
                <c:pt idx="5559">
                  <c:v>5.0000000000000001E-3</c:v>
                </c:pt>
                <c:pt idx="5560">
                  <c:v>5.0000000000000001E-3</c:v>
                </c:pt>
                <c:pt idx="5561">
                  <c:v>5.0000000000000001E-3</c:v>
                </c:pt>
                <c:pt idx="5562">
                  <c:v>5.0000000000000001E-3</c:v>
                </c:pt>
                <c:pt idx="5563">
                  <c:v>5.0000000000000001E-3</c:v>
                </c:pt>
                <c:pt idx="5564">
                  <c:v>5.0000000000000001E-3</c:v>
                </c:pt>
                <c:pt idx="5565">
                  <c:v>5.0000000000000001E-3</c:v>
                </c:pt>
                <c:pt idx="5566">
                  <c:v>5.0000000000000001E-3</c:v>
                </c:pt>
                <c:pt idx="5567">
                  <c:v>5.0000000000000001E-3</c:v>
                </c:pt>
                <c:pt idx="5568">
                  <c:v>5.0000000000000001E-3</c:v>
                </c:pt>
                <c:pt idx="5569">
                  <c:v>5.0000000000000001E-3</c:v>
                </c:pt>
                <c:pt idx="5570">
                  <c:v>5.0000000000000001E-3</c:v>
                </c:pt>
                <c:pt idx="5571">
                  <c:v>5.0000000000000001E-3</c:v>
                </c:pt>
                <c:pt idx="5572">
                  <c:v>5.0000000000000001E-3</c:v>
                </c:pt>
                <c:pt idx="5573">
                  <c:v>5.0000000000000001E-3</c:v>
                </c:pt>
                <c:pt idx="5574">
                  <c:v>5.0000000000000001E-3</c:v>
                </c:pt>
                <c:pt idx="5575">
                  <c:v>5.0000000000000001E-3</c:v>
                </c:pt>
                <c:pt idx="5576">
                  <c:v>5.0000000000000001E-3</c:v>
                </c:pt>
                <c:pt idx="5577">
                  <c:v>5.0000000000000001E-3</c:v>
                </c:pt>
                <c:pt idx="5578">
                  <c:v>5.0000000000000001E-3</c:v>
                </c:pt>
                <c:pt idx="5579">
                  <c:v>5.0000000000000001E-3</c:v>
                </c:pt>
                <c:pt idx="5580">
                  <c:v>5.0000000000000001E-3</c:v>
                </c:pt>
                <c:pt idx="5581">
                  <c:v>5.0000000000000001E-3</c:v>
                </c:pt>
                <c:pt idx="5582">
                  <c:v>5.0000000000000001E-3</c:v>
                </c:pt>
                <c:pt idx="5583">
                  <c:v>5.0000000000000001E-3</c:v>
                </c:pt>
                <c:pt idx="5584">
                  <c:v>5.0000000000000001E-3</c:v>
                </c:pt>
                <c:pt idx="5585">
                  <c:v>5.0000000000000001E-3</c:v>
                </c:pt>
                <c:pt idx="5586">
                  <c:v>5.0000000000000001E-3</c:v>
                </c:pt>
                <c:pt idx="5587">
                  <c:v>5.0000000000000001E-3</c:v>
                </c:pt>
                <c:pt idx="5588">
                  <c:v>5.0000000000000001E-3</c:v>
                </c:pt>
                <c:pt idx="5589">
                  <c:v>5.0000000000000001E-3</c:v>
                </c:pt>
                <c:pt idx="5590">
                  <c:v>5.0000000000000001E-3</c:v>
                </c:pt>
                <c:pt idx="5591">
                  <c:v>5.0000000000000001E-3</c:v>
                </c:pt>
                <c:pt idx="5592">
                  <c:v>5.0000000000000001E-3</c:v>
                </c:pt>
                <c:pt idx="5593">
                  <c:v>5.0000000000000001E-3</c:v>
                </c:pt>
                <c:pt idx="5594">
                  <c:v>5.0000000000000001E-3</c:v>
                </c:pt>
                <c:pt idx="5595">
                  <c:v>5.0000000000000001E-3</c:v>
                </c:pt>
                <c:pt idx="5596">
                  <c:v>5.0000000000000001E-3</c:v>
                </c:pt>
                <c:pt idx="5597">
                  <c:v>5.0000000000000001E-3</c:v>
                </c:pt>
                <c:pt idx="5598">
                  <c:v>5.0000000000000001E-3</c:v>
                </c:pt>
                <c:pt idx="5599">
                  <c:v>5.0000000000000001E-3</c:v>
                </c:pt>
                <c:pt idx="5600">
                  <c:v>5.0000000000000001E-3</c:v>
                </c:pt>
                <c:pt idx="5601">
                  <c:v>5.0000000000000001E-3</c:v>
                </c:pt>
                <c:pt idx="5602">
                  <c:v>5.0000000000000001E-3</c:v>
                </c:pt>
                <c:pt idx="5603">
                  <c:v>5.0000000000000001E-3</c:v>
                </c:pt>
                <c:pt idx="5604">
                  <c:v>5.0000000000000001E-3</c:v>
                </c:pt>
                <c:pt idx="5605">
                  <c:v>5.0000000000000001E-3</c:v>
                </c:pt>
                <c:pt idx="5606">
                  <c:v>5.0000000000000001E-3</c:v>
                </c:pt>
                <c:pt idx="5607">
                  <c:v>5.0000000000000001E-3</c:v>
                </c:pt>
                <c:pt idx="5608">
                  <c:v>5.0000000000000001E-3</c:v>
                </c:pt>
                <c:pt idx="5609">
                  <c:v>5.0000000000000001E-3</c:v>
                </c:pt>
                <c:pt idx="5610">
                  <c:v>5.0000000000000001E-3</c:v>
                </c:pt>
                <c:pt idx="5611">
                  <c:v>5.0000000000000001E-3</c:v>
                </c:pt>
                <c:pt idx="5612">
                  <c:v>5.0000000000000001E-3</c:v>
                </c:pt>
                <c:pt idx="5613">
                  <c:v>5.0000000000000001E-3</c:v>
                </c:pt>
                <c:pt idx="5614">
                  <c:v>5.0000000000000001E-3</c:v>
                </c:pt>
                <c:pt idx="5615">
                  <c:v>5.0000000000000001E-3</c:v>
                </c:pt>
                <c:pt idx="5616">
                  <c:v>5.0000000000000001E-3</c:v>
                </c:pt>
                <c:pt idx="5617">
                  <c:v>5.0000000000000001E-3</c:v>
                </c:pt>
                <c:pt idx="5618">
                  <c:v>5.0000000000000001E-3</c:v>
                </c:pt>
                <c:pt idx="5619">
                  <c:v>5.0000000000000001E-3</c:v>
                </c:pt>
                <c:pt idx="5620">
                  <c:v>5.0000000000000001E-3</c:v>
                </c:pt>
                <c:pt idx="5621">
                  <c:v>5.0000000000000001E-3</c:v>
                </c:pt>
                <c:pt idx="5622">
                  <c:v>5.0000000000000001E-3</c:v>
                </c:pt>
                <c:pt idx="5623">
                  <c:v>5.0000000000000001E-3</c:v>
                </c:pt>
                <c:pt idx="5624">
                  <c:v>5.0000000000000001E-3</c:v>
                </c:pt>
                <c:pt idx="5625">
                  <c:v>5.0000000000000001E-3</c:v>
                </c:pt>
                <c:pt idx="5626">
                  <c:v>5.0000000000000001E-3</c:v>
                </c:pt>
                <c:pt idx="5627">
                  <c:v>5.0000000000000001E-3</c:v>
                </c:pt>
                <c:pt idx="5628">
                  <c:v>5.0000000000000001E-3</c:v>
                </c:pt>
                <c:pt idx="5629">
                  <c:v>5.0000000000000001E-3</c:v>
                </c:pt>
                <c:pt idx="5630">
                  <c:v>5.0000000000000001E-3</c:v>
                </c:pt>
                <c:pt idx="5631">
                  <c:v>5.0000000000000001E-3</c:v>
                </c:pt>
                <c:pt idx="5632">
                  <c:v>5.0000000000000001E-3</c:v>
                </c:pt>
                <c:pt idx="5633">
                  <c:v>5.0000000000000001E-3</c:v>
                </c:pt>
                <c:pt idx="5634">
                  <c:v>5.0000000000000001E-3</c:v>
                </c:pt>
                <c:pt idx="5635">
                  <c:v>5.0000000000000001E-3</c:v>
                </c:pt>
                <c:pt idx="5636">
                  <c:v>5.0000000000000001E-3</c:v>
                </c:pt>
                <c:pt idx="5637">
                  <c:v>5.0000000000000001E-3</c:v>
                </c:pt>
                <c:pt idx="5638">
                  <c:v>5.0000000000000001E-3</c:v>
                </c:pt>
                <c:pt idx="5639">
                  <c:v>5.0000000000000001E-3</c:v>
                </c:pt>
                <c:pt idx="5640">
                  <c:v>5.0000000000000001E-3</c:v>
                </c:pt>
                <c:pt idx="5641">
                  <c:v>5.0000000000000001E-3</c:v>
                </c:pt>
                <c:pt idx="5642">
                  <c:v>5.0000000000000001E-3</c:v>
                </c:pt>
                <c:pt idx="5643">
                  <c:v>5.0000000000000001E-3</c:v>
                </c:pt>
                <c:pt idx="5644">
                  <c:v>5.0000000000000001E-3</c:v>
                </c:pt>
                <c:pt idx="5645">
                  <c:v>5.0000000000000001E-3</c:v>
                </c:pt>
                <c:pt idx="5646">
                  <c:v>5.0000000000000001E-3</c:v>
                </c:pt>
                <c:pt idx="5647">
                  <c:v>5.0000000000000001E-3</c:v>
                </c:pt>
                <c:pt idx="5648">
                  <c:v>5.0000000000000001E-3</c:v>
                </c:pt>
                <c:pt idx="5649">
                  <c:v>5.0000000000000001E-3</c:v>
                </c:pt>
                <c:pt idx="5650">
                  <c:v>5.0000000000000001E-3</c:v>
                </c:pt>
                <c:pt idx="5651">
                  <c:v>5.0000000000000001E-3</c:v>
                </c:pt>
                <c:pt idx="5652">
                  <c:v>5.0000000000000001E-3</c:v>
                </c:pt>
                <c:pt idx="5653">
                  <c:v>5.0000000000000001E-3</c:v>
                </c:pt>
                <c:pt idx="5654">
                  <c:v>5.0000000000000001E-3</c:v>
                </c:pt>
                <c:pt idx="5655">
                  <c:v>5.0000000000000001E-3</c:v>
                </c:pt>
                <c:pt idx="5656">
                  <c:v>5.0000000000000001E-3</c:v>
                </c:pt>
                <c:pt idx="5657">
                  <c:v>5.0000000000000001E-3</c:v>
                </c:pt>
                <c:pt idx="5658">
                  <c:v>5.0000000000000001E-3</c:v>
                </c:pt>
                <c:pt idx="5659">
                  <c:v>5.0000000000000001E-3</c:v>
                </c:pt>
                <c:pt idx="5660">
                  <c:v>5.0000000000000001E-3</c:v>
                </c:pt>
                <c:pt idx="5661">
                  <c:v>5.0000000000000001E-3</c:v>
                </c:pt>
                <c:pt idx="5662">
                  <c:v>5.0000000000000001E-3</c:v>
                </c:pt>
                <c:pt idx="5663">
                  <c:v>5.0000000000000001E-3</c:v>
                </c:pt>
                <c:pt idx="5664">
                  <c:v>5.0000000000000001E-3</c:v>
                </c:pt>
                <c:pt idx="5665">
                  <c:v>5.0000000000000001E-3</c:v>
                </c:pt>
                <c:pt idx="5666">
                  <c:v>5.0000000000000001E-3</c:v>
                </c:pt>
                <c:pt idx="5667">
                  <c:v>5.0000000000000001E-3</c:v>
                </c:pt>
                <c:pt idx="5668">
                  <c:v>5.0000000000000001E-3</c:v>
                </c:pt>
                <c:pt idx="5669">
                  <c:v>5.0000000000000001E-3</c:v>
                </c:pt>
                <c:pt idx="5670">
                  <c:v>5.0000000000000001E-3</c:v>
                </c:pt>
                <c:pt idx="5671">
                  <c:v>5.0000000000000001E-3</c:v>
                </c:pt>
                <c:pt idx="5672">
                  <c:v>5.0000000000000001E-3</c:v>
                </c:pt>
                <c:pt idx="5673">
                  <c:v>5.0000000000000001E-3</c:v>
                </c:pt>
                <c:pt idx="5674">
                  <c:v>5.0000000000000001E-3</c:v>
                </c:pt>
                <c:pt idx="5675">
                  <c:v>5.0000000000000001E-3</c:v>
                </c:pt>
                <c:pt idx="5676">
                  <c:v>5.0000000000000001E-3</c:v>
                </c:pt>
                <c:pt idx="5677">
                  <c:v>5.0000000000000001E-3</c:v>
                </c:pt>
                <c:pt idx="5678">
                  <c:v>5.0000000000000001E-3</c:v>
                </c:pt>
                <c:pt idx="5679">
                  <c:v>5.0000000000000001E-3</c:v>
                </c:pt>
                <c:pt idx="5680">
                  <c:v>5.0000000000000001E-3</c:v>
                </c:pt>
                <c:pt idx="5681">
                  <c:v>5.0000000000000001E-3</c:v>
                </c:pt>
                <c:pt idx="5682">
                  <c:v>5.0000000000000001E-3</c:v>
                </c:pt>
                <c:pt idx="5683">
                  <c:v>5.0000000000000001E-3</c:v>
                </c:pt>
                <c:pt idx="5684">
                  <c:v>5.0000000000000001E-3</c:v>
                </c:pt>
                <c:pt idx="5685">
                  <c:v>5.0000000000000001E-3</c:v>
                </c:pt>
                <c:pt idx="5686">
                  <c:v>5.0000000000000001E-3</c:v>
                </c:pt>
                <c:pt idx="5687">
                  <c:v>5.0000000000000001E-3</c:v>
                </c:pt>
                <c:pt idx="5688">
                  <c:v>5.0000000000000001E-3</c:v>
                </c:pt>
                <c:pt idx="5689">
                  <c:v>5.0000000000000001E-3</c:v>
                </c:pt>
                <c:pt idx="5690">
                  <c:v>5.0000000000000001E-3</c:v>
                </c:pt>
                <c:pt idx="5691">
                  <c:v>5.0000000000000001E-3</c:v>
                </c:pt>
                <c:pt idx="5692">
                  <c:v>5.0000000000000001E-3</c:v>
                </c:pt>
                <c:pt idx="5693">
                  <c:v>5.0000000000000001E-3</c:v>
                </c:pt>
                <c:pt idx="5694">
                  <c:v>5.0000000000000001E-3</c:v>
                </c:pt>
                <c:pt idx="5695">
                  <c:v>5.0000000000000001E-3</c:v>
                </c:pt>
                <c:pt idx="5696">
                  <c:v>5.0000000000000001E-3</c:v>
                </c:pt>
                <c:pt idx="5697">
                  <c:v>5.0000000000000001E-3</c:v>
                </c:pt>
                <c:pt idx="5698">
                  <c:v>5.0000000000000001E-3</c:v>
                </c:pt>
                <c:pt idx="5699">
                  <c:v>5.0000000000000001E-3</c:v>
                </c:pt>
                <c:pt idx="5700">
                  <c:v>5.0000000000000001E-3</c:v>
                </c:pt>
                <c:pt idx="5701">
                  <c:v>5.0000000000000001E-3</c:v>
                </c:pt>
                <c:pt idx="5702">
                  <c:v>5.0000000000000001E-3</c:v>
                </c:pt>
                <c:pt idx="5703">
                  <c:v>5.0000000000000001E-3</c:v>
                </c:pt>
                <c:pt idx="5704">
                  <c:v>5.0000000000000001E-3</c:v>
                </c:pt>
                <c:pt idx="5705">
                  <c:v>5.0000000000000001E-3</c:v>
                </c:pt>
                <c:pt idx="5706">
                  <c:v>5.0000000000000001E-3</c:v>
                </c:pt>
                <c:pt idx="5707">
                  <c:v>5.0000000000000001E-3</c:v>
                </c:pt>
                <c:pt idx="5708">
                  <c:v>5.0000000000000001E-3</c:v>
                </c:pt>
                <c:pt idx="5709">
                  <c:v>5.0000000000000001E-3</c:v>
                </c:pt>
                <c:pt idx="5710">
                  <c:v>5.0000000000000001E-3</c:v>
                </c:pt>
                <c:pt idx="5711">
                  <c:v>5.0000000000000001E-3</c:v>
                </c:pt>
                <c:pt idx="5712">
                  <c:v>5.0000000000000001E-3</c:v>
                </c:pt>
                <c:pt idx="5713">
                  <c:v>5.0000000000000001E-3</c:v>
                </c:pt>
                <c:pt idx="5714">
                  <c:v>5.0000000000000001E-3</c:v>
                </c:pt>
                <c:pt idx="5715">
                  <c:v>5.0000000000000001E-3</c:v>
                </c:pt>
                <c:pt idx="5716">
                  <c:v>5.0000000000000001E-3</c:v>
                </c:pt>
                <c:pt idx="5717">
                  <c:v>5.0000000000000001E-3</c:v>
                </c:pt>
                <c:pt idx="5718">
                  <c:v>5.0000000000000001E-3</c:v>
                </c:pt>
                <c:pt idx="5719">
                  <c:v>5.0000000000000001E-3</c:v>
                </c:pt>
                <c:pt idx="5720">
                  <c:v>5.0000000000000001E-3</c:v>
                </c:pt>
                <c:pt idx="5721">
                  <c:v>5.0000000000000001E-3</c:v>
                </c:pt>
                <c:pt idx="5722">
                  <c:v>5.0000000000000001E-3</c:v>
                </c:pt>
                <c:pt idx="5723">
                  <c:v>5.0000000000000001E-3</c:v>
                </c:pt>
                <c:pt idx="5724">
                  <c:v>5.0000000000000001E-3</c:v>
                </c:pt>
                <c:pt idx="5725">
                  <c:v>5.0000000000000001E-3</c:v>
                </c:pt>
                <c:pt idx="5726">
                  <c:v>5.0000000000000001E-3</c:v>
                </c:pt>
                <c:pt idx="5727">
                  <c:v>5.0000000000000001E-3</c:v>
                </c:pt>
                <c:pt idx="5728">
                  <c:v>5.0000000000000001E-3</c:v>
                </c:pt>
                <c:pt idx="5729">
                  <c:v>5.0000000000000001E-3</c:v>
                </c:pt>
                <c:pt idx="5730">
                  <c:v>5.0000000000000001E-3</c:v>
                </c:pt>
                <c:pt idx="5731">
                  <c:v>5.0000000000000001E-3</c:v>
                </c:pt>
                <c:pt idx="5732">
                  <c:v>5.0000000000000001E-3</c:v>
                </c:pt>
                <c:pt idx="5733">
                  <c:v>5.0000000000000001E-3</c:v>
                </c:pt>
                <c:pt idx="5734">
                  <c:v>5.0000000000000001E-3</c:v>
                </c:pt>
                <c:pt idx="5735">
                  <c:v>5.0000000000000001E-3</c:v>
                </c:pt>
                <c:pt idx="5736">
                  <c:v>5.0000000000000001E-3</c:v>
                </c:pt>
                <c:pt idx="5737">
                  <c:v>5.0000000000000001E-3</c:v>
                </c:pt>
                <c:pt idx="5738">
                  <c:v>5.0000000000000001E-3</c:v>
                </c:pt>
                <c:pt idx="5739">
                  <c:v>5.0000000000000001E-3</c:v>
                </c:pt>
                <c:pt idx="5740">
                  <c:v>5.0000000000000001E-3</c:v>
                </c:pt>
                <c:pt idx="5741">
                  <c:v>5.0000000000000001E-3</c:v>
                </c:pt>
                <c:pt idx="5742">
                  <c:v>5.0000000000000001E-3</c:v>
                </c:pt>
                <c:pt idx="5743">
                  <c:v>5.0000000000000001E-3</c:v>
                </c:pt>
                <c:pt idx="5744">
                  <c:v>5.0000000000000001E-3</c:v>
                </c:pt>
                <c:pt idx="5745">
                  <c:v>5.0000000000000001E-3</c:v>
                </c:pt>
                <c:pt idx="5746">
                  <c:v>5.0000000000000001E-3</c:v>
                </c:pt>
                <c:pt idx="5747">
                  <c:v>5.0000000000000001E-3</c:v>
                </c:pt>
                <c:pt idx="5748">
                  <c:v>5.0000000000000001E-3</c:v>
                </c:pt>
                <c:pt idx="5749">
                  <c:v>5.0000000000000001E-3</c:v>
                </c:pt>
                <c:pt idx="5750">
                  <c:v>5.0000000000000001E-3</c:v>
                </c:pt>
                <c:pt idx="5751">
                  <c:v>5.0000000000000001E-3</c:v>
                </c:pt>
                <c:pt idx="5752">
                  <c:v>5.0000000000000001E-3</c:v>
                </c:pt>
                <c:pt idx="5753">
                  <c:v>5.0000000000000001E-3</c:v>
                </c:pt>
                <c:pt idx="5754">
                  <c:v>5.0000000000000001E-3</c:v>
                </c:pt>
                <c:pt idx="5755">
                  <c:v>5.0000000000000001E-3</c:v>
                </c:pt>
                <c:pt idx="5756">
                  <c:v>5.0000000000000001E-3</c:v>
                </c:pt>
                <c:pt idx="5757">
                  <c:v>5.0000000000000001E-3</c:v>
                </c:pt>
                <c:pt idx="5758">
                  <c:v>5.0000000000000001E-3</c:v>
                </c:pt>
                <c:pt idx="5759">
                  <c:v>5.0000000000000001E-3</c:v>
                </c:pt>
                <c:pt idx="5760">
                  <c:v>5.0000000000000001E-3</c:v>
                </c:pt>
                <c:pt idx="5761">
                  <c:v>5.0000000000000001E-3</c:v>
                </c:pt>
                <c:pt idx="5762">
                  <c:v>5.0000000000000001E-3</c:v>
                </c:pt>
                <c:pt idx="5763">
                  <c:v>5.0000000000000001E-3</c:v>
                </c:pt>
                <c:pt idx="5764">
                  <c:v>5.0000000000000001E-3</c:v>
                </c:pt>
                <c:pt idx="5765">
                  <c:v>5.0000000000000001E-3</c:v>
                </c:pt>
                <c:pt idx="5766">
                  <c:v>5.0000000000000001E-3</c:v>
                </c:pt>
                <c:pt idx="5767">
                  <c:v>5.0000000000000001E-3</c:v>
                </c:pt>
                <c:pt idx="5768">
                  <c:v>5.0000000000000001E-3</c:v>
                </c:pt>
                <c:pt idx="5769">
                  <c:v>5.0000000000000001E-3</c:v>
                </c:pt>
                <c:pt idx="5770">
                  <c:v>5.0000000000000001E-3</c:v>
                </c:pt>
                <c:pt idx="5771">
                  <c:v>5.0000000000000001E-3</c:v>
                </c:pt>
                <c:pt idx="5772">
                  <c:v>5.0000000000000001E-3</c:v>
                </c:pt>
                <c:pt idx="5773">
                  <c:v>5.0000000000000001E-3</c:v>
                </c:pt>
                <c:pt idx="5774">
                  <c:v>5.0000000000000001E-3</c:v>
                </c:pt>
                <c:pt idx="5775">
                  <c:v>5.0000000000000001E-3</c:v>
                </c:pt>
                <c:pt idx="5776">
                  <c:v>5.0000000000000001E-3</c:v>
                </c:pt>
                <c:pt idx="5777">
                  <c:v>5.0000000000000001E-3</c:v>
                </c:pt>
                <c:pt idx="5778">
                  <c:v>5.0000000000000001E-3</c:v>
                </c:pt>
                <c:pt idx="5779">
                  <c:v>5.0000000000000001E-3</c:v>
                </c:pt>
                <c:pt idx="5780">
                  <c:v>5.0000000000000001E-3</c:v>
                </c:pt>
                <c:pt idx="5781">
                  <c:v>5.0000000000000001E-3</c:v>
                </c:pt>
                <c:pt idx="5782">
                  <c:v>5.0000000000000001E-3</c:v>
                </c:pt>
                <c:pt idx="5783">
                  <c:v>5.0000000000000001E-3</c:v>
                </c:pt>
                <c:pt idx="5784">
                  <c:v>5.0000000000000001E-3</c:v>
                </c:pt>
                <c:pt idx="5785">
                  <c:v>5.0000000000000001E-3</c:v>
                </c:pt>
                <c:pt idx="5786">
                  <c:v>5.0000000000000001E-3</c:v>
                </c:pt>
                <c:pt idx="5787">
                  <c:v>5.0000000000000001E-3</c:v>
                </c:pt>
                <c:pt idx="5788">
                  <c:v>5.0000000000000001E-3</c:v>
                </c:pt>
                <c:pt idx="5789">
                  <c:v>5.0000000000000001E-3</c:v>
                </c:pt>
                <c:pt idx="5790">
                  <c:v>5.0000000000000001E-3</c:v>
                </c:pt>
                <c:pt idx="5791">
                  <c:v>5.0000000000000001E-3</c:v>
                </c:pt>
                <c:pt idx="5792">
                  <c:v>5.0000000000000001E-3</c:v>
                </c:pt>
                <c:pt idx="5793">
                  <c:v>5.0000000000000001E-3</c:v>
                </c:pt>
                <c:pt idx="5794">
                  <c:v>5.0000000000000001E-3</c:v>
                </c:pt>
                <c:pt idx="5795">
                  <c:v>5.0000000000000001E-3</c:v>
                </c:pt>
                <c:pt idx="5796">
                  <c:v>5.0000000000000001E-3</c:v>
                </c:pt>
                <c:pt idx="5797">
                  <c:v>5.0000000000000001E-3</c:v>
                </c:pt>
                <c:pt idx="5798">
                  <c:v>5.0000000000000001E-3</c:v>
                </c:pt>
                <c:pt idx="5799">
                  <c:v>5.0000000000000001E-3</c:v>
                </c:pt>
                <c:pt idx="5800">
                  <c:v>5.0000000000000001E-3</c:v>
                </c:pt>
                <c:pt idx="5801">
                  <c:v>5.0000000000000001E-3</c:v>
                </c:pt>
                <c:pt idx="5802">
                  <c:v>5.0000000000000001E-3</c:v>
                </c:pt>
                <c:pt idx="5803">
                  <c:v>5.0000000000000001E-3</c:v>
                </c:pt>
                <c:pt idx="5804">
                  <c:v>5.0000000000000001E-3</c:v>
                </c:pt>
                <c:pt idx="5805">
                  <c:v>5.0000000000000001E-3</c:v>
                </c:pt>
                <c:pt idx="5806">
                  <c:v>5.0000000000000001E-3</c:v>
                </c:pt>
                <c:pt idx="5807">
                  <c:v>5.0000000000000001E-3</c:v>
                </c:pt>
                <c:pt idx="5808">
                  <c:v>5.0000000000000001E-3</c:v>
                </c:pt>
                <c:pt idx="5809">
                  <c:v>5.0000000000000001E-3</c:v>
                </c:pt>
                <c:pt idx="5810">
                  <c:v>5.0000000000000001E-3</c:v>
                </c:pt>
                <c:pt idx="5811">
                  <c:v>5.0000000000000001E-3</c:v>
                </c:pt>
                <c:pt idx="5812">
                  <c:v>5.0000000000000001E-3</c:v>
                </c:pt>
                <c:pt idx="5813">
                  <c:v>5.0000000000000001E-3</c:v>
                </c:pt>
                <c:pt idx="5814">
                  <c:v>5.0000000000000001E-3</c:v>
                </c:pt>
                <c:pt idx="5815">
                  <c:v>5.0000000000000001E-3</c:v>
                </c:pt>
                <c:pt idx="5816">
                  <c:v>5.0000000000000001E-3</c:v>
                </c:pt>
                <c:pt idx="5817">
                  <c:v>5.0000000000000001E-3</c:v>
                </c:pt>
                <c:pt idx="5818">
                  <c:v>5.0000000000000001E-3</c:v>
                </c:pt>
                <c:pt idx="5819">
                  <c:v>5.0000000000000001E-3</c:v>
                </c:pt>
                <c:pt idx="5820">
                  <c:v>5.0000000000000001E-3</c:v>
                </c:pt>
                <c:pt idx="5821">
                  <c:v>5.0000000000000001E-3</c:v>
                </c:pt>
                <c:pt idx="5822">
                  <c:v>5.0000000000000001E-3</c:v>
                </c:pt>
                <c:pt idx="5823">
                  <c:v>5.0000000000000001E-3</c:v>
                </c:pt>
                <c:pt idx="5824">
                  <c:v>5.0000000000000001E-3</c:v>
                </c:pt>
                <c:pt idx="5825">
                  <c:v>5.0000000000000001E-3</c:v>
                </c:pt>
                <c:pt idx="5826">
                  <c:v>5.0000000000000001E-3</c:v>
                </c:pt>
                <c:pt idx="5827">
                  <c:v>5.0000000000000001E-3</c:v>
                </c:pt>
                <c:pt idx="5828">
                  <c:v>5.0000000000000001E-3</c:v>
                </c:pt>
                <c:pt idx="5829">
                  <c:v>5.0000000000000001E-3</c:v>
                </c:pt>
                <c:pt idx="5830">
                  <c:v>5.0000000000000001E-3</c:v>
                </c:pt>
                <c:pt idx="5831">
                  <c:v>5.0000000000000001E-3</c:v>
                </c:pt>
                <c:pt idx="5832">
                  <c:v>5.0000000000000001E-3</c:v>
                </c:pt>
                <c:pt idx="5833">
                  <c:v>5.0000000000000001E-3</c:v>
                </c:pt>
                <c:pt idx="5834">
                  <c:v>5.0000000000000001E-3</c:v>
                </c:pt>
                <c:pt idx="5835">
                  <c:v>5.0000000000000001E-3</c:v>
                </c:pt>
                <c:pt idx="5836">
                  <c:v>5.0000000000000001E-3</c:v>
                </c:pt>
                <c:pt idx="5837">
                  <c:v>5.0000000000000001E-3</c:v>
                </c:pt>
                <c:pt idx="5838">
                  <c:v>5.0000000000000001E-3</c:v>
                </c:pt>
                <c:pt idx="5839">
                  <c:v>5.0000000000000001E-3</c:v>
                </c:pt>
                <c:pt idx="5840">
                  <c:v>5.0000000000000001E-3</c:v>
                </c:pt>
                <c:pt idx="5841">
                  <c:v>5.0000000000000001E-3</c:v>
                </c:pt>
                <c:pt idx="5842">
                  <c:v>5.0000000000000001E-3</c:v>
                </c:pt>
                <c:pt idx="5843">
                  <c:v>5.0000000000000001E-3</c:v>
                </c:pt>
                <c:pt idx="5844">
                  <c:v>5.0000000000000001E-3</c:v>
                </c:pt>
                <c:pt idx="5845">
                  <c:v>5.0000000000000001E-3</c:v>
                </c:pt>
                <c:pt idx="5846">
                  <c:v>5.0000000000000001E-3</c:v>
                </c:pt>
                <c:pt idx="5847">
                  <c:v>5.0000000000000001E-3</c:v>
                </c:pt>
                <c:pt idx="5848">
                  <c:v>5.0000000000000001E-3</c:v>
                </c:pt>
                <c:pt idx="5849">
                  <c:v>5.0000000000000001E-3</c:v>
                </c:pt>
                <c:pt idx="5850">
                  <c:v>5.0000000000000001E-3</c:v>
                </c:pt>
                <c:pt idx="5851">
                  <c:v>5.0000000000000001E-3</c:v>
                </c:pt>
                <c:pt idx="5852">
                  <c:v>5.0000000000000001E-3</c:v>
                </c:pt>
                <c:pt idx="5853">
                  <c:v>5.0000000000000001E-3</c:v>
                </c:pt>
                <c:pt idx="5854">
                  <c:v>5.0000000000000001E-3</c:v>
                </c:pt>
                <c:pt idx="5855">
                  <c:v>5.0000000000000001E-3</c:v>
                </c:pt>
                <c:pt idx="5856">
                  <c:v>5.0000000000000001E-3</c:v>
                </c:pt>
                <c:pt idx="5857">
                  <c:v>5.0000000000000001E-3</c:v>
                </c:pt>
                <c:pt idx="5858">
                  <c:v>5.0000000000000001E-3</c:v>
                </c:pt>
                <c:pt idx="5859">
                  <c:v>5.0000000000000001E-3</c:v>
                </c:pt>
                <c:pt idx="5860">
                  <c:v>5.0000000000000001E-3</c:v>
                </c:pt>
                <c:pt idx="5861">
                  <c:v>5.0000000000000001E-3</c:v>
                </c:pt>
                <c:pt idx="5862">
                  <c:v>5.0000000000000001E-3</c:v>
                </c:pt>
                <c:pt idx="5863">
                  <c:v>5.0000000000000001E-3</c:v>
                </c:pt>
                <c:pt idx="5864">
                  <c:v>5.0000000000000001E-3</c:v>
                </c:pt>
                <c:pt idx="5865">
                  <c:v>5.0000000000000001E-3</c:v>
                </c:pt>
                <c:pt idx="5866">
                  <c:v>5.0000000000000001E-3</c:v>
                </c:pt>
                <c:pt idx="5867">
                  <c:v>5.0000000000000001E-3</c:v>
                </c:pt>
                <c:pt idx="5868">
                  <c:v>5.0000000000000001E-3</c:v>
                </c:pt>
                <c:pt idx="5869">
                  <c:v>5.0000000000000001E-3</c:v>
                </c:pt>
                <c:pt idx="5870">
                  <c:v>5.0000000000000001E-3</c:v>
                </c:pt>
                <c:pt idx="5871">
                  <c:v>5.0000000000000001E-3</c:v>
                </c:pt>
                <c:pt idx="5872">
                  <c:v>5.0000000000000001E-3</c:v>
                </c:pt>
                <c:pt idx="5873">
                  <c:v>5.0000000000000001E-3</c:v>
                </c:pt>
                <c:pt idx="5874">
                  <c:v>5.0000000000000001E-3</c:v>
                </c:pt>
                <c:pt idx="5875">
                  <c:v>5.0000000000000001E-3</c:v>
                </c:pt>
                <c:pt idx="5876">
                  <c:v>5.0000000000000001E-3</c:v>
                </c:pt>
                <c:pt idx="5877">
                  <c:v>5.0000000000000001E-3</c:v>
                </c:pt>
                <c:pt idx="5878">
                  <c:v>5.0000000000000001E-3</c:v>
                </c:pt>
                <c:pt idx="5879">
                  <c:v>5.0000000000000001E-3</c:v>
                </c:pt>
                <c:pt idx="5880">
                  <c:v>5.0000000000000001E-3</c:v>
                </c:pt>
                <c:pt idx="5881">
                  <c:v>5.0000000000000001E-3</c:v>
                </c:pt>
                <c:pt idx="5882">
                  <c:v>5.0000000000000001E-3</c:v>
                </c:pt>
                <c:pt idx="5883">
                  <c:v>5.0000000000000001E-3</c:v>
                </c:pt>
                <c:pt idx="5884">
                  <c:v>5.0000000000000001E-3</c:v>
                </c:pt>
                <c:pt idx="5885">
                  <c:v>5.0000000000000001E-3</c:v>
                </c:pt>
                <c:pt idx="5886">
                  <c:v>5.0000000000000001E-3</c:v>
                </c:pt>
                <c:pt idx="5887">
                  <c:v>5.0000000000000001E-3</c:v>
                </c:pt>
                <c:pt idx="5888">
                  <c:v>5.0000000000000001E-3</c:v>
                </c:pt>
                <c:pt idx="5889">
                  <c:v>5.0000000000000001E-3</c:v>
                </c:pt>
                <c:pt idx="5890">
                  <c:v>5.0000000000000001E-3</c:v>
                </c:pt>
                <c:pt idx="5891">
                  <c:v>5.0000000000000001E-3</c:v>
                </c:pt>
                <c:pt idx="5892">
                  <c:v>5.0000000000000001E-3</c:v>
                </c:pt>
                <c:pt idx="5893">
                  <c:v>5.0000000000000001E-3</c:v>
                </c:pt>
                <c:pt idx="5894">
                  <c:v>5.0000000000000001E-3</c:v>
                </c:pt>
                <c:pt idx="5895">
                  <c:v>5.0000000000000001E-3</c:v>
                </c:pt>
                <c:pt idx="5896">
                  <c:v>5.0000000000000001E-3</c:v>
                </c:pt>
                <c:pt idx="5897">
                  <c:v>5.0000000000000001E-3</c:v>
                </c:pt>
                <c:pt idx="5898">
                  <c:v>5.0000000000000001E-3</c:v>
                </c:pt>
                <c:pt idx="5899">
                  <c:v>5.0000000000000001E-3</c:v>
                </c:pt>
                <c:pt idx="5900">
                  <c:v>5.0000000000000001E-3</c:v>
                </c:pt>
                <c:pt idx="5901">
                  <c:v>5.0000000000000001E-3</c:v>
                </c:pt>
                <c:pt idx="5902">
                  <c:v>5.0000000000000001E-3</c:v>
                </c:pt>
                <c:pt idx="5903">
                  <c:v>5.0000000000000001E-3</c:v>
                </c:pt>
                <c:pt idx="5904">
                  <c:v>5.0000000000000001E-3</c:v>
                </c:pt>
                <c:pt idx="5905">
                  <c:v>5.0000000000000001E-3</c:v>
                </c:pt>
                <c:pt idx="5906">
                  <c:v>5.0000000000000001E-3</c:v>
                </c:pt>
                <c:pt idx="5907">
                  <c:v>5.0000000000000001E-3</c:v>
                </c:pt>
                <c:pt idx="5908">
                  <c:v>5.0000000000000001E-3</c:v>
                </c:pt>
                <c:pt idx="5909">
                  <c:v>5.0000000000000001E-3</c:v>
                </c:pt>
                <c:pt idx="5910">
                  <c:v>5.0000000000000001E-3</c:v>
                </c:pt>
                <c:pt idx="5911">
                  <c:v>5.0000000000000001E-3</c:v>
                </c:pt>
                <c:pt idx="5912">
                  <c:v>5.0000000000000001E-3</c:v>
                </c:pt>
                <c:pt idx="5913">
                  <c:v>5.0000000000000001E-3</c:v>
                </c:pt>
                <c:pt idx="5914">
                  <c:v>5.0000000000000001E-3</c:v>
                </c:pt>
                <c:pt idx="5915">
                  <c:v>5.0000000000000001E-3</c:v>
                </c:pt>
                <c:pt idx="5916">
                  <c:v>5.0000000000000001E-3</c:v>
                </c:pt>
                <c:pt idx="5917">
                  <c:v>5.0000000000000001E-3</c:v>
                </c:pt>
                <c:pt idx="5918">
                  <c:v>5.0000000000000001E-3</c:v>
                </c:pt>
                <c:pt idx="5919">
                  <c:v>5.0000000000000001E-3</c:v>
                </c:pt>
                <c:pt idx="5920">
                  <c:v>5.0000000000000001E-3</c:v>
                </c:pt>
                <c:pt idx="5921">
                  <c:v>5.0000000000000001E-3</c:v>
                </c:pt>
                <c:pt idx="5922">
                  <c:v>5.0000000000000001E-3</c:v>
                </c:pt>
                <c:pt idx="5923">
                  <c:v>5.0000000000000001E-3</c:v>
                </c:pt>
                <c:pt idx="5924">
                  <c:v>5.0000000000000001E-3</c:v>
                </c:pt>
                <c:pt idx="5925">
                  <c:v>5.0000000000000001E-3</c:v>
                </c:pt>
                <c:pt idx="5926">
                  <c:v>5.0000000000000001E-3</c:v>
                </c:pt>
                <c:pt idx="5927">
                  <c:v>5.0000000000000001E-3</c:v>
                </c:pt>
                <c:pt idx="5928">
                  <c:v>5.0000000000000001E-3</c:v>
                </c:pt>
                <c:pt idx="5929">
                  <c:v>5.0000000000000001E-3</c:v>
                </c:pt>
                <c:pt idx="5930">
                  <c:v>5.0000000000000001E-3</c:v>
                </c:pt>
                <c:pt idx="5931">
                  <c:v>5.0000000000000001E-3</c:v>
                </c:pt>
                <c:pt idx="5932">
                  <c:v>5.0000000000000001E-3</c:v>
                </c:pt>
                <c:pt idx="5933">
                  <c:v>5.0000000000000001E-3</c:v>
                </c:pt>
                <c:pt idx="5934">
                  <c:v>5.0000000000000001E-3</c:v>
                </c:pt>
                <c:pt idx="5935">
                  <c:v>5.0000000000000001E-3</c:v>
                </c:pt>
                <c:pt idx="5936">
                  <c:v>5.0000000000000001E-3</c:v>
                </c:pt>
                <c:pt idx="5937">
                  <c:v>5.0000000000000001E-3</c:v>
                </c:pt>
                <c:pt idx="5938">
                  <c:v>5.0000000000000001E-3</c:v>
                </c:pt>
                <c:pt idx="5939">
                  <c:v>5.0000000000000001E-3</c:v>
                </c:pt>
                <c:pt idx="5940">
                  <c:v>5.0000000000000001E-3</c:v>
                </c:pt>
                <c:pt idx="5941">
                  <c:v>5.0000000000000001E-3</c:v>
                </c:pt>
                <c:pt idx="5942">
                  <c:v>5.0000000000000001E-3</c:v>
                </c:pt>
                <c:pt idx="5943">
                  <c:v>5.0000000000000001E-3</c:v>
                </c:pt>
                <c:pt idx="5944">
                  <c:v>5.0000000000000001E-3</c:v>
                </c:pt>
                <c:pt idx="5945">
                  <c:v>5.0000000000000001E-3</c:v>
                </c:pt>
                <c:pt idx="5946">
                  <c:v>5.0000000000000001E-3</c:v>
                </c:pt>
                <c:pt idx="5947">
                  <c:v>5.0000000000000001E-3</c:v>
                </c:pt>
                <c:pt idx="5948">
                  <c:v>5.0000000000000001E-3</c:v>
                </c:pt>
                <c:pt idx="5949">
                  <c:v>5.0000000000000001E-3</c:v>
                </c:pt>
                <c:pt idx="5950">
                  <c:v>5.0000000000000001E-3</c:v>
                </c:pt>
                <c:pt idx="5951">
                  <c:v>5.0000000000000001E-3</c:v>
                </c:pt>
                <c:pt idx="5952">
                  <c:v>5.0000000000000001E-3</c:v>
                </c:pt>
                <c:pt idx="5953">
                  <c:v>5.0000000000000001E-3</c:v>
                </c:pt>
                <c:pt idx="5954">
                  <c:v>5.0000000000000001E-3</c:v>
                </c:pt>
                <c:pt idx="5955">
                  <c:v>5.0000000000000001E-3</c:v>
                </c:pt>
                <c:pt idx="5956">
                  <c:v>5.0000000000000001E-3</c:v>
                </c:pt>
                <c:pt idx="5957">
                  <c:v>5.0000000000000001E-3</c:v>
                </c:pt>
                <c:pt idx="5958">
                  <c:v>5.0000000000000001E-3</c:v>
                </c:pt>
                <c:pt idx="5959">
                  <c:v>5.0000000000000001E-3</c:v>
                </c:pt>
                <c:pt idx="5960">
                  <c:v>5.0000000000000001E-3</c:v>
                </c:pt>
                <c:pt idx="5961">
                  <c:v>5.0000000000000001E-3</c:v>
                </c:pt>
                <c:pt idx="5962">
                  <c:v>5.0000000000000001E-3</c:v>
                </c:pt>
                <c:pt idx="5963">
                  <c:v>5.0000000000000001E-3</c:v>
                </c:pt>
                <c:pt idx="5964">
                  <c:v>5.0000000000000001E-3</c:v>
                </c:pt>
                <c:pt idx="5965">
                  <c:v>5.0000000000000001E-3</c:v>
                </c:pt>
                <c:pt idx="5966">
                  <c:v>5.0000000000000001E-3</c:v>
                </c:pt>
                <c:pt idx="5967">
                  <c:v>5.0000000000000001E-3</c:v>
                </c:pt>
                <c:pt idx="5968">
                  <c:v>5.0000000000000001E-3</c:v>
                </c:pt>
                <c:pt idx="5969">
                  <c:v>5.0000000000000001E-3</c:v>
                </c:pt>
                <c:pt idx="5970">
                  <c:v>5.0000000000000001E-3</c:v>
                </c:pt>
                <c:pt idx="5971">
                  <c:v>5.0000000000000001E-3</c:v>
                </c:pt>
                <c:pt idx="5972">
                  <c:v>5.0000000000000001E-3</c:v>
                </c:pt>
                <c:pt idx="5973">
                  <c:v>5.0000000000000001E-3</c:v>
                </c:pt>
                <c:pt idx="5974">
                  <c:v>5.0000000000000001E-3</c:v>
                </c:pt>
                <c:pt idx="5975">
                  <c:v>5.0000000000000001E-3</c:v>
                </c:pt>
                <c:pt idx="5976">
                  <c:v>5.0000000000000001E-3</c:v>
                </c:pt>
                <c:pt idx="5977">
                  <c:v>5.0000000000000001E-3</c:v>
                </c:pt>
                <c:pt idx="5978">
                  <c:v>5.0000000000000001E-3</c:v>
                </c:pt>
                <c:pt idx="5979">
                  <c:v>5.0000000000000001E-3</c:v>
                </c:pt>
                <c:pt idx="5980">
                  <c:v>5.0000000000000001E-3</c:v>
                </c:pt>
                <c:pt idx="5981">
                  <c:v>5.0000000000000001E-3</c:v>
                </c:pt>
                <c:pt idx="5982">
                  <c:v>5.0000000000000001E-3</c:v>
                </c:pt>
                <c:pt idx="5983">
                  <c:v>5.0000000000000001E-3</c:v>
                </c:pt>
                <c:pt idx="5984">
                  <c:v>5.0000000000000001E-3</c:v>
                </c:pt>
                <c:pt idx="5985">
                  <c:v>5.0000000000000001E-3</c:v>
                </c:pt>
                <c:pt idx="5986">
                  <c:v>5.0000000000000001E-3</c:v>
                </c:pt>
                <c:pt idx="5987">
                  <c:v>5.0000000000000001E-3</c:v>
                </c:pt>
                <c:pt idx="5988">
                  <c:v>5.0000000000000001E-3</c:v>
                </c:pt>
                <c:pt idx="5989">
                  <c:v>5.0000000000000001E-3</c:v>
                </c:pt>
                <c:pt idx="5990">
                  <c:v>5.0000000000000001E-3</c:v>
                </c:pt>
                <c:pt idx="5991">
                  <c:v>5.0000000000000001E-3</c:v>
                </c:pt>
                <c:pt idx="5992">
                  <c:v>5.0000000000000001E-3</c:v>
                </c:pt>
                <c:pt idx="5993">
                  <c:v>5.0000000000000001E-3</c:v>
                </c:pt>
                <c:pt idx="5994">
                  <c:v>5.0000000000000001E-3</c:v>
                </c:pt>
                <c:pt idx="5995">
                  <c:v>5.0000000000000001E-3</c:v>
                </c:pt>
                <c:pt idx="5996">
                  <c:v>5.0000000000000001E-3</c:v>
                </c:pt>
                <c:pt idx="5997">
                  <c:v>5.0000000000000001E-3</c:v>
                </c:pt>
                <c:pt idx="5998">
                  <c:v>5.0000000000000001E-3</c:v>
                </c:pt>
                <c:pt idx="5999">
                  <c:v>5.0000000000000001E-3</c:v>
                </c:pt>
                <c:pt idx="6000">
                  <c:v>5.0000000000000001E-3</c:v>
                </c:pt>
                <c:pt idx="6001">
                  <c:v>5.0000000000000001E-3</c:v>
                </c:pt>
                <c:pt idx="6002">
                  <c:v>5.0000000000000001E-3</c:v>
                </c:pt>
                <c:pt idx="6003">
                  <c:v>5.0000000000000001E-3</c:v>
                </c:pt>
                <c:pt idx="6004">
                  <c:v>5.0000000000000001E-3</c:v>
                </c:pt>
                <c:pt idx="6005">
                  <c:v>5.0000000000000001E-3</c:v>
                </c:pt>
                <c:pt idx="6006">
                  <c:v>5.0000000000000001E-3</c:v>
                </c:pt>
                <c:pt idx="6007">
                  <c:v>5.0000000000000001E-3</c:v>
                </c:pt>
                <c:pt idx="6008">
                  <c:v>5.0000000000000001E-3</c:v>
                </c:pt>
                <c:pt idx="6009">
                  <c:v>5.0000000000000001E-3</c:v>
                </c:pt>
                <c:pt idx="6010">
                  <c:v>5.0000000000000001E-3</c:v>
                </c:pt>
                <c:pt idx="6011">
                  <c:v>5.0000000000000001E-3</c:v>
                </c:pt>
                <c:pt idx="6012">
                  <c:v>5.0000000000000001E-3</c:v>
                </c:pt>
                <c:pt idx="6013">
                  <c:v>5.0000000000000001E-3</c:v>
                </c:pt>
                <c:pt idx="6014">
                  <c:v>5.0000000000000001E-3</c:v>
                </c:pt>
                <c:pt idx="6015">
                  <c:v>5.0000000000000001E-3</c:v>
                </c:pt>
                <c:pt idx="6016">
                  <c:v>5.0000000000000001E-3</c:v>
                </c:pt>
                <c:pt idx="6017">
                  <c:v>5.0000000000000001E-3</c:v>
                </c:pt>
                <c:pt idx="6018">
                  <c:v>5.0000000000000001E-3</c:v>
                </c:pt>
                <c:pt idx="6019">
                  <c:v>5.0000000000000001E-3</c:v>
                </c:pt>
                <c:pt idx="6020">
                  <c:v>5.0000000000000001E-3</c:v>
                </c:pt>
                <c:pt idx="6021">
                  <c:v>5.0000000000000001E-3</c:v>
                </c:pt>
                <c:pt idx="6022">
                  <c:v>5.0000000000000001E-3</c:v>
                </c:pt>
                <c:pt idx="6023">
                  <c:v>5.0000000000000001E-3</c:v>
                </c:pt>
                <c:pt idx="6024">
                  <c:v>5.0000000000000001E-3</c:v>
                </c:pt>
                <c:pt idx="6025">
                  <c:v>5.0000000000000001E-3</c:v>
                </c:pt>
                <c:pt idx="6026">
                  <c:v>5.0000000000000001E-3</c:v>
                </c:pt>
                <c:pt idx="6027">
                  <c:v>5.0000000000000001E-3</c:v>
                </c:pt>
                <c:pt idx="6028">
                  <c:v>5.0000000000000001E-3</c:v>
                </c:pt>
                <c:pt idx="6029">
                  <c:v>5.0000000000000001E-3</c:v>
                </c:pt>
                <c:pt idx="6030">
                  <c:v>5.0000000000000001E-3</c:v>
                </c:pt>
                <c:pt idx="6031">
                  <c:v>5.0000000000000001E-3</c:v>
                </c:pt>
                <c:pt idx="6032">
                  <c:v>5.0000000000000001E-3</c:v>
                </c:pt>
                <c:pt idx="6033">
                  <c:v>5.0000000000000001E-3</c:v>
                </c:pt>
                <c:pt idx="6034">
                  <c:v>5.0000000000000001E-3</c:v>
                </c:pt>
                <c:pt idx="6035">
                  <c:v>5.0000000000000001E-3</c:v>
                </c:pt>
                <c:pt idx="6036">
                  <c:v>5.0000000000000001E-3</c:v>
                </c:pt>
                <c:pt idx="6037">
                  <c:v>5.0000000000000001E-3</c:v>
                </c:pt>
                <c:pt idx="6038">
                  <c:v>5.0000000000000001E-3</c:v>
                </c:pt>
                <c:pt idx="6039">
                  <c:v>5.0000000000000001E-3</c:v>
                </c:pt>
                <c:pt idx="6040">
                  <c:v>5.0000000000000001E-3</c:v>
                </c:pt>
                <c:pt idx="6041">
                  <c:v>5.0000000000000001E-3</c:v>
                </c:pt>
                <c:pt idx="6042">
                  <c:v>5.0000000000000001E-3</c:v>
                </c:pt>
                <c:pt idx="6043">
                  <c:v>5.0000000000000001E-3</c:v>
                </c:pt>
                <c:pt idx="6044">
                  <c:v>5.0000000000000001E-3</c:v>
                </c:pt>
                <c:pt idx="6045">
                  <c:v>5.0000000000000001E-3</c:v>
                </c:pt>
                <c:pt idx="6046">
                  <c:v>5.0000000000000001E-3</c:v>
                </c:pt>
                <c:pt idx="6047">
                  <c:v>5.0000000000000001E-3</c:v>
                </c:pt>
                <c:pt idx="6048">
                  <c:v>5.0000000000000001E-3</c:v>
                </c:pt>
                <c:pt idx="6049">
                  <c:v>5.0000000000000001E-3</c:v>
                </c:pt>
                <c:pt idx="6050">
                  <c:v>5.0000000000000001E-3</c:v>
                </c:pt>
                <c:pt idx="6051">
                  <c:v>5.0000000000000001E-3</c:v>
                </c:pt>
                <c:pt idx="6052">
                  <c:v>5.0000000000000001E-3</c:v>
                </c:pt>
                <c:pt idx="6053">
                  <c:v>5.0000000000000001E-3</c:v>
                </c:pt>
                <c:pt idx="6054">
                  <c:v>5.0000000000000001E-3</c:v>
                </c:pt>
                <c:pt idx="6055">
                  <c:v>5.0000000000000001E-3</c:v>
                </c:pt>
                <c:pt idx="6056">
                  <c:v>5.0000000000000001E-3</c:v>
                </c:pt>
                <c:pt idx="6057">
                  <c:v>5.0000000000000001E-3</c:v>
                </c:pt>
                <c:pt idx="6058">
                  <c:v>5.0000000000000001E-3</c:v>
                </c:pt>
                <c:pt idx="6059">
                  <c:v>5.0000000000000001E-3</c:v>
                </c:pt>
                <c:pt idx="6060">
                  <c:v>2.5000000000000001E-3</c:v>
                </c:pt>
                <c:pt idx="6061">
                  <c:v>2.5000000000000001E-3</c:v>
                </c:pt>
                <c:pt idx="6062">
                  <c:v>2.5000000000000001E-3</c:v>
                </c:pt>
                <c:pt idx="6063">
                  <c:v>2.5000000000000001E-3</c:v>
                </c:pt>
                <c:pt idx="6064">
                  <c:v>2.5000000000000001E-3</c:v>
                </c:pt>
                <c:pt idx="6065">
                  <c:v>2.5000000000000001E-3</c:v>
                </c:pt>
                <c:pt idx="6066">
                  <c:v>2.5000000000000001E-3</c:v>
                </c:pt>
                <c:pt idx="6067">
                  <c:v>2.5000000000000001E-3</c:v>
                </c:pt>
                <c:pt idx="6068">
                  <c:v>2.5000000000000001E-3</c:v>
                </c:pt>
                <c:pt idx="6069">
                  <c:v>2.5000000000000001E-3</c:v>
                </c:pt>
                <c:pt idx="6070">
                  <c:v>2.5000000000000001E-3</c:v>
                </c:pt>
                <c:pt idx="6071">
                  <c:v>2.5000000000000001E-3</c:v>
                </c:pt>
                <c:pt idx="6072">
                  <c:v>2.5000000000000001E-3</c:v>
                </c:pt>
                <c:pt idx="6073">
                  <c:v>2.5000000000000001E-3</c:v>
                </c:pt>
                <c:pt idx="6074">
                  <c:v>2.5000000000000001E-3</c:v>
                </c:pt>
                <c:pt idx="6075">
                  <c:v>2.5000000000000001E-3</c:v>
                </c:pt>
                <c:pt idx="6076">
                  <c:v>2.5000000000000001E-3</c:v>
                </c:pt>
                <c:pt idx="6077">
                  <c:v>2.5000000000000001E-3</c:v>
                </c:pt>
                <c:pt idx="6078">
                  <c:v>2.5000000000000001E-3</c:v>
                </c:pt>
                <c:pt idx="6079">
                  <c:v>2.5000000000000001E-3</c:v>
                </c:pt>
                <c:pt idx="6080">
                  <c:v>2.5000000000000001E-3</c:v>
                </c:pt>
                <c:pt idx="6081">
                  <c:v>2.5000000000000001E-3</c:v>
                </c:pt>
                <c:pt idx="6082">
                  <c:v>2.5000000000000001E-3</c:v>
                </c:pt>
                <c:pt idx="6083">
                  <c:v>2.5000000000000001E-3</c:v>
                </c:pt>
                <c:pt idx="6084">
                  <c:v>2.5000000000000001E-3</c:v>
                </c:pt>
                <c:pt idx="6085">
                  <c:v>2.5000000000000001E-3</c:v>
                </c:pt>
                <c:pt idx="6086">
                  <c:v>2.5000000000000001E-3</c:v>
                </c:pt>
                <c:pt idx="6087">
                  <c:v>2.5000000000000001E-3</c:v>
                </c:pt>
                <c:pt idx="6088">
                  <c:v>2.5000000000000001E-3</c:v>
                </c:pt>
                <c:pt idx="6089">
                  <c:v>2.5000000000000001E-3</c:v>
                </c:pt>
                <c:pt idx="6090">
                  <c:v>2.5000000000000001E-3</c:v>
                </c:pt>
                <c:pt idx="6091">
                  <c:v>2.5000000000000001E-3</c:v>
                </c:pt>
                <c:pt idx="6092">
                  <c:v>2.5000000000000001E-3</c:v>
                </c:pt>
                <c:pt idx="6093">
                  <c:v>2.5000000000000001E-3</c:v>
                </c:pt>
                <c:pt idx="6094">
                  <c:v>2.5000000000000001E-3</c:v>
                </c:pt>
                <c:pt idx="6095">
                  <c:v>2.5000000000000001E-3</c:v>
                </c:pt>
                <c:pt idx="6096">
                  <c:v>2.5000000000000001E-3</c:v>
                </c:pt>
                <c:pt idx="6097">
                  <c:v>2.5000000000000001E-3</c:v>
                </c:pt>
                <c:pt idx="6098">
                  <c:v>2.5000000000000001E-3</c:v>
                </c:pt>
                <c:pt idx="6099">
                  <c:v>2.5000000000000001E-3</c:v>
                </c:pt>
                <c:pt idx="6100">
                  <c:v>2.5000000000000001E-3</c:v>
                </c:pt>
                <c:pt idx="6101">
                  <c:v>2.5000000000000001E-3</c:v>
                </c:pt>
                <c:pt idx="6102">
                  <c:v>2.5000000000000001E-3</c:v>
                </c:pt>
                <c:pt idx="6103">
                  <c:v>2.5000000000000001E-3</c:v>
                </c:pt>
                <c:pt idx="6104">
                  <c:v>2.5000000000000001E-3</c:v>
                </c:pt>
                <c:pt idx="6105">
                  <c:v>2.5000000000000001E-3</c:v>
                </c:pt>
                <c:pt idx="6106">
                  <c:v>2.5000000000000001E-3</c:v>
                </c:pt>
                <c:pt idx="6107">
                  <c:v>2.5000000000000001E-3</c:v>
                </c:pt>
                <c:pt idx="6108">
                  <c:v>2.5000000000000001E-3</c:v>
                </c:pt>
                <c:pt idx="6109">
                  <c:v>2.5000000000000001E-3</c:v>
                </c:pt>
                <c:pt idx="6110">
                  <c:v>2.5000000000000001E-3</c:v>
                </c:pt>
                <c:pt idx="6111">
                  <c:v>2.5000000000000001E-3</c:v>
                </c:pt>
                <c:pt idx="6112">
                  <c:v>2.5000000000000001E-3</c:v>
                </c:pt>
                <c:pt idx="6113">
                  <c:v>2.5000000000000001E-3</c:v>
                </c:pt>
                <c:pt idx="6114">
                  <c:v>2.5000000000000001E-3</c:v>
                </c:pt>
                <c:pt idx="6115">
                  <c:v>2.5000000000000001E-3</c:v>
                </c:pt>
                <c:pt idx="6116">
                  <c:v>2.5000000000000001E-3</c:v>
                </c:pt>
                <c:pt idx="6117">
                  <c:v>2.5000000000000001E-3</c:v>
                </c:pt>
                <c:pt idx="6118">
                  <c:v>2.5000000000000001E-3</c:v>
                </c:pt>
                <c:pt idx="6119">
                  <c:v>2.5000000000000001E-3</c:v>
                </c:pt>
                <c:pt idx="6120">
                  <c:v>2.5000000000000001E-3</c:v>
                </c:pt>
                <c:pt idx="6121">
                  <c:v>2.5000000000000001E-3</c:v>
                </c:pt>
                <c:pt idx="6122">
                  <c:v>2.5000000000000001E-3</c:v>
                </c:pt>
                <c:pt idx="6123">
                  <c:v>2.5000000000000001E-3</c:v>
                </c:pt>
                <c:pt idx="6124">
                  <c:v>2.5000000000000001E-3</c:v>
                </c:pt>
                <c:pt idx="6125">
                  <c:v>2.5000000000000001E-3</c:v>
                </c:pt>
                <c:pt idx="6126">
                  <c:v>2.5000000000000001E-3</c:v>
                </c:pt>
                <c:pt idx="6127">
                  <c:v>2.5000000000000001E-3</c:v>
                </c:pt>
                <c:pt idx="6128">
                  <c:v>2.5000000000000001E-3</c:v>
                </c:pt>
                <c:pt idx="6129">
                  <c:v>2.5000000000000001E-3</c:v>
                </c:pt>
                <c:pt idx="6130">
                  <c:v>2.5000000000000001E-3</c:v>
                </c:pt>
                <c:pt idx="6131">
                  <c:v>2.5000000000000001E-3</c:v>
                </c:pt>
                <c:pt idx="6132">
                  <c:v>2.5000000000000001E-3</c:v>
                </c:pt>
                <c:pt idx="6133">
                  <c:v>2.5000000000000001E-3</c:v>
                </c:pt>
                <c:pt idx="6134">
                  <c:v>2.5000000000000001E-3</c:v>
                </c:pt>
                <c:pt idx="6135">
                  <c:v>2.5000000000000001E-3</c:v>
                </c:pt>
                <c:pt idx="6136">
                  <c:v>2.5000000000000001E-3</c:v>
                </c:pt>
                <c:pt idx="6137">
                  <c:v>2.5000000000000001E-3</c:v>
                </c:pt>
                <c:pt idx="6138">
                  <c:v>2.5000000000000001E-3</c:v>
                </c:pt>
                <c:pt idx="6139">
                  <c:v>2.5000000000000001E-3</c:v>
                </c:pt>
                <c:pt idx="6140">
                  <c:v>2.5000000000000001E-3</c:v>
                </c:pt>
                <c:pt idx="6141">
                  <c:v>2.5000000000000001E-3</c:v>
                </c:pt>
                <c:pt idx="6142">
                  <c:v>2.5000000000000001E-3</c:v>
                </c:pt>
                <c:pt idx="6143">
                  <c:v>2.5000000000000001E-3</c:v>
                </c:pt>
                <c:pt idx="6144">
                  <c:v>2.5000000000000001E-3</c:v>
                </c:pt>
                <c:pt idx="6145">
                  <c:v>2.5000000000000001E-3</c:v>
                </c:pt>
                <c:pt idx="6146">
                  <c:v>2.5000000000000001E-3</c:v>
                </c:pt>
                <c:pt idx="6147">
                  <c:v>2.5000000000000001E-3</c:v>
                </c:pt>
                <c:pt idx="6148">
                  <c:v>2.5000000000000001E-3</c:v>
                </c:pt>
                <c:pt idx="6149">
                  <c:v>2.5000000000000001E-3</c:v>
                </c:pt>
                <c:pt idx="6150">
                  <c:v>2.5000000000000001E-3</c:v>
                </c:pt>
                <c:pt idx="6151">
                  <c:v>2.5000000000000001E-3</c:v>
                </c:pt>
                <c:pt idx="6152">
                  <c:v>2.5000000000000001E-3</c:v>
                </c:pt>
                <c:pt idx="6153">
                  <c:v>2.5000000000000001E-3</c:v>
                </c:pt>
                <c:pt idx="6154">
                  <c:v>2.5000000000000001E-3</c:v>
                </c:pt>
                <c:pt idx="6155">
                  <c:v>2.5000000000000001E-3</c:v>
                </c:pt>
                <c:pt idx="6156">
                  <c:v>2.5000000000000001E-3</c:v>
                </c:pt>
                <c:pt idx="6157">
                  <c:v>2.5000000000000001E-3</c:v>
                </c:pt>
                <c:pt idx="6158">
                  <c:v>2.5000000000000001E-3</c:v>
                </c:pt>
                <c:pt idx="6159">
                  <c:v>2.5000000000000001E-3</c:v>
                </c:pt>
                <c:pt idx="6160">
                  <c:v>2.5000000000000001E-3</c:v>
                </c:pt>
                <c:pt idx="6161">
                  <c:v>2.5000000000000001E-3</c:v>
                </c:pt>
                <c:pt idx="6162">
                  <c:v>2.5000000000000001E-3</c:v>
                </c:pt>
                <c:pt idx="6163">
                  <c:v>2.5000000000000001E-3</c:v>
                </c:pt>
                <c:pt idx="6164">
                  <c:v>2.5000000000000001E-3</c:v>
                </c:pt>
                <c:pt idx="6165">
                  <c:v>2.5000000000000001E-3</c:v>
                </c:pt>
                <c:pt idx="6166">
                  <c:v>2.5000000000000001E-3</c:v>
                </c:pt>
                <c:pt idx="6167">
                  <c:v>2.5000000000000001E-3</c:v>
                </c:pt>
                <c:pt idx="6168">
                  <c:v>2.5000000000000001E-3</c:v>
                </c:pt>
                <c:pt idx="6169">
                  <c:v>2.5000000000000001E-3</c:v>
                </c:pt>
                <c:pt idx="6170">
                  <c:v>2.5000000000000001E-3</c:v>
                </c:pt>
                <c:pt idx="6171">
                  <c:v>2.5000000000000001E-3</c:v>
                </c:pt>
                <c:pt idx="6172">
                  <c:v>2.5000000000000001E-3</c:v>
                </c:pt>
                <c:pt idx="6173">
                  <c:v>2.5000000000000001E-3</c:v>
                </c:pt>
                <c:pt idx="6174">
                  <c:v>2.5000000000000001E-3</c:v>
                </c:pt>
                <c:pt idx="6175">
                  <c:v>2.5000000000000001E-3</c:v>
                </c:pt>
                <c:pt idx="6176">
                  <c:v>2.5000000000000001E-3</c:v>
                </c:pt>
                <c:pt idx="6177">
                  <c:v>2.5000000000000001E-3</c:v>
                </c:pt>
                <c:pt idx="6178">
                  <c:v>2.5000000000000001E-3</c:v>
                </c:pt>
                <c:pt idx="6179">
                  <c:v>2.5000000000000001E-3</c:v>
                </c:pt>
                <c:pt idx="6180">
                  <c:v>2.5000000000000001E-3</c:v>
                </c:pt>
                <c:pt idx="6181">
                  <c:v>2.5000000000000001E-3</c:v>
                </c:pt>
                <c:pt idx="6182">
                  <c:v>2.5000000000000001E-3</c:v>
                </c:pt>
                <c:pt idx="6183">
                  <c:v>2.5000000000000001E-3</c:v>
                </c:pt>
                <c:pt idx="6184">
                  <c:v>2.5000000000000001E-3</c:v>
                </c:pt>
                <c:pt idx="6185">
                  <c:v>2.5000000000000001E-3</c:v>
                </c:pt>
                <c:pt idx="6186">
                  <c:v>2.5000000000000001E-3</c:v>
                </c:pt>
                <c:pt idx="6187">
                  <c:v>2.5000000000000001E-3</c:v>
                </c:pt>
                <c:pt idx="6188">
                  <c:v>2.5000000000000001E-3</c:v>
                </c:pt>
                <c:pt idx="6189">
                  <c:v>2.5000000000000001E-3</c:v>
                </c:pt>
                <c:pt idx="6190">
                  <c:v>2.5000000000000001E-3</c:v>
                </c:pt>
                <c:pt idx="6191">
                  <c:v>2.5000000000000001E-3</c:v>
                </c:pt>
                <c:pt idx="6192">
                  <c:v>2.5000000000000001E-3</c:v>
                </c:pt>
                <c:pt idx="6193">
                  <c:v>2.5000000000000001E-3</c:v>
                </c:pt>
                <c:pt idx="6194">
                  <c:v>2.5000000000000001E-3</c:v>
                </c:pt>
                <c:pt idx="6195">
                  <c:v>2.5000000000000001E-3</c:v>
                </c:pt>
                <c:pt idx="6196">
                  <c:v>2.5000000000000001E-3</c:v>
                </c:pt>
                <c:pt idx="6197">
                  <c:v>2.5000000000000001E-3</c:v>
                </c:pt>
                <c:pt idx="6198">
                  <c:v>2.5000000000000001E-3</c:v>
                </c:pt>
                <c:pt idx="6199">
                  <c:v>2.5000000000000001E-3</c:v>
                </c:pt>
                <c:pt idx="6200">
                  <c:v>2.5000000000000001E-3</c:v>
                </c:pt>
                <c:pt idx="6201">
                  <c:v>2.5000000000000001E-3</c:v>
                </c:pt>
                <c:pt idx="6202">
                  <c:v>2.5000000000000001E-3</c:v>
                </c:pt>
                <c:pt idx="6203">
                  <c:v>2.5000000000000001E-3</c:v>
                </c:pt>
                <c:pt idx="6204">
                  <c:v>2.5000000000000001E-3</c:v>
                </c:pt>
                <c:pt idx="6205">
                  <c:v>2.5000000000000001E-3</c:v>
                </c:pt>
                <c:pt idx="6206">
                  <c:v>2.5000000000000001E-3</c:v>
                </c:pt>
                <c:pt idx="6207">
                  <c:v>2.5000000000000001E-3</c:v>
                </c:pt>
                <c:pt idx="6208">
                  <c:v>2.5000000000000001E-3</c:v>
                </c:pt>
                <c:pt idx="6209">
                  <c:v>2.5000000000000001E-3</c:v>
                </c:pt>
                <c:pt idx="6210">
                  <c:v>2.5000000000000001E-3</c:v>
                </c:pt>
                <c:pt idx="6211">
                  <c:v>2.5000000000000001E-3</c:v>
                </c:pt>
                <c:pt idx="6212">
                  <c:v>2.5000000000000001E-3</c:v>
                </c:pt>
                <c:pt idx="6213">
                  <c:v>2.5000000000000001E-3</c:v>
                </c:pt>
                <c:pt idx="6214">
                  <c:v>2.5000000000000001E-3</c:v>
                </c:pt>
                <c:pt idx="6215">
                  <c:v>2.5000000000000001E-3</c:v>
                </c:pt>
                <c:pt idx="6216">
                  <c:v>2.5000000000000001E-3</c:v>
                </c:pt>
                <c:pt idx="6217">
                  <c:v>2.5000000000000001E-3</c:v>
                </c:pt>
                <c:pt idx="6218">
                  <c:v>2.5000000000000001E-3</c:v>
                </c:pt>
                <c:pt idx="6219">
                  <c:v>2.5000000000000001E-3</c:v>
                </c:pt>
                <c:pt idx="6220">
                  <c:v>2.5000000000000001E-3</c:v>
                </c:pt>
                <c:pt idx="6221">
                  <c:v>2.5000000000000001E-3</c:v>
                </c:pt>
                <c:pt idx="6222">
                  <c:v>2.5000000000000001E-3</c:v>
                </c:pt>
                <c:pt idx="6223">
                  <c:v>2.5000000000000001E-3</c:v>
                </c:pt>
                <c:pt idx="6224">
                  <c:v>2.5000000000000001E-3</c:v>
                </c:pt>
                <c:pt idx="6225">
                  <c:v>2.5000000000000001E-3</c:v>
                </c:pt>
                <c:pt idx="6226">
                  <c:v>2.5000000000000001E-3</c:v>
                </c:pt>
                <c:pt idx="6227">
                  <c:v>2.5000000000000001E-3</c:v>
                </c:pt>
                <c:pt idx="6228">
                  <c:v>2.5000000000000001E-3</c:v>
                </c:pt>
                <c:pt idx="6229">
                  <c:v>2.5000000000000001E-3</c:v>
                </c:pt>
                <c:pt idx="6230">
                  <c:v>2.5000000000000001E-3</c:v>
                </c:pt>
                <c:pt idx="6231">
                  <c:v>2.5000000000000001E-3</c:v>
                </c:pt>
                <c:pt idx="6232">
                  <c:v>2.5000000000000001E-3</c:v>
                </c:pt>
                <c:pt idx="6233">
                  <c:v>2.5000000000000001E-3</c:v>
                </c:pt>
                <c:pt idx="6234">
                  <c:v>2.5000000000000001E-3</c:v>
                </c:pt>
                <c:pt idx="6235">
                  <c:v>2.5000000000000001E-3</c:v>
                </c:pt>
                <c:pt idx="6236">
                  <c:v>2.5000000000000001E-3</c:v>
                </c:pt>
                <c:pt idx="6237">
                  <c:v>2.5000000000000001E-3</c:v>
                </c:pt>
                <c:pt idx="6238">
                  <c:v>2.5000000000000001E-3</c:v>
                </c:pt>
                <c:pt idx="6239">
                  <c:v>2.5000000000000001E-3</c:v>
                </c:pt>
                <c:pt idx="6240">
                  <c:v>2.5000000000000001E-3</c:v>
                </c:pt>
                <c:pt idx="6241">
                  <c:v>2.5000000000000001E-3</c:v>
                </c:pt>
                <c:pt idx="6242">
                  <c:v>2.5000000000000001E-3</c:v>
                </c:pt>
                <c:pt idx="6243">
                  <c:v>2.5000000000000001E-3</c:v>
                </c:pt>
                <c:pt idx="6244">
                  <c:v>2.5000000000000001E-3</c:v>
                </c:pt>
                <c:pt idx="6245">
                  <c:v>2.5000000000000001E-3</c:v>
                </c:pt>
                <c:pt idx="6246">
                  <c:v>2.5000000000000001E-3</c:v>
                </c:pt>
                <c:pt idx="6247">
                  <c:v>2.5000000000000001E-3</c:v>
                </c:pt>
                <c:pt idx="6248">
                  <c:v>2.5000000000000001E-3</c:v>
                </c:pt>
                <c:pt idx="6249">
                  <c:v>2.5000000000000001E-3</c:v>
                </c:pt>
                <c:pt idx="6250">
                  <c:v>2.5000000000000001E-3</c:v>
                </c:pt>
                <c:pt idx="6251">
                  <c:v>2.5000000000000001E-3</c:v>
                </c:pt>
                <c:pt idx="6252">
                  <c:v>2.5000000000000001E-3</c:v>
                </c:pt>
                <c:pt idx="6253">
                  <c:v>2.5000000000000001E-3</c:v>
                </c:pt>
                <c:pt idx="6254">
                  <c:v>2.5000000000000001E-3</c:v>
                </c:pt>
                <c:pt idx="6255">
                  <c:v>2.5000000000000001E-3</c:v>
                </c:pt>
                <c:pt idx="6256">
                  <c:v>2.5000000000000001E-3</c:v>
                </c:pt>
                <c:pt idx="6257">
                  <c:v>2.5000000000000001E-3</c:v>
                </c:pt>
                <c:pt idx="6258">
                  <c:v>2.5000000000000001E-3</c:v>
                </c:pt>
                <c:pt idx="6259">
                  <c:v>2.5000000000000001E-3</c:v>
                </c:pt>
                <c:pt idx="6260">
                  <c:v>2.5000000000000001E-3</c:v>
                </c:pt>
                <c:pt idx="6261">
                  <c:v>2.5000000000000001E-3</c:v>
                </c:pt>
                <c:pt idx="6262">
                  <c:v>2.5000000000000001E-3</c:v>
                </c:pt>
                <c:pt idx="6263">
                  <c:v>2.5000000000000001E-3</c:v>
                </c:pt>
                <c:pt idx="6264">
                  <c:v>2.5000000000000001E-3</c:v>
                </c:pt>
                <c:pt idx="6265">
                  <c:v>2.5000000000000001E-3</c:v>
                </c:pt>
                <c:pt idx="6266">
                  <c:v>2.5000000000000001E-3</c:v>
                </c:pt>
                <c:pt idx="6267">
                  <c:v>2.5000000000000001E-3</c:v>
                </c:pt>
                <c:pt idx="6268">
                  <c:v>2.5000000000000001E-3</c:v>
                </c:pt>
                <c:pt idx="6269">
                  <c:v>2.5000000000000001E-3</c:v>
                </c:pt>
                <c:pt idx="6270">
                  <c:v>2.5000000000000001E-3</c:v>
                </c:pt>
                <c:pt idx="6271">
                  <c:v>2.5000000000000001E-3</c:v>
                </c:pt>
                <c:pt idx="6272">
                  <c:v>2.5000000000000001E-3</c:v>
                </c:pt>
                <c:pt idx="6273">
                  <c:v>2.5000000000000001E-3</c:v>
                </c:pt>
                <c:pt idx="6274">
                  <c:v>2.5000000000000001E-3</c:v>
                </c:pt>
                <c:pt idx="6275">
                  <c:v>2.5000000000000001E-3</c:v>
                </c:pt>
                <c:pt idx="6276">
                  <c:v>2.5000000000000001E-3</c:v>
                </c:pt>
                <c:pt idx="6277">
                  <c:v>2.5000000000000001E-3</c:v>
                </c:pt>
                <c:pt idx="6278">
                  <c:v>2.5000000000000001E-3</c:v>
                </c:pt>
                <c:pt idx="6279">
                  <c:v>2.5000000000000001E-3</c:v>
                </c:pt>
                <c:pt idx="6280">
                  <c:v>2.5000000000000001E-3</c:v>
                </c:pt>
                <c:pt idx="6281">
                  <c:v>2.5000000000000001E-3</c:v>
                </c:pt>
                <c:pt idx="6282">
                  <c:v>2.5000000000000001E-3</c:v>
                </c:pt>
                <c:pt idx="6283">
                  <c:v>2.5000000000000001E-3</c:v>
                </c:pt>
                <c:pt idx="6284">
                  <c:v>2.5000000000000001E-3</c:v>
                </c:pt>
                <c:pt idx="6285">
                  <c:v>2.5000000000000001E-3</c:v>
                </c:pt>
                <c:pt idx="6286">
                  <c:v>2.5000000000000001E-3</c:v>
                </c:pt>
                <c:pt idx="6287">
                  <c:v>2.5000000000000001E-3</c:v>
                </c:pt>
                <c:pt idx="6288">
                  <c:v>2.5000000000000001E-3</c:v>
                </c:pt>
                <c:pt idx="6289">
                  <c:v>2.5000000000000001E-3</c:v>
                </c:pt>
                <c:pt idx="6290">
                  <c:v>2.5000000000000001E-3</c:v>
                </c:pt>
                <c:pt idx="6291">
                  <c:v>2.5000000000000001E-3</c:v>
                </c:pt>
                <c:pt idx="6292">
                  <c:v>2.5000000000000001E-3</c:v>
                </c:pt>
                <c:pt idx="6293">
                  <c:v>2.5000000000000001E-3</c:v>
                </c:pt>
                <c:pt idx="6294">
                  <c:v>2.5000000000000001E-3</c:v>
                </c:pt>
                <c:pt idx="6295">
                  <c:v>2.5000000000000001E-3</c:v>
                </c:pt>
                <c:pt idx="6296">
                  <c:v>2.5000000000000001E-3</c:v>
                </c:pt>
                <c:pt idx="6297">
                  <c:v>2.5000000000000001E-3</c:v>
                </c:pt>
                <c:pt idx="6298">
                  <c:v>2.5000000000000001E-3</c:v>
                </c:pt>
                <c:pt idx="6299">
                  <c:v>2.5000000000000001E-3</c:v>
                </c:pt>
                <c:pt idx="6300">
                  <c:v>2.5000000000000001E-3</c:v>
                </c:pt>
                <c:pt idx="6301">
                  <c:v>2.5000000000000001E-3</c:v>
                </c:pt>
                <c:pt idx="6302">
                  <c:v>2.5000000000000001E-3</c:v>
                </c:pt>
                <c:pt idx="6303">
                  <c:v>2.5000000000000001E-3</c:v>
                </c:pt>
                <c:pt idx="6304">
                  <c:v>2.5000000000000001E-3</c:v>
                </c:pt>
                <c:pt idx="6305">
                  <c:v>2.5000000000000001E-3</c:v>
                </c:pt>
                <c:pt idx="6306">
                  <c:v>2.5000000000000001E-3</c:v>
                </c:pt>
                <c:pt idx="6307">
                  <c:v>2.5000000000000001E-3</c:v>
                </c:pt>
                <c:pt idx="6308">
                  <c:v>2.5000000000000001E-3</c:v>
                </c:pt>
                <c:pt idx="6309">
                  <c:v>2.5000000000000001E-3</c:v>
                </c:pt>
                <c:pt idx="6310">
                  <c:v>2.5000000000000001E-3</c:v>
                </c:pt>
                <c:pt idx="6311">
                  <c:v>2.5000000000000001E-3</c:v>
                </c:pt>
                <c:pt idx="6312">
                  <c:v>2.5000000000000001E-3</c:v>
                </c:pt>
                <c:pt idx="6313">
                  <c:v>2.5000000000000001E-3</c:v>
                </c:pt>
                <c:pt idx="6314">
                  <c:v>2.5000000000000001E-3</c:v>
                </c:pt>
                <c:pt idx="6315">
                  <c:v>2.5000000000000001E-3</c:v>
                </c:pt>
                <c:pt idx="6316">
                  <c:v>2.5000000000000001E-3</c:v>
                </c:pt>
                <c:pt idx="6317">
                  <c:v>2.5000000000000001E-3</c:v>
                </c:pt>
                <c:pt idx="6318">
                  <c:v>2.5000000000000001E-3</c:v>
                </c:pt>
                <c:pt idx="6319">
                  <c:v>2.5000000000000001E-3</c:v>
                </c:pt>
                <c:pt idx="6320">
                  <c:v>2.5000000000000001E-3</c:v>
                </c:pt>
                <c:pt idx="6321">
                  <c:v>2.5000000000000001E-3</c:v>
                </c:pt>
                <c:pt idx="6322">
                  <c:v>2.5000000000000001E-3</c:v>
                </c:pt>
                <c:pt idx="6323">
                  <c:v>2.5000000000000001E-3</c:v>
                </c:pt>
                <c:pt idx="6324">
                  <c:v>2.5000000000000001E-3</c:v>
                </c:pt>
                <c:pt idx="6325">
                  <c:v>2.5000000000000001E-3</c:v>
                </c:pt>
                <c:pt idx="6326">
                  <c:v>2.5000000000000001E-3</c:v>
                </c:pt>
                <c:pt idx="6327">
                  <c:v>2.5000000000000001E-3</c:v>
                </c:pt>
                <c:pt idx="6328">
                  <c:v>2.5000000000000001E-3</c:v>
                </c:pt>
                <c:pt idx="6329">
                  <c:v>2.5000000000000001E-3</c:v>
                </c:pt>
                <c:pt idx="6330">
                  <c:v>2.5000000000000001E-3</c:v>
                </c:pt>
                <c:pt idx="6331">
                  <c:v>2.5000000000000001E-3</c:v>
                </c:pt>
                <c:pt idx="6332">
                  <c:v>2.5000000000000001E-3</c:v>
                </c:pt>
                <c:pt idx="6333">
                  <c:v>2.5000000000000001E-3</c:v>
                </c:pt>
                <c:pt idx="6334">
                  <c:v>2.5000000000000001E-3</c:v>
                </c:pt>
                <c:pt idx="6335">
                  <c:v>2.5000000000000001E-3</c:v>
                </c:pt>
                <c:pt idx="6336">
                  <c:v>2.5000000000000001E-3</c:v>
                </c:pt>
                <c:pt idx="6337">
                  <c:v>2.5000000000000001E-3</c:v>
                </c:pt>
                <c:pt idx="6338">
                  <c:v>2.5000000000000001E-3</c:v>
                </c:pt>
                <c:pt idx="6339">
                  <c:v>2.5000000000000001E-3</c:v>
                </c:pt>
                <c:pt idx="6340">
                  <c:v>2.5000000000000001E-3</c:v>
                </c:pt>
                <c:pt idx="6341">
                  <c:v>2.5000000000000001E-3</c:v>
                </c:pt>
                <c:pt idx="6342">
                  <c:v>2.5000000000000001E-3</c:v>
                </c:pt>
                <c:pt idx="6343">
                  <c:v>2.5000000000000001E-3</c:v>
                </c:pt>
                <c:pt idx="6344">
                  <c:v>2.5000000000000001E-3</c:v>
                </c:pt>
                <c:pt idx="6345">
                  <c:v>2.5000000000000001E-3</c:v>
                </c:pt>
                <c:pt idx="6346">
                  <c:v>2.5000000000000001E-3</c:v>
                </c:pt>
                <c:pt idx="6347">
                  <c:v>2.5000000000000001E-3</c:v>
                </c:pt>
                <c:pt idx="6348">
                  <c:v>2.5000000000000001E-3</c:v>
                </c:pt>
                <c:pt idx="6349">
                  <c:v>2.5000000000000001E-3</c:v>
                </c:pt>
                <c:pt idx="6350">
                  <c:v>2.5000000000000001E-3</c:v>
                </c:pt>
                <c:pt idx="6351">
                  <c:v>2.5000000000000001E-3</c:v>
                </c:pt>
                <c:pt idx="6352">
                  <c:v>2.5000000000000001E-3</c:v>
                </c:pt>
                <c:pt idx="6353">
                  <c:v>2.5000000000000001E-3</c:v>
                </c:pt>
                <c:pt idx="6354">
                  <c:v>2.5000000000000001E-3</c:v>
                </c:pt>
                <c:pt idx="6355">
                  <c:v>2.5000000000000001E-3</c:v>
                </c:pt>
                <c:pt idx="6356">
                  <c:v>2.5000000000000001E-3</c:v>
                </c:pt>
                <c:pt idx="6357">
                  <c:v>2.5000000000000001E-3</c:v>
                </c:pt>
                <c:pt idx="6358">
                  <c:v>2.5000000000000001E-3</c:v>
                </c:pt>
                <c:pt idx="6359">
                  <c:v>2.5000000000000001E-3</c:v>
                </c:pt>
                <c:pt idx="6360">
                  <c:v>2.5000000000000001E-3</c:v>
                </c:pt>
                <c:pt idx="6361">
                  <c:v>2.5000000000000001E-3</c:v>
                </c:pt>
                <c:pt idx="6362">
                  <c:v>2.5000000000000001E-3</c:v>
                </c:pt>
                <c:pt idx="6363">
                  <c:v>2.5000000000000001E-3</c:v>
                </c:pt>
                <c:pt idx="6364">
                  <c:v>2.5000000000000001E-3</c:v>
                </c:pt>
                <c:pt idx="6365">
                  <c:v>2.5000000000000001E-3</c:v>
                </c:pt>
                <c:pt idx="6366">
                  <c:v>2.5000000000000001E-3</c:v>
                </c:pt>
                <c:pt idx="6367">
                  <c:v>2.5000000000000001E-3</c:v>
                </c:pt>
                <c:pt idx="6368">
                  <c:v>2.5000000000000001E-3</c:v>
                </c:pt>
                <c:pt idx="6369">
                  <c:v>2.5000000000000001E-3</c:v>
                </c:pt>
                <c:pt idx="6370">
                  <c:v>2.5000000000000001E-3</c:v>
                </c:pt>
                <c:pt idx="6371">
                  <c:v>2.5000000000000001E-3</c:v>
                </c:pt>
                <c:pt idx="6372">
                  <c:v>2.5000000000000001E-3</c:v>
                </c:pt>
                <c:pt idx="6373">
                  <c:v>2.5000000000000001E-3</c:v>
                </c:pt>
                <c:pt idx="6374">
                  <c:v>2.5000000000000001E-3</c:v>
                </c:pt>
                <c:pt idx="6375">
                  <c:v>2.5000000000000001E-3</c:v>
                </c:pt>
                <c:pt idx="6376">
                  <c:v>2.5000000000000001E-3</c:v>
                </c:pt>
                <c:pt idx="6377">
                  <c:v>2.5000000000000001E-3</c:v>
                </c:pt>
                <c:pt idx="6378">
                  <c:v>2.5000000000000001E-3</c:v>
                </c:pt>
                <c:pt idx="6379">
                  <c:v>2.5000000000000001E-3</c:v>
                </c:pt>
                <c:pt idx="6380">
                  <c:v>2.5000000000000001E-3</c:v>
                </c:pt>
                <c:pt idx="6381">
                  <c:v>2.5000000000000001E-3</c:v>
                </c:pt>
                <c:pt idx="6382">
                  <c:v>2.5000000000000001E-3</c:v>
                </c:pt>
                <c:pt idx="6383">
                  <c:v>2.5000000000000001E-3</c:v>
                </c:pt>
                <c:pt idx="6384">
                  <c:v>2.5000000000000001E-3</c:v>
                </c:pt>
                <c:pt idx="6385">
                  <c:v>2.5000000000000001E-3</c:v>
                </c:pt>
                <c:pt idx="6386">
                  <c:v>2.5000000000000001E-3</c:v>
                </c:pt>
                <c:pt idx="6387">
                  <c:v>2.5000000000000001E-3</c:v>
                </c:pt>
                <c:pt idx="6388">
                  <c:v>2.5000000000000001E-3</c:v>
                </c:pt>
                <c:pt idx="6389">
                  <c:v>2.5000000000000001E-3</c:v>
                </c:pt>
                <c:pt idx="6390">
                  <c:v>2.5000000000000001E-3</c:v>
                </c:pt>
                <c:pt idx="6391">
                  <c:v>2.5000000000000001E-3</c:v>
                </c:pt>
                <c:pt idx="6392">
                  <c:v>2.5000000000000001E-3</c:v>
                </c:pt>
                <c:pt idx="6393">
                  <c:v>2.5000000000000001E-3</c:v>
                </c:pt>
                <c:pt idx="6394">
                  <c:v>2.5000000000000001E-3</c:v>
                </c:pt>
                <c:pt idx="6395">
                  <c:v>2.5000000000000001E-3</c:v>
                </c:pt>
                <c:pt idx="6396">
                  <c:v>2.5000000000000001E-3</c:v>
                </c:pt>
                <c:pt idx="6397">
                  <c:v>2.5000000000000001E-3</c:v>
                </c:pt>
                <c:pt idx="6398">
                  <c:v>2.5000000000000001E-3</c:v>
                </c:pt>
                <c:pt idx="6399">
                  <c:v>2.5000000000000001E-3</c:v>
                </c:pt>
                <c:pt idx="6400">
                  <c:v>2.5000000000000001E-3</c:v>
                </c:pt>
                <c:pt idx="6401">
                  <c:v>2.5000000000000001E-3</c:v>
                </c:pt>
                <c:pt idx="6402">
                  <c:v>2.5000000000000001E-3</c:v>
                </c:pt>
                <c:pt idx="6403">
                  <c:v>2.5000000000000001E-3</c:v>
                </c:pt>
                <c:pt idx="6404">
                  <c:v>2.5000000000000001E-3</c:v>
                </c:pt>
                <c:pt idx="6405">
                  <c:v>2.5000000000000001E-3</c:v>
                </c:pt>
                <c:pt idx="6406">
                  <c:v>2.5000000000000001E-3</c:v>
                </c:pt>
                <c:pt idx="6407">
                  <c:v>2.5000000000000001E-3</c:v>
                </c:pt>
                <c:pt idx="6408">
                  <c:v>2.5000000000000001E-3</c:v>
                </c:pt>
                <c:pt idx="6409">
                  <c:v>2.5000000000000001E-3</c:v>
                </c:pt>
                <c:pt idx="6410">
                  <c:v>2.5000000000000001E-3</c:v>
                </c:pt>
                <c:pt idx="6411">
                  <c:v>2.5000000000000001E-3</c:v>
                </c:pt>
                <c:pt idx="6412">
                  <c:v>2.5000000000000001E-3</c:v>
                </c:pt>
                <c:pt idx="6413">
                  <c:v>2.5000000000000001E-3</c:v>
                </c:pt>
                <c:pt idx="6414">
                  <c:v>2.5000000000000001E-3</c:v>
                </c:pt>
                <c:pt idx="6415">
                  <c:v>2.5000000000000001E-3</c:v>
                </c:pt>
                <c:pt idx="6416">
                  <c:v>2.5000000000000001E-3</c:v>
                </c:pt>
                <c:pt idx="6417">
                  <c:v>2.5000000000000001E-3</c:v>
                </c:pt>
                <c:pt idx="6418">
                  <c:v>2.5000000000000001E-3</c:v>
                </c:pt>
                <c:pt idx="6419">
                  <c:v>2.5000000000000001E-3</c:v>
                </c:pt>
                <c:pt idx="6420">
                  <c:v>2.5000000000000001E-3</c:v>
                </c:pt>
                <c:pt idx="6421">
                  <c:v>2.5000000000000001E-3</c:v>
                </c:pt>
                <c:pt idx="6422">
                  <c:v>2.5000000000000001E-3</c:v>
                </c:pt>
                <c:pt idx="6423">
                  <c:v>2.5000000000000001E-3</c:v>
                </c:pt>
                <c:pt idx="6424">
                  <c:v>2.5000000000000001E-3</c:v>
                </c:pt>
                <c:pt idx="6425">
                  <c:v>2.5000000000000001E-3</c:v>
                </c:pt>
                <c:pt idx="6426">
                  <c:v>2.5000000000000001E-3</c:v>
                </c:pt>
                <c:pt idx="6427">
                  <c:v>2.5000000000000001E-3</c:v>
                </c:pt>
                <c:pt idx="6428">
                  <c:v>2.5000000000000001E-3</c:v>
                </c:pt>
                <c:pt idx="6429">
                  <c:v>2.5000000000000001E-3</c:v>
                </c:pt>
                <c:pt idx="6430">
                  <c:v>2.5000000000000001E-3</c:v>
                </c:pt>
                <c:pt idx="6431">
                  <c:v>2.5000000000000001E-3</c:v>
                </c:pt>
                <c:pt idx="6432">
                  <c:v>2.5000000000000001E-3</c:v>
                </c:pt>
                <c:pt idx="6433">
                  <c:v>2.5000000000000001E-3</c:v>
                </c:pt>
                <c:pt idx="6434">
                  <c:v>2.5000000000000001E-3</c:v>
                </c:pt>
                <c:pt idx="6435">
                  <c:v>2.5000000000000001E-3</c:v>
                </c:pt>
                <c:pt idx="6436">
                  <c:v>2.5000000000000001E-3</c:v>
                </c:pt>
                <c:pt idx="6437">
                  <c:v>2.5000000000000001E-3</c:v>
                </c:pt>
                <c:pt idx="6438">
                  <c:v>2.5000000000000001E-3</c:v>
                </c:pt>
                <c:pt idx="6439">
                  <c:v>2.5000000000000001E-3</c:v>
                </c:pt>
                <c:pt idx="6440">
                  <c:v>2.5000000000000001E-3</c:v>
                </c:pt>
                <c:pt idx="6441">
                  <c:v>2.5000000000000001E-3</c:v>
                </c:pt>
                <c:pt idx="6442">
                  <c:v>2.5000000000000001E-3</c:v>
                </c:pt>
                <c:pt idx="6443">
                  <c:v>2.5000000000000001E-3</c:v>
                </c:pt>
                <c:pt idx="6444">
                  <c:v>2.5000000000000001E-3</c:v>
                </c:pt>
                <c:pt idx="6445">
                  <c:v>2.5000000000000001E-3</c:v>
                </c:pt>
                <c:pt idx="6446">
                  <c:v>2.5000000000000001E-3</c:v>
                </c:pt>
                <c:pt idx="6447">
                  <c:v>2.5000000000000001E-3</c:v>
                </c:pt>
                <c:pt idx="6448">
                  <c:v>2.5000000000000001E-3</c:v>
                </c:pt>
                <c:pt idx="6449">
                  <c:v>2.5000000000000001E-3</c:v>
                </c:pt>
                <c:pt idx="6450">
                  <c:v>2.5000000000000001E-3</c:v>
                </c:pt>
                <c:pt idx="6451">
                  <c:v>2.5000000000000001E-3</c:v>
                </c:pt>
                <c:pt idx="6452">
                  <c:v>2.5000000000000001E-3</c:v>
                </c:pt>
                <c:pt idx="6453">
                  <c:v>2.5000000000000001E-3</c:v>
                </c:pt>
                <c:pt idx="6454">
                  <c:v>2.5000000000000001E-3</c:v>
                </c:pt>
                <c:pt idx="6455">
                  <c:v>2.5000000000000001E-3</c:v>
                </c:pt>
                <c:pt idx="6456">
                  <c:v>2.5000000000000001E-3</c:v>
                </c:pt>
                <c:pt idx="6457">
                  <c:v>2.5000000000000001E-3</c:v>
                </c:pt>
                <c:pt idx="6458">
                  <c:v>2.5000000000000001E-3</c:v>
                </c:pt>
                <c:pt idx="6459">
                  <c:v>2.5000000000000001E-3</c:v>
                </c:pt>
                <c:pt idx="6460">
                  <c:v>2.5000000000000001E-3</c:v>
                </c:pt>
                <c:pt idx="6461">
                  <c:v>2.5000000000000001E-3</c:v>
                </c:pt>
                <c:pt idx="6462">
                  <c:v>2.5000000000000001E-3</c:v>
                </c:pt>
                <c:pt idx="6463">
                  <c:v>2.5000000000000001E-3</c:v>
                </c:pt>
                <c:pt idx="6464">
                  <c:v>2.5000000000000001E-3</c:v>
                </c:pt>
                <c:pt idx="6465">
                  <c:v>2.5000000000000001E-3</c:v>
                </c:pt>
                <c:pt idx="6466">
                  <c:v>2.5000000000000001E-3</c:v>
                </c:pt>
                <c:pt idx="6467">
                  <c:v>2.5000000000000001E-3</c:v>
                </c:pt>
                <c:pt idx="6468">
                  <c:v>2.5000000000000001E-3</c:v>
                </c:pt>
                <c:pt idx="6469">
                  <c:v>2.5000000000000001E-3</c:v>
                </c:pt>
                <c:pt idx="6470">
                  <c:v>2.5000000000000001E-3</c:v>
                </c:pt>
                <c:pt idx="6471">
                  <c:v>2.5000000000000001E-3</c:v>
                </c:pt>
                <c:pt idx="6472">
                  <c:v>2.5000000000000001E-3</c:v>
                </c:pt>
                <c:pt idx="6473">
                  <c:v>2.5000000000000001E-3</c:v>
                </c:pt>
                <c:pt idx="6474">
                  <c:v>2.5000000000000001E-3</c:v>
                </c:pt>
                <c:pt idx="6475">
                  <c:v>2.5000000000000001E-3</c:v>
                </c:pt>
                <c:pt idx="6476">
                  <c:v>2.5000000000000001E-3</c:v>
                </c:pt>
                <c:pt idx="6477">
                  <c:v>2.5000000000000001E-3</c:v>
                </c:pt>
                <c:pt idx="6478">
                  <c:v>2.5000000000000001E-3</c:v>
                </c:pt>
                <c:pt idx="6479">
                  <c:v>2.5000000000000001E-3</c:v>
                </c:pt>
                <c:pt idx="6480">
                  <c:v>2.5000000000000001E-3</c:v>
                </c:pt>
                <c:pt idx="6481">
                  <c:v>2.5000000000000001E-3</c:v>
                </c:pt>
                <c:pt idx="6482">
                  <c:v>2.5000000000000001E-3</c:v>
                </c:pt>
                <c:pt idx="6483">
                  <c:v>2.5000000000000001E-3</c:v>
                </c:pt>
                <c:pt idx="6484">
                  <c:v>2.5000000000000001E-3</c:v>
                </c:pt>
                <c:pt idx="6485">
                  <c:v>2.5000000000000001E-3</c:v>
                </c:pt>
                <c:pt idx="6486">
                  <c:v>2.5000000000000001E-3</c:v>
                </c:pt>
                <c:pt idx="6487">
                  <c:v>2.5000000000000001E-3</c:v>
                </c:pt>
                <c:pt idx="6488">
                  <c:v>2.5000000000000001E-3</c:v>
                </c:pt>
                <c:pt idx="6489">
                  <c:v>2.5000000000000001E-3</c:v>
                </c:pt>
                <c:pt idx="6490">
                  <c:v>2.5000000000000001E-3</c:v>
                </c:pt>
                <c:pt idx="6491">
                  <c:v>2.5000000000000001E-3</c:v>
                </c:pt>
                <c:pt idx="6492">
                  <c:v>2.5000000000000001E-3</c:v>
                </c:pt>
                <c:pt idx="6493">
                  <c:v>2.5000000000000001E-3</c:v>
                </c:pt>
                <c:pt idx="6494">
                  <c:v>2.5000000000000001E-3</c:v>
                </c:pt>
                <c:pt idx="6495">
                  <c:v>2.5000000000000001E-3</c:v>
                </c:pt>
                <c:pt idx="6496">
                  <c:v>2.5000000000000001E-3</c:v>
                </c:pt>
                <c:pt idx="6497">
                  <c:v>2.5000000000000001E-3</c:v>
                </c:pt>
                <c:pt idx="6498">
                  <c:v>2.5000000000000001E-3</c:v>
                </c:pt>
                <c:pt idx="6499">
                  <c:v>2.5000000000000001E-3</c:v>
                </c:pt>
                <c:pt idx="6500">
                  <c:v>2.5000000000000001E-3</c:v>
                </c:pt>
                <c:pt idx="6501">
                  <c:v>2.5000000000000001E-3</c:v>
                </c:pt>
                <c:pt idx="6502">
                  <c:v>2.5000000000000001E-3</c:v>
                </c:pt>
                <c:pt idx="6503">
                  <c:v>2.5000000000000001E-3</c:v>
                </c:pt>
                <c:pt idx="6504">
                  <c:v>2.5000000000000001E-3</c:v>
                </c:pt>
                <c:pt idx="6505">
                  <c:v>2.5000000000000001E-3</c:v>
                </c:pt>
                <c:pt idx="6506">
                  <c:v>2.5000000000000001E-3</c:v>
                </c:pt>
                <c:pt idx="6507">
                  <c:v>2.5000000000000001E-3</c:v>
                </c:pt>
                <c:pt idx="6508">
                  <c:v>2.5000000000000001E-3</c:v>
                </c:pt>
                <c:pt idx="6509">
                  <c:v>2.5000000000000001E-3</c:v>
                </c:pt>
                <c:pt idx="6510">
                  <c:v>2.5000000000000001E-3</c:v>
                </c:pt>
                <c:pt idx="6511">
                  <c:v>2.5000000000000001E-3</c:v>
                </c:pt>
                <c:pt idx="6512">
                  <c:v>2.5000000000000001E-3</c:v>
                </c:pt>
                <c:pt idx="6513">
                  <c:v>2.5000000000000001E-3</c:v>
                </c:pt>
                <c:pt idx="6514">
                  <c:v>2.5000000000000001E-3</c:v>
                </c:pt>
                <c:pt idx="6515">
                  <c:v>5.0000000000000001E-3</c:v>
                </c:pt>
                <c:pt idx="6516">
                  <c:v>5.0000000000000001E-3</c:v>
                </c:pt>
                <c:pt idx="6517">
                  <c:v>5.0000000000000001E-3</c:v>
                </c:pt>
                <c:pt idx="6518">
                  <c:v>5.0000000000000001E-3</c:v>
                </c:pt>
                <c:pt idx="6519">
                  <c:v>5.0000000000000001E-3</c:v>
                </c:pt>
                <c:pt idx="6520">
                  <c:v>5.0000000000000001E-3</c:v>
                </c:pt>
                <c:pt idx="6521">
                  <c:v>5.0000000000000001E-3</c:v>
                </c:pt>
                <c:pt idx="6522">
                  <c:v>5.0000000000000001E-3</c:v>
                </c:pt>
                <c:pt idx="6523">
                  <c:v>5.0000000000000001E-3</c:v>
                </c:pt>
                <c:pt idx="6524">
                  <c:v>5.0000000000000001E-3</c:v>
                </c:pt>
                <c:pt idx="6525">
                  <c:v>5.0000000000000001E-3</c:v>
                </c:pt>
                <c:pt idx="6526">
                  <c:v>5.0000000000000001E-3</c:v>
                </c:pt>
                <c:pt idx="6527">
                  <c:v>5.0000000000000001E-3</c:v>
                </c:pt>
                <c:pt idx="6528">
                  <c:v>5.0000000000000001E-3</c:v>
                </c:pt>
                <c:pt idx="6529">
                  <c:v>5.0000000000000001E-3</c:v>
                </c:pt>
                <c:pt idx="6530">
                  <c:v>5.0000000000000001E-3</c:v>
                </c:pt>
                <c:pt idx="6531">
                  <c:v>5.0000000000000001E-3</c:v>
                </c:pt>
                <c:pt idx="6532">
                  <c:v>5.0000000000000001E-3</c:v>
                </c:pt>
                <c:pt idx="6533">
                  <c:v>5.0000000000000001E-3</c:v>
                </c:pt>
                <c:pt idx="6534">
                  <c:v>5.0000000000000001E-3</c:v>
                </c:pt>
                <c:pt idx="6535">
                  <c:v>5.0000000000000001E-3</c:v>
                </c:pt>
                <c:pt idx="6536">
                  <c:v>5.0000000000000001E-3</c:v>
                </c:pt>
                <c:pt idx="6537">
                  <c:v>5.0000000000000001E-3</c:v>
                </c:pt>
                <c:pt idx="6538">
                  <c:v>5.0000000000000001E-3</c:v>
                </c:pt>
                <c:pt idx="6539">
                  <c:v>5.0000000000000001E-3</c:v>
                </c:pt>
                <c:pt idx="6540">
                  <c:v>5.0000000000000001E-3</c:v>
                </c:pt>
                <c:pt idx="6541">
                  <c:v>5.0000000000000001E-3</c:v>
                </c:pt>
                <c:pt idx="6542">
                  <c:v>5.0000000000000001E-3</c:v>
                </c:pt>
                <c:pt idx="6543">
                  <c:v>5.0000000000000001E-3</c:v>
                </c:pt>
                <c:pt idx="6544">
                  <c:v>5.0000000000000001E-3</c:v>
                </c:pt>
                <c:pt idx="6545">
                  <c:v>5.0000000000000001E-3</c:v>
                </c:pt>
                <c:pt idx="6546">
                  <c:v>5.0000000000000001E-3</c:v>
                </c:pt>
                <c:pt idx="6547">
                  <c:v>5.0000000000000001E-3</c:v>
                </c:pt>
                <c:pt idx="6548">
                  <c:v>5.0000000000000001E-3</c:v>
                </c:pt>
                <c:pt idx="6549">
                  <c:v>5.0000000000000001E-3</c:v>
                </c:pt>
                <c:pt idx="6550">
                  <c:v>5.0000000000000001E-3</c:v>
                </c:pt>
                <c:pt idx="6551">
                  <c:v>5.0000000000000001E-3</c:v>
                </c:pt>
                <c:pt idx="6552">
                  <c:v>5.0000000000000001E-3</c:v>
                </c:pt>
                <c:pt idx="6553">
                  <c:v>5.0000000000000001E-3</c:v>
                </c:pt>
                <c:pt idx="6554">
                  <c:v>5.0000000000000001E-3</c:v>
                </c:pt>
                <c:pt idx="6555">
                  <c:v>5.0000000000000001E-3</c:v>
                </c:pt>
                <c:pt idx="6556">
                  <c:v>5.0000000000000001E-3</c:v>
                </c:pt>
                <c:pt idx="6557">
                  <c:v>5.0000000000000001E-3</c:v>
                </c:pt>
                <c:pt idx="6558">
                  <c:v>5.0000000000000001E-3</c:v>
                </c:pt>
                <c:pt idx="6559">
                  <c:v>5.0000000000000001E-3</c:v>
                </c:pt>
                <c:pt idx="6560">
                  <c:v>5.0000000000000001E-3</c:v>
                </c:pt>
                <c:pt idx="6561">
                  <c:v>5.0000000000000001E-3</c:v>
                </c:pt>
                <c:pt idx="6562">
                  <c:v>5.0000000000000001E-3</c:v>
                </c:pt>
                <c:pt idx="6563">
                  <c:v>5.0000000000000001E-3</c:v>
                </c:pt>
                <c:pt idx="6564">
                  <c:v>5.0000000000000001E-3</c:v>
                </c:pt>
                <c:pt idx="6565">
                  <c:v>5.0000000000000001E-3</c:v>
                </c:pt>
                <c:pt idx="6566">
                  <c:v>5.0000000000000001E-3</c:v>
                </c:pt>
                <c:pt idx="6567">
                  <c:v>5.0000000000000001E-3</c:v>
                </c:pt>
                <c:pt idx="6568">
                  <c:v>5.0000000000000001E-3</c:v>
                </c:pt>
                <c:pt idx="6569">
                  <c:v>5.0000000000000001E-3</c:v>
                </c:pt>
                <c:pt idx="6570">
                  <c:v>5.0000000000000001E-3</c:v>
                </c:pt>
                <c:pt idx="6571">
                  <c:v>5.0000000000000001E-3</c:v>
                </c:pt>
                <c:pt idx="6572">
                  <c:v>5.0000000000000001E-3</c:v>
                </c:pt>
                <c:pt idx="6573">
                  <c:v>5.0000000000000001E-3</c:v>
                </c:pt>
                <c:pt idx="6574">
                  <c:v>5.0000000000000001E-3</c:v>
                </c:pt>
                <c:pt idx="6575">
                  <c:v>5.0000000000000001E-3</c:v>
                </c:pt>
                <c:pt idx="6576">
                  <c:v>5.0000000000000001E-3</c:v>
                </c:pt>
                <c:pt idx="6577">
                  <c:v>5.0000000000000001E-3</c:v>
                </c:pt>
                <c:pt idx="6578">
                  <c:v>5.0000000000000001E-3</c:v>
                </c:pt>
                <c:pt idx="6579">
                  <c:v>5.0000000000000001E-3</c:v>
                </c:pt>
                <c:pt idx="6580">
                  <c:v>5.0000000000000001E-3</c:v>
                </c:pt>
                <c:pt idx="6581">
                  <c:v>5.0000000000000001E-3</c:v>
                </c:pt>
                <c:pt idx="6582">
                  <c:v>5.0000000000000001E-3</c:v>
                </c:pt>
                <c:pt idx="6583">
                  <c:v>5.0000000000000001E-3</c:v>
                </c:pt>
                <c:pt idx="6584">
                  <c:v>5.0000000000000001E-3</c:v>
                </c:pt>
                <c:pt idx="6585">
                  <c:v>5.0000000000000001E-3</c:v>
                </c:pt>
                <c:pt idx="6586">
                  <c:v>5.0000000000000001E-3</c:v>
                </c:pt>
                <c:pt idx="6587">
                  <c:v>5.0000000000000001E-3</c:v>
                </c:pt>
                <c:pt idx="6588">
                  <c:v>5.0000000000000001E-3</c:v>
                </c:pt>
                <c:pt idx="6589">
                  <c:v>5.0000000000000001E-3</c:v>
                </c:pt>
                <c:pt idx="6590">
                  <c:v>5.0000000000000001E-3</c:v>
                </c:pt>
                <c:pt idx="6591">
                  <c:v>5.0000000000000001E-3</c:v>
                </c:pt>
                <c:pt idx="6592">
                  <c:v>5.0000000000000001E-3</c:v>
                </c:pt>
                <c:pt idx="6593">
                  <c:v>5.0000000000000001E-3</c:v>
                </c:pt>
                <c:pt idx="6594">
                  <c:v>5.0000000000000001E-3</c:v>
                </c:pt>
                <c:pt idx="6595">
                  <c:v>5.0000000000000001E-3</c:v>
                </c:pt>
                <c:pt idx="6596">
                  <c:v>5.0000000000000001E-3</c:v>
                </c:pt>
                <c:pt idx="6597">
                  <c:v>5.0000000000000001E-3</c:v>
                </c:pt>
                <c:pt idx="6598">
                  <c:v>5.0000000000000001E-3</c:v>
                </c:pt>
                <c:pt idx="6599">
                  <c:v>5.0000000000000001E-3</c:v>
                </c:pt>
                <c:pt idx="6600">
                  <c:v>5.0000000000000001E-3</c:v>
                </c:pt>
                <c:pt idx="6601">
                  <c:v>5.0000000000000001E-3</c:v>
                </c:pt>
                <c:pt idx="6602">
                  <c:v>5.0000000000000001E-3</c:v>
                </c:pt>
                <c:pt idx="6603">
                  <c:v>5.0000000000000001E-3</c:v>
                </c:pt>
                <c:pt idx="6604">
                  <c:v>5.0000000000000001E-3</c:v>
                </c:pt>
                <c:pt idx="6605">
                  <c:v>5.0000000000000001E-3</c:v>
                </c:pt>
                <c:pt idx="6606">
                  <c:v>5.0000000000000001E-3</c:v>
                </c:pt>
                <c:pt idx="6607">
                  <c:v>5.0000000000000001E-3</c:v>
                </c:pt>
                <c:pt idx="6608">
                  <c:v>5.0000000000000001E-3</c:v>
                </c:pt>
                <c:pt idx="6609">
                  <c:v>5.0000000000000001E-3</c:v>
                </c:pt>
                <c:pt idx="6610">
                  <c:v>5.0000000000000001E-3</c:v>
                </c:pt>
                <c:pt idx="6611">
                  <c:v>5.0000000000000001E-3</c:v>
                </c:pt>
                <c:pt idx="6612">
                  <c:v>5.0000000000000001E-3</c:v>
                </c:pt>
                <c:pt idx="6613">
                  <c:v>5.0000000000000001E-3</c:v>
                </c:pt>
                <c:pt idx="6614">
                  <c:v>5.0000000000000001E-3</c:v>
                </c:pt>
                <c:pt idx="6615">
                  <c:v>5.0000000000000001E-3</c:v>
                </c:pt>
                <c:pt idx="6616">
                  <c:v>5.0000000000000001E-3</c:v>
                </c:pt>
                <c:pt idx="6617">
                  <c:v>5.0000000000000001E-3</c:v>
                </c:pt>
                <c:pt idx="6618">
                  <c:v>5.0000000000000001E-3</c:v>
                </c:pt>
                <c:pt idx="6619">
                  <c:v>5.0000000000000001E-3</c:v>
                </c:pt>
                <c:pt idx="6620">
                  <c:v>5.0000000000000001E-3</c:v>
                </c:pt>
                <c:pt idx="6621">
                  <c:v>5.0000000000000001E-3</c:v>
                </c:pt>
                <c:pt idx="6622">
                  <c:v>5.0000000000000001E-3</c:v>
                </c:pt>
                <c:pt idx="6623">
                  <c:v>5.0000000000000001E-3</c:v>
                </c:pt>
                <c:pt idx="6624">
                  <c:v>5.0000000000000001E-3</c:v>
                </c:pt>
                <c:pt idx="6625">
                  <c:v>5.0000000000000001E-3</c:v>
                </c:pt>
                <c:pt idx="6626">
                  <c:v>5.0000000000000001E-3</c:v>
                </c:pt>
                <c:pt idx="6627">
                  <c:v>5.0000000000000001E-3</c:v>
                </c:pt>
                <c:pt idx="6628">
                  <c:v>5.0000000000000001E-3</c:v>
                </c:pt>
                <c:pt idx="6629">
                  <c:v>5.0000000000000001E-3</c:v>
                </c:pt>
                <c:pt idx="6630">
                  <c:v>5.0000000000000001E-3</c:v>
                </c:pt>
                <c:pt idx="6631">
                  <c:v>5.0000000000000001E-3</c:v>
                </c:pt>
                <c:pt idx="6632">
                  <c:v>5.0000000000000001E-3</c:v>
                </c:pt>
                <c:pt idx="6633">
                  <c:v>5.0000000000000001E-3</c:v>
                </c:pt>
                <c:pt idx="6634">
                  <c:v>5.0000000000000001E-3</c:v>
                </c:pt>
                <c:pt idx="6635">
                  <c:v>5.0000000000000001E-3</c:v>
                </c:pt>
                <c:pt idx="6636">
                  <c:v>5.0000000000000001E-3</c:v>
                </c:pt>
                <c:pt idx="6637">
                  <c:v>5.0000000000000001E-3</c:v>
                </c:pt>
                <c:pt idx="6638">
                  <c:v>5.0000000000000001E-3</c:v>
                </c:pt>
                <c:pt idx="6639">
                  <c:v>5.0000000000000001E-3</c:v>
                </c:pt>
                <c:pt idx="6640">
                  <c:v>5.0000000000000001E-3</c:v>
                </c:pt>
                <c:pt idx="6641">
                  <c:v>5.0000000000000001E-3</c:v>
                </c:pt>
                <c:pt idx="6642">
                  <c:v>5.0000000000000001E-3</c:v>
                </c:pt>
                <c:pt idx="6643">
                  <c:v>5.0000000000000001E-3</c:v>
                </c:pt>
                <c:pt idx="6644">
                  <c:v>5.0000000000000001E-3</c:v>
                </c:pt>
                <c:pt idx="6645">
                  <c:v>5.0000000000000001E-3</c:v>
                </c:pt>
                <c:pt idx="6646">
                  <c:v>5.0000000000000001E-3</c:v>
                </c:pt>
                <c:pt idx="6647">
                  <c:v>5.0000000000000001E-3</c:v>
                </c:pt>
                <c:pt idx="6648">
                  <c:v>5.0000000000000001E-3</c:v>
                </c:pt>
                <c:pt idx="6649">
                  <c:v>5.0000000000000001E-3</c:v>
                </c:pt>
                <c:pt idx="6650">
                  <c:v>5.0000000000000001E-3</c:v>
                </c:pt>
                <c:pt idx="6651">
                  <c:v>5.0000000000000001E-3</c:v>
                </c:pt>
                <c:pt idx="6652">
                  <c:v>5.0000000000000001E-3</c:v>
                </c:pt>
                <c:pt idx="6653">
                  <c:v>5.0000000000000001E-3</c:v>
                </c:pt>
                <c:pt idx="6654">
                  <c:v>5.0000000000000001E-3</c:v>
                </c:pt>
                <c:pt idx="6655">
                  <c:v>5.0000000000000001E-3</c:v>
                </c:pt>
                <c:pt idx="6656">
                  <c:v>5.0000000000000001E-3</c:v>
                </c:pt>
                <c:pt idx="6657">
                  <c:v>5.0000000000000001E-3</c:v>
                </c:pt>
                <c:pt idx="6658">
                  <c:v>5.0000000000000001E-3</c:v>
                </c:pt>
                <c:pt idx="6659">
                  <c:v>5.0000000000000001E-3</c:v>
                </c:pt>
                <c:pt idx="6660">
                  <c:v>5.0000000000000001E-3</c:v>
                </c:pt>
                <c:pt idx="6661">
                  <c:v>5.0000000000000001E-3</c:v>
                </c:pt>
                <c:pt idx="6662">
                  <c:v>5.0000000000000001E-3</c:v>
                </c:pt>
                <c:pt idx="6663">
                  <c:v>5.0000000000000001E-3</c:v>
                </c:pt>
                <c:pt idx="6664">
                  <c:v>5.0000000000000001E-3</c:v>
                </c:pt>
                <c:pt idx="6665">
                  <c:v>5.0000000000000001E-3</c:v>
                </c:pt>
                <c:pt idx="6666">
                  <c:v>5.0000000000000001E-3</c:v>
                </c:pt>
                <c:pt idx="6667">
                  <c:v>5.0000000000000001E-3</c:v>
                </c:pt>
                <c:pt idx="6668">
                  <c:v>5.0000000000000001E-3</c:v>
                </c:pt>
                <c:pt idx="6669">
                  <c:v>5.0000000000000001E-3</c:v>
                </c:pt>
                <c:pt idx="6670">
                  <c:v>5.0000000000000001E-3</c:v>
                </c:pt>
                <c:pt idx="6671">
                  <c:v>5.0000000000000001E-3</c:v>
                </c:pt>
                <c:pt idx="6672">
                  <c:v>5.0000000000000001E-3</c:v>
                </c:pt>
                <c:pt idx="6673">
                  <c:v>5.0000000000000001E-3</c:v>
                </c:pt>
                <c:pt idx="6674">
                  <c:v>5.0000000000000001E-3</c:v>
                </c:pt>
                <c:pt idx="6675">
                  <c:v>5.0000000000000001E-3</c:v>
                </c:pt>
                <c:pt idx="6676">
                  <c:v>5.0000000000000001E-3</c:v>
                </c:pt>
                <c:pt idx="6677">
                  <c:v>5.0000000000000001E-3</c:v>
                </c:pt>
                <c:pt idx="6678">
                  <c:v>5.0000000000000001E-3</c:v>
                </c:pt>
                <c:pt idx="6679">
                  <c:v>5.0000000000000001E-3</c:v>
                </c:pt>
                <c:pt idx="6680">
                  <c:v>5.0000000000000001E-3</c:v>
                </c:pt>
                <c:pt idx="6681">
                  <c:v>5.0000000000000001E-3</c:v>
                </c:pt>
                <c:pt idx="6682">
                  <c:v>5.0000000000000001E-3</c:v>
                </c:pt>
                <c:pt idx="6683">
                  <c:v>5.0000000000000001E-3</c:v>
                </c:pt>
                <c:pt idx="6684">
                  <c:v>5.0000000000000001E-3</c:v>
                </c:pt>
                <c:pt idx="6685">
                  <c:v>5.0000000000000001E-3</c:v>
                </c:pt>
                <c:pt idx="6686">
                  <c:v>5.0000000000000001E-3</c:v>
                </c:pt>
                <c:pt idx="6687">
                  <c:v>5.0000000000000001E-3</c:v>
                </c:pt>
                <c:pt idx="6688">
                  <c:v>5.0000000000000001E-3</c:v>
                </c:pt>
                <c:pt idx="6689">
                  <c:v>5.0000000000000001E-3</c:v>
                </c:pt>
                <c:pt idx="6690">
                  <c:v>5.0000000000000001E-3</c:v>
                </c:pt>
                <c:pt idx="6691">
                  <c:v>5.0000000000000001E-3</c:v>
                </c:pt>
                <c:pt idx="6692">
                  <c:v>5.0000000000000001E-3</c:v>
                </c:pt>
                <c:pt idx="6693">
                  <c:v>5.0000000000000001E-3</c:v>
                </c:pt>
                <c:pt idx="6694">
                  <c:v>5.0000000000000001E-3</c:v>
                </c:pt>
                <c:pt idx="6695">
                  <c:v>5.0000000000000001E-3</c:v>
                </c:pt>
                <c:pt idx="6696">
                  <c:v>5.0000000000000001E-3</c:v>
                </c:pt>
                <c:pt idx="6697">
                  <c:v>5.0000000000000001E-3</c:v>
                </c:pt>
                <c:pt idx="6698">
                  <c:v>5.0000000000000001E-3</c:v>
                </c:pt>
                <c:pt idx="6699">
                  <c:v>5.0000000000000001E-3</c:v>
                </c:pt>
                <c:pt idx="6700">
                  <c:v>5.0000000000000001E-3</c:v>
                </c:pt>
                <c:pt idx="6701">
                  <c:v>5.0000000000000001E-3</c:v>
                </c:pt>
                <c:pt idx="6702">
                  <c:v>5.0000000000000001E-3</c:v>
                </c:pt>
                <c:pt idx="6703">
                  <c:v>5.0000000000000001E-3</c:v>
                </c:pt>
                <c:pt idx="6704">
                  <c:v>5.0000000000000001E-3</c:v>
                </c:pt>
                <c:pt idx="6705">
                  <c:v>5.0000000000000001E-3</c:v>
                </c:pt>
                <c:pt idx="6706">
                  <c:v>5.0000000000000001E-3</c:v>
                </c:pt>
                <c:pt idx="6707">
                  <c:v>5.0000000000000001E-3</c:v>
                </c:pt>
                <c:pt idx="6708">
                  <c:v>5.0000000000000001E-3</c:v>
                </c:pt>
                <c:pt idx="6709">
                  <c:v>5.0000000000000001E-3</c:v>
                </c:pt>
                <c:pt idx="6710">
                  <c:v>5.0000000000000001E-3</c:v>
                </c:pt>
                <c:pt idx="6711">
                  <c:v>5.0000000000000001E-3</c:v>
                </c:pt>
                <c:pt idx="6712">
                  <c:v>5.0000000000000001E-3</c:v>
                </c:pt>
                <c:pt idx="6713">
                  <c:v>5.0000000000000001E-3</c:v>
                </c:pt>
                <c:pt idx="6714">
                  <c:v>5.0000000000000001E-3</c:v>
                </c:pt>
                <c:pt idx="6715">
                  <c:v>5.0000000000000001E-3</c:v>
                </c:pt>
                <c:pt idx="6716">
                  <c:v>5.0000000000000001E-3</c:v>
                </c:pt>
                <c:pt idx="6717">
                  <c:v>5.0000000000000001E-3</c:v>
                </c:pt>
                <c:pt idx="6718">
                  <c:v>5.0000000000000001E-3</c:v>
                </c:pt>
                <c:pt idx="6719">
                  <c:v>5.0000000000000001E-3</c:v>
                </c:pt>
                <c:pt idx="6720">
                  <c:v>5.0000000000000001E-3</c:v>
                </c:pt>
                <c:pt idx="6721">
                  <c:v>5.0000000000000001E-3</c:v>
                </c:pt>
                <c:pt idx="6722">
                  <c:v>5.0000000000000001E-3</c:v>
                </c:pt>
                <c:pt idx="6723">
                  <c:v>5.0000000000000001E-3</c:v>
                </c:pt>
                <c:pt idx="6724">
                  <c:v>5.0000000000000001E-3</c:v>
                </c:pt>
                <c:pt idx="6725">
                  <c:v>5.0000000000000001E-3</c:v>
                </c:pt>
                <c:pt idx="6726">
                  <c:v>5.0000000000000001E-3</c:v>
                </c:pt>
                <c:pt idx="6727">
                  <c:v>5.0000000000000001E-3</c:v>
                </c:pt>
                <c:pt idx="6728">
                  <c:v>5.0000000000000001E-3</c:v>
                </c:pt>
                <c:pt idx="6729">
                  <c:v>5.0000000000000001E-3</c:v>
                </c:pt>
                <c:pt idx="6730">
                  <c:v>5.0000000000000001E-3</c:v>
                </c:pt>
                <c:pt idx="6731">
                  <c:v>5.0000000000000001E-3</c:v>
                </c:pt>
                <c:pt idx="6732">
                  <c:v>5.0000000000000001E-3</c:v>
                </c:pt>
                <c:pt idx="6733">
                  <c:v>5.0000000000000001E-3</c:v>
                </c:pt>
                <c:pt idx="6734">
                  <c:v>5.0000000000000001E-3</c:v>
                </c:pt>
                <c:pt idx="6735">
                  <c:v>5.0000000000000001E-3</c:v>
                </c:pt>
                <c:pt idx="6736">
                  <c:v>5.0000000000000001E-3</c:v>
                </c:pt>
                <c:pt idx="6737">
                  <c:v>5.0000000000000001E-3</c:v>
                </c:pt>
                <c:pt idx="6738">
                  <c:v>5.0000000000000001E-3</c:v>
                </c:pt>
                <c:pt idx="6739">
                  <c:v>5.0000000000000001E-3</c:v>
                </c:pt>
                <c:pt idx="6740">
                  <c:v>5.0000000000000001E-3</c:v>
                </c:pt>
                <c:pt idx="6741">
                  <c:v>5.0000000000000001E-3</c:v>
                </c:pt>
                <c:pt idx="6742">
                  <c:v>5.0000000000000001E-3</c:v>
                </c:pt>
                <c:pt idx="6743">
                  <c:v>5.0000000000000001E-3</c:v>
                </c:pt>
                <c:pt idx="6744">
                  <c:v>5.0000000000000001E-3</c:v>
                </c:pt>
                <c:pt idx="6745">
                  <c:v>5.0000000000000001E-3</c:v>
                </c:pt>
                <c:pt idx="6746">
                  <c:v>5.0000000000000001E-3</c:v>
                </c:pt>
                <c:pt idx="6747">
                  <c:v>5.0000000000000001E-3</c:v>
                </c:pt>
                <c:pt idx="6748">
                  <c:v>5.0000000000000001E-3</c:v>
                </c:pt>
                <c:pt idx="6749">
                  <c:v>5.0000000000000001E-3</c:v>
                </c:pt>
                <c:pt idx="6750">
                  <c:v>5.0000000000000001E-3</c:v>
                </c:pt>
                <c:pt idx="6751">
                  <c:v>5.0000000000000001E-3</c:v>
                </c:pt>
                <c:pt idx="6752">
                  <c:v>5.0000000000000001E-3</c:v>
                </c:pt>
                <c:pt idx="6753">
                  <c:v>5.0000000000000001E-3</c:v>
                </c:pt>
                <c:pt idx="6754">
                  <c:v>5.0000000000000001E-3</c:v>
                </c:pt>
                <c:pt idx="6755">
                  <c:v>5.0000000000000001E-3</c:v>
                </c:pt>
                <c:pt idx="6756">
                  <c:v>5.0000000000000001E-3</c:v>
                </c:pt>
                <c:pt idx="6757">
                  <c:v>5.0000000000000001E-3</c:v>
                </c:pt>
                <c:pt idx="6758">
                  <c:v>5.0000000000000001E-3</c:v>
                </c:pt>
                <c:pt idx="6759">
                  <c:v>5.0000000000000001E-3</c:v>
                </c:pt>
                <c:pt idx="6760">
                  <c:v>5.0000000000000001E-3</c:v>
                </c:pt>
                <c:pt idx="6761">
                  <c:v>5.0000000000000001E-3</c:v>
                </c:pt>
                <c:pt idx="6762">
                  <c:v>5.0000000000000001E-3</c:v>
                </c:pt>
                <c:pt idx="6763">
                  <c:v>5.0000000000000001E-3</c:v>
                </c:pt>
                <c:pt idx="6764">
                  <c:v>5.0000000000000001E-3</c:v>
                </c:pt>
                <c:pt idx="6765">
                  <c:v>5.0000000000000001E-3</c:v>
                </c:pt>
                <c:pt idx="6766">
                  <c:v>5.0000000000000001E-3</c:v>
                </c:pt>
                <c:pt idx="6767">
                  <c:v>5.0000000000000001E-3</c:v>
                </c:pt>
                <c:pt idx="6768">
                  <c:v>5.0000000000000001E-3</c:v>
                </c:pt>
                <c:pt idx="6769">
                  <c:v>5.0000000000000001E-3</c:v>
                </c:pt>
                <c:pt idx="6770">
                  <c:v>5.0000000000000001E-3</c:v>
                </c:pt>
                <c:pt idx="6771">
                  <c:v>5.0000000000000001E-3</c:v>
                </c:pt>
                <c:pt idx="6772">
                  <c:v>5.0000000000000001E-3</c:v>
                </c:pt>
                <c:pt idx="6773">
                  <c:v>5.0000000000000001E-3</c:v>
                </c:pt>
                <c:pt idx="6774">
                  <c:v>5.0000000000000001E-3</c:v>
                </c:pt>
                <c:pt idx="6775">
                  <c:v>5.0000000000000001E-3</c:v>
                </c:pt>
                <c:pt idx="6776">
                  <c:v>5.0000000000000001E-3</c:v>
                </c:pt>
                <c:pt idx="6777">
                  <c:v>5.0000000000000001E-3</c:v>
                </c:pt>
                <c:pt idx="6778">
                  <c:v>5.0000000000000001E-3</c:v>
                </c:pt>
                <c:pt idx="6779">
                  <c:v>5.0000000000000001E-3</c:v>
                </c:pt>
                <c:pt idx="6780">
                  <c:v>5.0000000000000001E-3</c:v>
                </c:pt>
                <c:pt idx="6781">
                  <c:v>5.0000000000000001E-3</c:v>
                </c:pt>
                <c:pt idx="6782">
                  <c:v>5.0000000000000001E-3</c:v>
                </c:pt>
                <c:pt idx="6783">
                  <c:v>5.0000000000000001E-3</c:v>
                </c:pt>
                <c:pt idx="6784">
                  <c:v>5.0000000000000001E-3</c:v>
                </c:pt>
                <c:pt idx="6785">
                  <c:v>5.0000000000000001E-3</c:v>
                </c:pt>
                <c:pt idx="6786">
                  <c:v>5.0000000000000001E-3</c:v>
                </c:pt>
                <c:pt idx="6787">
                  <c:v>5.0000000000000001E-3</c:v>
                </c:pt>
                <c:pt idx="6788">
                  <c:v>7.4999999999999997E-3</c:v>
                </c:pt>
                <c:pt idx="6789">
                  <c:v>7.4999999999999997E-3</c:v>
                </c:pt>
                <c:pt idx="6790">
                  <c:v>7.4999999999999997E-3</c:v>
                </c:pt>
                <c:pt idx="6791">
                  <c:v>7.4999999999999997E-3</c:v>
                </c:pt>
                <c:pt idx="6792">
                  <c:v>7.4999999999999997E-3</c:v>
                </c:pt>
                <c:pt idx="6793">
                  <c:v>7.4999999999999997E-3</c:v>
                </c:pt>
                <c:pt idx="6794">
                  <c:v>7.4999999999999997E-3</c:v>
                </c:pt>
                <c:pt idx="6795">
                  <c:v>7.4999999999999997E-3</c:v>
                </c:pt>
                <c:pt idx="6796">
                  <c:v>7.4999999999999997E-3</c:v>
                </c:pt>
                <c:pt idx="6797">
                  <c:v>7.4999999999999997E-3</c:v>
                </c:pt>
                <c:pt idx="6798">
                  <c:v>7.4999999999999997E-3</c:v>
                </c:pt>
                <c:pt idx="6799">
                  <c:v>7.4999999999999997E-3</c:v>
                </c:pt>
                <c:pt idx="6800">
                  <c:v>7.4999999999999997E-3</c:v>
                </c:pt>
                <c:pt idx="6801">
                  <c:v>7.4999999999999997E-3</c:v>
                </c:pt>
                <c:pt idx="6802">
                  <c:v>7.4999999999999997E-3</c:v>
                </c:pt>
                <c:pt idx="6803">
                  <c:v>7.4999999999999997E-3</c:v>
                </c:pt>
                <c:pt idx="6804">
                  <c:v>7.4999999999999997E-3</c:v>
                </c:pt>
                <c:pt idx="6805">
                  <c:v>7.4999999999999997E-3</c:v>
                </c:pt>
                <c:pt idx="6806">
                  <c:v>7.4999999999999997E-3</c:v>
                </c:pt>
                <c:pt idx="6807">
                  <c:v>7.4999999999999997E-3</c:v>
                </c:pt>
                <c:pt idx="6808">
                  <c:v>7.4999999999999997E-3</c:v>
                </c:pt>
                <c:pt idx="6809">
                  <c:v>7.4999999999999997E-3</c:v>
                </c:pt>
                <c:pt idx="6810">
                  <c:v>7.4999999999999997E-3</c:v>
                </c:pt>
                <c:pt idx="6811">
                  <c:v>7.4999999999999997E-3</c:v>
                </c:pt>
                <c:pt idx="6812">
                  <c:v>7.4999999999999997E-3</c:v>
                </c:pt>
                <c:pt idx="6813">
                  <c:v>7.4999999999999997E-3</c:v>
                </c:pt>
                <c:pt idx="6814">
                  <c:v>7.4999999999999997E-3</c:v>
                </c:pt>
                <c:pt idx="6815">
                  <c:v>7.4999999999999997E-3</c:v>
                </c:pt>
                <c:pt idx="6816">
                  <c:v>7.4999999999999997E-3</c:v>
                </c:pt>
                <c:pt idx="6817">
                  <c:v>7.4999999999999997E-3</c:v>
                </c:pt>
                <c:pt idx="6818">
                  <c:v>7.4999999999999997E-3</c:v>
                </c:pt>
                <c:pt idx="6819">
                  <c:v>7.4999999999999997E-3</c:v>
                </c:pt>
                <c:pt idx="6820">
                  <c:v>7.4999999999999997E-3</c:v>
                </c:pt>
                <c:pt idx="6821">
                  <c:v>7.4999999999999997E-3</c:v>
                </c:pt>
                <c:pt idx="6822">
                  <c:v>7.4999999999999997E-3</c:v>
                </c:pt>
                <c:pt idx="6823">
                  <c:v>7.4999999999999997E-3</c:v>
                </c:pt>
                <c:pt idx="6824">
                  <c:v>7.4999999999999997E-3</c:v>
                </c:pt>
                <c:pt idx="6825">
                  <c:v>7.4999999999999997E-3</c:v>
                </c:pt>
                <c:pt idx="6826">
                  <c:v>7.4999999999999997E-3</c:v>
                </c:pt>
                <c:pt idx="6827">
                  <c:v>7.4999999999999997E-3</c:v>
                </c:pt>
                <c:pt idx="6828">
                  <c:v>7.4999999999999997E-3</c:v>
                </c:pt>
                <c:pt idx="6829">
                  <c:v>7.4999999999999997E-3</c:v>
                </c:pt>
                <c:pt idx="6830">
                  <c:v>7.4999999999999997E-3</c:v>
                </c:pt>
                <c:pt idx="6831">
                  <c:v>7.4999999999999997E-3</c:v>
                </c:pt>
                <c:pt idx="6832">
                  <c:v>7.4999999999999997E-3</c:v>
                </c:pt>
                <c:pt idx="6833">
                  <c:v>7.4999999999999997E-3</c:v>
                </c:pt>
                <c:pt idx="6834">
                  <c:v>7.4999999999999997E-3</c:v>
                </c:pt>
                <c:pt idx="6835">
                  <c:v>7.4999999999999997E-3</c:v>
                </c:pt>
                <c:pt idx="6836">
                  <c:v>7.4999999999999997E-3</c:v>
                </c:pt>
                <c:pt idx="6837">
                  <c:v>7.4999999999999997E-3</c:v>
                </c:pt>
                <c:pt idx="6838">
                  <c:v>7.4999999999999997E-3</c:v>
                </c:pt>
                <c:pt idx="6839">
                  <c:v>7.4999999999999997E-3</c:v>
                </c:pt>
                <c:pt idx="6840">
                  <c:v>7.4999999999999997E-3</c:v>
                </c:pt>
                <c:pt idx="6841">
                  <c:v>7.4999999999999997E-3</c:v>
                </c:pt>
                <c:pt idx="6842">
                  <c:v>7.4999999999999997E-3</c:v>
                </c:pt>
                <c:pt idx="6843">
                  <c:v>7.4999999999999997E-3</c:v>
                </c:pt>
                <c:pt idx="6844">
                  <c:v>7.4999999999999997E-3</c:v>
                </c:pt>
                <c:pt idx="6845">
                  <c:v>7.4999999999999997E-3</c:v>
                </c:pt>
                <c:pt idx="6846">
                  <c:v>7.4999999999999997E-3</c:v>
                </c:pt>
                <c:pt idx="6847">
                  <c:v>7.4999999999999997E-3</c:v>
                </c:pt>
                <c:pt idx="6848">
                  <c:v>7.4999999999999997E-3</c:v>
                </c:pt>
                <c:pt idx="6849">
                  <c:v>7.4999999999999997E-3</c:v>
                </c:pt>
                <c:pt idx="6850">
                  <c:v>7.4999999999999997E-3</c:v>
                </c:pt>
                <c:pt idx="6851">
                  <c:v>7.4999999999999997E-3</c:v>
                </c:pt>
                <c:pt idx="6852">
                  <c:v>7.4999999999999997E-3</c:v>
                </c:pt>
                <c:pt idx="6853">
                  <c:v>7.4999999999999997E-3</c:v>
                </c:pt>
                <c:pt idx="6854">
                  <c:v>7.4999999999999997E-3</c:v>
                </c:pt>
                <c:pt idx="6855">
                  <c:v>7.4999999999999997E-3</c:v>
                </c:pt>
                <c:pt idx="6856">
                  <c:v>7.4999999999999997E-3</c:v>
                </c:pt>
                <c:pt idx="6857">
                  <c:v>7.4999999999999997E-3</c:v>
                </c:pt>
                <c:pt idx="6858">
                  <c:v>7.4999999999999997E-3</c:v>
                </c:pt>
                <c:pt idx="6859">
                  <c:v>7.4999999999999997E-3</c:v>
                </c:pt>
                <c:pt idx="6860">
                  <c:v>7.4999999999999997E-3</c:v>
                </c:pt>
                <c:pt idx="6861">
                  <c:v>7.4999999999999997E-3</c:v>
                </c:pt>
                <c:pt idx="6862">
                  <c:v>7.4999999999999997E-3</c:v>
                </c:pt>
                <c:pt idx="6863">
                  <c:v>7.4999999999999997E-3</c:v>
                </c:pt>
                <c:pt idx="6864">
                  <c:v>7.4999999999999997E-3</c:v>
                </c:pt>
                <c:pt idx="6865">
                  <c:v>7.4999999999999997E-3</c:v>
                </c:pt>
                <c:pt idx="6866">
                  <c:v>7.4999999999999997E-3</c:v>
                </c:pt>
                <c:pt idx="6867">
                  <c:v>7.4999999999999997E-3</c:v>
                </c:pt>
                <c:pt idx="6868">
                  <c:v>7.4999999999999997E-3</c:v>
                </c:pt>
                <c:pt idx="6869">
                  <c:v>7.4999999999999997E-3</c:v>
                </c:pt>
                <c:pt idx="6870">
                  <c:v>7.4999999999999997E-3</c:v>
                </c:pt>
                <c:pt idx="6871">
                  <c:v>7.4999999999999997E-3</c:v>
                </c:pt>
                <c:pt idx="6872">
                  <c:v>7.4999999999999997E-3</c:v>
                </c:pt>
                <c:pt idx="6873">
                  <c:v>7.4999999999999997E-3</c:v>
                </c:pt>
                <c:pt idx="6874">
                  <c:v>7.4999999999999997E-3</c:v>
                </c:pt>
                <c:pt idx="6875">
                  <c:v>7.4999999999999997E-3</c:v>
                </c:pt>
                <c:pt idx="6876">
                  <c:v>7.4999999999999997E-3</c:v>
                </c:pt>
                <c:pt idx="6877">
                  <c:v>7.4999999999999997E-3</c:v>
                </c:pt>
                <c:pt idx="6878">
                  <c:v>7.4999999999999997E-3</c:v>
                </c:pt>
                <c:pt idx="6879">
                  <c:v>7.4999999999999997E-3</c:v>
                </c:pt>
                <c:pt idx="6880">
                  <c:v>7.4999999999999997E-3</c:v>
                </c:pt>
                <c:pt idx="6881">
                  <c:v>7.4999999999999997E-3</c:v>
                </c:pt>
                <c:pt idx="6882">
                  <c:v>7.4999999999999997E-3</c:v>
                </c:pt>
                <c:pt idx="6883">
                  <c:v>7.4999999999999997E-3</c:v>
                </c:pt>
                <c:pt idx="6884">
                  <c:v>7.4999999999999997E-3</c:v>
                </c:pt>
                <c:pt idx="6885">
                  <c:v>7.4999999999999997E-3</c:v>
                </c:pt>
                <c:pt idx="6886">
                  <c:v>7.4999999999999997E-3</c:v>
                </c:pt>
                <c:pt idx="6887">
                  <c:v>7.4999999999999997E-3</c:v>
                </c:pt>
                <c:pt idx="6888">
                  <c:v>7.4999999999999997E-3</c:v>
                </c:pt>
                <c:pt idx="6889">
                  <c:v>7.4999999999999997E-3</c:v>
                </c:pt>
                <c:pt idx="6890">
                  <c:v>7.4999999999999997E-3</c:v>
                </c:pt>
                <c:pt idx="6891">
                  <c:v>7.4999999999999997E-3</c:v>
                </c:pt>
                <c:pt idx="6892">
                  <c:v>7.4999999999999997E-3</c:v>
                </c:pt>
                <c:pt idx="6893">
                  <c:v>7.4999999999999997E-3</c:v>
                </c:pt>
                <c:pt idx="6894">
                  <c:v>7.4999999999999997E-3</c:v>
                </c:pt>
                <c:pt idx="6895">
                  <c:v>7.4999999999999997E-3</c:v>
                </c:pt>
                <c:pt idx="6896">
                  <c:v>7.4999999999999997E-3</c:v>
                </c:pt>
                <c:pt idx="6897">
                  <c:v>7.4999999999999997E-3</c:v>
                </c:pt>
                <c:pt idx="6898">
                  <c:v>7.4999999999999997E-3</c:v>
                </c:pt>
                <c:pt idx="6899">
                  <c:v>7.4999999999999997E-3</c:v>
                </c:pt>
                <c:pt idx="6900">
                  <c:v>7.4999999999999997E-3</c:v>
                </c:pt>
                <c:pt idx="6901">
                  <c:v>7.4999999999999997E-3</c:v>
                </c:pt>
                <c:pt idx="6902">
                  <c:v>7.4999999999999997E-3</c:v>
                </c:pt>
                <c:pt idx="6903">
                  <c:v>7.4999999999999997E-3</c:v>
                </c:pt>
                <c:pt idx="6904">
                  <c:v>7.4999999999999997E-3</c:v>
                </c:pt>
                <c:pt idx="6905">
                  <c:v>7.4999999999999997E-3</c:v>
                </c:pt>
                <c:pt idx="6906">
                  <c:v>7.4999999999999997E-3</c:v>
                </c:pt>
                <c:pt idx="6907">
                  <c:v>7.4999999999999997E-3</c:v>
                </c:pt>
                <c:pt idx="6908">
                  <c:v>7.4999999999999997E-3</c:v>
                </c:pt>
                <c:pt idx="6909">
                  <c:v>7.4999999999999997E-3</c:v>
                </c:pt>
                <c:pt idx="6910">
                  <c:v>7.4999999999999997E-3</c:v>
                </c:pt>
                <c:pt idx="6911">
                  <c:v>7.4999999999999997E-3</c:v>
                </c:pt>
                <c:pt idx="6912">
                  <c:v>7.4999999999999997E-3</c:v>
                </c:pt>
                <c:pt idx="6913">
                  <c:v>7.4999999999999997E-3</c:v>
                </c:pt>
                <c:pt idx="6914">
                  <c:v>7.4999999999999997E-3</c:v>
                </c:pt>
                <c:pt idx="6915">
                  <c:v>7.4999999999999997E-3</c:v>
                </c:pt>
                <c:pt idx="6916">
                  <c:v>7.4999999999999997E-3</c:v>
                </c:pt>
                <c:pt idx="6917">
                  <c:v>7.4999999999999997E-3</c:v>
                </c:pt>
                <c:pt idx="6918">
                  <c:v>7.4999999999999997E-3</c:v>
                </c:pt>
                <c:pt idx="6919">
                  <c:v>7.4999999999999997E-3</c:v>
                </c:pt>
                <c:pt idx="6920">
                  <c:v>7.4999999999999997E-3</c:v>
                </c:pt>
                <c:pt idx="6921">
                  <c:v>7.4999999999999997E-3</c:v>
                </c:pt>
                <c:pt idx="6922">
                  <c:v>7.4999999999999997E-3</c:v>
                </c:pt>
                <c:pt idx="6923">
                  <c:v>7.4999999999999997E-3</c:v>
                </c:pt>
                <c:pt idx="6924">
                  <c:v>7.4999999999999997E-3</c:v>
                </c:pt>
                <c:pt idx="6925">
                  <c:v>7.4999999999999997E-3</c:v>
                </c:pt>
                <c:pt idx="6926">
                  <c:v>7.4999999999999997E-3</c:v>
                </c:pt>
                <c:pt idx="6927">
                  <c:v>7.4999999999999997E-3</c:v>
                </c:pt>
                <c:pt idx="6928">
                  <c:v>7.4999999999999997E-3</c:v>
                </c:pt>
                <c:pt idx="6929">
                  <c:v>7.4999999999999997E-3</c:v>
                </c:pt>
                <c:pt idx="6930">
                  <c:v>7.4999999999999997E-3</c:v>
                </c:pt>
                <c:pt idx="6931">
                  <c:v>7.4999999999999997E-3</c:v>
                </c:pt>
                <c:pt idx="6932">
                  <c:v>7.4999999999999997E-3</c:v>
                </c:pt>
                <c:pt idx="6933">
                  <c:v>7.4999999999999997E-3</c:v>
                </c:pt>
                <c:pt idx="6934">
                  <c:v>7.4999999999999997E-3</c:v>
                </c:pt>
                <c:pt idx="6935">
                  <c:v>7.4999999999999997E-3</c:v>
                </c:pt>
                <c:pt idx="6936">
                  <c:v>7.4999999999999997E-3</c:v>
                </c:pt>
                <c:pt idx="6937">
                  <c:v>7.4999999999999997E-3</c:v>
                </c:pt>
                <c:pt idx="6938">
                  <c:v>7.4999999999999997E-3</c:v>
                </c:pt>
                <c:pt idx="6939">
                  <c:v>7.4999999999999997E-3</c:v>
                </c:pt>
                <c:pt idx="6940">
                  <c:v>7.4999999999999997E-3</c:v>
                </c:pt>
                <c:pt idx="6941">
                  <c:v>7.4999999999999997E-3</c:v>
                </c:pt>
                <c:pt idx="6942">
                  <c:v>7.4999999999999997E-3</c:v>
                </c:pt>
                <c:pt idx="6943">
                  <c:v>7.4999999999999997E-3</c:v>
                </c:pt>
                <c:pt idx="6944">
                  <c:v>7.4999999999999997E-3</c:v>
                </c:pt>
                <c:pt idx="6945">
                  <c:v>7.4999999999999997E-3</c:v>
                </c:pt>
                <c:pt idx="6946">
                  <c:v>7.4999999999999997E-3</c:v>
                </c:pt>
                <c:pt idx="6947">
                  <c:v>7.4999999999999997E-3</c:v>
                </c:pt>
                <c:pt idx="6948">
                  <c:v>7.4999999999999997E-3</c:v>
                </c:pt>
                <c:pt idx="6949">
                  <c:v>7.4999999999999997E-3</c:v>
                </c:pt>
                <c:pt idx="6950">
                  <c:v>7.4999999999999997E-3</c:v>
                </c:pt>
                <c:pt idx="6951">
                  <c:v>7.4999999999999997E-3</c:v>
                </c:pt>
                <c:pt idx="6952">
                  <c:v>7.4999999999999997E-3</c:v>
                </c:pt>
                <c:pt idx="6953">
                  <c:v>7.4999999999999997E-3</c:v>
                </c:pt>
                <c:pt idx="6954">
                  <c:v>7.4999999999999997E-3</c:v>
                </c:pt>
                <c:pt idx="6955">
                  <c:v>7.4999999999999997E-3</c:v>
                </c:pt>
                <c:pt idx="6956">
                  <c:v>7.4999999999999997E-3</c:v>
                </c:pt>
                <c:pt idx="6957">
                  <c:v>7.4999999999999997E-3</c:v>
                </c:pt>
                <c:pt idx="6958">
                  <c:v>7.4999999999999997E-3</c:v>
                </c:pt>
                <c:pt idx="6959">
                  <c:v>7.4999999999999997E-3</c:v>
                </c:pt>
                <c:pt idx="6960">
                  <c:v>7.4999999999999997E-3</c:v>
                </c:pt>
                <c:pt idx="6961">
                  <c:v>7.4999999999999997E-3</c:v>
                </c:pt>
                <c:pt idx="6962">
                  <c:v>7.4999999999999997E-3</c:v>
                </c:pt>
                <c:pt idx="6963">
                  <c:v>7.4999999999999997E-3</c:v>
                </c:pt>
                <c:pt idx="6964">
                  <c:v>7.4999999999999997E-3</c:v>
                </c:pt>
                <c:pt idx="6965">
                  <c:v>7.4999999999999997E-3</c:v>
                </c:pt>
                <c:pt idx="6966">
                  <c:v>7.4999999999999997E-3</c:v>
                </c:pt>
                <c:pt idx="6967">
                  <c:v>7.4999999999999997E-3</c:v>
                </c:pt>
                <c:pt idx="6968">
                  <c:v>7.4999999999999997E-3</c:v>
                </c:pt>
                <c:pt idx="6969">
                  <c:v>7.4999999999999997E-3</c:v>
                </c:pt>
                <c:pt idx="6970">
                  <c:v>7.4999999999999997E-3</c:v>
                </c:pt>
                <c:pt idx="6971">
                  <c:v>7.4999999999999997E-3</c:v>
                </c:pt>
                <c:pt idx="6972">
                  <c:v>7.4999999999999997E-3</c:v>
                </c:pt>
                <c:pt idx="6973">
                  <c:v>7.4999999999999997E-3</c:v>
                </c:pt>
                <c:pt idx="6974">
                  <c:v>7.4999999999999997E-3</c:v>
                </c:pt>
                <c:pt idx="6975">
                  <c:v>7.4999999999999997E-3</c:v>
                </c:pt>
                <c:pt idx="6976">
                  <c:v>7.4999999999999997E-3</c:v>
                </c:pt>
                <c:pt idx="6977">
                  <c:v>7.4999999999999997E-3</c:v>
                </c:pt>
                <c:pt idx="6978">
                  <c:v>7.4999999999999997E-3</c:v>
                </c:pt>
                <c:pt idx="6979">
                  <c:v>7.4999999999999997E-3</c:v>
                </c:pt>
                <c:pt idx="6980">
                  <c:v>7.4999999999999997E-3</c:v>
                </c:pt>
                <c:pt idx="6981">
                  <c:v>7.4999999999999997E-3</c:v>
                </c:pt>
                <c:pt idx="6982">
                  <c:v>7.4999999999999997E-3</c:v>
                </c:pt>
                <c:pt idx="6983">
                  <c:v>7.4999999999999997E-3</c:v>
                </c:pt>
                <c:pt idx="6984">
                  <c:v>7.4999999999999997E-3</c:v>
                </c:pt>
                <c:pt idx="6985">
                  <c:v>7.4999999999999997E-3</c:v>
                </c:pt>
                <c:pt idx="6986">
                  <c:v>7.4999999999999997E-3</c:v>
                </c:pt>
                <c:pt idx="6987">
                  <c:v>7.4999999999999997E-3</c:v>
                </c:pt>
                <c:pt idx="6988">
                  <c:v>7.4999999999999997E-3</c:v>
                </c:pt>
                <c:pt idx="6989">
                  <c:v>7.4999999999999997E-3</c:v>
                </c:pt>
                <c:pt idx="6990">
                  <c:v>7.4999999999999997E-3</c:v>
                </c:pt>
                <c:pt idx="6991">
                  <c:v>7.4999999999999997E-3</c:v>
                </c:pt>
                <c:pt idx="6992">
                  <c:v>7.4999999999999997E-3</c:v>
                </c:pt>
                <c:pt idx="6993">
                  <c:v>7.4999999999999997E-3</c:v>
                </c:pt>
                <c:pt idx="6994">
                  <c:v>7.4999999999999997E-3</c:v>
                </c:pt>
                <c:pt idx="6995">
                  <c:v>7.4999999999999997E-3</c:v>
                </c:pt>
                <c:pt idx="6996">
                  <c:v>7.4999999999999997E-3</c:v>
                </c:pt>
                <c:pt idx="6997">
                  <c:v>7.4999999999999997E-3</c:v>
                </c:pt>
                <c:pt idx="6998">
                  <c:v>7.4999999999999997E-3</c:v>
                </c:pt>
                <c:pt idx="6999">
                  <c:v>7.4999999999999997E-3</c:v>
                </c:pt>
                <c:pt idx="7000">
                  <c:v>7.4999999999999997E-3</c:v>
                </c:pt>
                <c:pt idx="7001">
                  <c:v>7.4999999999999997E-3</c:v>
                </c:pt>
                <c:pt idx="7002">
                  <c:v>7.4999999999999997E-3</c:v>
                </c:pt>
                <c:pt idx="7003">
                  <c:v>7.4999999999999997E-3</c:v>
                </c:pt>
                <c:pt idx="7004">
                  <c:v>7.4999999999999997E-3</c:v>
                </c:pt>
                <c:pt idx="7005">
                  <c:v>7.4999999999999997E-3</c:v>
                </c:pt>
                <c:pt idx="7006">
                  <c:v>7.4999999999999997E-3</c:v>
                </c:pt>
                <c:pt idx="7007">
                  <c:v>7.4999999999999997E-3</c:v>
                </c:pt>
                <c:pt idx="7008">
                  <c:v>7.4999999999999997E-3</c:v>
                </c:pt>
                <c:pt idx="7009">
                  <c:v>7.4999999999999997E-3</c:v>
                </c:pt>
                <c:pt idx="7010">
                  <c:v>7.4999999999999997E-3</c:v>
                </c:pt>
                <c:pt idx="7011">
                  <c:v>7.4999999999999997E-3</c:v>
                </c:pt>
                <c:pt idx="7012">
                  <c:v>7.4999999999999997E-3</c:v>
                </c:pt>
                <c:pt idx="7013">
                  <c:v>7.4999999999999997E-3</c:v>
                </c:pt>
                <c:pt idx="7014">
                  <c:v>7.4999999999999997E-3</c:v>
                </c:pt>
                <c:pt idx="7015">
                  <c:v>7.4999999999999997E-3</c:v>
                </c:pt>
                <c:pt idx="7016">
                  <c:v>7.4999999999999997E-3</c:v>
                </c:pt>
                <c:pt idx="7017">
                  <c:v>7.4999999999999997E-3</c:v>
                </c:pt>
                <c:pt idx="7018">
                  <c:v>7.4999999999999997E-3</c:v>
                </c:pt>
                <c:pt idx="7019">
                  <c:v>7.4999999999999997E-3</c:v>
                </c:pt>
                <c:pt idx="7020">
                  <c:v>7.4999999999999997E-3</c:v>
                </c:pt>
                <c:pt idx="7021">
                  <c:v>7.4999999999999997E-3</c:v>
                </c:pt>
                <c:pt idx="7022">
                  <c:v>7.4999999999999997E-3</c:v>
                </c:pt>
                <c:pt idx="7023">
                  <c:v>7.4999999999999997E-3</c:v>
                </c:pt>
                <c:pt idx="7024">
                  <c:v>7.4999999999999997E-3</c:v>
                </c:pt>
                <c:pt idx="7025">
                  <c:v>7.4999999999999997E-3</c:v>
                </c:pt>
                <c:pt idx="7026">
                  <c:v>7.4999999999999997E-3</c:v>
                </c:pt>
                <c:pt idx="7027">
                  <c:v>7.4999999999999997E-3</c:v>
                </c:pt>
                <c:pt idx="7028">
                  <c:v>7.4999999999999997E-3</c:v>
                </c:pt>
                <c:pt idx="7029">
                  <c:v>7.4999999999999997E-3</c:v>
                </c:pt>
                <c:pt idx="7030">
                  <c:v>7.4999999999999997E-3</c:v>
                </c:pt>
                <c:pt idx="7031">
                  <c:v>7.4999999999999997E-3</c:v>
                </c:pt>
                <c:pt idx="7032">
                  <c:v>7.4999999999999997E-3</c:v>
                </c:pt>
                <c:pt idx="7033">
                  <c:v>7.4999999999999997E-3</c:v>
                </c:pt>
                <c:pt idx="7034">
                  <c:v>7.4999999999999997E-3</c:v>
                </c:pt>
                <c:pt idx="7035">
                  <c:v>7.4999999999999997E-3</c:v>
                </c:pt>
                <c:pt idx="7036">
                  <c:v>7.4999999999999997E-3</c:v>
                </c:pt>
                <c:pt idx="7037">
                  <c:v>7.4999999999999997E-3</c:v>
                </c:pt>
                <c:pt idx="7038">
                  <c:v>7.4999999999999997E-3</c:v>
                </c:pt>
                <c:pt idx="7039">
                  <c:v>7.4999999999999997E-3</c:v>
                </c:pt>
                <c:pt idx="7040">
                  <c:v>7.4999999999999997E-3</c:v>
                </c:pt>
                <c:pt idx="7041">
                  <c:v>7.4999999999999997E-3</c:v>
                </c:pt>
                <c:pt idx="7042">
                  <c:v>7.4999999999999997E-3</c:v>
                </c:pt>
                <c:pt idx="7043">
                  <c:v>7.4999999999999997E-3</c:v>
                </c:pt>
                <c:pt idx="7044">
                  <c:v>7.4999999999999997E-3</c:v>
                </c:pt>
                <c:pt idx="7045">
                  <c:v>7.4999999999999997E-3</c:v>
                </c:pt>
                <c:pt idx="7046">
                  <c:v>7.4999999999999997E-3</c:v>
                </c:pt>
                <c:pt idx="7047">
                  <c:v>7.4999999999999997E-3</c:v>
                </c:pt>
                <c:pt idx="7048">
                  <c:v>7.4999999999999997E-3</c:v>
                </c:pt>
                <c:pt idx="7049">
                  <c:v>7.4999999999999997E-3</c:v>
                </c:pt>
                <c:pt idx="7050">
                  <c:v>7.4999999999999997E-3</c:v>
                </c:pt>
                <c:pt idx="7051">
                  <c:v>7.4999999999999997E-3</c:v>
                </c:pt>
                <c:pt idx="7052">
                  <c:v>7.4999999999999997E-3</c:v>
                </c:pt>
                <c:pt idx="7053">
                  <c:v>7.4999999999999997E-3</c:v>
                </c:pt>
                <c:pt idx="7054">
                  <c:v>7.4999999999999997E-3</c:v>
                </c:pt>
                <c:pt idx="7055">
                  <c:v>7.4999999999999997E-3</c:v>
                </c:pt>
                <c:pt idx="7056">
                  <c:v>7.4999999999999997E-3</c:v>
                </c:pt>
                <c:pt idx="7057">
                  <c:v>7.4999999999999997E-3</c:v>
                </c:pt>
                <c:pt idx="7058">
                  <c:v>7.4999999999999997E-3</c:v>
                </c:pt>
                <c:pt idx="7059">
                  <c:v>7.4999999999999997E-3</c:v>
                </c:pt>
                <c:pt idx="7060">
                  <c:v>7.4999999999999997E-3</c:v>
                </c:pt>
                <c:pt idx="7061">
                  <c:v>7.4999999999999997E-3</c:v>
                </c:pt>
                <c:pt idx="7062">
                  <c:v>7.4999999999999997E-3</c:v>
                </c:pt>
                <c:pt idx="7063">
                  <c:v>7.4999999999999997E-3</c:v>
                </c:pt>
                <c:pt idx="7064">
                  <c:v>7.4999999999999997E-3</c:v>
                </c:pt>
                <c:pt idx="7065">
                  <c:v>7.4999999999999997E-3</c:v>
                </c:pt>
                <c:pt idx="7066">
                  <c:v>7.4999999999999997E-3</c:v>
                </c:pt>
                <c:pt idx="7067">
                  <c:v>7.4999999999999997E-3</c:v>
                </c:pt>
                <c:pt idx="7068">
                  <c:v>7.4999999999999997E-3</c:v>
                </c:pt>
                <c:pt idx="7069">
                  <c:v>7.4999999999999997E-3</c:v>
                </c:pt>
                <c:pt idx="7070">
                  <c:v>7.4999999999999997E-3</c:v>
                </c:pt>
                <c:pt idx="7071">
                  <c:v>7.4999999999999997E-3</c:v>
                </c:pt>
                <c:pt idx="7072">
                  <c:v>7.4999999999999997E-3</c:v>
                </c:pt>
                <c:pt idx="7073">
                  <c:v>7.4999999999999997E-3</c:v>
                </c:pt>
                <c:pt idx="7074">
                  <c:v>7.4999999999999997E-3</c:v>
                </c:pt>
                <c:pt idx="7075">
                  <c:v>7.4999999999999997E-3</c:v>
                </c:pt>
                <c:pt idx="7076">
                  <c:v>7.4999999999999997E-3</c:v>
                </c:pt>
                <c:pt idx="7077">
                  <c:v>7.4999999999999997E-3</c:v>
                </c:pt>
                <c:pt idx="7078">
                  <c:v>7.4999999999999997E-3</c:v>
                </c:pt>
                <c:pt idx="7079">
                  <c:v>7.4999999999999997E-3</c:v>
                </c:pt>
                <c:pt idx="7080">
                  <c:v>7.4999999999999997E-3</c:v>
                </c:pt>
                <c:pt idx="7081">
                  <c:v>7.4999999999999997E-3</c:v>
                </c:pt>
                <c:pt idx="7082">
                  <c:v>7.4999999999999997E-3</c:v>
                </c:pt>
                <c:pt idx="7083">
                  <c:v>7.4999999999999997E-3</c:v>
                </c:pt>
                <c:pt idx="7084">
                  <c:v>7.4999999999999997E-3</c:v>
                </c:pt>
                <c:pt idx="7085">
                  <c:v>7.4999999999999997E-3</c:v>
                </c:pt>
                <c:pt idx="7086">
                  <c:v>7.4999999999999997E-3</c:v>
                </c:pt>
                <c:pt idx="7087">
                  <c:v>7.4999999999999997E-3</c:v>
                </c:pt>
                <c:pt idx="7088">
                  <c:v>7.4999999999999997E-3</c:v>
                </c:pt>
                <c:pt idx="7089">
                  <c:v>7.4999999999999997E-3</c:v>
                </c:pt>
                <c:pt idx="7090">
                  <c:v>7.4999999999999997E-3</c:v>
                </c:pt>
                <c:pt idx="7091">
                  <c:v>7.4999999999999997E-3</c:v>
                </c:pt>
                <c:pt idx="7092">
                  <c:v>7.4999999999999997E-3</c:v>
                </c:pt>
                <c:pt idx="7093">
                  <c:v>7.4999999999999997E-3</c:v>
                </c:pt>
                <c:pt idx="7094">
                  <c:v>7.4999999999999997E-3</c:v>
                </c:pt>
                <c:pt idx="7095">
                  <c:v>7.4999999999999997E-3</c:v>
                </c:pt>
                <c:pt idx="7096">
                  <c:v>7.4999999999999997E-3</c:v>
                </c:pt>
                <c:pt idx="7097">
                  <c:v>7.4999999999999997E-3</c:v>
                </c:pt>
                <c:pt idx="7098">
                  <c:v>7.4999999999999997E-3</c:v>
                </c:pt>
                <c:pt idx="7099">
                  <c:v>7.4999999999999997E-3</c:v>
                </c:pt>
                <c:pt idx="7100">
                  <c:v>7.4999999999999997E-3</c:v>
                </c:pt>
                <c:pt idx="7101">
                  <c:v>7.4999999999999997E-3</c:v>
                </c:pt>
                <c:pt idx="7102">
                  <c:v>7.4999999999999997E-3</c:v>
                </c:pt>
                <c:pt idx="7103">
                  <c:v>7.4999999999999997E-3</c:v>
                </c:pt>
                <c:pt idx="7104">
                  <c:v>7.4999999999999997E-3</c:v>
                </c:pt>
                <c:pt idx="7105">
                  <c:v>7.4999999999999997E-3</c:v>
                </c:pt>
                <c:pt idx="7106">
                  <c:v>7.4999999999999997E-3</c:v>
                </c:pt>
                <c:pt idx="7107">
                  <c:v>7.4999999999999997E-3</c:v>
                </c:pt>
                <c:pt idx="7108">
                  <c:v>7.4999999999999997E-3</c:v>
                </c:pt>
                <c:pt idx="7109">
                  <c:v>7.4999999999999997E-3</c:v>
                </c:pt>
                <c:pt idx="7110">
                  <c:v>7.4999999999999997E-3</c:v>
                </c:pt>
                <c:pt idx="7111">
                  <c:v>7.4999999999999997E-3</c:v>
                </c:pt>
                <c:pt idx="7112">
                  <c:v>7.4999999999999997E-3</c:v>
                </c:pt>
                <c:pt idx="7113">
                  <c:v>7.4999999999999997E-3</c:v>
                </c:pt>
                <c:pt idx="7114">
                  <c:v>7.4999999999999997E-3</c:v>
                </c:pt>
                <c:pt idx="7115">
                  <c:v>7.4999999999999997E-3</c:v>
                </c:pt>
                <c:pt idx="7116">
                  <c:v>7.4999999999999997E-3</c:v>
                </c:pt>
                <c:pt idx="7117">
                  <c:v>7.4999999999999997E-3</c:v>
                </c:pt>
                <c:pt idx="7118">
                  <c:v>7.4999999999999997E-3</c:v>
                </c:pt>
                <c:pt idx="7119">
                  <c:v>7.4999999999999997E-3</c:v>
                </c:pt>
                <c:pt idx="7120">
                  <c:v>7.4999999999999997E-3</c:v>
                </c:pt>
                <c:pt idx="7121">
                  <c:v>7.4999999999999997E-3</c:v>
                </c:pt>
                <c:pt idx="7122">
                  <c:v>7.4999999999999997E-3</c:v>
                </c:pt>
                <c:pt idx="7123">
                  <c:v>7.4999999999999997E-3</c:v>
                </c:pt>
                <c:pt idx="7124">
                  <c:v>7.4999999999999997E-3</c:v>
                </c:pt>
                <c:pt idx="7125">
                  <c:v>7.4999999999999997E-3</c:v>
                </c:pt>
                <c:pt idx="7126">
                  <c:v>7.4999999999999997E-3</c:v>
                </c:pt>
                <c:pt idx="7127">
                  <c:v>7.4999999999999997E-3</c:v>
                </c:pt>
                <c:pt idx="7128">
                  <c:v>7.4999999999999997E-3</c:v>
                </c:pt>
                <c:pt idx="7129">
                  <c:v>7.4999999999999997E-3</c:v>
                </c:pt>
                <c:pt idx="7130">
                  <c:v>7.4999999999999997E-3</c:v>
                </c:pt>
                <c:pt idx="7131">
                  <c:v>7.4999999999999997E-3</c:v>
                </c:pt>
                <c:pt idx="7132">
                  <c:v>7.4999999999999997E-3</c:v>
                </c:pt>
                <c:pt idx="7133">
                  <c:v>7.4999999999999997E-3</c:v>
                </c:pt>
                <c:pt idx="7134">
                  <c:v>7.4999999999999997E-3</c:v>
                </c:pt>
                <c:pt idx="7135">
                  <c:v>7.4999999999999997E-3</c:v>
                </c:pt>
                <c:pt idx="7136">
                  <c:v>7.4999999999999997E-3</c:v>
                </c:pt>
                <c:pt idx="7137">
                  <c:v>7.4999999999999997E-3</c:v>
                </c:pt>
                <c:pt idx="7138">
                  <c:v>7.4999999999999997E-3</c:v>
                </c:pt>
                <c:pt idx="7139">
                  <c:v>7.4999999999999997E-3</c:v>
                </c:pt>
                <c:pt idx="7140">
                  <c:v>7.4999999999999997E-3</c:v>
                </c:pt>
                <c:pt idx="7141">
                  <c:v>7.4999999999999997E-3</c:v>
                </c:pt>
                <c:pt idx="7142">
                  <c:v>7.4999999999999997E-3</c:v>
                </c:pt>
                <c:pt idx="7143">
                  <c:v>7.4999999999999997E-3</c:v>
                </c:pt>
                <c:pt idx="7144">
                  <c:v>7.4999999999999997E-3</c:v>
                </c:pt>
                <c:pt idx="7145">
                  <c:v>7.4999999999999997E-3</c:v>
                </c:pt>
                <c:pt idx="7146">
                  <c:v>7.4999999999999997E-3</c:v>
                </c:pt>
                <c:pt idx="7147">
                  <c:v>7.4999999999999997E-3</c:v>
                </c:pt>
                <c:pt idx="7148">
                  <c:v>7.4999999999999997E-3</c:v>
                </c:pt>
                <c:pt idx="7149">
                  <c:v>7.4999999999999997E-3</c:v>
                </c:pt>
                <c:pt idx="7150">
                  <c:v>7.4999999999999997E-3</c:v>
                </c:pt>
                <c:pt idx="7151">
                  <c:v>7.4999999999999997E-3</c:v>
                </c:pt>
                <c:pt idx="7152">
                  <c:v>7.4999999999999997E-3</c:v>
                </c:pt>
                <c:pt idx="7153">
                  <c:v>7.4999999999999997E-3</c:v>
                </c:pt>
                <c:pt idx="7154">
                  <c:v>7.4999999999999997E-3</c:v>
                </c:pt>
                <c:pt idx="7155">
                  <c:v>7.4999999999999997E-3</c:v>
                </c:pt>
                <c:pt idx="7156">
                  <c:v>7.4999999999999997E-3</c:v>
                </c:pt>
                <c:pt idx="7157">
                  <c:v>7.4999999999999997E-3</c:v>
                </c:pt>
                <c:pt idx="7158">
                  <c:v>7.4999999999999997E-3</c:v>
                </c:pt>
                <c:pt idx="7159">
                  <c:v>7.4999999999999997E-3</c:v>
                </c:pt>
                <c:pt idx="7160">
                  <c:v>7.4999999999999997E-3</c:v>
                </c:pt>
                <c:pt idx="7161">
                  <c:v>7.4999999999999997E-3</c:v>
                </c:pt>
                <c:pt idx="7162">
                  <c:v>7.4999999999999997E-3</c:v>
                </c:pt>
                <c:pt idx="7163">
                  <c:v>7.4999999999999997E-3</c:v>
                </c:pt>
                <c:pt idx="7164">
                  <c:v>7.4999999999999997E-3</c:v>
                </c:pt>
                <c:pt idx="7165">
                  <c:v>7.4999999999999997E-3</c:v>
                </c:pt>
                <c:pt idx="7166">
                  <c:v>7.4999999999999997E-3</c:v>
                </c:pt>
                <c:pt idx="7167">
                  <c:v>7.4999999999999997E-3</c:v>
                </c:pt>
                <c:pt idx="7168">
                  <c:v>7.4999999999999997E-3</c:v>
                </c:pt>
                <c:pt idx="7169">
                  <c:v>7.4999999999999997E-3</c:v>
                </c:pt>
                <c:pt idx="7170">
                  <c:v>7.4999999999999997E-3</c:v>
                </c:pt>
                <c:pt idx="7171">
                  <c:v>7.4999999999999997E-3</c:v>
                </c:pt>
                <c:pt idx="7172">
                  <c:v>7.4999999999999997E-3</c:v>
                </c:pt>
                <c:pt idx="7173">
                  <c:v>7.4999999999999997E-3</c:v>
                </c:pt>
                <c:pt idx="7174">
                  <c:v>7.4999999999999997E-3</c:v>
                </c:pt>
                <c:pt idx="7175">
                  <c:v>7.4999999999999997E-3</c:v>
                </c:pt>
                <c:pt idx="7176">
                  <c:v>7.4999999999999997E-3</c:v>
                </c:pt>
                <c:pt idx="7177">
                  <c:v>7.4999999999999997E-3</c:v>
                </c:pt>
                <c:pt idx="7178">
                  <c:v>7.4999999999999997E-3</c:v>
                </c:pt>
                <c:pt idx="7179">
                  <c:v>7.4999999999999997E-3</c:v>
                </c:pt>
                <c:pt idx="7180">
                  <c:v>7.4999999999999997E-3</c:v>
                </c:pt>
                <c:pt idx="7181">
                  <c:v>7.4999999999999997E-3</c:v>
                </c:pt>
                <c:pt idx="7182">
                  <c:v>7.4999999999999997E-3</c:v>
                </c:pt>
                <c:pt idx="7183">
                  <c:v>7.4999999999999997E-3</c:v>
                </c:pt>
                <c:pt idx="7184">
                  <c:v>7.4999999999999997E-3</c:v>
                </c:pt>
                <c:pt idx="7185">
                  <c:v>7.4999999999999997E-3</c:v>
                </c:pt>
                <c:pt idx="7186">
                  <c:v>7.4999999999999997E-3</c:v>
                </c:pt>
                <c:pt idx="7187">
                  <c:v>7.4999999999999997E-3</c:v>
                </c:pt>
                <c:pt idx="7188">
                  <c:v>7.4999999999999997E-3</c:v>
                </c:pt>
                <c:pt idx="7189">
                  <c:v>7.4999999999999997E-3</c:v>
                </c:pt>
                <c:pt idx="7190">
                  <c:v>7.4999999999999997E-3</c:v>
                </c:pt>
                <c:pt idx="7191">
                  <c:v>7.4999999999999997E-3</c:v>
                </c:pt>
                <c:pt idx="7192">
                  <c:v>7.4999999999999997E-3</c:v>
                </c:pt>
                <c:pt idx="7193">
                  <c:v>7.4999999999999997E-3</c:v>
                </c:pt>
                <c:pt idx="7194">
                  <c:v>7.4999999999999997E-3</c:v>
                </c:pt>
                <c:pt idx="7195">
                  <c:v>7.4999999999999997E-3</c:v>
                </c:pt>
                <c:pt idx="7196">
                  <c:v>7.4999999999999997E-3</c:v>
                </c:pt>
                <c:pt idx="7197">
                  <c:v>7.4999999999999997E-3</c:v>
                </c:pt>
                <c:pt idx="7198">
                  <c:v>7.4999999999999997E-3</c:v>
                </c:pt>
                <c:pt idx="7199">
                  <c:v>7.4999999999999997E-3</c:v>
                </c:pt>
                <c:pt idx="7200">
                  <c:v>7.4999999999999997E-3</c:v>
                </c:pt>
                <c:pt idx="7201">
                  <c:v>7.4999999999999997E-3</c:v>
                </c:pt>
                <c:pt idx="7202">
                  <c:v>7.4999999999999997E-3</c:v>
                </c:pt>
                <c:pt idx="7203">
                  <c:v>7.4999999999999997E-3</c:v>
                </c:pt>
                <c:pt idx="7204">
                  <c:v>7.4999999999999997E-3</c:v>
                </c:pt>
                <c:pt idx="7205">
                  <c:v>7.4999999999999997E-3</c:v>
                </c:pt>
                <c:pt idx="7206">
                  <c:v>7.4999999999999997E-3</c:v>
                </c:pt>
                <c:pt idx="7207">
                  <c:v>7.4999999999999997E-3</c:v>
                </c:pt>
                <c:pt idx="7208">
                  <c:v>7.4999999999999997E-3</c:v>
                </c:pt>
                <c:pt idx="7209">
                  <c:v>7.4999999999999997E-3</c:v>
                </c:pt>
                <c:pt idx="7210">
                  <c:v>7.4999999999999997E-3</c:v>
                </c:pt>
                <c:pt idx="7211">
                  <c:v>7.4999999999999997E-3</c:v>
                </c:pt>
                <c:pt idx="7212">
                  <c:v>7.4999999999999997E-3</c:v>
                </c:pt>
                <c:pt idx="7213">
                  <c:v>7.4999999999999997E-3</c:v>
                </c:pt>
                <c:pt idx="7214">
                  <c:v>7.4999999999999997E-3</c:v>
                </c:pt>
                <c:pt idx="7215">
                  <c:v>7.4999999999999997E-3</c:v>
                </c:pt>
                <c:pt idx="7216">
                  <c:v>7.4999999999999997E-3</c:v>
                </c:pt>
                <c:pt idx="7217">
                  <c:v>7.4999999999999997E-3</c:v>
                </c:pt>
                <c:pt idx="7218">
                  <c:v>7.4999999999999997E-3</c:v>
                </c:pt>
                <c:pt idx="7219">
                  <c:v>7.4999999999999997E-3</c:v>
                </c:pt>
                <c:pt idx="7220">
                  <c:v>7.4999999999999997E-3</c:v>
                </c:pt>
                <c:pt idx="7221">
                  <c:v>7.4999999999999997E-3</c:v>
                </c:pt>
                <c:pt idx="7222">
                  <c:v>7.4999999999999997E-3</c:v>
                </c:pt>
                <c:pt idx="7223">
                  <c:v>7.4999999999999997E-3</c:v>
                </c:pt>
                <c:pt idx="7224">
                  <c:v>7.4999999999999997E-3</c:v>
                </c:pt>
                <c:pt idx="7225">
                  <c:v>7.4999999999999997E-3</c:v>
                </c:pt>
                <c:pt idx="7226">
                  <c:v>7.4999999999999997E-3</c:v>
                </c:pt>
                <c:pt idx="7227">
                  <c:v>7.4999999999999997E-3</c:v>
                </c:pt>
                <c:pt idx="7228">
                  <c:v>7.4999999999999997E-3</c:v>
                </c:pt>
                <c:pt idx="7229">
                  <c:v>7.4999999999999997E-3</c:v>
                </c:pt>
                <c:pt idx="7230">
                  <c:v>7.4999999999999997E-3</c:v>
                </c:pt>
                <c:pt idx="7231">
                  <c:v>7.4999999999999997E-3</c:v>
                </c:pt>
                <c:pt idx="7232">
                  <c:v>7.4999999999999997E-3</c:v>
                </c:pt>
                <c:pt idx="7233">
                  <c:v>7.4999999999999997E-3</c:v>
                </c:pt>
                <c:pt idx="7234">
                  <c:v>7.4999999999999997E-3</c:v>
                </c:pt>
                <c:pt idx="7235">
                  <c:v>7.4999999999999997E-3</c:v>
                </c:pt>
                <c:pt idx="7236">
                  <c:v>7.4999999999999997E-3</c:v>
                </c:pt>
                <c:pt idx="7237">
                  <c:v>7.4999999999999997E-3</c:v>
                </c:pt>
                <c:pt idx="7238">
                  <c:v>7.4999999999999997E-3</c:v>
                </c:pt>
                <c:pt idx="7239">
                  <c:v>7.4999999999999997E-3</c:v>
                </c:pt>
                <c:pt idx="7240">
                  <c:v>7.4999999999999997E-3</c:v>
                </c:pt>
                <c:pt idx="7241">
                  <c:v>7.4999999999999997E-3</c:v>
                </c:pt>
                <c:pt idx="7242">
                  <c:v>7.4999999999999997E-3</c:v>
                </c:pt>
                <c:pt idx="7243">
                  <c:v>7.4999999999999997E-3</c:v>
                </c:pt>
                <c:pt idx="7244">
                  <c:v>7.4999999999999997E-3</c:v>
                </c:pt>
                <c:pt idx="7245">
                  <c:v>7.4999999999999997E-3</c:v>
                </c:pt>
                <c:pt idx="7246">
                  <c:v>7.4999999999999997E-3</c:v>
                </c:pt>
                <c:pt idx="7247">
                  <c:v>7.4999999999999997E-3</c:v>
                </c:pt>
                <c:pt idx="7248">
                  <c:v>7.4999999999999997E-3</c:v>
                </c:pt>
                <c:pt idx="7249">
                  <c:v>7.4999999999999997E-3</c:v>
                </c:pt>
                <c:pt idx="7250">
                  <c:v>7.4999999999999997E-3</c:v>
                </c:pt>
                <c:pt idx="7251">
                  <c:v>7.4999999999999997E-3</c:v>
                </c:pt>
                <c:pt idx="7252">
                  <c:v>7.4999999999999997E-3</c:v>
                </c:pt>
                <c:pt idx="7253">
                  <c:v>7.4999999999999997E-3</c:v>
                </c:pt>
                <c:pt idx="7254">
                  <c:v>7.4999999999999997E-3</c:v>
                </c:pt>
                <c:pt idx="7255">
                  <c:v>7.4999999999999997E-3</c:v>
                </c:pt>
                <c:pt idx="7256">
                  <c:v>7.4999999999999997E-3</c:v>
                </c:pt>
                <c:pt idx="7257">
                  <c:v>7.4999999999999997E-3</c:v>
                </c:pt>
                <c:pt idx="7258">
                  <c:v>7.4999999999999997E-3</c:v>
                </c:pt>
                <c:pt idx="7259">
                  <c:v>7.4999999999999997E-3</c:v>
                </c:pt>
                <c:pt idx="7260">
                  <c:v>7.4999999999999997E-3</c:v>
                </c:pt>
                <c:pt idx="7261">
                  <c:v>7.4999999999999997E-3</c:v>
                </c:pt>
                <c:pt idx="7262">
                  <c:v>7.4999999999999997E-3</c:v>
                </c:pt>
                <c:pt idx="7263">
                  <c:v>7.4999999999999997E-3</c:v>
                </c:pt>
                <c:pt idx="7264">
                  <c:v>7.4999999999999997E-3</c:v>
                </c:pt>
                <c:pt idx="7265">
                  <c:v>7.4999999999999997E-3</c:v>
                </c:pt>
                <c:pt idx="7266">
                  <c:v>7.4999999999999997E-3</c:v>
                </c:pt>
                <c:pt idx="7267">
                  <c:v>7.4999999999999997E-3</c:v>
                </c:pt>
                <c:pt idx="7268">
                  <c:v>7.4999999999999997E-3</c:v>
                </c:pt>
                <c:pt idx="7269">
                  <c:v>7.4999999999999997E-3</c:v>
                </c:pt>
                <c:pt idx="7270">
                  <c:v>7.4999999999999997E-3</c:v>
                </c:pt>
                <c:pt idx="7271">
                  <c:v>7.4999999999999997E-3</c:v>
                </c:pt>
                <c:pt idx="7272">
                  <c:v>7.4999999999999997E-3</c:v>
                </c:pt>
                <c:pt idx="7273">
                  <c:v>7.4999999999999997E-3</c:v>
                </c:pt>
                <c:pt idx="7274">
                  <c:v>7.4999999999999997E-3</c:v>
                </c:pt>
                <c:pt idx="7275">
                  <c:v>7.4999999999999997E-3</c:v>
                </c:pt>
                <c:pt idx="7276">
                  <c:v>7.4999999999999997E-3</c:v>
                </c:pt>
                <c:pt idx="7277">
                  <c:v>7.4999999999999997E-3</c:v>
                </c:pt>
                <c:pt idx="7278">
                  <c:v>7.4999999999999997E-3</c:v>
                </c:pt>
                <c:pt idx="7279">
                  <c:v>7.4999999999999997E-3</c:v>
                </c:pt>
                <c:pt idx="7280">
                  <c:v>7.4999999999999997E-3</c:v>
                </c:pt>
                <c:pt idx="7281">
                  <c:v>7.4999999999999997E-3</c:v>
                </c:pt>
                <c:pt idx="7282">
                  <c:v>7.4999999999999997E-3</c:v>
                </c:pt>
                <c:pt idx="7283">
                  <c:v>7.4999999999999997E-3</c:v>
                </c:pt>
                <c:pt idx="7284">
                  <c:v>7.4999999999999997E-3</c:v>
                </c:pt>
                <c:pt idx="7285">
                  <c:v>7.4999999999999997E-3</c:v>
                </c:pt>
                <c:pt idx="7286">
                  <c:v>7.4999999999999997E-3</c:v>
                </c:pt>
                <c:pt idx="7287">
                  <c:v>7.4999999999999997E-3</c:v>
                </c:pt>
                <c:pt idx="7288">
                  <c:v>7.4999999999999997E-3</c:v>
                </c:pt>
                <c:pt idx="7289">
                  <c:v>7.4999999999999997E-3</c:v>
                </c:pt>
                <c:pt idx="7290">
                  <c:v>7.4999999999999997E-3</c:v>
                </c:pt>
                <c:pt idx="7291">
                  <c:v>7.4999999999999997E-3</c:v>
                </c:pt>
                <c:pt idx="7292">
                  <c:v>7.4999999999999997E-3</c:v>
                </c:pt>
                <c:pt idx="7293">
                  <c:v>7.4999999999999997E-3</c:v>
                </c:pt>
                <c:pt idx="7294">
                  <c:v>7.4999999999999997E-3</c:v>
                </c:pt>
                <c:pt idx="7295">
                  <c:v>7.4999999999999997E-3</c:v>
                </c:pt>
                <c:pt idx="7296">
                  <c:v>7.4999999999999997E-3</c:v>
                </c:pt>
                <c:pt idx="7297">
                  <c:v>7.4999999999999997E-3</c:v>
                </c:pt>
                <c:pt idx="7298">
                  <c:v>7.4999999999999997E-3</c:v>
                </c:pt>
                <c:pt idx="7299">
                  <c:v>7.4999999999999997E-3</c:v>
                </c:pt>
                <c:pt idx="7300">
                  <c:v>7.4999999999999997E-3</c:v>
                </c:pt>
                <c:pt idx="7301">
                  <c:v>7.4999999999999997E-3</c:v>
                </c:pt>
                <c:pt idx="7302">
                  <c:v>7.4999999999999997E-3</c:v>
                </c:pt>
                <c:pt idx="7303">
                  <c:v>7.4999999999999997E-3</c:v>
                </c:pt>
                <c:pt idx="7304">
                  <c:v>7.4999999999999997E-3</c:v>
                </c:pt>
                <c:pt idx="7305">
                  <c:v>7.4999999999999997E-3</c:v>
                </c:pt>
                <c:pt idx="7306">
                  <c:v>7.4999999999999997E-3</c:v>
                </c:pt>
                <c:pt idx="7307">
                  <c:v>7.4999999999999997E-3</c:v>
                </c:pt>
                <c:pt idx="7308">
                  <c:v>7.4999999999999997E-3</c:v>
                </c:pt>
                <c:pt idx="7309">
                  <c:v>7.4999999999999997E-3</c:v>
                </c:pt>
                <c:pt idx="7310">
                  <c:v>7.4999999999999997E-3</c:v>
                </c:pt>
                <c:pt idx="7311">
                  <c:v>7.4999999999999997E-3</c:v>
                </c:pt>
                <c:pt idx="7312">
                  <c:v>7.4999999999999997E-3</c:v>
                </c:pt>
                <c:pt idx="7313">
                  <c:v>7.4999999999999997E-3</c:v>
                </c:pt>
                <c:pt idx="7314">
                  <c:v>7.4999999999999997E-3</c:v>
                </c:pt>
                <c:pt idx="7315">
                  <c:v>7.4999999999999997E-3</c:v>
                </c:pt>
                <c:pt idx="7316">
                  <c:v>7.4999999999999997E-3</c:v>
                </c:pt>
                <c:pt idx="7317">
                  <c:v>7.4999999999999997E-3</c:v>
                </c:pt>
                <c:pt idx="7318">
                  <c:v>7.4999999999999997E-3</c:v>
                </c:pt>
                <c:pt idx="7319">
                  <c:v>7.4999999999999997E-3</c:v>
                </c:pt>
                <c:pt idx="7320">
                  <c:v>7.4999999999999997E-3</c:v>
                </c:pt>
                <c:pt idx="7321">
                  <c:v>7.4999999999999997E-3</c:v>
                </c:pt>
                <c:pt idx="7322">
                  <c:v>7.4999999999999997E-3</c:v>
                </c:pt>
                <c:pt idx="7323">
                  <c:v>7.4999999999999997E-3</c:v>
                </c:pt>
                <c:pt idx="7324">
                  <c:v>7.4999999999999997E-3</c:v>
                </c:pt>
                <c:pt idx="7325">
                  <c:v>7.4999999999999997E-3</c:v>
                </c:pt>
                <c:pt idx="7326">
                  <c:v>7.4999999999999997E-3</c:v>
                </c:pt>
                <c:pt idx="7327">
                  <c:v>7.4999999999999997E-3</c:v>
                </c:pt>
                <c:pt idx="7328">
                  <c:v>7.4999999999999997E-3</c:v>
                </c:pt>
                <c:pt idx="7329">
                  <c:v>7.4999999999999997E-3</c:v>
                </c:pt>
                <c:pt idx="7330">
                  <c:v>7.4999999999999997E-3</c:v>
                </c:pt>
                <c:pt idx="7331">
                  <c:v>7.4999999999999997E-3</c:v>
                </c:pt>
                <c:pt idx="7332">
                  <c:v>7.4999999999999997E-3</c:v>
                </c:pt>
                <c:pt idx="7333">
                  <c:v>7.4999999999999997E-3</c:v>
                </c:pt>
                <c:pt idx="7334">
                  <c:v>7.4999999999999997E-3</c:v>
                </c:pt>
                <c:pt idx="7335">
                  <c:v>7.4999999999999997E-3</c:v>
                </c:pt>
                <c:pt idx="7336">
                  <c:v>7.4999999999999997E-3</c:v>
                </c:pt>
                <c:pt idx="7337">
                  <c:v>7.4999999999999997E-3</c:v>
                </c:pt>
                <c:pt idx="7338">
                  <c:v>7.4999999999999997E-3</c:v>
                </c:pt>
                <c:pt idx="7339">
                  <c:v>7.4999999999999997E-3</c:v>
                </c:pt>
                <c:pt idx="7340">
                  <c:v>7.4999999999999997E-3</c:v>
                </c:pt>
                <c:pt idx="7341">
                  <c:v>7.4999999999999997E-3</c:v>
                </c:pt>
                <c:pt idx="7342">
                  <c:v>7.4999999999999997E-3</c:v>
                </c:pt>
                <c:pt idx="7343">
                  <c:v>7.4999999999999997E-3</c:v>
                </c:pt>
                <c:pt idx="7344">
                  <c:v>7.4999999999999997E-3</c:v>
                </c:pt>
                <c:pt idx="7345">
                  <c:v>7.4999999999999997E-3</c:v>
                </c:pt>
                <c:pt idx="7346">
                  <c:v>7.4999999999999997E-3</c:v>
                </c:pt>
                <c:pt idx="7347">
                  <c:v>7.4999999999999997E-3</c:v>
                </c:pt>
                <c:pt idx="7348">
                  <c:v>7.4999999999999997E-3</c:v>
                </c:pt>
                <c:pt idx="7349">
                  <c:v>7.4999999999999997E-3</c:v>
                </c:pt>
                <c:pt idx="7350">
                  <c:v>7.4999999999999997E-3</c:v>
                </c:pt>
                <c:pt idx="7351">
                  <c:v>7.4999999999999997E-3</c:v>
                </c:pt>
                <c:pt idx="7352">
                  <c:v>7.4999999999999997E-3</c:v>
                </c:pt>
                <c:pt idx="7353">
                  <c:v>7.4999999999999997E-3</c:v>
                </c:pt>
                <c:pt idx="7354">
                  <c:v>7.4999999999999997E-3</c:v>
                </c:pt>
                <c:pt idx="7355">
                  <c:v>7.4999999999999997E-3</c:v>
                </c:pt>
                <c:pt idx="7356">
                  <c:v>7.4999999999999997E-3</c:v>
                </c:pt>
                <c:pt idx="7357">
                  <c:v>7.4999999999999997E-3</c:v>
                </c:pt>
                <c:pt idx="7358">
                  <c:v>7.4999999999999997E-3</c:v>
                </c:pt>
                <c:pt idx="7359">
                  <c:v>7.4999999999999997E-3</c:v>
                </c:pt>
                <c:pt idx="7360">
                  <c:v>7.4999999999999997E-3</c:v>
                </c:pt>
                <c:pt idx="7361">
                  <c:v>7.4999999999999997E-3</c:v>
                </c:pt>
                <c:pt idx="7362">
                  <c:v>7.4999999999999997E-3</c:v>
                </c:pt>
                <c:pt idx="7363">
                  <c:v>7.4999999999999997E-3</c:v>
                </c:pt>
                <c:pt idx="7364">
                  <c:v>7.4999999999999997E-3</c:v>
                </c:pt>
                <c:pt idx="7365">
                  <c:v>7.4999999999999997E-3</c:v>
                </c:pt>
                <c:pt idx="7366">
                  <c:v>7.4999999999999997E-3</c:v>
                </c:pt>
                <c:pt idx="7367">
                  <c:v>7.4999999999999997E-3</c:v>
                </c:pt>
                <c:pt idx="7368">
                  <c:v>7.4999999999999997E-3</c:v>
                </c:pt>
                <c:pt idx="7369">
                  <c:v>7.4999999999999997E-3</c:v>
                </c:pt>
                <c:pt idx="7370">
                  <c:v>7.4999999999999997E-3</c:v>
                </c:pt>
                <c:pt idx="7371">
                  <c:v>7.4999999999999997E-3</c:v>
                </c:pt>
                <c:pt idx="7372">
                  <c:v>7.4999999999999997E-3</c:v>
                </c:pt>
                <c:pt idx="7373">
                  <c:v>7.4999999999999997E-3</c:v>
                </c:pt>
                <c:pt idx="7374">
                  <c:v>7.4999999999999997E-3</c:v>
                </c:pt>
                <c:pt idx="7375">
                  <c:v>2.5000000000000001E-3</c:v>
                </c:pt>
                <c:pt idx="7376">
                  <c:v>2.5000000000000001E-3</c:v>
                </c:pt>
                <c:pt idx="7377">
                  <c:v>2.5000000000000001E-3</c:v>
                </c:pt>
                <c:pt idx="7378">
                  <c:v>2.5000000000000001E-3</c:v>
                </c:pt>
                <c:pt idx="7379">
                  <c:v>2.5000000000000001E-3</c:v>
                </c:pt>
                <c:pt idx="7380">
                  <c:v>2.5000000000000001E-3</c:v>
                </c:pt>
                <c:pt idx="7381">
                  <c:v>2.5000000000000001E-3</c:v>
                </c:pt>
                <c:pt idx="7382">
                  <c:v>2.5000000000000001E-3</c:v>
                </c:pt>
                <c:pt idx="7383">
                  <c:v>1E-3</c:v>
                </c:pt>
                <c:pt idx="7384">
                  <c:v>1E-3</c:v>
                </c:pt>
                <c:pt idx="7385">
                  <c:v>1E-3</c:v>
                </c:pt>
                <c:pt idx="7386">
                  <c:v>1E-3</c:v>
                </c:pt>
                <c:pt idx="7387">
                  <c:v>1E-3</c:v>
                </c:pt>
                <c:pt idx="7388">
                  <c:v>1E-3</c:v>
                </c:pt>
                <c:pt idx="7389">
                  <c:v>1E-3</c:v>
                </c:pt>
                <c:pt idx="7390">
                  <c:v>1E-3</c:v>
                </c:pt>
                <c:pt idx="7391">
                  <c:v>1E-3</c:v>
                </c:pt>
                <c:pt idx="7392">
                  <c:v>1E-3</c:v>
                </c:pt>
                <c:pt idx="7393">
                  <c:v>1E-3</c:v>
                </c:pt>
                <c:pt idx="7394">
                  <c:v>1E-3</c:v>
                </c:pt>
                <c:pt idx="7395">
                  <c:v>1E-3</c:v>
                </c:pt>
                <c:pt idx="7396">
                  <c:v>1E-3</c:v>
                </c:pt>
                <c:pt idx="7397">
                  <c:v>1E-3</c:v>
                </c:pt>
                <c:pt idx="7398">
                  <c:v>1E-3</c:v>
                </c:pt>
                <c:pt idx="7399">
                  <c:v>1E-3</c:v>
                </c:pt>
                <c:pt idx="7400">
                  <c:v>1E-3</c:v>
                </c:pt>
                <c:pt idx="7401">
                  <c:v>1E-3</c:v>
                </c:pt>
                <c:pt idx="7402">
                  <c:v>1E-3</c:v>
                </c:pt>
                <c:pt idx="7403">
                  <c:v>1E-3</c:v>
                </c:pt>
                <c:pt idx="7404">
                  <c:v>1E-3</c:v>
                </c:pt>
                <c:pt idx="7405">
                  <c:v>1E-3</c:v>
                </c:pt>
                <c:pt idx="7406">
                  <c:v>1E-3</c:v>
                </c:pt>
                <c:pt idx="7407">
                  <c:v>1E-3</c:v>
                </c:pt>
                <c:pt idx="7408">
                  <c:v>1E-3</c:v>
                </c:pt>
                <c:pt idx="7409">
                  <c:v>1E-3</c:v>
                </c:pt>
                <c:pt idx="7410">
                  <c:v>1E-3</c:v>
                </c:pt>
                <c:pt idx="7411">
                  <c:v>1E-3</c:v>
                </c:pt>
                <c:pt idx="7412">
                  <c:v>1E-3</c:v>
                </c:pt>
                <c:pt idx="7413">
                  <c:v>1E-3</c:v>
                </c:pt>
                <c:pt idx="7414">
                  <c:v>1E-3</c:v>
                </c:pt>
                <c:pt idx="7415">
                  <c:v>1E-3</c:v>
                </c:pt>
                <c:pt idx="7416">
                  <c:v>1E-3</c:v>
                </c:pt>
                <c:pt idx="7417">
                  <c:v>1E-3</c:v>
                </c:pt>
                <c:pt idx="7418">
                  <c:v>1E-3</c:v>
                </c:pt>
                <c:pt idx="7419">
                  <c:v>1E-3</c:v>
                </c:pt>
                <c:pt idx="7420">
                  <c:v>1E-3</c:v>
                </c:pt>
                <c:pt idx="7421">
                  <c:v>1E-3</c:v>
                </c:pt>
                <c:pt idx="7422">
                  <c:v>1E-3</c:v>
                </c:pt>
                <c:pt idx="7423">
                  <c:v>1E-3</c:v>
                </c:pt>
                <c:pt idx="7424">
                  <c:v>1E-3</c:v>
                </c:pt>
                <c:pt idx="7425">
                  <c:v>1E-3</c:v>
                </c:pt>
                <c:pt idx="7426">
                  <c:v>1E-3</c:v>
                </c:pt>
                <c:pt idx="7427">
                  <c:v>1E-3</c:v>
                </c:pt>
                <c:pt idx="7428">
                  <c:v>1E-3</c:v>
                </c:pt>
                <c:pt idx="7429">
                  <c:v>1E-3</c:v>
                </c:pt>
                <c:pt idx="7430">
                  <c:v>1E-3</c:v>
                </c:pt>
                <c:pt idx="7431">
                  <c:v>1E-3</c:v>
                </c:pt>
                <c:pt idx="7432">
                  <c:v>1E-3</c:v>
                </c:pt>
                <c:pt idx="7433">
                  <c:v>1E-3</c:v>
                </c:pt>
                <c:pt idx="7434">
                  <c:v>1E-3</c:v>
                </c:pt>
                <c:pt idx="7435">
                  <c:v>1E-3</c:v>
                </c:pt>
                <c:pt idx="7436">
                  <c:v>1E-3</c:v>
                </c:pt>
                <c:pt idx="7437">
                  <c:v>1E-3</c:v>
                </c:pt>
                <c:pt idx="7438">
                  <c:v>1E-3</c:v>
                </c:pt>
                <c:pt idx="7439">
                  <c:v>1E-3</c:v>
                </c:pt>
                <c:pt idx="7440">
                  <c:v>1E-3</c:v>
                </c:pt>
                <c:pt idx="7441">
                  <c:v>1E-3</c:v>
                </c:pt>
                <c:pt idx="7442">
                  <c:v>1E-3</c:v>
                </c:pt>
                <c:pt idx="7443">
                  <c:v>1E-3</c:v>
                </c:pt>
                <c:pt idx="7444">
                  <c:v>1E-3</c:v>
                </c:pt>
                <c:pt idx="7445">
                  <c:v>1E-3</c:v>
                </c:pt>
                <c:pt idx="7446">
                  <c:v>1E-3</c:v>
                </c:pt>
                <c:pt idx="7447">
                  <c:v>1E-3</c:v>
                </c:pt>
                <c:pt idx="7448">
                  <c:v>1E-3</c:v>
                </c:pt>
                <c:pt idx="7449">
                  <c:v>1E-3</c:v>
                </c:pt>
                <c:pt idx="7450">
                  <c:v>1E-3</c:v>
                </c:pt>
                <c:pt idx="7451">
                  <c:v>1E-3</c:v>
                </c:pt>
                <c:pt idx="7452">
                  <c:v>1E-3</c:v>
                </c:pt>
                <c:pt idx="7453">
                  <c:v>1E-3</c:v>
                </c:pt>
                <c:pt idx="7454">
                  <c:v>1E-3</c:v>
                </c:pt>
                <c:pt idx="7455">
                  <c:v>1E-3</c:v>
                </c:pt>
                <c:pt idx="7456">
                  <c:v>1E-3</c:v>
                </c:pt>
                <c:pt idx="7457">
                  <c:v>1E-3</c:v>
                </c:pt>
                <c:pt idx="7458">
                  <c:v>1E-3</c:v>
                </c:pt>
                <c:pt idx="7459">
                  <c:v>1E-3</c:v>
                </c:pt>
                <c:pt idx="7460">
                  <c:v>1E-3</c:v>
                </c:pt>
                <c:pt idx="7461">
                  <c:v>1E-3</c:v>
                </c:pt>
                <c:pt idx="7462">
                  <c:v>1E-3</c:v>
                </c:pt>
                <c:pt idx="7463">
                  <c:v>1E-3</c:v>
                </c:pt>
                <c:pt idx="7464">
                  <c:v>1E-3</c:v>
                </c:pt>
                <c:pt idx="7465">
                  <c:v>1E-3</c:v>
                </c:pt>
                <c:pt idx="7466">
                  <c:v>1E-3</c:v>
                </c:pt>
                <c:pt idx="7467">
                  <c:v>1E-3</c:v>
                </c:pt>
                <c:pt idx="7468">
                  <c:v>1E-3</c:v>
                </c:pt>
                <c:pt idx="7469">
                  <c:v>1E-3</c:v>
                </c:pt>
                <c:pt idx="7470">
                  <c:v>1E-3</c:v>
                </c:pt>
                <c:pt idx="7471">
                  <c:v>1E-3</c:v>
                </c:pt>
                <c:pt idx="7472">
                  <c:v>1E-3</c:v>
                </c:pt>
                <c:pt idx="7473">
                  <c:v>1E-3</c:v>
                </c:pt>
                <c:pt idx="7474">
                  <c:v>1E-3</c:v>
                </c:pt>
                <c:pt idx="7475">
                  <c:v>1E-3</c:v>
                </c:pt>
                <c:pt idx="7476">
                  <c:v>1E-3</c:v>
                </c:pt>
                <c:pt idx="7477">
                  <c:v>1E-3</c:v>
                </c:pt>
                <c:pt idx="7478">
                  <c:v>1E-3</c:v>
                </c:pt>
                <c:pt idx="7479">
                  <c:v>1E-3</c:v>
                </c:pt>
                <c:pt idx="7480">
                  <c:v>1E-3</c:v>
                </c:pt>
                <c:pt idx="7481">
                  <c:v>1E-3</c:v>
                </c:pt>
                <c:pt idx="7482">
                  <c:v>1E-3</c:v>
                </c:pt>
                <c:pt idx="7483">
                  <c:v>1E-3</c:v>
                </c:pt>
                <c:pt idx="7484">
                  <c:v>1E-3</c:v>
                </c:pt>
                <c:pt idx="7485">
                  <c:v>1E-3</c:v>
                </c:pt>
                <c:pt idx="7486">
                  <c:v>1E-3</c:v>
                </c:pt>
                <c:pt idx="7487">
                  <c:v>1E-3</c:v>
                </c:pt>
                <c:pt idx="7488">
                  <c:v>1E-3</c:v>
                </c:pt>
                <c:pt idx="7489">
                  <c:v>1E-3</c:v>
                </c:pt>
                <c:pt idx="7490">
                  <c:v>1E-3</c:v>
                </c:pt>
                <c:pt idx="7491">
                  <c:v>1E-3</c:v>
                </c:pt>
                <c:pt idx="7492">
                  <c:v>1E-3</c:v>
                </c:pt>
                <c:pt idx="7493">
                  <c:v>1E-3</c:v>
                </c:pt>
                <c:pt idx="7494">
                  <c:v>1E-3</c:v>
                </c:pt>
                <c:pt idx="7495">
                  <c:v>1E-3</c:v>
                </c:pt>
                <c:pt idx="7496">
                  <c:v>1E-3</c:v>
                </c:pt>
                <c:pt idx="7497">
                  <c:v>1E-3</c:v>
                </c:pt>
                <c:pt idx="7498">
                  <c:v>1E-3</c:v>
                </c:pt>
                <c:pt idx="7499">
                  <c:v>1E-3</c:v>
                </c:pt>
                <c:pt idx="7500">
                  <c:v>1E-3</c:v>
                </c:pt>
                <c:pt idx="7501">
                  <c:v>1E-3</c:v>
                </c:pt>
                <c:pt idx="7502">
                  <c:v>1E-3</c:v>
                </c:pt>
                <c:pt idx="7503">
                  <c:v>1E-3</c:v>
                </c:pt>
                <c:pt idx="7504">
                  <c:v>1E-3</c:v>
                </c:pt>
                <c:pt idx="7505">
                  <c:v>1E-3</c:v>
                </c:pt>
                <c:pt idx="7506">
                  <c:v>1E-3</c:v>
                </c:pt>
                <c:pt idx="7507">
                  <c:v>1E-3</c:v>
                </c:pt>
                <c:pt idx="7508">
                  <c:v>1E-3</c:v>
                </c:pt>
                <c:pt idx="7509">
                  <c:v>1E-3</c:v>
                </c:pt>
                <c:pt idx="7510">
                  <c:v>1E-3</c:v>
                </c:pt>
                <c:pt idx="7511">
                  <c:v>1E-3</c:v>
                </c:pt>
                <c:pt idx="7512">
                  <c:v>1E-3</c:v>
                </c:pt>
                <c:pt idx="7513">
                  <c:v>1E-3</c:v>
                </c:pt>
                <c:pt idx="7514">
                  <c:v>1E-3</c:v>
                </c:pt>
                <c:pt idx="7515">
                  <c:v>1E-3</c:v>
                </c:pt>
                <c:pt idx="7516">
                  <c:v>1E-3</c:v>
                </c:pt>
                <c:pt idx="7517">
                  <c:v>1E-3</c:v>
                </c:pt>
                <c:pt idx="7518">
                  <c:v>1E-3</c:v>
                </c:pt>
                <c:pt idx="7519">
                  <c:v>1E-3</c:v>
                </c:pt>
                <c:pt idx="7520">
                  <c:v>1E-3</c:v>
                </c:pt>
                <c:pt idx="7521">
                  <c:v>1E-3</c:v>
                </c:pt>
                <c:pt idx="7522">
                  <c:v>1E-3</c:v>
                </c:pt>
                <c:pt idx="7523">
                  <c:v>1E-3</c:v>
                </c:pt>
                <c:pt idx="7524">
                  <c:v>1E-3</c:v>
                </c:pt>
                <c:pt idx="7525">
                  <c:v>1E-3</c:v>
                </c:pt>
                <c:pt idx="7526">
                  <c:v>1E-3</c:v>
                </c:pt>
                <c:pt idx="7527">
                  <c:v>1E-3</c:v>
                </c:pt>
                <c:pt idx="7528">
                  <c:v>1E-3</c:v>
                </c:pt>
                <c:pt idx="7529">
                  <c:v>1E-3</c:v>
                </c:pt>
                <c:pt idx="7530">
                  <c:v>1E-3</c:v>
                </c:pt>
                <c:pt idx="7531">
                  <c:v>1E-3</c:v>
                </c:pt>
                <c:pt idx="7532">
                  <c:v>1E-3</c:v>
                </c:pt>
                <c:pt idx="7533">
                  <c:v>1E-3</c:v>
                </c:pt>
                <c:pt idx="7534">
                  <c:v>1E-3</c:v>
                </c:pt>
                <c:pt idx="7535">
                  <c:v>1E-3</c:v>
                </c:pt>
                <c:pt idx="7536">
                  <c:v>1E-3</c:v>
                </c:pt>
                <c:pt idx="7537">
                  <c:v>1E-3</c:v>
                </c:pt>
                <c:pt idx="7538">
                  <c:v>1E-3</c:v>
                </c:pt>
                <c:pt idx="7539">
                  <c:v>1E-3</c:v>
                </c:pt>
                <c:pt idx="7540">
                  <c:v>1E-3</c:v>
                </c:pt>
                <c:pt idx="7541">
                  <c:v>1E-3</c:v>
                </c:pt>
                <c:pt idx="7542">
                  <c:v>1E-3</c:v>
                </c:pt>
                <c:pt idx="7543">
                  <c:v>1E-3</c:v>
                </c:pt>
                <c:pt idx="7544">
                  <c:v>1E-3</c:v>
                </c:pt>
                <c:pt idx="7545">
                  <c:v>1E-3</c:v>
                </c:pt>
                <c:pt idx="7546">
                  <c:v>1E-3</c:v>
                </c:pt>
                <c:pt idx="7547">
                  <c:v>1E-3</c:v>
                </c:pt>
                <c:pt idx="7548">
                  <c:v>1E-3</c:v>
                </c:pt>
                <c:pt idx="7549">
                  <c:v>1E-3</c:v>
                </c:pt>
                <c:pt idx="7550">
                  <c:v>1E-3</c:v>
                </c:pt>
                <c:pt idx="7551">
                  <c:v>1E-3</c:v>
                </c:pt>
                <c:pt idx="7552">
                  <c:v>1E-3</c:v>
                </c:pt>
                <c:pt idx="7553">
                  <c:v>1E-3</c:v>
                </c:pt>
                <c:pt idx="7554">
                  <c:v>1E-3</c:v>
                </c:pt>
                <c:pt idx="7555">
                  <c:v>1E-3</c:v>
                </c:pt>
                <c:pt idx="7556">
                  <c:v>1E-3</c:v>
                </c:pt>
                <c:pt idx="7557">
                  <c:v>1E-3</c:v>
                </c:pt>
                <c:pt idx="7558">
                  <c:v>1E-3</c:v>
                </c:pt>
                <c:pt idx="7559">
                  <c:v>1E-3</c:v>
                </c:pt>
                <c:pt idx="7560">
                  <c:v>1E-3</c:v>
                </c:pt>
                <c:pt idx="7561">
                  <c:v>1E-3</c:v>
                </c:pt>
                <c:pt idx="7562">
                  <c:v>1E-3</c:v>
                </c:pt>
                <c:pt idx="7563">
                  <c:v>1E-3</c:v>
                </c:pt>
                <c:pt idx="7564">
                  <c:v>1E-3</c:v>
                </c:pt>
                <c:pt idx="7565">
                  <c:v>1E-3</c:v>
                </c:pt>
                <c:pt idx="7566">
                  <c:v>1E-3</c:v>
                </c:pt>
                <c:pt idx="7567">
                  <c:v>1E-3</c:v>
                </c:pt>
                <c:pt idx="7568">
                  <c:v>1E-3</c:v>
                </c:pt>
                <c:pt idx="7569">
                  <c:v>1E-3</c:v>
                </c:pt>
                <c:pt idx="7570">
                  <c:v>1E-3</c:v>
                </c:pt>
                <c:pt idx="7571">
                  <c:v>1E-3</c:v>
                </c:pt>
                <c:pt idx="7572">
                  <c:v>1E-3</c:v>
                </c:pt>
                <c:pt idx="7573">
                  <c:v>1E-3</c:v>
                </c:pt>
                <c:pt idx="7574">
                  <c:v>1E-3</c:v>
                </c:pt>
                <c:pt idx="7575">
                  <c:v>1E-3</c:v>
                </c:pt>
                <c:pt idx="7576">
                  <c:v>1E-3</c:v>
                </c:pt>
                <c:pt idx="7577">
                  <c:v>1E-3</c:v>
                </c:pt>
                <c:pt idx="7578">
                  <c:v>1E-3</c:v>
                </c:pt>
                <c:pt idx="7579">
                  <c:v>1E-3</c:v>
                </c:pt>
                <c:pt idx="7580">
                  <c:v>1E-3</c:v>
                </c:pt>
                <c:pt idx="7581">
                  <c:v>1E-3</c:v>
                </c:pt>
                <c:pt idx="7582">
                  <c:v>1E-3</c:v>
                </c:pt>
                <c:pt idx="7583">
                  <c:v>1E-3</c:v>
                </c:pt>
                <c:pt idx="7584">
                  <c:v>1E-3</c:v>
                </c:pt>
                <c:pt idx="7585">
                  <c:v>1E-3</c:v>
                </c:pt>
                <c:pt idx="7586">
                  <c:v>1E-3</c:v>
                </c:pt>
                <c:pt idx="7587">
                  <c:v>1E-3</c:v>
                </c:pt>
                <c:pt idx="7588">
                  <c:v>1E-3</c:v>
                </c:pt>
                <c:pt idx="7589">
                  <c:v>1E-3</c:v>
                </c:pt>
                <c:pt idx="7590">
                  <c:v>1E-3</c:v>
                </c:pt>
                <c:pt idx="7591">
                  <c:v>1E-3</c:v>
                </c:pt>
                <c:pt idx="7592">
                  <c:v>1E-3</c:v>
                </c:pt>
                <c:pt idx="7593">
                  <c:v>1E-3</c:v>
                </c:pt>
                <c:pt idx="7594">
                  <c:v>1E-3</c:v>
                </c:pt>
                <c:pt idx="7595">
                  <c:v>1E-3</c:v>
                </c:pt>
                <c:pt idx="7596">
                  <c:v>1E-3</c:v>
                </c:pt>
                <c:pt idx="7597">
                  <c:v>1E-3</c:v>
                </c:pt>
                <c:pt idx="7598">
                  <c:v>1E-3</c:v>
                </c:pt>
                <c:pt idx="7599">
                  <c:v>1E-3</c:v>
                </c:pt>
                <c:pt idx="7600">
                  <c:v>1E-3</c:v>
                </c:pt>
                <c:pt idx="7601">
                  <c:v>1E-3</c:v>
                </c:pt>
                <c:pt idx="7602">
                  <c:v>1E-3</c:v>
                </c:pt>
                <c:pt idx="7603">
                  <c:v>1E-3</c:v>
                </c:pt>
                <c:pt idx="7604">
                  <c:v>1E-3</c:v>
                </c:pt>
                <c:pt idx="7605">
                  <c:v>1E-3</c:v>
                </c:pt>
                <c:pt idx="7606">
                  <c:v>1E-3</c:v>
                </c:pt>
                <c:pt idx="7607">
                  <c:v>1E-3</c:v>
                </c:pt>
                <c:pt idx="7608">
                  <c:v>1E-3</c:v>
                </c:pt>
                <c:pt idx="7609">
                  <c:v>1E-3</c:v>
                </c:pt>
                <c:pt idx="7610">
                  <c:v>1E-3</c:v>
                </c:pt>
                <c:pt idx="7611">
                  <c:v>1E-3</c:v>
                </c:pt>
                <c:pt idx="7612">
                  <c:v>1E-3</c:v>
                </c:pt>
                <c:pt idx="7613">
                  <c:v>1E-3</c:v>
                </c:pt>
                <c:pt idx="7614">
                  <c:v>1E-3</c:v>
                </c:pt>
                <c:pt idx="7615">
                  <c:v>1E-3</c:v>
                </c:pt>
                <c:pt idx="7616">
                  <c:v>1E-3</c:v>
                </c:pt>
                <c:pt idx="7617">
                  <c:v>1E-3</c:v>
                </c:pt>
                <c:pt idx="7618">
                  <c:v>1E-3</c:v>
                </c:pt>
                <c:pt idx="7619">
                  <c:v>1E-3</c:v>
                </c:pt>
                <c:pt idx="7620">
                  <c:v>1E-3</c:v>
                </c:pt>
                <c:pt idx="7621">
                  <c:v>1E-3</c:v>
                </c:pt>
                <c:pt idx="7622">
                  <c:v>1E-3</c:v>
                </c:pt>
                <c:pt idx="7623">
                  <c:v>1E-3</c:v>
                </c:pt>
                <c:pt idx="7624">
                  <c:v>1E-3</c:v>
                </c:pt>
                <c:pt idx="7625">
                  <c:v>1E-3</c:v>
                </c:pt>
                <c:pt idx="7626">
                  <c:v>1E-3</c:v>
                </c:pt>
                <c:pt idx="7627">
                  <c:v>1E-3</c:v>
                </c:pt>
                <c:pt idx="7628">
                  <c:v>1E-3</c:v>
                </c:pt>
                <c:pt idx="7629">
                  <c:v>1E-3</c:v>
                </c:pt>
                <c:pt idx="7630">
                  <c:v>1E-3</c:v>
                </c:pt>
                <c:pt idx="7631">
                  <c:v>1E-3</c:v>
                </c:pt>
                <c:pt idx="7632">
                  <c:v>1E-3</c:v>
                </c:pt>
                <c:pt idx="7633">
                  <c:v>1E-3</c:v>
                </c:pt>
                <c:pt idx="7634">
                  <c:v>1E-3</c:v>
                </c:pt>
                <c:pt idx="7635">
                  <c:v>1E-3</c:v>
                </c:pt>
                <c:pt idx="7636">
                  <c:v>1E-3</c:v>
                </c:pt>
                <c:pt idx="7637">
                  <c:v>1E-3</c:v>
                </c:pt>
                <c:pt idx="7638">
                  <c:v>1E-3</c:v>
                </c:pt>
                <c:pt idx="7639">
                  <c:v>1E-3</c:v>
                </c:pt>
                <c:pt idx="7640">
                  <c:v>1E-3</c:v>
                </c:pt>
                <c:pt idx="7641">
                  <c:v>1E-3</c:v>
                </c:pt>
                <c:pt idx="7642">
                  <c:v>1E-3</c:v>
                </c:pt>
                <c:pt idx="7643">
                  <c:v>1E-3</c:v>
                </c:pt>
                <c:pt idx="7644">
                  <c:v>1E-3</c:v>
                </c:pt>
                <c:pt idx="7645">
                  <c:v>1E-3</c:v>
                </c:pt>
                <c:pt idx="7646">
                  <c:v>1E-3</c:v>
                </c:pt>
                <c:pt idx="7647">
                  <c:v>1E-3</c:v>
                </c:pt>
                <c:pt idx="7648">
                  <c:v>1E-3</c:v>
                </c:pt>
                <c:pt idx="7649">
                  <c:v>1E-3</c:v>
                </c:pt>
                <c:pt idx="7650">
                  <c:v>1E-3</c:v>
                </c:pt>
                <c:pt idx="7651">
                  <c:v>1E-3</c:v>
                </c:pt>
                <c:pt idx="7652">
                  <c:v>1E-3</c:v>
                </c:pt>
                <c:pt idx="7653">
                  <c:v>1E-3</c:v>
                </c:pt>
                <c:pt idx="7654">
                  <c:v>1E-3</c:v>
                </c:pt>
                <c:pt idx="7655">
                  <c:v>1E-3</c:v>
                </c:pt>
                <c:pt idx="7656">
                  <c:v>1E-3</c:v>
                </c:pt>
                <c:pt idx="7657">
                  <c:v>1E-3</c:v>
                </c:pt>
                <c:pt idx="7658">
                  <c:v>1E-3</c:v>
                </c:pt>
                <c:pt idx="7659">
                  <c:v>1E-3</c:v>
                </c:pt>
                <c:pt idx="7660">
                  <c:v>1E-3</c:v>
                </c:pt>
                <c:pt idx="7661">
                  <c:v>1E-3</c:v>
                </c:pt>
                <c:pt idx="7662">
                  <c:v>1E-3</c:v>
                </c:pt>
                <c:pt idx="7663">
                  <c:v>1E-3</c:v>
                </c:pt>
                <c:pt idx="7664">
                  <c:v>1E-3</c:v>
                </c:pt>
                <c:pt idx="7665">
                  <c:v>1E-3</c:v>
                </c:pt>
                <c:pt idx="7666">
                  <c:v>1E-3</c:v>
                </c:pt>
                <c:pt idx="7667">
                  <c:v>1E-3</c:v>
                </c:pt>
                <c:pt idx="7668">
                  <c:v>1E-3</c:v>
                </c:pt>
                <c:pt idx="7669">
                  <c:v>1E-3</c:v>
                </c:pt>
                <c:pt idx="7670">
                  <c:v>1E-3</c:v>
                </c:pt>
                <c:pt idx="7671">
                  <c:v>1E-3</c:v>
                </c:pt>
                <c:pt idx="7672">
                  <c:v>1E-3</c:v>
                </c:pt>
                <c:pt idx="7673">
                  <c:v>1E-3</c:v>
                </c:pt>
                <c:pt idx="7674">
                  <c:v>1E-3</c:v>
                </c:pt>
                <c:pt idx="7675">
                  <c:v>1E-3</c:v>
                </c:pt>
                <c:pt idx="7676">
                  <c:v>1E-3</c:v>
                </c:pt>
                <c:pt idx="7677">
                  <c:v>1E-3</c:v>
                </c:pt>
                <c:pt idx="7678">
                  <c:v>1E-3</c:v>
                </c:pt>
                <c:pt idx="7679">
                  <c:v>1E-3</c:v>
                </c:pt>
                <c:pt idx="7680">
                  <c:v>1E-3</c:v>
                </c:pt>
                <c:pt idx="7681">
                  <c:v>1E-3</c:v>
                </c:pt>
                <c:pt idx="7682">
                  <c:v>1E-3</c:v>
                </c:pt>
                <c:pt idx="7683">
                  <c:v>1E-3</c:v>
                </c:pt>
                <c:pt idx="7684">
                  <c:v>1E-3</c:v>
                </c:pt>
                <c:pt idx="7685">
                  <c:v>1E-3</c:v>
                </c:pt>
                <c:pt idx="7686">
                  <c:v>1E-3</c:v>
                </c:pt>
                <c:pt idx="7687">
                  <c:v>1E-3</c:v>
                </c:pt>
                <c:pt idx="7688">
                  <c:v>1E-3</c:v>
                </c:pt>
                <c:pt idx="7689">
                  <c:v>1E-3</c:v>
                </c:pt>
                <c:pt idx="7690">
                  <c:v>1E-3</c:v>
                </c:pt>
                <c:pt idx="7691">
                  <c:v>1E-3</c:v>
                </c:pt>
                <c:pt idx="7692">
                  <c:v>1E-3</c:v>
                </c:pt>
                <c:pt idx="7693">
                  <c:v>1E-3</c:v>
                </c:pt>
                <c:pt idx="7694">
                  <c:v>1E-3</c:v>
                </c:pt>
                <c:pt idx="7695">
                  <c:v>1E-3</c:v>
                </c:pt>
                <c:pt idx="7696">
                  <c:v>1E-3</c:v>
                </c:pt>
                <c:pt idx="7697">
                  <c:v>1E-3</c:v>
                </c:pt>
                <c:pt idx="7698">
                  <c:v>1E-3</c:v>
                </c:pt>
                <c:pt idx="7699">
                  <c:v>1E-3</c:v>
                </c:pt>
                <c:pt idx="7700">
                  <c:v>1E-3</c:v>
                </c:pt>
                <c:pt idx="7701">
                  <c:v>1E-3</c:v>
                </c:pt>
                <c:pt idx="7702">
                  <c:v>1E-3</c:v>
                </c:pt>
                <c:pt idx="7703">
                  <c:v>1E-3</c:v>
                </c:pt>
                <c:pt idx="7704">
                  <c:v>1E-3</c:v>
                </c:pt>
                <c:pt idx="7705">
                  <c:v>1E-3</c:v>
                </c:pt>
                <c:pt idx="7706">
                  <c:v>1E-3</c:v>
                </c:pt>
                <c:pt idx="7707">
                  <c:v>1E-3</c:v>
                </c:pt>
                <c:pt idx="7708">
                  <c:v>1E-3</c:v>
                </c:pt>
                <c:pt idx="7709">
                  <c:v>1E-3</c:v>
                </c:pt>
                <c:pt idx="7710">
                  <c:v>1E-3</c:v>
                </c:pt>
                <c:pt idx="7711">
                  <c:v>1E-3</c:v>
                </c:pt>
                <c:pt idx="7712">
                  <c:v>1E-3</c:v>
                </c:pt>
                <c:pt idx="7713">
                  <c:v>1E-3</c:v>
                </c:pt>
                <c:pt idx="7714">
                  <c:v>1E-3</c:v>
                </c:pt>
                <c:pt idx="7715">
                  <c:v>1E-3</c:v>
                </c:pt>
                <c:pt idx="7716">
                  <c:v>1E-3</c:v>
                </c:pt>
                <c:pt idx="7717">
                  <c:v>1E-3</c:v>
                </c:pt>
                <c:pt idx="7718">
                  <c:v>1E-3</c:v>
                </c:pt>
                <c:pt idx="7719">
                  <c:v>1E-3</c:v>
                </c:pt>
                <c:pt idx="7720">
                  <c:v>1E-3</c:v>
                </c:pt>
                <c:pt idx="7721">
                  <c:v>1E-3</c:v>
                </c:pt>
                <c:pt idx="7722">
                  <c:v>1E-3</c:v>
                </c:pt>
                <c:pt idx="7723">
                  <c:v>1E-3</c:v>
                </c:pt>
                <c:pt idx="7724">
                  <c:v>1E-3</c:v>
                </c:pt>
                <c:pt idx="7725">
                  <c:v>1E-3</c:v>
                </c:pt>
                <c:pt idx="7726">
                  <c:v>1E-3</c:v>
                </c:pt>
                <c:pt idx="7727">
                  <c:v>1E-3</c:v>
                </c:pt>
                <c:pt idx="7728">
                  <c:v>1E-3</c:v>
                </c:pt>
                <c:pt idx="7729">
                  <c:v>1E-3</c:v>
                </c:pt>
                <c:pt idx="7730">
                  <c:v>1E-3</c:v>
                </c:pt>
                <c:pt idx="7731">
                  <c:v>1E-3</c:v>
                </c:pt>
                <c:pt idx="7732">
                  <c:v>1E-3</c:v>
                </c:pt>
                <c:pt idx="7733">
                  <c:v>1E-3</c:v>
                </c:pt>
                <c:pt idx="7734">
                  <c:v>1E-3</c:v>
                </c:pt>
                <c:pt idx="7735">
                  <c:v>1E-3</c:v>
                </c:pt>
                <c:pt idx="7736">
                  <c:v>1E-3</c:v>
                </c:pt>
                <c:pt idx="7737">
                  <c:v>1E-3</c:v>
                </c:pt>
                <c:pt idx="7738">
                  <c:v>1E-3</c:v>
                </c:pt>
                <c:pt idx="7739">
                  <c:v>1E-3</c:v>
                </c:pt>
                <c:pt idx="7740">
                  <c:v>1E-3</c:v>
                </c:pt>
                <c:pt idx="7741">
                  <c:v>1E-3</c:v>
                </c:pt>
                <c:pt idx="7742">
                  <c:v>1E-3</c:v>
                </c:pt>
                <c:pt idx="7743">
                  <c:v>1E-3</c:v>
                </c:pt>
                <c:pt idx="7744">
                  <c:v>1E-3</c:v>
                </c:pt>
                <c:pt idx="7745">
                  <c:v>1E-3</c:v>
                </c:pt>
                <c:pt idx="7746">
                  <c:v>1E-3</c:v>
                </c:pt>
                <c:pt idx="7747">
                  <c:v>1E-3</c:v>
                </c:pt>
                <c:pt idx="7748">
                  <c:v>1E-3</c:v>
                </c:pt>
                <c:pt idx="7749">
                  <c:v>1E-3</c:v>
                </c:pt>
                <c:pt idx="7750">
                  <c:v>1E-3</c:v>
                </c:pt>
                <c:pt idx="7751">
                  <c:v>1E-3</c:v>
                </c:pt>
                <c:pt idx="7752">
                  <c:v>1E-3</c:v>
                </c:pt>
                <c:pt idx="7753">
                  <c:v>1E-3</c:v>
                </c:pt>
                <c:pt idx="7754">
                  <c:v>1E-3</c:v>
                </c:pt>
                <c:pt idx="7755">
                  <c:v>1E-3</c:v>
                </c:pt>
                <c:pt idx="7756">
                  <c:v>1E-3</c:v>
                </c:pt>
                <c:pt idx="7757">
                  <c:v>1E-3</c:v>
                </c:pt>
                <c:pt idx="7758">
                  <c:v>1E-3</c:v>
                </c:pt>
                <c:pt idx="7759">
                  <c:v>1E-3</c:v>
                </c:pt>
                <c:pt idx="7760">
                  <c:v>1E-3</c:v>
                </c:pt>
                <c:pt idx="7761">
                  <c:v>1E-3</c:v>
                </c:pt>
                <c:pt idx="7762">
                  <c:v>1E-3</c:v>
                </c:pt>
                <c:pt idx="7763">
                  <c:v>1E-3</c:v>
                </c:pt>
                <c:pt idx="7764">
                  <c:v>1E-3</c:v>
                </c:pt>
                <c:pt idx="7765">
                  <c:v>1E-3</c:v>
                </c:pt>
                <c:pt idx="7766">
                  <c:v>1E-3</c:v>
                </c:pt>
                <c:pt idx="7767">
                  <c:v>1E-3</c:v>
                </c:pt>
                <c:pt idx="7768">
                  <c:v>1E-3</c:v>
                </c:pt>
                <c:pt idx="7769">
                  <c:v>1E-3</c:v>
                </c:pt>
                <c:pt idx="7770">
                  <c:v>1E-3</c:v>
                </c:pt>
                <c:pt idx="7771">
                  <c:v>1E-3</c:v>
                </c:pt>
                <c:pt idx="7772">
                  <c:v>1E-3</c:v>
                </c:pt>
                <c:pt idx="7773">
                  <c:v>1E-3</c:v>
                </c:pt>
                <c:pt idx="7774">
                  <c:v>1E-3</c:v>
                </c:pt>
                <c:pt idx="7775">
                  <c:v>1E-3</c:v>
                </c:pt>
                <c:pt idx="7776">
                  <c:v>1E-3</c:v>
                </c:pt>
                <c:pt idx="7777">
                  <c:v>1E-3</c:v>
                </c:pt>
                <c:pt idx="7778">
                  <c:v>1E-3</c:v>
                </c:pt>
                <c:pt idx="7779">
                  <c:v>1E-3</c:v>
                </c:pt>
                <c:pt idx="7780">
                  <c:v>1E-3</c:v>
                </c:pt>
                <c:pt idx="7781">
                  <c:v>1E-3</c:v>
                </c:pt>
                <c:pt idx="7782">
                  <c:v>1E-3</c:v>
                </c:pt>
                <c:pt idx="7783">
                  <c:v>1E-3</c:v>
                </c:pt>
                <c:pt idx="7784">
                  <c:v>1E-3</c:v>
                </c:pt>
                <c:pt idx="7785">
                  <c:v>1E-3</c:v>
                </c:pt>
                <c:pt idx="7786">
                  <c:v>1E-3</c:v>
                </c:pt>
                <c:pt idx="7787">
                  <c:v>1E-3</c:v>
                </c:pt>
                <c:pt idx="7788">
                  <c:v>1E-3</c:v>
                </c:pt>
                <c:pt idx="7789">
                  <c:v>1E-3</c:v>
                </c:pt>
                <c:pt idx="7790">
                  <c:v>1E-3</c:v>
                </c:pt>
                <c:pt idx="7791">
                  <c:v>1E-3</c:v>
                </c:pt>
                <c:pt idx="7792">
                  <c:v>1E-3</c:v>
                </c:pt>
                <c:pt idx="7793">
                  <c:v>1E-3</c:v>
                </c:pt>
                <c:pt idx="7794">
                  <c:v>1E-3</c:v>
                </c:pt>
                <c:pt idx="7795">
                  <c:v>1E-3</c:v>
                </c:pt>
                <c:pt idx="7796">
                  <c:v>1E-3</c:v>
                </c:pt>
                <c:pt idx="7797">
                  <c:v>1E-3</c:v>
                </c:pt>
                <c:pt idx="7798">
                  <c:v>1E-3</c:v>
                </c:pt>
                <c:pt idx="7799">
                  <c:v>1E-3</c:v>
                </c:pt>
                <c:pt idx="7800">
                  <c:v>1E-3</c:v>
                </c:pt>
                <c:pt idx="7801">
                  <c:v>1E-3</c:v>
                </c:pt>
                <c:pt idx="7802">
                  <c:v>1E-3</c:v>
                </c:pt>
                <c:pt idx="7803">
                  <c:v>1E-3</c:v>
                </c:pt>
                <c:pt idx="7804">
                  <c:v>1E-3</c:v>
                </c:pt>
                <c:pt idx="7805">
                  <c:v>1E-3</c:v>
                </c:pt>
                <c:pt idx="7806">
                  <c:v>1E-3</c:v>
                </c:pt>
                <c:pt idx="7807">
                  <c:v>1E-3</c:v>
                </c:pt>
                <c:pt idx="7808">
                  <c:v>1E-3</c:v>
                </c:pt>
                <c:pt idx="7809">
                  <c:v>1E-3</c:v>
                </c:pt>
                <c:pt idx="7810">
                  <c:v>1E-3</c:v>
                </c:pt>
                <c:pt idx="7811">
                  <c:v>1E-3</c:v>
                </c:pt>
                <c:pt idx="7812">
                  <c:v>1E-3</c:v>
                </c:pt>
                <c:pt idx="7813">
                  <c:v>1E-3</c:v>
                </c:pt>
                <c:pt idx="7814">
                  <c:v>1E-3</c:v>
                </c:pt>
                <c:pt idx="7815">
                  <c:v>1E-3</c:v>
                </c:pt>
                <c:pt idx="7816">
                  <c:v>1E-3</c:v>
                </c:pt>
                <c:pt idx="7817">
                  <c:v>1E-3</c:v>
                </c:pt>
                <c:pt idx="7818">
                  <c:v>1E-3</c:v>
                </c:pt>
                <c:pt idx="7819">
                  <c:v>1E-3</c:v>
                </c:pt>
                <c:pt idx="7820">
                  <c:v>1E-3</c:v>
                </c:pt>
                <c:pt idx="7821">
                  <c:v>1E-3</c:v>
                </c:pt>
                <c:pt idx="7822">
                  <c:v>1E-3</c:v>
                </c:pt>
                <c:pt idx="7823">
                  <c:v>1E-3</c:v>
                </c:pt>
                <c:pt idx="7824">
                  <c:v>1E-3</c:v>
                </c:pt>
                <c:pt idx="7825">
                  <c:v>1E-3</c:v>
                </c:pt>
                <c:pt idx="7826">
                  <c:v>1E-3</c:v>
                </c:pt>
                <c:pt idx="7827">
                  <c:v>1E-3</c:v>
                </c:pt>
                <c:pt idx="7828">
                  <c:v>1E-3</c:v>
                </c:pt>
                <c:pt idx="7829">
                  <c:v>1E-3</c:v>
                </c:pt>
                <c:pt idx="7830">
                  <c:v>1E-3</c:v>
                </c:pt>
                <c:pt idx="7831">
                  <c:v>1E-3</c:v>
                </c:pt>
                <c:pt idx="7832">
                  <c:v>1E-3</c:v>
                </c:pt>
                <c:pt idx="7833">
                  <c:v>1E-3</c:v>
                </c:pt>
                <c:pt idx="7834">
                  <c:v>1E-3</c:v>
                </c:pt>
                <c:pt idx="7835">
                  <c:v>1E-3</c:v>
                </c:pt>
                <c:pt idx="7836">
                  <c:v>1E-3</c:v>
                </c:pt>
                <c:pt idx="7837">
                  <c:v>1E-3</c:v>
                </c:pt>
                <c:pt idx="7838">
                  <c:v>1E-3</c:v>
                </c:pt>
                <c:pt idx="7839">
                  <c:v>1E-3</c:v>
                </c:pt>
                <c:pt idx="7840">
                  <c:v>1E-3</c:v>
                </c:pt>
                <c:pt idx="7841">
                  <c:v>1E-3</c:v>
                </c:pt>
                <c:pt idx="7842">
                  <c:v>1E-3</c:v>
                </c:pt>
                <c:pt idx="7843">
                  <c:v>1E-3</c:v>
                </c:pt>
                <c:pt idx="7844">
                  <c:v>1E-3</c:v>
                </c:pt>
                <c:pt idx="7845">
                  <c:v>1E-3</c:v>
                </c:pt>
                <c:pt idx="7846">
                  <c:v>1E-3</c:v>
                </c:pt>
                <c:pt idx="7847">
                  <c:v>1E-3</c:v>
                </c:pt>
                <c:pt idx="7848">
                  <c:v>1E-3</c:v>
                </c:pt>
                <c:pt idx="7849">
                  <c:v>1E-3</c:v>
                </c:pt>
                <c:pt idx="7850">
                  <c:v>1E-3</c:v>
                </c:pt>
                <c:pt idx="7851">
                  <c:v>1E-3</c:v>
                </c:pt>
                <c:pt idx="7852">
                  <c:v>1E-3</c:v>
                </c:pt>
                <c:pt idx="7853">
                  <c:v>1E-3</c:v>
                </c:pt>
                <c:pt idx="7854">
                  <c:v>1E-3</c:v>
                </c:pt>
                <c:pt idx="7855">
                  <c:v>1E-3</c:v>
                </c:pt>
                <c:pt idx="7856">
                  <c:v>1E-3</c:v>
                </c:pt>
                <c:pt idx="7857">
                  <c:v>1E-3</c:v>
                </c:pt>
                <c:pt idx="7858">
                  <c:v>1E-3</c:v>
                </c:pt>
                <c:pt idx="7859">
                  <c:v>1E-3</c:v>
                </c:pt>
                <c:pt idx="7860">
                  <c:v>1E-3</c:v>
                </c:pt>
                <c:pt idx="7861">
                  <c:v>1E-3</c:v>
                </c:pt>
                <c:pt idx="7862">
                  <c:v>1E-3</c:v>
                </c:pt>
                <c:pt idx="7863">
                  <c:v>1E-3</c:v>
                </c:pt>
                <c:pt idx="7864">
                  <c:v>1E-3</c:v>
                </c:pt>
                <c:pt idx="7865">
                  <c:v>1E-3</c:v>
                </c:pt>
                <c:pt idx="7866">
                  <c:v>1E-3</c:v>
                </c:pt>
                <c:pt idx="7867">
                  <c:v>1E-3</c:v>
                </c:pt>
                <c:pt idx="7868">
                  <c:v>1E-3</c:v>
                </c:pt>
                <c:pt idx="7869">
                  <c:v>1E-3</c:v>
                </c:pt>
                <c:pt idx="7870">
                  <c:v>1E-3</c:v>
                </c:pt>
                <c:pt idx="7871">
                  <c:v>1E-3</c:v>
                </c:pt>
                <c:pt idx="7872">
                  <c:v>1E-3</c:v>
                </c:pt>
                <c:pt idx="7873">
                  <c:v>1E-3</c:v>
                </c:pt>
                <c:pt idx="7874">
                  <c:v>1E-3</c:v>
                </c:pt>
                <c:pt idx="7875">
                  <c:v>1E-3</c:v>
                </c:pt>
                <c:pt idx="7876">
                  <c:v>1E-3</c:v>
                </c:pt>
                <c:pt idx="7877">
                  <c:v>1E-3</c:v>
                </c:pt>
                <c:pt idx="7878">
                  <c:v>1E-3</c:v>
                </c:pt>
                <c:pt idx="7879">
                  <c:v>1E-3</c:v>
                </c:pt>
                <c:pt idx="7880">
                  <c:v>1E-3</c:v>
                </c:pt>
                <c:pt idx="7881">
                  <c:v>1E-3</c:v>
                </c:pt>
                <c:pt idx="7882">
                  <c:v>1E-3</c:v>
                </c:pt>
                <c:pt idx="7883">
                  <c:v>1E-3</c:v>
                </c:pt>
                <c:pt idx="7884">
                  <c:v>1E-3</c:v>
                </c:pt>
                <c:pt idx="7885">
                  <c:v>1E-3</c:v>
                </c:pt>
                <c:pt idx="7886">
                  <c:v>1E-3</c:v>
                </c:pt>
                <c:pt idx="7887">
                  <c:v>1E-3</c:v>
                </c:pt>
                <c:pt idx="7888">
                  <c:v>1E-3</c:v>
                </c:pt>
                <c:pt idx="7889">
                  <c:v>1E-3</c:v>
                </c:pt>
                <c:pt idx="7890">
                  <c:v>1E-3</c:v>
                </c:pt>
                <c:pt idx="7891">
                  <c:v>1E-3</c:v>
                </c:pt>
                <c:pt idx="7892">
                  <c:v>1E-3</c:v>
                </c:pt>
                <c:pt idx="7893">
                  <c:v>1E-3</c:v>
                </c:pt>
                <c:pt idx="7894">
                  <c:v>1E-3</c:v>
                </c:pt>
                <c:pt idx="7895">
                  <c:v>1E-3</c:v>
                </c:pt>
                <c:pt idx="7896">
                  <c:v>1E-3</c:v>
                </c:pt>
                <c:pt idx="7897">
                  <c:v>1E-3</c:v>
                </c:pt>
                <c:pt idx="7898">
                  <c:v>1E-3</c:v>
                </c:pt>
                <c:pt idx="7899">
                  <c:v>1E-3</c:v>
                </c:pt>
                <c:pt idx="7900">
                  <c:v>1E-3</c:v>
                </c:pt>
                <c:pt idx="7901">
                  <c:v>1E-3</c:v>
                </c:pt>
                <c:pt idx="7902">
                  <c:v>1E-3</c:v>
                </c:pt>
                <c:pt idx="7903">
                  <c:v>1E-3</c:v>
                </c:pt>
                <c:pt idx="7904">
                  <c:v>1E-3</c:v>
                </c:pt>
                <c:pt idx="7905">
                  <c:v>1E-3</c:v>
                </c:pt>
                <c:pt idx="7906">
                  <c:v>1E-3</c:v>
                </c:pt>
                <c:pt idx="7907">
                  <c:v>1E-3</c:v>
                </c:pt>
                <c:pt idx="7908">
                  <c:v>1E-3</c:v>
                </c:pt>
                <c:pt idx="7909">
                  <c:v>1E-3</c:v>
                </c:pt>
                <c:pt idx="7910">
                  <c:v>1E-3</c:v>
                </c:pt>
                <c:pt idx="7911">
                  <c:v>1E-3</c:v>
                </c:pt>
                <c:pt idx="7912">
                  <c:v>1E-3</c:v>
                </c:pt>
                <c:pt idx="7913">
                  <c:v>1E-3</c:v>
                </c:pt>
                <c:pt idx="7914">
                  <c:v>1E-3</c:v>
                </c:pt>
                <c:pt idx="7915">
                  <c:v>1E-3</c:v>
                </c:pt>
                <c:pt idx="7916">
                  <c:v>1E-3</c:v>
                </c:pt>
                <c:pt idx="7917">
                  <c:v>1E-3</c:v>
                </c:pt>
                <c:pt idx="7918">
                  <c:v>1E-3</c:v>
                </c:pt>
                <c:pt idx="7919">
                  <c:v>1E-3</c:v>
                </c:pt>
                <c:pt idx="7920">
                  <c:v>1E-3</c:v>
                </c:pt>
                <c:pt idx="7921">
                  <c:v>1E-3</c:v>
                </c:pt>
                <c:pt idx="7922">
                  <c:v>1E-3</c:v>
                </c:pt>
                <c:pt idx="7923">
                  <c:v>1E-3</c:v>
                </c:pt>
                <c:pt idx="7924">
                  <c:v>1E-3</c:v>
                </c:pt>
                <c:pt idx="7925">
                  <c:v>1E-3</c:v>
                </c:pt>
                <c:pt idx="7926">
                  <c:v>1E-3</c:v>
                </c:pt>
                <c:pt idx="7927">
                  <c:v>1E-3</c:v>
                </c:pt>
                <c:pt idx="7928">
                  <c:v>1E-3</c:v>
                </c:pt>
                <c:pt idx="7929">
                  <c:v>1E-3</c:v>
                </c:pt>
                <c:pt idx="7930">
                  <c:v>1E-3</c:v>
                </c:pt>
                <c:pt idx="7931">
                  <c:v>1E-3</c:v>
                </c:pt>
                <c:pt idx="7932">
                  <c:v>1E-3</c:v>
                </c:pt>
                <c:pt idx="7933">
                  <c:v>1E-3</c:v>
                </c:pt>
                <c:pt idx="7934">
                  <c:v>1E-3</c:v>
                </c:pt>
                <c:pt idx="7935">
                  <c:v>1E-3</c:v>
                </c:pt>
                <c:pt idx="7936">
                  <c:v>1E-3</c:v>
                </c:pt>
                <c:pt idx="7937">
                  <c:v>1E-3</c:v>
                </c:pt>
                <c:pt idx="7938">
                  <c:v>1E-3</c:v>
                </c:pt>
                <c:pt idx="7939">
                  <c:v>1E-3</c:v>
                </c:pt>
                <c:pt idx="7940">
                  <c:v>1E-3</c:v>
                </c:pt>
                <c:pt idx="7941">
                  <c:v>1E-3</c:v>
                </c:pt>
                <c:pt idx="7942">
                  <c:v>1E-3</c:v>
                </c:pt>
                <c:pt idx="7943">
                  <c:v>1E-3</c:v>
                </c:pt>
                <c:pt idx="7944">
                  <c:v>1E-3</c:v>
                </c:pt>
                <c:pt idx="7945">
                  <c:v>1E-3</c:v>
                </c:pt>
                <c:pt idx="7946">
                  <c:v>1E-3</c:v>
                </c:pt>
                <c:pt idx="7947">
                  <c:v>1E-3</c:v>
                </c:pt>
                <c:pt idx="7948">
                  <c:v>1E-3</c:v>
                </c:pt>
                <c:pt idx="7949">
                  <c:v>1E-3</c:v>
                </c:pt>
                <c:pt idx="7950">
                  <c:v>1E-3</c:v>
                </c:pt>
                <c:pt idx="7951">
                  <c:v>1E-3</c:v>
                </c:pt>
                <c:pt idx="7952">
                  <c:v>1E-3</c:v>
                </c:pt>
                <c:pt idx="7953">
                  <c:v>1E-3</c:v>
                </c:pt>
                <c:pt idx="7954">
                  <c:v>1E-3</c:v>
                </c:pt>
                <c:pt idx="7955">
                  <c:v>1E-3</c:v>
                </c:pt>
                <c:pt idx="7956">
                  <c:v>1E-3</c:v>
                </c:pt>
                <c:pt idx="7957">
                  <c:v>1E-3</c:v>
                </c:pt>
                <c:pt idx="7958">
                  <c:v>1E-3</c:v>
                </c:pt>
                <c:pt idx="7959">
                  <c:v>1E-3</c:v>
                </c:pt>
                <c:pt idx="7960">
                  <c:v>1E-3</c:v>
                </c:pt>
                <c:pt idx="7961">
                  <c:v>1E-3</c:v>
                </c:pt>
                <c:pt idx="7962">
                  <c:v>1E-3</c:v>
                </c:pt>
                <c:pt idx="7963">
                  <c:v>1E-3</c:v>
                </c:pt>
                <c:pt idx="7964">
                  <c:v>1E-3</c:v>
                </c:pt>
                <c:pt idx="7965">
                  <c:v>1E-3</c:v>
                </c:pt>
                <c:pt idx="7966">
                  <c:v>1E-3</c:v>
                </c:pt>
                <c:pt idx="7967">
                  <c:v>1E-3</c:v>
                </c:pt>
                <c:pt idx="7968">
                  <c:v>1E-3</c:v>
                </c:pt>
                <c:pt idx="7969">
                  <c:v>1E-3</c:v>
                </c:pt>
                <c:pt idx="7970">
                  <c:v>1E-3</c:v>
                </c:pt>
                <c:pt idx="7971">
                  <c:v>1E-3</c:v>
                </c:pt>
                <c:pt idx="7972">
                  <c:v>1E-3</c:v>
                </c:pt>
                <c:pt idx="7973">
                  <c:v>1E-3</c:v>
                </c:pt>
                <c:pt idx="7974">
                  <c:v>1E-3</c:v>
                </c:pt>
                <c:pt idx="7975">
                  <c:v>1E-3</c:v>
                </c:pt>
                <c:pt idx="7976">
                  <c:v>1E-3</c:v>
                </c:pt>
                <c:pt idx="7977">
                  <c:v>1E-3</c:v>
                </c:pt>
                <c:pt idx="7978">
                  <c:v>1E-3</c:v>
                </c:pt>
                <c:pt idx="7979">
                  <c:v>1E-3</c:v>
                </c:pt>
                <c:pt idx="7980">
                  <c:v>1E-3</c:v>
                </c:pt>
                <c:pt idx="7981">
                  <c:v>1E-3</c:v>
                </c:pt>
                <c:pt idx="7982">
                  <c:v>1E-3</c:v>
                </c:pt>
                <c:pt idx="7983">
                  <c:v>1E-3</c:v>
                </c:pt>
                <c:pt idx="7984">
                  <c:v>1E-3</c:v>
                </c:pt>
                <c:pt idx="7985">
                  <c:v>1E-3</c:v>
                </c:pt>
                <c:pt idx="7986">
                  <c:v>1E-3</c:v>
                </c:pt>
                <c:pt idx="7987">
                  <c:v>1E-3</c:v>
                </c:pt>
                <c:pt idx="7988">
                  <c:v>1E-3</c:v>
                </c:pt>
                <c:pt idx="7989">
                  <c:v>1E-3</c:v>
                </c:pt>
                <c:pt idx="7990">
                  <c:v>1E-3</c:v>
                </c:pt>
                <c:pt idx="7991">
                  <c:v>1E-3</c:v>
                </c:pt>
                <c:pt idx="7992">
                  <c:v>1E-3</c:v>
                </c:pt>
                <c:pt idx="7993">
                  <c:v>1E-3</c:v>
                </c:pt>
                <c:pt idx="7994">
                  <c:v>1E-3</c:v>
                </c:pt>
                <c:pt idx="7995">
                  <c:v>1E-3</c:v>
                </c:pt>
                <c:pt idx="7996">
                  <c:v>1E-3</c:v>
                </c:pt>
                <c:pt idx="7997">
                  <c:v>1E-3</c:v>
                </c:pt>
                <c:pt idx="7998">
                  <c:v>1E-3</c:v>
                </c:pt>
                <c:pt idx="7999">
                  <c:v>1E-3</c:v>
                </c:pt>
                <c:pt idx="8000">
                  <c:v>1E-3</c:v>
                </c:pt>
                <c:pt idx="8001">
                  <c:v>1E-3</c:v>
                </c:pt>
                <c:pt idx="8002">
                  <c:v>1E-3</c:v>
                </c:pt>
                <c:pt idx="8003">
                  <c:v>1E-3</c:v>
                </c:pt>
                <c:pt idx="8004">
                  <c:v>1E-3</c:v>
                </c:pt>
                <c:pt idx="8005">
                  <c:v>1E-3</c:v>
                </c:pt>
                <c:pt idx="8006">
                  <c:v>1E-3</c:v>
                </c:pt>
                <c:pt idx="8007">
                  <c:v>1E-3</c:v>
                </c:pt>
                <c:pt idx="8008">
                  <c:v>1E-3</c:v>
                </c:pt>
                <c:pt idx="8009">
                  <c:v>1E-3</c:v>
                </c:pt>
                <c:pt idx="8010">
                  <c:v>1E-3</c:v>
                </c:pt>
                <c:pt idx="8011">
                  <c:v>1E-3</c:v>
                </c:pt>
                <c:pt idx="8012">
                  <c:v>1E-3</c:v>
                </c:pt>
                <c:pt idx="8013">
                  <c:v>1E-3</c:v>
                </c:pt>
                <c:pt idx="8014">
                  <c:v>1E-3</c:v>
                </c:pt>
                <c:pt idx="8015">
                  <c:v>1E-3</c:v>
                </c:pt>
                <c:pt idx="8016">
                  <c:v>1E-3</c:v>
                </c:pt>
                <c:pt idx="8017">
                  <c:v>1E-3</c:v>
                </c:pt>
                <c:pt idx="8018">
                  <c:v>1E-3</c:v>
                </c:pt>
                <c:pt idx="8019">
                  <c:v>1E-3</c:v>
                </c:pt>
                <c:pt idx="8020">
                  <c:v>2.5000000000000001E-3</c:v>
                </c:pt>
                <c:pt idx="8021">
                  <c:v>2.5000000000000001E-3</c:v>
                </c:pt>
                <c:pt idx="8022">
                  <c:v>2.5000000000000001E-3</c:v>
                </c:pt>
                <c:pt idx="8023">
                  <c:v>2.5000000000000001E-3</c:v>
                </c:pt>
                <c:pt idx="8024">
                  <c:v>2.5000000000000001E-3</c:v>
                </c:pt>
                <c:pt idx="8025">
                  <c:v>2.5000000000000001E-3</c:v>
                </c:pt>
                <c:pt idx="8026">
                  <c:v>2.5000000000000001E-3</c:v>
                </c:pt>
                <c:pt idx="8027">
                  <c:v>2.5000000000000001E-3</c:v>
                </c:pt>
                <c:pt idx="8028">
                  <c:v>2.5000000000000001E-3</c:v>
                </c:pt>
                <c:pt idx="8029">
                  <c:v>2.5000000000000001E-3</c:v>
                </c:pt>
                <c:pt idx="8030">
                  <c:v>2.5000000000000001E-3</c:v>
                </c:pt>
                <c:pt idx="8031">
                  <c:v>2.5000000000000001E-3</c:v>
                </c:pt>
                <c:pt idx="8032">
                  <c:v>2.5000000000000001E-3</c:v>
                </c:pt>
                <c:pt idx="8033">
                  <c:v>2.5000000000000001E-3</c:v>
                </c:pt>
                <c:pt idx="8034">
                  <c:v>2.5000000000000001E-3</c:v>
                </c:pt>
                <c:pt idx="8035">
                  <c:v>2.5000000000000001E-3</c:v>
                </c:pt>
                <c:pt idx="8036">
                  <c:v>2.5000000000000001E-3</c:v>
                </c:pt>
                <c:pt idx="8037">
                  <c:v>2.5000000000000001E-3</c:v>
                </c:pt>
                <c:pt idx="8038">
                  <c:v>2.5000000000000001E-3</c:v>
                </c:pt>
                <c:pt idx="8039">
                  <c:v>2.5000000000000001E-3</c:v>
                </c:pt>
                <c:pt idx="8040">
                  <c:v>2.5000000000000001E-3</c:v>
                </c:pt>
                <c:pt idx="8041">
                  <c:v>2.5000000000000001E-3</c:v>
                </c:pt>
                <c:pt idx="8042">
                  <c:v>2.5000000000000001E-3</c:v>
                </c:pt>
                <c:pt idx="8043">
                  <c:v>2.5000000000000001E-3</c:v>
                </c:pt>
                <c:pt idx="8044">
                  <c:v>2.5000000000000001E-3</c:v>
                </c:pt>
                <c:pt idx="8045">
                  <c:v>2.5000000000000001E-3</c:v>
                </c:pt>
                <c:pt idx="8046">
                  <c:v>2.5000000000000001E-3</c:v>
                </c:pt>
                <c:pt idx="8047">
                  <c:v>2.5000000000000001E-3</c:v>
                </c:pt>
                <c:pt idx="8048">
                  <c:v>2.5000000000000001E-3</c:v>
                </c:pt>
                <c:pt idx="8049">
                  <c:v>2.5000000000000001E-3</c:v>
                </c:pt>
                <c:pt idx="8050">
                  <c:v>2.5000000000000001E-3</c:v>
                </c:pt>
                <c:pt idx="8051">
                  <c:v>2.5000000000000001E-3</c:v>
                </c:pt>
                <c:pt idx="8052">
                  <c:v>2.5000000000000001E-3</c:v>
                </c:pt>
                <c:pt idx="8053">
                  <c:v>2.5000000000000001E-3</c:v>
                </c:pt>
                <c:pt idx="8054">
                  <c:v>2.5000000000000001E-3</c:v>
                </c:pt>
                <c:pt idx="8055">
                  <c:v>2.5000000000000001E-3</c:v>
                </c:pt>
                <c:pt idx="8056">
                  <c:v>2.5000000000000001E-3</c:v>
                </c:pt>
                <c:pt idx="8057">
                  <c:v>2.5000000000000001E-3</c:v>
                </c:pt>
                <c:pt idx="8058">
                  <c:v>2.5000000000000001E-3</c:v>
                </c:pt>
                <c:pt idx="8059">
                  <c:v>2.5000000000000001E-3</c:v>
                </c:pt>
                <c:pt idx="8060">
                  <c:v>2.5000000000000001E-3</c:v>
                </c:pt>
                <c:pt idx="8061">
                  <c:v>2.5000000000000001E-3</c:v>
                </c:pt>
                <c:pt idx="8062">
                  <c:v>2.5000000000000001E-3</c:v>
                </c:pt>
                <c:pt idx="8063">
                  <c:v>2.5000000000000001E-3</c:v>
                </c:pt>
                <c:pt idx="8064">
                  <c:v>2.5000000000000001E-3</c:v>
                </c:pt>
                <c:pt idx="8065">
                  <c:v>2.5000000000000001E-3</c:v>
                </c:pt>
                <c:pt idx="8066">
                  <c:v>2.5000000000000001E-3</c:v>
                </c:pt>
                <c:pt idx="8067">
                  <c:v>2.5000000000000001E-3</c:v>
                </c:pt>
                <c:pt idx="8068">
                  <c:v>2.5000000000000001E-3</c:v>
                </c:pt>
                <c:pt idx="8069">
                  <c:v>5.0000000000000001E-3</c:v>
                </c:pt>
                <c:pt idx="8070">
                  <c:v>5.0000000000000001E-3</c:v>
                </c:pt>
                <c:pt idx="8071">
                  <c:v>5.0000000000000001E-3</c:v>
                </c:pt>
                <c:pt idx="8072">
                  <c:v>5.0000000000000001E-3</c:v>
                </c:pt>
                <c:pt idx="8073">
                  <c:v>5.0000000000000001E-3</c:v>
                </c:pt>
                <c:pt idx="8074">
                  <c:v>5.0000000000000001E-3</c:v>
                </c:pt>
                <c:pt idx="8075">
                  <c:v>5.0000000000000001E-3</c:v>
                </c:pt>
                <c:pt idx="8076">
                  <c:v>5.0000000000000001E-3</c:v>
                </c:pt>
                <c:pt idx="8077">
                  <c:v>5.0000000000000001E-3</c:v>
                </c:pt>
                <c:pt idx="8078">
                  <c:v>5.0000000000000001E-3</c:v>
                </c:pt>
                <c:pt idx="8079">
                  <c:v>5.0000000000000001E-3</c:v>
                </c:pt>
                <c:pt idx="8080">
                  <c:v>5.0000000000000001E-3</c:v>
                </c:pt>
                <c:pt idx="8081">
                  <c:v>5.0000000000000001E-3</c:v>
                </c:pt>
                <c:pt idx="8082">
                  <c:v>5.0000000000000001E-3</c:v>
                </c:pt>
                <c:pt idx="8083">
                  <c:v>5.0000000000000001E-3</c:v>
                </c:pt>
                <c:pt idx="8084">
                  <c:v>5.0000000000000001E-3</c:v>
                </c:pt>
                <c:pt idx="8085">
                  <c:v>5.0000000000000001E-3</c:v>
                </c:pt>
                <c:pt idx="8086">
                  <c:v>5.0000000000000001E-3</c:v>
                </c:pt>
                <c:pt idx="8087">
                  <c:v>5.0000000000000001E-3</c:v>
                </c:pt>
                <c:pt idx="8088">
                  <c:v>5.0000000000000001E-3</c:v>
                </c:pt>
                <c:pt idx="8089">
                  <c:v>5.0000000000000001E-3</c:v>
                </c:pt>
                <c:pt idx="8090">
                  <c:v>5.0000000000000001E-3</c:v>
                </c:pt>
                <c:pt idx="8091">
                  <c:v>5.0000000000000001E-3</c:v>
                </c:pt>
                <c:pt idx="8092">
                  <c:v>5.0000000000000001E-3</c:v>
                </c:pt>
                <c:pt idx="8093">
                  <c:v>5.0000000000000001E-3</c:v>
                </c:pt>
                <c:pt idx="8094">
                  <c:v>5.0000000000000001E-3</c:v>
                </c:pt>
                <c:pt idx="8095">
                  <c:v>5.0000000000000001E-3</c:v>
                </c:pt>
                <c:pt idx="8096">
                  <c:v>5.0000000000000001E-3</c:v>
                </c:pt>
                <c:pt idx="8097">
                  <c:v>5.0000000000000001E-3</c:v>
                </c:pt>
                <c:pt idx="8098">
                  <c:v>5.0000000000000001E-3</c:v>
                </c:pt>
                <c:pt idx="8099">
                  <c:v>5.0000000000000001E-3</c:v>
                </c:pt>
                <c:pt idx="8100">
                  <c:v>5.0000000000000001E-3</c:v>
                </c:pt>
                <c:pt idx="8101">
                  <c:v>5.0000000000000001E-3</c:v>
                </c:pt>
                <c:pt idx="8102">
                  <c:v>5.0000000000000001E-3</c:v>
                </c:pt>
                <c:pt idx="8103">
                  <c:v>5.0000000000000001E-3</c:v>
                </c:pt>
                <c:pt idx="8104">
                  <c:v>5.0000000000000001E-3</c:v>
                </c:pt>
                <c:pt idx="8105">
                  <c:v>5.0000000000000001E-3</c:v>
                </c:pt>
                <c:pt idx="8106">
                  <c:v>5.0000000000000001E-3</c:v>
                </c:pt>
                <c:pt idx="8107">
                  <c:v>5.0000000000000001E-3</c:v>
                </c:pt>
                <c:pt idx="8108">
                  <c:v>5.0000000000000001E-3</c:v>
                </c:pt>
                <c:pt idx="8109">
                  <c:v>5.0000000000000001E-3</c:v>
                </c:pt>
                <c:pt idx="8110">
                  <c:v>5.0000000000000001E-3</c:v>
                </c:pt>
                <c:pt idx="8111">
                  <c:v>7.4999999999999997E-3</c:v>
                </c:pt>
                <c:pt idx="8112">
                  <c:v>7.4999999999999997E-3</c:v>
                </c:pt>
                <c:pt idx="8113">
                  <c:v>7.4999999999999997E-3</c:v>
                </c:pt>
                <c:pt idx="8114">
                  <c:v>7.4999999999999997E-3</c:v>
                </c:pt>
                <c:pt idx="8115">
                  <c:v>7.4999999999999997E-3</c:v>
                </c:pt>
                <c:pt idx="8116">
                  <c:v>7.4999999999999997E-3</c:v>
                </c:pt>
                <c:pt idx="8117">
                  <c:v>7.4999999999999997E-3</c:v>
                </c:pt>
                <c:pt idx="8118">
                  <c:v>7.4999999999999997E-3</c:v>
                </c:pt>
                <c:pt idx="8119">
                  <c:v>7.4999999999999997E-3</c:v>
                </c:pt>
                <c:pt idx="8120">
                  <c:v>7.4999999999999997E-3</c:v>
                </c:pt>
                <c:pt idx="8121">
                  <c:v>7.4999999999999997E-3</c:v>
                </c:pt>
                <c:pt idx="8122">
                  <c:v>7.4999999999999997E-3</c:v>
                </c:pt>
                <c:pt idx="8123">
                  <c:v>7.4999999999999997E-3</c:v>
                </c:pt>
                <c:pt idx="8124">
                  <c:v>7.4999999999999997E-3</c:v>
                </c:pt>
                <c:pt idx="8125">
                  <c:v>7.4999999999999997E-3</c:v>
                </c:pt>
                <c:pt idx="8126">
                  <c:v>7.4999999999999997E-3</c:v>
                </c:pt>
                <c:pt idx="8127">
                  <c:v>7.4999999999999997E-3</c:v>
                </c:pt>
                <c:pt idx="8128">
                  <c:v>7.4999999999999997E-3</c:v>
                </c:pt>
                <c:pt idx="8129">
                  <c:v>7.4999999999999997E-3</c:v>
                </c:pt>
                <c:pt idx="8130">
                  <c:v>7.4999999999999997E-3</c:v>
                </c:pt>
                <c:pt idx="8131">
                  <c:v>7.4999999999999997E-3</c:v>
                </c:pt>
                <c:pt idx="8132">
                  <c:v>7.4999999999999997E-3</c:v>
                </c:pt>
                <c:pt idx="8133">
                  <c:v>7.4999999999999997E-3</c:v>
                </c:pt>
                <c:pt idx="8134">
                  <c:v>7.4999999999999997E-3</c:v>
                </c:pt>
                <c:pt idx="8135">
                  <c:v>7.4999999999999997E-3</c:v>
                </c:pt>
                <c:pt idx="8136">
                  <c:v>7.4999999999999997E-3</c:v>
                </c:pt>
                <c:pt idx="8137">
                  <c:v>7.4999999999999997E-3</c:v>
                </c:pt>
                <c:pt idx="8138">
                  <c:v>7.4999999999999997E-3</c:v>
                </c:pt>
                <c:pt idx="8139">
                  <c:v>7.4999999999999997E-3</c:v>
                </c:pt>
                <c:pt idx="8140">
                  <c:v>7.4999999999999997E-3</c:v>
                </c:pt>
                <c:pt idx="8141">
                  <c:v>7.4999999999999997E-3</c:v>
                </c:pt>
                <c:pt idx="8142">
                  <c:v>7.4999999999999997E-3</c:v>
                </c:pt>
                <c:pt idx="8143">
                  <c:v>7.4999999999999997E-3</c:v>
                </c:pt>
                <c:pt idx="8144">
                  <c:v>7.4999999999999997E-3</c:v>
                </c:pt>
                <c:pt idx="8145">
                  <c:v>7.4999999999999997E-3</c:v>
                </c:pt>
                <c:pt idx="8146">
                  <c:v>7.4999999999999997E-3</c:v>
                </c:pt>
                <c:pt idx="8147">
                  <c:v>7.4999999999999997E-3</c:v>
                </c:pt>
                <c:pt idx="8148">
                  <c:v>7.4999999999999997E-3</c:v>
                </c:pt>
                <c:pt idx="8149">
                  <c:v>7.4999999999999997E-3</c:v>
                </c:pt>
                <c:pt idx="8150">
                  <c:v>7.4999999999999997E-3</c:v>
                </c:pt>
                <c:pt idx="8151">
                  <c:v>7.4999999999999997E-3</c:v>
                </c:pt>
                <c:pt idx="8152">
                  <c:v>7.4999999999999997E-3</c:v>
                </c:pt>
                <c:pt idx="8153">
                  <c:v>7.4999999999999997E-3</c:v>
                </c:pt>
                <c:pt idx="8154">
                  <c:v>7.4999999999999997E-3</c:v>
                </c:pt>
                <c:pt idx="8155">
                  <c:v>7.4999999999999997E-3</c:v>
                </c:pt>
                <c:pt idx="8156">
                  <c:v>7.4999999999999997E-3</c:v>
                </c:pt>
                <c:pt idx="8157">
                  <c:v>7.4999999999999997E-3</c:v>
                </c:pt>
                <c:pt idx="8158">
                  <c:v>7.4999999999999997E-3</c:v>
                </c:pt>
                <c:pt idx="8159">
                  <c:v>7.4999999999999997E-3</c:v>
                </c:pt>
                <c:pt idx="8160">
                  <c:v>0.01</c:v>
                </c:pt>
                <c:pt idx="8161">
                  <c:v>0.01</c:v>
                </c:pt>
                <c:pt idx="8162">
                  <c:v>0.01</c:v>
                </c:pt>
                <c:pt idx="8163">
                  <c:v>0.01</c:v>
                </c:pt>
                <c:pt idx="8164">
                  <c:v>0.01</c:v>
                </c:pt>
                <c:pt idx="8165">
                  <c:v>0.01</c:v>
                </c:pt>
                <c:pt idx="8166">
                  <c:v>0.01</c:v>
                </c:pt>
                <c:pt idx="8167">
                  <c:v>0.01</c:v>
                </c:pt>
                <c:pt idx="8168">
                  <c:v>0.01</c:v>
                </c:pt>
                <c:pt idx="8169">
                  <c:v>0.01</c:v>
                </c:pt>
                <c:pt idx="8170">
                  <c:v>0.01</c:v>
                </c:pt>
                <c:pt idx="8171">
                  <c:v>0.01</c:v>
                </c:pt>
                <c:pt idx="8172">
                  <c:v>0.01</c:v>
                </c:pt>
                <c:pt idx="8173">
                  <c:v>0.01</c:v>
                </c:pt>
                <c:pt idx="8174">
                  <c:v>0.01</c:v>
                </c:pt>
                <c:pt idx="8175">
                  <c:v>0.01</c:v>
                </c:pt>
                <c:pt idx="8176">
                  <c:v>0.01</c:v>
                </c:pt>
                <c:pt idx="8177">
                  <c:v>0.01</c:v>
                </c:pt>
                <c:pt idx="8178">
                  <c:v>0.01</c:v>
                </c:pt>
                <c:pt idx="8179">
                  <c:v>0.01</c:v>
                </c:pt>
                <c:pt idx="8180">
                  <c:v>0.01</c:v>
                </c:pt>
                <c:pt idx="8181">
                  <c:v>0.01</c:v>
                </c:pt>
                <c:pt idx="8182">
                  <c:v>0.01</c:v>
                </c:pt>
                <c:pt idx="8183">
                  <c:v>0.01</c:v>
                </c:pt>
                <c:pt idx="8184">
                  <c:v>0.01</c:v>
                </c:pt>
                <c:pt idx="8185">
                  <c:v>0.01</c:v>
                </c:pt>
                <c:pt idx="8186">
                  <c:v>0.01</c:v>
                </c:pt>
                <c:pt idx="8187">
                  <c:v>0.01</c:v>
                </c:pt>
                <c:pt idx="8188">
                  <c:v>0.01</c:v>
                </c:pt>
                <c:pt idx="8189">
                  <c:v>0.01</c:v>
                </c:pt>
                <c:pt idx="8190">
                  <c:v>0.01</c:v>
                </c:pt>
                <c:pt idx="8191">
                  <c:v>0.01</c:v>
                </c:pt>
                <c:pt idx="8192">
                  <c:v>0.01</c:v>
                </c:pt>
                <c:pt idx="8193">
                  <c:v>0.01</c:v>
                </c:pt>
                <c:pt idx="8194">
                  <c:v>0.01</c:v>
                </c:pt>
                <c:pt idx="8195">
                  <c:v>0.01</c:v>
                </c:pt>
                <c:pt idx="8196">
                  <c:v>0.01</c:v>
                </c:pt>
                <c:pt idx="8197">
                  <c:v>0.01</c:v>
                </c:pt>
                <c:pt idx="8198">
                  <c:v>0.01</c:v>
                </c:pt>
                <c:pt idx="8199">
                  <c:v>0.01</c:v>
                </c:pt>
                <c:pt idx="8200">
                  <c:v>0.01</c:v>
                </c:pt>
                <c:pt idx="8201">
                  <c:v>0.01</c:v>
                </c:pt>
                <c:pt idx="8202">
                  <c:v>1.2500000000000001E-2</c:v>
                </c:pt>
                <c:pt idx="8203">
                  <c:v>1.2500000000000001E-2</c:v>
                </c:pt>
                <c:pt idx="8204">
                  <c:v>1.2500000000000001E-2</c:v>
                </c:pt>
                <c:pt idx="8205">
                  <c:v>1.2500000000000001E-2</c:v>
                </c:pt>
                <c:pt idx="8206">
                  <c:v>1.2500000000000001E-2</c:v>
                </c:pt>
                <c:pt idx="8207">
                  <c:v>1.2500000000000001E-2</c:v>
                </c:pt>
                <c:pt idx="8208">
                  <c:v>1.2500000000000001E-2</c:v>
                </c:pt>
                <c:pt idx="8209">
                  <c:v>1.2500000000000001E-2</c:v>
                </c:pt>
                <c:pt idx="8210">
                  <c:v>1.2500000000000001E-2</c:v>
                </c:pt>
                <c:pt idx="8211">
                  <c:v>1.2500000000000001E-2</c:v>
                </c:pt>
                <c:pt idx="8212">
                  <c:v>1.2500000000000001E-2</c:v>
                </c:pt>
                <c:pt idx="8213">
                  <c:v>1.2500000000000001E-2</c:v>
                </c:pt>
                <c:pt idx="8214">
                  <c:v>1.2500000000000001E-2</c:v>
                </c:pt>
                <c:pt idx="8215">
                  <c:v>1.2500000000000001E-2</c:v>
                </c:pt>
                <c:pt idx="8216">
                  <c:v>1.2500000000000001E-2</c:v>
                </c:pt>
                <c:pt idx="8217">
                  <c:v>1.2500000000000001E-2</c:v>
                </c:pt>
                <c:pt idx="8218">
                  <c:v>1.2500000000000001E-2</c:v>
                </c:pt>
                <c:pt idx="8219">
                  <c:v>1.2500000000000001E-2</c:v>
                </c:pt>
                <c:pt idx="8220">
                  <c:v>1.2500000000000001E-2</c:v>
                </c:pt>
                <c:pt idx="8221">
                  <c:v>1.2500000000000001E-2</c:v>
                </c:pt>
                <c:pt idx="8222">
                  <c:v>1.2500000000000001E-2</c:v>
                </c:pt>
                <c:pt idx="8223">
                  <c:v>1.2500000000000001E-2</c:v>
                </c:pt>
                <c:pt idx="8224">
                  <c:v>1.2500000000000001E-2</c:v>
                </c:pt>
                <c:pt idx="8225">
                  <c:v>1.2500000000000001E-2</c:v>
                </c:pt>
                <c:pt idx="8226">
                  <c:v>1.2500000000000001E-2</c:v>
                </c:pt>
                <c:pt idx="8227">
                  <c:v>1.2500000000000001E-2</c:v>
                </c:pt>
                <c:pt idx="8228">
                  <c:v>1.2500000000000001E-2</c:v>
                </c:pt>
                <c:pt idx="8229">
                  <c:v>1.2500000000000001E-2</c:v>
                </c:pt>
                <c:pt idx="8230">
                  <c:v>1.2500000000000001E-2</c:v>
                </c:pt>
                <c:pt idx="8231">
                  <c:v>1.2500000000000001E-2</c:v>
                </c:pt>
                <c:pt idx="8232">
                  <c:v>1.2500000000000001E-2</c:v>
                </c:pt>
                <c:pt idx="8233">
                  <c:v>1.2500000000000001E-2</c:v>
                </c:pt>
                <c:pt idx="8234">
                  <c:v>1.2500000000000001E-2</c:v>
                </c:pt>
                <c:pt idx="8235">
                  <c:v>1.2500000000000001E-2</c:v>
                </c:pt>
                <c:pt idx="8236">
                  <c:v>1.2500000000000001E-2</c:v>
                </c:pt>
                <c:pt idx="8237">
                  <c:v>1.2500000000000001E-2</c:v>
                </c:pt>
                <c:pt idx="8238">
                  <c:v>1.2500000000000001E-2</c:v>
                </c:pt>
                <c:pt idx="8239">
                  <c:v>1.2500000000000001E-2</c:v>
                </c:pt>
                <c:pt idx="8240">
                  <c:v>1.2500000000000001E-2</c:v>
                </c:pt>
                <c:pt idx="8241">
                  <c:v>1.2500000000000001E-2</c:v>
                </c:pt>
                <c:pt idx="8242">
                  <c:v>1.2500000000000001E-2</c:v>
                </c:pt>
                <c:pt idx="8243">
                  <c:v>1.2500000000000001E-2</c:v>
                </c:pt>
                <c:pt idx="8244">
                  <c:v>1.2500000000000001E-2</c:v>
                </c:pt>
                <c:pt idx="8245">
                  <c:v>1.2500000000000001E-2</c:v>
                </c:pt>
                <c:pt idx="8246">
                  <c:v>1.2500000000000001E-2</c:v>
                </c:pt>
                <c:pt idx="8247">
                  <c:v>1.2500000000000001E-2</c:v>
                </c:pt>
                <c:pt idx="8248">
                  <c:v>1.2500000000000001E-2</c:v>
                </c:pt>
                <c:pt idx="8249">
                  <c:v>1.2500000000000001E-2</c:v>
                </c:pt>
                <c:pt idx="8250">
                  <c:v>1.2500000000000001E-2</c:v>
                </c:pt>
                <c:pt idx="8251">
                  <c:v>1.7500000000000002E-2</c:v>
                </c:pt>
                <c:pt idx="8252">
                  <c:v>1.7500000000000002E-2</c:v>
                </c:pt>
                <c:pt idx="8253">
                  <c:v>1.7500000000000002E-2</c:v>
                </c:pt>
                <c:pt idx="8254">
                  <c:v>1.7500000000000002E-2</c:v>
                </c:pt>
                <c:pt idx="8255">
                  <c:v>1.7500000000000002E-2</c:v>
                </c:pt>
                <c:pt idx="8256">
                  <c:v>1.7500000000000002E-2</c:v>
                </c:pt>
                <c:pt idx="8257">
                  <c:v>1.7500000000000002E-2</c:v>
                </c:pt>
                <c:pt idx="8258">
                  <c:v>1.7500000000000002E-2</c:v>
                </c:pt>
                <c:pt idx="8259">
                  <c:v>1.7500000000000002E-2</c:v>
                </c:pt>
                <c:pt idx="8260">
                  <c:v>1.7500000000000002E-2</c:v>
                </c:pt>
                <c:pt idx="8261">
                  <c:v>1.7500000000000002E-2</c:v>
                </c:pt>
                <c:pt idx="8262">
                  <c:v>1.7500000000000002E-2</c:v>
                </c:pt>
                <c:pt idx="8263">
                  <c:v>1.7500000000000002E-2</c:v>
                </c:pt>
                <c:pt idx="8264">
                  <c:v>1.7500000000000002E-2</c:v>
                </c:pt>
                <c:pt idx="8265">
                  <c:v>1.7500000000000002E-2</c:v>
                </c:pt>
                <c:pt idx="8266">
                  <c:v>1.7500000000000002E-2</c:v>
                </c:pt>
                <c:pt idx="8267">
                  <c:v>1.7500000000000002E-2</c:v>
                </c:pt>
                <c:pt idx="8268">
                  <c:v>1.7500000000000002E-2</c:v>
                </c:pt>
                <c:pt idx="8269">
                  <c:v>1.7500000000000002E-2</c:v>
                </c:pt>
                <c:pt idx="8270">
                  <c:v>1.7500000000000002E-2</c:v>
                </c:pt>
                <c:pt idx="8271">
                  <c:v>1.7500000000000002E-2</c:v>
                </c:pt>
                <c:pt idx="8272">
                  <c:v>1.7500000000000002E-2</c:v>
                </c:pt>
                <c:pt idx="8273">
                  <c:v>1.7500000000000002E-2</c:v>
                </c:pt>
                <c:pt idx="8274">
                  <c:v>1.7500000000000002E-2</c:v>
                </c:pt>
                <c:pt idx="8275">
                  <c:v>1.7500000000000002E-2</c:v>
                </c:pt>
                <c:pt idx="8276">
                  <c:v>1.7500000000000002E-2</c:v>
                </c:pt>
                <c:pt idx="8277">
                  <c:v>1.7500000000000002E-2</c:v>
                </c:pt>
                <c:pt idx="8278">
                  <c:v>1.7500000000000002E-2</c:v>
                </c:pt>
                <c:pt idx="8279">
                  <c:v>1.7500000000000002E-2</c:v>
                </c:pt>
                <c:pt idx="8280">
                  <c:v>1.7500000000000002E-2</c:v>
                </c:pt>
                <c:pt idx="8281">
                  <c:v>1.7500000000000002E-2</c:v>
                </c:pt>
                <c:pt idx="8282">
                  <c:v>1.7500000000000002E-2</c:v>
                </c:pt>
                <c:pt idx="8283">
                  <c:v>1.7500000000000002E-2</c:v>
                </c:pt>
                <c:pt idx="8284">
                  <c:v>1.7500000000000002E-2</c:v>
                </c:pt>
                <c:pt idx="8285">
                  <c:v>1.7500000000000002E-2</c:v>
                </c:pt>
                <c:pt idx="8286">
                  <c:v>1.7500000000000002E-2</c:v>
                </c:pt>
                <c:pt idx="8287">
                  <c:v>1.7500000000000002E-2</c:v>
                </c:pt>
                <c:pt idx="8288">
                  <c:v>1.7500000000000002E-2</c:v>
                </c:pt>
                <c:pt idx="8289">
                  <c:v>1.7500000000000002E-2</c:v>
                </c:pt>
                <c:pt idx="8290">
                  <c:v>1.7500000000000002E-2</c:v>
                </c:pt>
                <c:pt idx="8291">
                  <c:v>1.7500000000000002E-2</c:v>
                </c:pt>
                <c:pt idx="8292">
                  <c:v>1.7500000000000002E-2</c:v>
                </c:pt>
                <c:pt idx="8293">
                  <c:v>1.7500000000000002E-2</c:v>
                </c:pt>
                <c:pt idx="8294">
                  <c:v>1.7500000000000002E-2</c:v>
                </c:pt>
                <c:pt idx="8295">
                  <c:v>1.7500000000000002E-2</c:v>
                </c:pt>
                <c:pt idx="8296">
                  <c:v>1.7500000000000002E-2</c:v>
                </c:pt>
                <c:pt idx="8297">
                  <c:v>1.7500000000000002E-2</c:v>
                </c:pt>
                <c:pt idx="8298">
                  <c:v>1.7500000000000002E-2</c:v>
                </c:pt>
                <c:pt idx="8299">
                  <c:v>1.7500000000000002E-2</c:v>
                </c:pt>
                <c:pt idx="8300">
                  <c:v>2.2499999999999999E-2</c:v>
                </c:pt>
                <c:pt idx="8301">
                  <c:v>2.2499999999999999E-2</c:v>
                </c:pt>
                <c:pt idx="8302">
                  <c:v>2.2499999999999999E-2</c:v>
                </c:pt>
                <c:pt idx="8303">
                  <c:v>2.2499999999999999E-2</c:v>
                </c:pt>
                <c:pt idx="8304">
                  <c:v>2.2499999999999999E-2</c:v>
                </c:pt>
                <c:pt idx="8305">
                  <c:v>2.2499999999999999E-2</c:v>
                </c:pt>
                <c:pt idx="8306">
                  <c:v>2.2499999999999999E-2</c:v>
                </c:pt>
                <c:pt idx="8307">
                  <c:v>2.2499999999999999E-2</c:v>
                </c:pt>
                <c:pt idx="8308">
                  <c:v>2.2499999999999999E-2</c:v>
                </c:pt>
                <c:pt idx="8309">
                  <c:v>2.2499999999999999E-2</c:v>
                </c:pt>
                <c:pt idx="8310">
                  <c:v>2.2499999999999999E-2</c:v>
                </c:pt>
                <c:pt idx="8311">
                  <c:v>2.2499999999999999E-2</c:v>
                </c:pt>
                <c:pt idx="8312">
                  <c:v>2.2499999999999999E-2</c:v>
                </c:pt>
                <c:pt idx="8313">
                  <c:v>2.2499999999999999E-2</c:v>
                </c:pt>
                <c:pt idx="8314">
                  <c:v>2.2499999999999999E-2</c:v>
                </c:pt>
                <c:pt idx="8315">
                  <c:v>2.2499999999999999E-2</c:v>
                </c:pt>
                <c:pt idx="8316">
                  <c:v>2.2499999999999999E-2</c:v>
                </c:pt>
                <c:pt idx="8317">
                  <c:v>2.2499999999999999E-2</c:v>
                </c:pt>
                <c:pt idx="8318">
                  <c:v>2.2499999999999999E-2</c:v>
                </c:pt>
                <c:pt idx="8319">
                  <c:v>2.2499999999999999E-2</c:v>
                </c:pt>
                <c:pt idx="8320">
                  <c:v>2.2499999999999999E-2</c:v>
                </c:pt>
                <c:pt idx="8321">
                  <c:v>2.2499999999999999E-2</c:v>
                </c:pt>
                <c:pt idx="8322">
                  <c:v>2.2499999999999999E-2</c:v>
                </c:pt>
                <c:pt idx="8323">
                  <c:v>2.2499999999999999E-2</c:v>
                </c:pt>
                <c:pt idx="8324">
                  <c:v>2.2499999999999999E-2</c:v>
                </c:pt>
                <c:pt idx="8325">
                  <c:v>2.2499999999999999E-2</c:v>
                </c:pt>
                <c:pt idx="8326">
                  <c:v>2.2499999999999999E-2</c:v>
                </c:pt>
                <c:pt idx="8327">
                  <c:v>2.2499999999999999E-2</c:v>
                </c:pt>
                <c:pt idx="8328">
                  <c:v>2.2499999999999999E-2</c:v>
                </c:pt>
                <c:pt idx="8329">
                  <c:v>2.2499999999999999E-2</c:v>
                </c:pt>
                <c:pt idx="8330">
                  <c:v>2.2499999999999999E-2</c:v>
                </c:pt>
                <c:pt idx="8331">
                  <c:v>2.2499999999999999E-2</c:v>
                </c:pt>
                <c:pt idx="8332">
                  <c:v>2.2499999999999999E-2</c:v>
                </c:pt>
                <c:pt idx="8333">
                  <c:v>2.2499999999999999E-2</c:v>
                </c:pt>
                <c:pt idx="8334">
                  <c:v>2.2499999999999999E-2</c:v>
                </c:pt>
                <c:pt idx="8335">
                  <c:v>2.2499999999999999E-2</c:v>
                </c:pt>
                <c:pt idx="8336">
                  <c:v>2.2499999999999999E-2</c:v>
                </c:pt>
                <c:pt idx="8337">
                  <c:v>2.2499999999999999E-2</c:v>
                </c:pt>
                <c:pt idx="8338">
                  <c:v>2.2499999999999999E-2</c:v>
                </c:pt>
                <c:pt idx="8339">
                  <c:v>2.2499999999999999E-2</c:v>
                </c:pt>
                <c:pt idx="8340">
                  <c:v>2.2499999999999999E-2</c:v>
                </c:pt>
                <c:pt idx="8341">
                  <c:v>2.2499999999999999E-2</c:v>
                </c:pt>
                <c:pt idx="8342">
                  <c:v>0.03</c:v>
                </c:pt>
                <c:pt idx="8343">
                  <c:v>0.03</c:v>
                </c:pt>
                <c:pt idx="8344">
                  <c:v>0.03</c:v>
                </c:pt>
                <c:pt idx="8345">
                  <c:v>0.03</c:v>
                </c:pt>
                <c:pt idx="8346">
                  <c:v>0.03</c:v>
                </c:pt>
                <c:pt idx="8347">
                  <c:v>0.03</c:v>
                </c:pt>
                <c:pt idx="8348">
                  <c:v>0.03</c:v>
                </c:pt>
                <c:pt idx="8349">
                  <c:v>0.03</c:v>
                </c:pt>
                <c:pt idx="8350">
                  <c:v>0.03</c:v>
                </c:pt>
                <c:pt idx="8351">
                  <c:v>0.03</c:v>
                </c:pt>
                <c:pt idx="8352">
                  <c:v>0.03</c:v>
                </c:pt>
                <c:pt idx="8353">
                  <c:v>0.03</c:v>
                </c:pt>
                <c:pt idx="8354">
                  <c:v>0.03</c:v>
                </c:pt>
                <c:pt idx="8355">
                  <c:v>0.03</c:v>
                </c:pt>
                <c:pt idx="8356">
                  <c:v>0.03</c:v>
                </c:pt>
                <c:pt idx="8357">
                  <c:v>0.03</c:v>
                </c:pt>
                <c:pt idx="8358">
                  <c:v>0.03</c:v>
                </c:pt>
                <c:pt idx="8359">
                  <c:v>0.03</c:v>
                </c:pt>
                <c:pt idx="8360">
                  <c:v>0.03</c:v>
                </c:pt>
                <c:pt idx="8361">
                  <c:v>0.03</c:v>
                </c:pt>
                <c:pt idx="8362">
                  <c:v>0.03</c:v>
                </c:pt>
                <c:pt idx="8363">
                  <c:v>0.03</c:v>
                </c:pt>
                <c:pt idx="8364">
                  <c:v>0.03</c:v>
                </c:pt>
                <c:pt idx="8365">
                  <c:v>0.03</c:v>
                </c:pt>
                <c:pt idx="8366">
                  <c:v>0.03</c:v>
                </c:pt>
                <c:pt idx="8367">
                  <c:v>0.03</c:v>
                </c:pt>
                <c:pt idx="8368">
                  <c:v>0.03</c:v>
                </c:pt>
                <c:pt idx="8369">
                  <c:v>0.03</c:v>
                </c:pt>
                <c:pt idx="8370">
                  <c:v>0.03</c:v>
                </c:pt>
                <c:pt idx="8371">
                  <c:v>0.03</c:v>
                </c:pt>
                <c:pt idx="8372">
                  <c:v>0.03</c:v>
                </c:pt>
                <c:pt idx="8373">
                  <c:v>0.03</c:v>
                </c:pt>
                <c:pt idx="8374">
                  <c:v>0.03</c:v>
                </c:pt>
                <c:pt idx="8375">
                  <c:v>0.03</c:v>
                </c:pt>
                <c:pt idx="8376">
                  <c:v>0.03</c:v>
                </c:pt>
                <c:pt idx="8377">
                  <c:v>0.03</c:v>
                </c:pt>
                <c:pt idx="8378">
                  <c:v>0.03</c:v>
                </c:pt>
                <c:pt idx="8379">
                  <c:v>0.03</c:v>
                </c:pt>
                <c:pt idx="8380">
                  <c:v>0.03</c:v>
                </c:pt>
                <c:pt idx="8381">
                  <c:v>0.03</c:v>
                </c:pt>
                <c:pt idx="8382">
                  <c:v>0.03</c:v>
                </c:pt>
                <c:pt idx="8383">
                  <c:v>0.03</c:v>
                </c:pt>
                <c:pt idx="8384">
                  <c:v>3.5000000000000003E-2</c:v>
                </c:pt>
                <c:pt idx="8385">
                  <c:v>3.5000000000000003E-2</c:v>
                </c:pt>
                <c:pt idx="8386">
                  <c:v>3.5000000000000003E-2</c:v>
                </c:pt>
                <c:pt idx="8387">
                  <c:v>3.5000000000000003E-2</c:v>
                </c:pt>
                <c:pt idx="8388">
                  <c:v>3.5000000000000003E-2</c:v>
                </c:pt>
                <c:pt idx="8389">
                  <c:v>3.5000000000000003E-2</c:v>
                </c:pt>
                <c:pt idx="8390">
                  <c:v>3.5000000000000003E-2</c:v>
                </c:pt>
                <c:pt idx="8391">
                  <c:v>3.5000000000000003E-2</c:v>
                </c:pt>
                <c:pt idx="8392">
                  <c:v>3.5000000000000003E-2</c:v>
                </c:pt>
                <c:pt idx="8393">
                  <c:v>3.5000000000000003E-2</c:v>
                </c:pt>
                <c:pt idx="8394">
                  <c:v>3.5000000000000003E-2</c:v>
                </c:pt>
                <c:pt idx="8395">
                  <c:v>3.5000000000000003E-2</c:v>
                </c:pt>
                <c:pt idx="8396">
                  <c:v>3.5000000000000003E-2</c:v>
                </c:pt>
                <c:pt idx="8397">
                  <c:v>3.5000000000000003E-2</c:v>
                </c:pt>
                <c:pt idx="8398">
                  <c:v>3.5000000000000003E-2</c:v>
                </c:pt>
                <c:pt idx="8399">
                  <c:v>3.5000000000000003E-2</c:v>
                </c:pt>
                <c:pt idx="8400">
                  <c:v>3.5000000000000003E-2</c:v>
                </c:pt>
                <c:pt idx="8401">
                  <c:v>3.5000000000000003E-2</c:v>
                </c:pt>
                <c:pt idx="8402">
                  <c:v>3.5000000000000003E-2</c:v>
                </c:pt>
                <c:pt idx="8403">
                  <c:v>3.5000000000000003E-2</c:v>
                </c:pt>
                <c:pt idx="8404">
                  <c:v>3.5000000000000003E-2</c:v>
                </c:pt>
                <c:pt idx="8405">
                  <c:v>3.5000000000000003E-2</c:v>
                </c:pt>
                <c:pt idx="8406">
                  <c:v>3.5000000000000003E-2</c:v>
                </c:pt>
                <c:pt idx="8407">
                  <c:v>3.5000000000000003E-2</c:v>
                </c:pt>
                <c:pt idx="8408">
                  <c:v>3.5000000000000003E-2</c:v>
                </c:pt>
                <c:pt idx="8409">
                  <c:v>3.5000000000000003E-2</c:v>
                </c:pt>
                <c:pt idx="8410">
                  <c:v>3.5000000000000003E-2</c:v>
                </c:pt>
                <c:pt idx="8411">
                  <c:v>3.5000000000000003E-2</c:v>
                </c:pt>
                <c:pt idx="8412">
                  <c:v>3.5000000000000003E-2</c:v>
                </c:pt>
                <c:pt idx="8413">
                  <c:v>3.5000000000000003E-2</c:v>
                </c:pt>
                <c:pt idx="8414">
                  <c:v>3.5000000000000003E-2</c:v>
                </c:pt>
                <c:pt idx="8415">
                  <c:v>3.5000000000000003E-2</c:v>
                </c:pt>
                <c:pt idx="8416">
                  <c:v>3.5000000000000003E-2</c:v>
                </c:pt>
                <c:pt idx="8417">
                  <c:v>3.5000000000000003E-2</c:v>
                </c:pt>
                <c:pt idx="8418">
                  <c:v>3.5000000000000003E-2</c:v>
                </c:pt>
                <c:pt idx="8419">
                  <c:v>3.5000000000000003E-2</c:v>
                </c:pt>
                <c:pt idx="8420">
                  <c:v>3.5000000000000003E-2</c:v>
                </c:pt>
                <c:pt idx="8421">
                  <c:v>3.5000000000000003E-2</c:v>
                </c:pt>
                <c:pt idx="8422">
                  <c:v>3.5000000000000003E-2</c:v>
                </c:pt>
                <c:pt idx="8423">
                  <c:v>3.5000000000000003E-2</c:v>
                </c:pt>
                <c:pt idx="8424">
                  <c:v>3.5000000000000003E-2</c:v>
                </c:pt>
                <c:pt idx="8425">
                  <c:v>3.5000000000000003E-2</c:v>
                </c:pt>
                <c:pt idx="8426">
                  <c:v>3.5000000000000003E-2</c:v>
                </c:pt>
                <c:pt idx="8427">
                  <c:v>3.5000000000000003E-2</c:v>
                </c:pt>
                <c:pt idx="8428">
                  <c:v>3.5000000000000003E-2</c:v>
                </c:pt>
                <c:pt idx="8429">
                  <c:v>3.5000000000000003E-2</c:v>
                </c:pt>
                <c:pt idx="8430">
                  <c:v>3.5000000000000003E-2</c:v>
                </c:pt>
                <c:pt idx="8431">
                  <c:v>3.5000000000000003E-2</c:v>
                </c:pt>
                <c:pt idx="8432">
                  <c:v>3.5000000000000003E-2</c:v>
                </c:pt>
                <c:pt idx="8433">
                  <c:v>0.04</c:v>
                </c:pt>
                <c:pt idx="8434">
                  <c:v>0.04</c:v>
                </c:pt>
                <c:pt idx="8435">
                  <c:v>0.04</c:v>
                </c:pt>
                <c:pt idx="8436">
                  <c:v>0.04</c:v>
                </c:pt>
                <c:pt idx="8437">
                  <c:v>0.04</c:v>
                </c:pt>
                <c:pt idx="8438">
                  <c:v>0.04</c:v>
                </c:pt>
                <c:pt idx="8439">
                  <c:v>0.04</c:v>
                </c:pt>
                <c:pt idx="8440">
                  <c:v>0.04</c:v>
                </c:pt>
                <c:pt idx="8441">
                  <c:v>0.04</c:v>
                </c:pt>
                <c:pt idx="8442">
                  <c:v>0.04</c:v>
                </c:pt>
                <c:pt idx="8443">
                  <c:v>0.04</c:v>
                </c:pt>
                <c:pt idx="8444">
                  <c:v>0.04</c:v>
                </c:pt>
                <c:pt idx="8445">
                  <c:v>0.04</c:v>
                </c:pt>
                <c:pt idx="8446">
                  <c:v>0.04</c:v>
                </c:pt>
                <c:pt idx="8447">
                  <c:v>0.04</c:v>
                </c:pt>
                <c:pt idx="8448">
                  <c:v>0.04</c:v>
                </c:pt>
                <c:pt idx="8449">
                  <c:v>0.04</c:v>
                </c:pt>
                <c:pt idx="8450">
                  <c:v>0.04</c:v>
                </c:pt>
                <c:pt idx="8451">
                  <c:v>0.04</c:v>
                </c:pt>
                <c:pt idx="8452">
                  <c:v>0.04</c:v>
                </c:pt>
                <c:pt idx="8453">
                  <c:v>0.04</c:v>
                </c:pt>
                <c:pt idx="8454">
                  <c:v>0.04</c:v>
                </c:pt>
                <c:pt idx="8455">
                  <c:v>0.04</c:v>
                </c:pt>
                <c:pt idx="8456">
                  <c:v>0.04</c:v>
                </c:pt>
                <c:pt idx="8457">
                  <c:v>0.04</c:v>
                </c:pt>
                <c:pt idx="8458">
                  <c:v>0.04</c:v>
                </c:pt>
                <c:pt idx="8459">
                  <c:v>0.04</c:v>
                </c:pt>
                <c:pt idx="8460">
                  <c:v>0.04</c:v>
                </c:pt>
                <c:pt idx="8461">
                  <c:v>0.04</c:v>
                </c:pt>
                <c:pt idx="8462">
                  <c:v>0.04</c:v>
                </c:pt>
                <c:pt idx="8463">
                  <c:v>0.04</c:v>
                </c:pt>
                <c:pt idx="8464">
                  <c:v>0.04</c:v>
                </c:pt>
                <c:pt idx="8465">
                  <c:v>0.04</c:v>
                </c:pt>
                <c:pt idx="8466">
                  <c:v>0.04</c:v>
                </c:pt>
                <c:pt idx="8467">
                  <c:v>0.04</c:v>
                </c:pt>
                <c:pt idx="8468">
                  <c:v>0.04</c:v>
                </c:pt>
                <c:pt idx="8469">
                  <c:v>0.04</c:v>
                </c:pt>
                <c:pt idx="8470">
                  <c:v>0.04</c:v>
                </c:pt>
                <c:pt idx="8471">
                  <c:v>0.04</c:v>
                </c:pt>
                <c:pt idx="8472">
                  <c:v>0.04</c:v>
                </c:pt>
                <c:pt idx="8473">
                  <c:v>0.04</c:v>
                </c:pt>
                <c:pt idx="8474">
                  <c:v>0.04</c:v>
                </c:pt>
                <c:pt idx="8475">
                  <c:v>0.04</c:v>
                </c:pt>
                <c:pt idx="8476">
                  <c:v>0.04</c:v>
                </c:pt>
                <c:pt idx="8477">
                  <c:v>0.04</c:v>
                </c:pt>
                <c:pt idx="8478">
                  <c:v>0.04</c:v>
                </c:pt>
                <c:pt idx="8479">
                  <c:v>0.04</c:v>
                </c:pt>
                <c:pt idx="8480">
                  <c:v>0.04</c:v>
                </c:pt>
                <c:pt idx="8481">
                  <c:v>0.04</c:v>
                </c:pt>
                <c:pt idx="8482">
                  <c:v>4.2500000000000003E-2</c:v>
                </c:pt>
                <c:pt idx="8483">
                  <c:v>4.2500000000000003E-2</c:v>
                </c:pt>
                <c:pt idx="8484">
                  <c:v>4.2500000000000003E-2</c:v>
                </c:pt>
                <c:pt idx="8485">
                  <c:v>4.2500000000000003E-2</c:v>
                </c:pt>
                <c:pt idx="8486">
                  <c:v>4.2500000000000003E-2</c:v>
                </c:pt>
                <c:pt idx="8487">
                  <c:v>4.2500000000000003E-2</c:v>
                </c:pt>
                <c:pt idx="8488">
                  <c:v>4.2500000000000003E-2</c:v>
                </c:pt>
                <c:pt idx="8489">
                  <c:v>4.2500000000000003E-2</c:v>
                </c:pt>
                <c:pt idx="8490">
                  <c:v>4.2500000000000003E-2</c:v>
                </c:pt>
                <c:pt idx="8491">
                  <c:v>4.2500000000000003E-2</c:v>
                </c:pt>
                <c:pt idx="8492">
                  <c:v>4.2500000000000003E-2</c:v>
                </c:pt>
                <c:pt idx="8493">
                  <c:v>4.2500000000000003E-2</c:v>
                </c:pt>
                <c:pt idx="8494">
                  <c:v>4.2500000000000003E-2</c:v>
                </c:pt>
                <c:pt idx="8495">
                  <c:v>4.2500000000000003E-2</c:v>
                </c:pt>
                <c:pt idx="8496">
                  <c:v>4.2500000000000003E-2</c:v>
                </c:pt>
                <c:pt idx="8497">
                  <c:v>4.2500000000000003E-2</c:v>
                </c:pt>
                <c:pt idx="8498">
                  <c:v>4.2500000000000003E-2</c:v>
                </c:pt>
                <c:pt idx="8499">
                  <c:v>4.2500000000000003E-2</c:v>
                </c:pt>
                <c:pt idx="8500">
                  <c:v>4.2500000000000003E-2</c:v>
                </c:pt>
                <c:pt idx="8501">
                  <c:v>4.2500000000000003E-2</c:v>
                </c:pt>
                <c:pt idx="8502">
                  <c:v>4.2500000000000003E-2</c:v>
                </c:pt>
                <c:pt idx="8503">
                  <c:v>4.2500000000000003E-2</c:v>
                </c:pt>
                <c:pt idx="8504">
                  <c:v>4.2500000000000003E-2</c:v>
                </c:pt>
                <c:pt idx="8505">
                  <c:v>4.2500000000000003E-2</c:v>
                </c:pt>
                <c:pt idx="8506">
                  <c:v>4.2500000000000003E-2</c:v>
                </c:pt>
                <c:pt idx="8507">
                  <c:v>4.2500000000000003E-2</c:v>
                </c:pt>
                <c:pt idx="8508">
                  <c:v>4.2500000000000003E-2</c:v>
                </c:pt>
                <c:pt idx="8509">
                  <c:v>4.2500000000000003E-2</c:v>
                </c:pt>
                <c:pt idx="8510">
                  <c:v>4.2500000000000003E-2</c:v>
                </c:pt>
                <c:pt idx="8511">
                  <c:v>4.2500000000000003E-2</c:v>
                </c:pt>
                <c:pt idx="8512">
                  <c:v>4.2500000000000003E-2</c:v>
                </c:pt>
                <c:pt idx="8513">
                  <c:v>4.2500000000000003E-2</c:v>
                </c:pt>
                <c:pt idx="8514">
                  <c:v>4.2500000000000003E-2</c:v>
                </c:pt>
                <c:pt idx="8515">
                  <c:v>4.2500000000000003E-2</c:v>
                </c:pt>
                <c:pt idx="8516">
                  <c:v>4.2500000000000003E-2</c:v>
                </c:pt>
                <c:pt idx="8517">
                  <c:v>4.2500000000000003E-2</c:v>
                </c:pt>
                <c:pt idx="8518">
                  <c:v>4.2500000000000003E-2</c:v>
                </c:pt>
                <c:pt idx="8519">
                  <c:v>4.2500000000000003E-2</c:v>
                </c:pt>
                <c:pt idx="8520">
                  <c:v>4.2500000000000003E-2</c:v>
                </c:pt>
                <c:pt idx="8521">
                  <c:v>4.2500000000000003E-2</c:v>
                </c:pt>
                <c:pt idx="8522">
                  <c:v>4.2500000000000003E-2</c:v>
                </c:pt>
                <c:pt idx="8523">
                  <c:v>4.2500000000000003E-2</c:v>
                </c:pt>
                <c:pt idx="8524">
                  <c:v>4.2500000000000003E-2</c:v>
                </c:pt>
                <c:pt idx="8525">
                  <c:v>4.2500000000000003E-2</c:v>
                </c:pt>
                <c:pt idx="8526">
                  <c:v>4.2500000000000003E-2</c:v>
                </c:pt>
                <c:pt idx="8527">
                  <c:v>4.2500000000000003E-2</c:v>
                </c:pt>
                <c:pt idx="8528">
                  <c:v>4.2500000000000003E-2</c:v>
                </c:pt>
                <c:pt idx="8529">
                  <c:v>4.2500000000000003E-2</c:v>
                </c:pt>
                <c:pt idx="8530">
                  <c:v>4.2500000000000003E-2</c:v>
                </c:pt>
                <c:pt idx="8531">
                  <c:v>4.4999999999999998E-2</c:v>
                </c:pt>
                <c:pt idx="8532">
                  <c:v>4.4999999999999998E-2</c:v>
                </c:pt>
                <c:pt idx="8533">
                  <c:v>4.4999999999999998E-2</c:v>
                </c:pt>
                <c:pt idx="8534">
                  <c:v>4.4999999999999998E-2</c:v>
                </c:pt>
                <c:pt idx="8535">
                  <c:v>4.4999999999999998E-2</c:v>
                </c:pt>
                <c:pt idx="8536">
                  <c:v>4.4999999999999998E-2</c:v>
                </c:pt>
                <c:pt idx="8537">
                  <c:v>4.4999999999999998E-2</c:v>
                </c:pt>
                <c:pt idx="8538">
                  <c:v>4.4999999999999998E-2</c:v>
                </c:pt>
                <c:pt idx="8539">
                  <c:v>4.4999999999999998E-2</c:v>
                </c:pt>
                <c:pt idx="8540">
                  <c:v>4.4999999999999998E-2</c:v>
                </c:pt>
                <c:pt idx="8541">
                  <c:v>4.4999999999999998E-2</c:v>
                </c:pt>
                <c:pt idx="8542">
                  <c:v>4.4999999999999998E-2</c:v>
                </c:pt>
                <c:pt idx="8543">
                  <c:v>4.4999999999999998E-2</c:v>
                </c:pt>
                <c:pt idx="8544">
                  <c:v>4.4999999999999998E-2</c:v>
                </c:pt>
                <c:pt idx="8545">
                  <c:v>4.4999999999999998E-2</c:v>
                </c:pt>
                <c:pt idx="8546">
                  <c:v>4.4999999999999998E-2</c:v>
                </c:pt>
                <c:pt idx="8547">
                  <c:v>4.4999999999999998E-2</c:v>
                </c:pt>
                <c:pt idx="8548">
                  <c:v>4.4999999999999998E-2</c:v>
                </c:pt>
                <c:pt idx="8549">
                  <c:v>4.4999999999999998E-2</c:v>
                </c:pt>
                <c:pt idx="8550">
                  <c:v>4.4999999999999998E-2</c:v>
                </c:pt>
                <c:pt idx="8551">
                  <c:v>4.4999999999999998E-2</c:v>
                </c:pt>
                <c:pt idx="8552">
                  <c:v>4.4999999999999998E-2</c:v>
                </c:pt>
                <c:pt idx="8553">
                  <c:v>4.4999999999999998E-2</c:v>
                </c:pt>
                <c:pt idx="8554">
                  <c:v>4.4999999999999998E-2</c:v>
                </c:pt>
                <c:pt idx="8555">
                  <c:v>4.4999999999999998E-2</c:v>
                </c:pt>
                <c:pt idx="8556">
                  <c:v>4.4999999999999998E-2</c:v>
                </c:pt>
                <c:pt idx="8557">
                  <c:v>4.4999999999999998E-2</c:v>
                </c:pt>
                <c:pt idx="8558">
                  <c:v>4.4999999999999998E-2</c:v>
                </c:pt>
                <c:pt idx="8559">
                  <c:v>4.4999999999999998E-2</c:v>
                </c:pt>
                <c:pt idx="8560">
                  <c:v>4.4999999999999998E-2</c:v>
                </c:pt>
                <c:pt idx="8561">
                  <c:v>4.4999999999999998E-2</c:v>
                </c:pt>
                <c:pt idx="8562">
                  <c:v>4.4999999999999998E-2</c:v>
                </c:pt>
                <c:pt idx="8563">
                  <c:v>4.4999999999999998E-2</c:v>
                </c:pt>
                <c:pt idx="8564">
                  <c:v>4.4999999999999998E-2</c:v>
                </c:pt>
                <c:pt idx="8565">
                  <c:v>4.4999999999999998E-2</c:v>
                </c:pt>
                <c:pt idx="8566">
                  <c:v>4.4999999999999998E-2</c:v>
                </c:pt>
                <c:pt idx="8567">
                  <c:v>4.4999999999999998E-2</c:v>
                </c:pt>
                <c:pt idx="8568">
                  <c:v>4.4999999999999998E-2</c:v>
                </c:pt>
                <c:pt idx="8569">
                  <c:v>4.4999999999999998E-2</c:v>
                </c:pt>
                <c:pt idx="8570">
                  <c:v>4.4999999999999998E-2</c:v>
                </c:pt>
                <c:pt idx="8571">
                  <c:v>4.4999999999999998E-2</c:v>
                </c:pt>
                <c:pt idx="8572">
                  <c:v>4.4999999999999998E-2</c:v>
                </c:pt>
                <c:pt idx="8573">
                  <c:v>0.05</c:v>
                </c:pt>
                <c:pt idx="8574">
                  <c:v>0.05</c:v>
                </c:pt>
                <c:pt idx="8575">
                  <c:v>0.05</c:v>
                </c:pt>
                <c:pt idx="8576">
                  <c:v>0.05</c:v>
                </c:pt>
                <c:pt idx="8577">
                  <c:v>0.05</c:v>
                </c:pt>
                <c:pt idx="8578">
                  <c:v>0.05</c:v>
                </c:pt>
                <c:pt idx="8579">
                  <c:v>0.05</c:v>
                </c:pt>
                <c:pt idx="8580">
                  <c:v>0.05</c:v>
                </c:pt>
                <c:pt idx="8581">
                  <c:v>0.05</c:v>
                </c:pt>
                <c:pt idx="8582">
                  <c:v>0.05</c:v>
                </c:pt>
                <c:pt idx="8583">
                  <c:v>0.05</c:v>
                </c:pt>
                <c:pt idx="8584">
                  <c:v>0.05</c:v>
                </c:pt>
                <c:pt idx="8585">
                  <c:v>0.05</c:v>
                </c:pt>
                <c:pt idx="8586">
                  <c:v>0.05</c:v>
                </c:pt>
                <c:pt idx="8587">
                  <c:v>0.05</c:v>
                </c:pt>
                <c:pt idx="8588">
                  <c:v>0.05</c:v>
                </c:pt>
                <c:pt idx="8589">
                  <c:v>0.05</c:v>
                </c:pt>
                <c:pt idx="8590">
                  <c:v>0.05</c:v>
                </c:pt>
                <c:pt idx="8591">
                  <c:v>0.05</c:v>
                </c:pt>
                <c:pt idx="8592">
                  <c:v>0.05</c:v>
                </c:pt>
                <c:pt idx="8593">
                  <c:v>0.05</c:v>
                </c:pt>
                <c:pt idx="8594">
                  <c:v>0.05</c:v>
                </c:pt>
                <c:pt idx="8595">
                  <c:v>0.05</c:v>
                </c:pt>
                <c:pt idx="8596">
                  <c:v>0.05</c:v>
                </c:pt>
                <c:pt idx="8597">
                  <c:v>0.05</c:v>
                </c:pt>
                <c:pt idx="8598">
                  <c:v>0.05</c:v>
                </c:pt>
                <c:pt idx="8599">
                  <c:v>0.05</c:v>
                </c:pt>
                <c:pt idx="8600">
                  <c:v>0.05</c:v>
                </c:pt>
                <c:pt idx="8601">
                  <c:v>0.05</c:v>
                </c:pt>
                <c:pt idx="8602">
                  <c:v>0.05</c:v>
                </c:pt>
                <c:pt idx="8603">
                  <c:v>0.05</c:v>
                </c:pt>
                <c:pt idx="8604">
                  <c:v>0.05</c:v>
                </c:pt>
                <c:pt idx="8605">
                  <c:v>0.05</c:v>
                </c:pt>
                <c:pt idx="8606">
                  <c:v>0.05</c:v>
                </c:pt>
                <c:pt idx="8607">
                  <c:v>0.05</c:v>
                </c:pt>
                <c:pt idx="8608">
                  <c:v>0.05</c:v>
                </c:pt>
                <c:pt idx="8609">
                  <c:v>0.05</c:v>
                </c:pt>
                <c:pt idx="8610">
                  <c:v>0.05</c:v>
                </c:pt>
                <c:pt idx="8611">
                  <c:v>0.05</c:v>
                </c:pt>
                <c:pt idx="8612">
                  <c:v>0.05</c:v>
                </c:pt>
                <c:pt idx="8613">
                  <c:v>0.05</c:v>
                </c:pt>
                <c:pt idx="8614">
                  <c:v>0.05</c:v>
                </c:pt>
                <c:pt idx="8615">
                  <c:v>5.2499999999999998E-2</c:v>
                </c:pt>
                <c:pt idx="8616">
                  <c:v>5.2499999999999998E-2</c:v>
                </c:pt>
                <c:pt idx="8617">
                  <c:v>5.2499999999999998E-2</c:v>
                </c:pt>
                <c:pt idx="8618">
                  <c:v>5.2499999999999998E-2</c:v>
                </c:pt>
                <c:pt idx="8619">
                  <c:v>5.2499999999999998E-2</c:v>
                </c:pt>
                <c:pt idx="8620">
                  <c:v>5.2499999999999998E-2</c:v>
                </c:pt>
                <c:pt idx="8621">
                  <c:v>5.2499999999999998E-2</c:v>
                </c:pt>
                <c:pt idx="8622">
                  <c:v>5.2499999999999998E-2</c:v>
                </c:pt>
                <c:pt idx="8623">
                  <c:v>5.2499999999999998E-2</c:v>
                </c:pt>
                <c:pt idx="8624">
                  <c:v>5.2499999999999998E-2</c:v>
                </c:pt>
                <c:pt idx="8625">
                  <c:v>5.2499999999999998E-2</c:v>
                </c:pt>
                <c:pt idx="8626">
                  <c:v>5.2499999999999998E-2</c:v>
                </c:pt>
                <c:pt idx="8627">
                  <c:v>5.2499999999999998E-2</c:v>
                </c:pt>
                <c:pt idx="8628">
                  <c:v>5.2499999999999998E-2</c:v>
                </c:pt>
                <c:pt idx="8629">
                  <c:v>5.2499999999999998E-2</c:v>
                </c:pt>
                <c:pt idx="8630">
                  <c:v>5.2499999999999998E-2</c:v>
                </c:pt>
                <c:pt idx="8631">
                  <c:v>5.2499999999999998E-2</c:v>
                </c:pt>
                <c:pt idx="8632">
                  <c:v>5.2499999999999998E-2</c:v>
                </c:pt>
                <c:pt idx="8633">
                  <c:v>5.2499999999999998E-2</c:v>
                </c:pt>
                <c:pt idx="8634">
                  <c:v>5.2499999999999998E-2</c:v>
                </c:pt>
                <c:pt idx="8635">
                  <c:v>5.2499999999999998E-2</c:v>
                </c:pt>
                <c:pt idx="8636">
                  <c:v>5.2499999999999998E-2</c:v>
                </c:pt>
                <c:pt idx="8637">
                  <c:v>5.2499999999999998E-2</c:v>
                </c:pt>
                <c:pt idx="8638">
                  <c:v>5.2499999999999998E-2</c:v>
                </c:pt>
                <c:pt idx="8639">
                  <c:v>5.2499999999999998E-2</c:v>
                </c:pt>
                <c:pt idx="8640">
                  <c:v>5.2499999999999998E-2</c:v>
                </c:pt>
                <c:pt idx="8641">
                  <c:v>5.2499999999999998E-2</c:v>
                </c:pt>
                <c:pt idx="8642">
                  <c:v>5.2499999999999998E-2</c:v>
                </c:pt>
                <c:pt idx="8643">
                  <c:v>5.2499999999999998E-2</c:v>
                </c:pt>
                <c:pt idx="8644">
                  <c:v>5.2499999999999998E-2</c:v>
                </c:pt>
                <c:pt idx="8645">
                  <c:v>5.2499999999999998E-2</c:v>
                </c:pt>
                <c:pt idx="8646">
                  <c:v>5.2499999999999998E-2</c:v>
                </c:pt>
                <c:pt idx="8647">
                  <c:v>5.2499999999999998E-2</c:v>
                </c:pt>
                <c:pt idx="8648">
                  <c:v>5.2499999999999998E-2</c:v>
                </c:pt>
                <c:pt idx="8649">
                  <c:v>5.2499999999999998E-2</c:v>
                </c:pt>
                <c:pt idx="8650">
                  <c:v>5.2499999999999998E-2</c:v>
                </c:pt>
                <c:pt idx="8651">
                  <c:v>5.2499999999999998E-2</c:v>
                </c:pt>
                <c:pt idx="8652">
                  <c:v>5.2499999999999998E-2</c:v>
                </c:pt>
                <c:pt idx="8653">
                  <c:v>5.2499999999999998E-2</c:v>
                </c:pt>
                <c:pt idx="8654">
                  <c:v>5.2499999999999998E-2</c:v>
                </c:pt>
                <c:pt idx="8655">
                  <c:v>5.2499999999999998E-2</c:v>
                </c:pt>
                <c:pt idx="8656">
                  <c:v>5.2499999999999998E-2</c:v>
                </c:pt>
                <c:pt idx="8657">
                  <c:v>5.2499999999999998E-2</c:v>
                </c:pt>
                <c:pt idx="8658">
                  <c:v>5.2499999999999998E-2</c:v>
                </c:pt>
                <c:pt idx="8659">
                  <c:v>5.2499999999999998E-2</c:v>
                </c:pt>
                <c:pt idx="8660">
                  <c:v>5.2499999999999998E-2</c:v>
                </c:pt>
                <c:pt idx="8661">
                  <c:v>5.2499999999999998E-2</c:v>
                </c:pt>
                <c:pt idx="8662">
                  <c:v>5.2499999999999998E-2</c:v>
                </c:pt>
                <c:pt idx="8663">
                  <c:v>5.2499999999999998E-2</c:v>
                </c:pt>
                <c:pt idx="8664">
                  <c:v>5.2499999999999998E-2</c:v>
                </c:pt>
                <c:pt idx="8665">
                  <c:v>5.2499999999999998E-2</c:v>
                </c:pt>
                <c:pt idx="8666">
                  <c:v>5.2499999999999998E-2</c:v>
                </c:pt>
                <c:pt idx="8667">
                  <c:v>5.2499999999999998E-2</c:v>
                </c:pt>
                <c:pt idx="8668">
                  <c:v>5.2499999999999998E-2</c:v>
                </c:pt>
                <c:pt idx="8669">
                  <c:v>5.2499999999999998E-2</c:v>
                </c:pt>
                <c:pt idx="8670">
                  <c:v>5.2499999999999998E-2</c:v>
                </c:pt>
                <c:pt idx="8671">
                  <c:v>5.2499999999999998E-2</c:v>
                </c:pt>
                <c:pt idx="8672">
                  <c:v>5.2499999999999998E-2</c:v>
                </c:pt>
                <c:pt idx="8673">
                  <c:v>5.2499999999999998E-2</c:v>
                </c:pt>
                <c:pt idx="8674">
                  <c:v>5.2499999999999998E-2</c:v>
                </c:pt>
                <c:pt idx="8675">
                  <c:v>5.2499999999999998E-2</c:v>
                </c:pt>
                <c:pt idx="8676">
                  <c:v>5.2499999999999998E-2</c:v>
                </c:pt>
                <c:pt idx="8677">
                  <c:v>5.2499999999999998E-2</c:v>
                </c:pt>
                <c:pt idx="8678">
                  <c:v>5.2499999999999998E-2</c:v>
                </c:pt>
                <c:pt idx="8679">
                  <c:v>5.2499999999999998E-2</c:v>
                </c:pt>
                <c:pt idx="8680">
                  <c:v>5.2499999999999998E-2</c:v>
                </c:pt>
                <c:pt idx="8681">
                  <c:v>5.2499999999999998E-2</c:v>
                </c:pt>
                <c:pt idx="8682">
                  <c:v>5.2499999999999998E-2</c:v>
                </c:pt>
                <c:pt idx="8683">
                  <c:v>5.2499999999999998E-2</c:v>
                </c:pt>
                <c:pt idx="8684">
                  <c:v>5.2499999999999998E-2</c:v>
                </c:pt>
                <c:pt idx="8685">
                  <c:v>5.2499999999999998E-2</c:v>
                </c:pt>
                <c:pt idx="8686">
                  <c:v>5.2499999999999998E-2</c:v>
                </c:pt>
                <c:pt idx="8687">
                  <c:v>5.2499999999999998E-2</c:v>
                </c:pt>
                <c:pt idx="8688">
                  <c:v>5.2499999999999998E-2</c:v>
                </c:pt>
                <c:pt idx="8689">
                  <c:v>5.2499999999999998E-2</c:v>
                </c:pt>
                <c:pt idx="8690">
                  <c:v>5.2499999999999998E-2</c:v>
                </c:pt>
                <c:pt idx="8691">
                  <c:v>5.2499999999999998E-2</c:v>
                </c:pt>
                <c:pt idx="8692">
                  <c:v>5.2499999999999998E-2</c:v>
                </c:pt>
                <c:pt idx="8693">
                  <c:v>5.2499999999999998E-2</c:v>
                </c:pt>
                <c:pt idx="8694">
                  <c:v>5.2499999999999998E-2</c:v>
                </c:pt>
                <c:pt idx="8695">
                  <c:v>5.2499999999999998E-2</c:v>
                </c:pt>
                <c:pt idx="8696">
                  <c:v>5.2499999999999998E-2</c:v>
                </c:pt>
                <c:pt idx="8697">
                  <c:v>5.2499999999999998E-2</c:v>
                </c:pt>
                <c:pt idx="8698">
                  <c:v>5.2499999999999998E-2</c:v>
                </c:pt>
                <c:pt idx="8699">
                  <c:v>5.2499999999999998E-2</c:v>
                </c:pt>
                <c:pt idx="8700">
                  <c:v>5.2499999999999998E-2</c:v>
                </c:pt>
                <c:pt idx="8701">
                  <c:v>5.2499999999999998E-2</c:v>
                </c:pt>
                <c:pt idx="8702">
                  <c:v>5.2499999999999998E-2</c:v>
                </c:pt>
                <c:pt idx="8703">
                  <c:v>5.2499999999999998E-2</c:v>
                </c:pt>
                <c:pt idx="8704">
                  <c:v>5.2499999999999998E-2</c:v>
                </c:pt>
                <c:pt idx="8705">
                  <c:v>5.2499999999999998E-2</c:v>
                </c:pt>
                <c:pt idx="8706">
                  <c:v>5.2499999999999998E-2</c:v>
                </c:pt>
                <c:pt idx="8707">
                  <c:v>5.2499999999999998E-2</c:v>
                </c:pt>
                <c:pt idx="8708">
                  <c:v>5.2499999999999998E-2</c:v>
                </c:pt>
                <c:pt idx="8709">
                  <c:v>5.2499999999999998E-2</c:v>
                </c:pt>
                <c:pt idx="8710">
                  <c:v>5.2499999999999998E-2</c:v>
                </c:pt>
                <c:pt idx="8711">
                  <c:v>5.2499999999999998E-2</c:v>
                </c:pt>
                <c:pt idx="8712">
                  <c:v>5.2499999999999998E-2</c:v>
                </c:pt>
                <c:pt idx="8713">
                  <c:v>5.2499999999999998E-2</c:v>
                </c:pt>
                <c:pt idx="8714">
                  <c:v>5.2499999999999998E-2</c:v>
                </c:pt>
                <c:pt idx="8715">
                  <c:v>5.2499999999999998E-2</c:v>
                </c:pt>
                <c:pt idx="8716">
                  <c:v>5.2499999999999998E-2</c:v>
                </c:pt>
                <c:pt idx="8717">
                  <c:v>5.2499999999999998E-2</c:v>
                </c:pt>
                <c:pt idx="8718">
                  <c:v>5.2499999999999998E-2</c:v>
                </c:pt>
                <c:pt idx="8719">
                  <c:v>5.2499999999999998E-2</c:v>
                </c:pt>
                <c:pt idx="8720">
                  <c:v>5.2499999999999998E-2</c:v>
                </c:pt>
                <c:pt idx="8721">
                  <c:v>5.2499999999999998E-2</c:v>
                </c:pt>
                <c:pt idx="8722">
                  <c:v>5.2499999999999998E-2</c:v>
                </c:pt>
                <c:pt idx="8723">
                  <c:v>5.2499999999999998E-2</c:v>
                </c:pt>
                <c:pt idx="8724">
                  <c:v>5.2499999999999998E-2</c:v>
                </c:pt>
                <c:pt idx="8725">
                  <c:v>5.2499999999999998E-2</c:v>
                </c:pt>
                <c:pt idx="8726">
                  <c:v>5.2499999999999998E-2</c:v>
                </c:pt>
                <c:pt idx="8727">
                  <c:v>5.2499999999999998E-2</c:v>
                </c:pt>
                <c:pt idx="8728">
                  <c:v>5.2499999999999998E-2</c:v>
                </c:pt>
                <c:pt idx="8729">
                  <c:v>5.2499999999999998E-2</c:v>
                </c:pt>
                <c:pt idx="8730">
                  <c:v>5.2499999999999998E-2</c:v>
                </c:pt>
                <c:pt idx="8731">
                  <c:v>5.2499999999999998E-2</c:v>
                </c:pt>
                <c:pt idx="8732">
                  <c:v>5.2499999999999998E-2</c:v>
                </c:pt>
                <c:pt idx="8733">
                  <c:v>5.2499999999999998E-2</c:v>
                </c:pt>
                <c:pt idx="8734">
                  <c:v>5.2499999999999998E-2</c:v>
                </c:pt>
                <c:pt idx="8735">
                  <c:v>5.2499999999999998E-2</c:v>
                </c:pt>
                <c:pt idx="8736">
                  <c:v>5.2499999999999998E-2</c:v>
                </c:pt>
                <c:pt idx="8737">
                  <c:v>5.2499999999999998E-2</c:v>
                </c:pt>
                <c:pt idx="8738">
                  <c:v>5.2499999999999998E-2</c:v>
                </c:pt>
                <c:pt idx="8739">
                  <c:v>5.2499999999999998E-2</c:v>
                </c:pt>
                <c:pt idx="8740">
                  <c:v>5.2499999999999998E-2</c:v>
                </c:pt>
                <c:pt idx="8741">
                  <c:v>5.2499999999999998E-2</c:v>
                </c:pt>
                <c:pt idx="8742">
                  <c:v>5.2499999999999998E-2</c:v>
                </c:pt>
                <c:pt idx="8743">
                  <c:v>5.2499999999999998E-2</c:v>
                </c:pt>
                <c:pt idx="8744">
                  <c:v>5.2499999999999998E-2</c:v>
                </c:pt>
                <c:pt idx="8745">
                  <c:v>5.2499999999999998E-2</c:v>
                </c:pt>
                <c:pt idx="8746">
                  <c:v>5.2499999999999998E-2</c:v>
                </c:pt>
                <c:pt idx="8747">
                  <c:v>5.2499999999999998E-2</c:v>
                </c:pt>
                <c:pt idx="8748">
                  <c:v>5.2499999999999998E-2</c:v>
                </c:pt>
                <c:pt idx="8749">
                  <c:v>5.2499999999999998E-2</c:v>
                </c:pt>
                <c:pt idx="8750">
                  <c:v>5.2499999999999998E-2</c:v>
                </c:pt>
                <c:pt idx="8751">
                  <c:v>5.2499999999999998E-2</c:v>
                </c:pt>
                <c:pt idx="8752">
                  <c:v>5.2499999999999998E-2</c:v>
                </c:pt>
                <c:pt idx="8753">
                  <c:v>5.2499999999999998E-2</c:v>
                </c:pt>
                <c:pt idx="8754">
                  <c:v>5.2499999999999998E-2</c:v>
                </c:pt>
                <c:pt idx="8755">
                  <c:v>5.2499999999999998E-2</c:v>
                </c:pt>
                <c:pt idx="8756">
                  <c:v>5.2499999999999998E-2</c:v>
                </c:pt>
                <c:pt idx="8757">
                  <c:v>5.2499999999999998E-2</c:v>
                </c:pt>
                <c:pt idx="8758">
                  <c:v>5.2499999999999998E-2</c:v>
                </c:pt>
                <c:pt idx="8759">
                  <c:v>5.2499999999999998E-2</c:v>
                </c:pt>
                <c:pt idx="8760">
                  <c:v>5.2499999999999998E-2</c:v>
                </c:pt>
                <c:pt idx="8761">
                  <c:v>5.2499999999999998E-2</c:v>
                </c:pt>
                <c:pt idx="8762">
                  <c:v>5.2499999999999998E-2</c:v>
                </c:pt>
                <c:pt idx="8763">
                  <c:v>5.2499999999999998E-2</c:v>
                </c:pt>
                <c:pt idx="8764">
                  <c:v>5.2499999999999998E-2</c:v>
                </c:pt>
                <c:pt idx="8765">
                  <c:v>5.2499999999999998E-2</c:v>
                </c:pt>
                <c:pt idx="8766">
                  <c:v>5.2499999999999998E-2</c:v>
                </c:pt>
                <c:pt idx="8767">
                  <c:v>5.2499999999999998E-2</c:v>
                </c:pt>
                <c:pt idx="8768">
                  <c:v>5.2499999999999998E-2</c:v>
                </c:pt>
                <c:pt idx="8769">
                  <c:v>5.2499999999999998E-2</c:v>
                </c:pt>
                <c:pt idx="8770">
                  <c:v>5.2499999999999998E-2</c:v>
                </c:pt>
                <c:pt idx="8771">
                  <c:v>5.2499999999999998E-2</c:v>
                </c:pt>
                <c:pt idx="8772">
                  <c:v>5.2499999999999998E-2</c:v>
                </c:pt>
                <c:pt idx="8773">
                  <c:v>5.2499999999999998E-2</c:v>
                </c:pt>
                <c:pt idx="8774">
                  <c:v>5.2499999999999998E-2</c:v>
                </c:pt>
                <c:pt idx="8775">
                  <c:v>5.2499999999999998E-2</c:v>
                </c:pt>
                <c:pt idx="8776">
                  <c:v>5.2499999999999998E-2</c:v>
                </c:pt>
                <c:pt idx="8777">
                  <c:v>5.2499999999999998E-2</c:v>
                </c:pt>
                <c:pt idx="8778">
                  <c:v>5.2499999999999998E-2</c:v>
                </c:pt>
                <c:pt idx="8779">
                  <c:v>5.2499999999999998E-2</c:v>
                </c:pt>
                <c:pt idx="8780">
                  <c:v>5.2499999999999998E-2</c:v>
                </c:pt>
                <c:pt idx="8781">
                  <c:v>5.2499999999999998E-2</c:v>
                </c:pt>
                <c:pt idx="8782">
                  <c:v>5.2499999999999998E-2</c:v>
                </c:pt>
                <c:pt idx="8783">
                  <c:v>5.2499999999999998E-2</c:v>
                </c:pt>
                <c:pt idx="8784">
                  <c:v>5.2499999999999998E-2</c:v>
                </c:pt>
                <c:pt idx="8785">
                  <c:v>5.2499999999999998E-2</c:v>
                </c:pt>
                <c:pt idx="8786">
                  <c:v>5.2499999999999998E-2</c:v>
                </c:pt>
                <c:pt idx="8787">
                  <c:v>5.2499999999999998E-2</c:v>
                </c:pt>
                <c:pt idx="8788">
                  <c:v>5.2499999999999998E-2</c:v>
                </c:pt>
                <c:pt idx="8789">
                  <c:v>5.2499999999999998E-2</c:v>
                </c:pt>
                <c:pt idx="8790">
                  <c:v>5.2499999999999998E-2</c:v>
                </c:pt>
                <c:pt idx="8791">
                  <c:v>5.2499999999999998E-2</c:v>
                </c:pt>
                <c:pt idx="8792">
                  <c:v>5.2499999999999998E-2</c:v>
                </c:pt>
                <c:pt idx="8793">
                  <c:v>5.2499999999999998E-2</c:v>
                </c:pt>
                <c:pt idx="8794">
                  <c:v>5.2499999999999998E-2</c:v>
                </c:pt>
                <c:pt idx="8795">
                  <c:v>5.2499999999999998E-2</c:v>
                </c:pt>
                <c:pt idx="8796">
                  <c:v>5.2499999999999998E-2</c:v>
                </c:pt>
                <c:pt idx="8797">
                  <c:v>5.2499999999999998E-2</c:v>
                </c:pt>
                <c:pt idx="8798">
                  <c:v>5.2499999999999998E-2</c:v>
                </c:pt>
                <c:pt idx="8799">
                  <c:v>5.2499999999999998E-2</c:v>
                </c:pt>
                <c:pt idx="8800">
                  <c:v>5.2499999999999998E-2</c:v>
                </c:pt>
                <c:pt idx="8801">
                  <c:v>5.2499999999999998E-2</c:v>
                </c:pt>
                <c:pt idx="8802">
                  <c:v>5.2499999999999998E-2</c:v>
                </c:pt>
                <c:pt idx="8803">
                  <c:v>5.2499999999999998E-2</c:v>
                </c:pt>
                <c:pt idx="8804">
                  <c:v>5.2499999999999998E-2</c:v>
                </c:pt>
                <c:pt idx="8805">
                  <c:v>5.2499999999999998E-2</c:v>
                </c:pt>
                <c:pt idx="8806">
                  <c:v>5.2499999999999998E-2</c:v>
                </c:pt>
                <c:pt idx="8807">
                  <c:v>5.2499999999999998E-2</c:v>
                </c:pt>
                <c:pt idx="8808">
                  <c:v>5.2499999999999998E-2</c:v>
                </c:pt>
                <c:pt idx="8809">
                  <c:v>5.2499999999999998E-2</c:v>
                </c:pt>
                <c:pt idx="8810">
                  <c:v>5.2499999999999998E-2</c:v>
                </c:pt>
                <c:pt idx="8811">
                  <c:v>5.2499999999999998E-2</c:v>
                </c:pt>
                <c:pt idx="8812">
                  <c:v>5.2499999999999998E-2</c:v>
                </c:pt>
                <c:pt idx="8813">
                  <c:v>5.2499999999999998E-2</c:v>
                </c:pt>
                <c:pt idx="8814">
                  <c:v>5.2499999999999998E-2</c:v>
                </c:pt>
                <c:pt idx="8815">
                  <c:v>5.2499999999999998E-2</c:v>
                </c:pt>
                <c:pt idx="8816">
                  <c:v>5.2499999999999998E-2</c:v>
                </c:pt>
                <c:pt idx="8817">
                  <c:v>5.2499999999999998E-2</c:v>
                </c:pt>
                <c:pt idx="8818">
                  <c:v>5.2499999999999998E-2</c:v>
                </c:pt>
                <c:pt idx="8819">
                  <c:v>5.2499999999999998E-2</c:v>
                </c:pt>
                <c:pt idx="8820">
                  <c:v>5.2499999999999998E-2</c:v>
                </c:pt>
                <c:pt idx="8821">
                  <c:v>5.2499999999999998E-2</c:v>
                </c:pt>
                <c:pt idx="8822">
                  <c:v>5.2499999999999998E-2</c:v>
                </c:pt>
                <c:pt idx="8823">
                  <c:v>5.2499999999999998E-2</c:v>
                </c:pt>
                <c:pt idx="8824">
                  <c:v>5.2499999999999998E-2</c:v>
                </c:pt>
                <c:pt idx="8825">
                  <c:v>5.2499999999999998E-2</c:v>
                </c:pt>
                <c:pt idx="8826">
                  <c:v>5.2499999999999998E-2</c:v>
                </c:pt>
                <c:pt idx="8827">
                  <c:v>5.2499999999999998E-2</c:v>
                </c:pt>
                <c:pt idx="8828">
                  <c:v>5.2499999999999998E-2</c:v>
                </c:pt>
                <c:pt idx="8829">
                  <c:v>5.2499999999999998E-2</c:v>
                </c:pt>
                <c:pt idx="8830">
                  <c:v>5.2499999999999998E-2</c:v>
                </c:pt>
                <c:pt idx="8831">
                  <c:v>5.2499999999999998E-2</c:v>
                </c:pt>
                <c:pt idx="8832">
                  <c:v>5.2499999999999998E-2</c:v>
                </c:pt>
                <c:pt idx="8833">
                  <c:v>5.2499999999999998E-2</c:v>
                </c:pt>
                <c:pt idx="8834">
                  <c:v>5.2499999999999998E-2</c:v>
                </c:pt>
                <c:pt idx="8835">
                  <c:v>5.2499999999999998E-2</c:v>
                </c:pt>
                <c:pt idx="8836">
                  <c:v>5.2499999999999998E-2</c:v>
                </c:pt>
                <c:pt idx="8837">
                  <c:v>5.2499999999999998E-2</c:v>
                </c:pt>
                <c:pt idx="8838">
                  <c:v>5.2499999999999998E-2</c:v>
                </c:pt>
                <c:pt idx="8839">
                  <c:v>5.2499999999999998E-2</c:v>
                </c:pt>
                <c:pt idx="8840">
                  <c:v>5.2499999999999998E-2</c:v>
                </c:pt>
                <c:pt idx="8841">
                  <c:v>5.2499999999999998E-2</c:v>
                </c:pt>
                <c:pt idx="8842">
                  <c:v>5.2499999999999998E-2</c:v>
                </c:pt>
                <c:pt idx="8843">
                  <c:v>5.2499999999999998E-2</c:v>
                </c:pt>
                <c:pt idx="8844">
                  <c:v>5.2499999999999998E-2</c:v>
                </c:pt>
                <c:pt idx="8845">
                  <c:v>5.2499999999999998E-2</c:v>
                </c:pt>
                <c:pt idx="8846">
                  <c:v>5.2499999999999998E-2</c:v>
                </c:pt>
                <c:pt idx="8847">
                  <c:v>5.2499999999999998E-2</c:v>
                </c:pt>
                <c:pt idx="8848">
                  <c:v>5.2499999999999998E-2</c:v>
                </c:pt>
                <c:pt idx="8849">
                  <c:v>5.2499999999999998E-2</c:v>
                </c:pt>
                <c:pt idx="8850">
                  <c:v>5.2499999999999998E-2</c:v>
                </c:pt>
                <c:pt idx="8851">
                  <c:v>5.2499999999999998E-2</c:v>
                </c:pt>
                <c:pt idx="8852">
                  <c:v>5.2499999999999998E-2</c:v>
                </c:pt>
                <c:pt idx="8853">
                  <c:v>5.2499999999999998E-2</c:v>
                </c:pt>
                <c:pt idx="8854">
                  <c:v>5.2499999999999998E-2</c:v>
                </c:pt>
                <c:pt idx="8855">
                  <c:v>5.2499999999999998E-2</c:v>
                </c:pt>
                <c:pt idx="8856">
                  <c:v>5.2499999999999998E-2</c:v>
                </c:pt>
                <c:pt idx="8857">
                  <c:v>5.2499999999999998E-2</c:v>
                </c:pt>
                <c:pt idx="8858">
                  <c:v>5.2499999999999998E-2</c:v>
                </c:pt>
                <c:pt idx="8859">
                  <c:v>5.2499999999999998E-2</c:v>
                </c:pt>
                <c:pt idx="8860">
                  <c:v>5.2499999999999998E-2</c:v>
                </c:pt>
                <c:pt idx="8861">
                  <c:v>5.2499999999999998E-2</c:v>
                </c:pt>
                <c:pt idx="8862">
                  <c:v>5.2499999999999998E-2</c:v>
                </c:pt>
                <c:pt idx="8863">
                  <c:v>5.2499999999999998E-2</c:v>
                </c:pt>
                <c:pt idx="8864">
                  <c:v>5.2499999999999998E-2</c:v>
                </c:pt>
                <c:pt idx="8865">
                  <c:v>5.2499999999999998E-2</c:v>
                </c:pt>
                <c:pt idx="8866">
                  <c:v>5.2499999999999998E-2</c:v>
                </c:pt>
                <c:pt idx="8867">
                  <c:v>5.2499999999999998E-2</c:v>
                </c:pt>
                <c:pt idx="8868">
                  <c:v>5.2499999999999998E-2</c:v>
                </c:pt>
                <c:pt idx="8869">
                  <c:v>5.2499999999999998E-2</c:v>
                </c:pt>
                <c:pt idx="8870">
                  <c:v>5.2499999999999998E-2</c:v>
                </c:pt>
                <c:pt idx="8871">
                  <c:v>5.2499999999999998E-2</c:v>
                </c:pt>
                <c:pt idx="8872">
                  <c:v>5.2499999999999998E-2</c:v>
                </c:pt>
                <c:pt idx="8873">
                  <c:v>5.2499999999999998E-2</c:v>
                </c:pt>
                <c:pt idx="8874">
                  <c:v>5.2499999999999998E-2</c:v>
                </c:pt>
                <c:pt idx="8875">
                  <c:v>5.2499999999999998E-2</c:v>
                </c:pt>
                <c:pt idx="8876">
                  <c:v>5.2499999999999998E-2</c:v>
                </c:pt>
                <c:pt idx="8877">
                  <c:v>5.2499999999999998E-2</c:v>
                </c:pt>
                <c:pt idx="8878">
                  <c:v>5.2499999999999998E-2</c:v>
                </c:pt>
                <c:pt idx="8879">
                  <c:v>5.2499999999999998E-2</c:v>
                </c:pt>
                <c:pt idx="8880">
                  <c:v>5.2499999999999998E-2</c:v>
                </c:pt>
                <c:pt idx="8881">
                  <c:v>5.2499999999999998E-2</c:v>
                </c:pt>
                <c:pt idx="8882">
                  <c:v>5.2499999999999998E-2</c:v>
                </c:pt>
                <c:pt idx="8883">
                  <c:v>5.2499999999999998E-2</c:v>
                </c:pt>
                <c:pt idx="8884">
                  <c:v>5.2499999999999998E-2</c:v>
                </c:pt>
                <c:pt idx="8885">
                  <c:v>5.2499999999999998E-2</c:v>
                </c:pt>
                <c:pt idx="8886">
                  <c:v>5.2499999999999998E-2</c:v>
                </c:pt>
                <c:pt idx="8887">
                  <c:v>5.2499999999999998E-2</c:v>
                </c:pt>
                <c:pt idx="8888">
                  <c:v>5.2499999999999998E-2</c:v>
                </c:pt>
                <c:pt idx="8889">
                  <c:v>5.2499999999999998E-2</c:v>
                </c:pt>
                <c:pt idx="8890">
                  <c:v>5.2499999999999998E-2</c:v>
                </c:pt>
                <c:pt idx="8891">
                  <c:v>5.2499999999999998E-2</c:v>
                </c:pt>
                <c:pt idx="8892">
                  <c:v>5.2499999999999998E-2</c:v>
                </c:pt>
                <c:pt idx="8893">
                  <c:v>5.2499999999999998E-2</c:v>
                </c:pt>
                <c:pt idx="8894">
                  <c:v>5.2499999999999998E-2</c:v>
                </c:pt>
                <c:pt idx="8895">
                  <c:v>5.2499999999999998E-2</c:v>
                </c:pt>
                <c:pt idx="8896">
                  <c:v>5.2499999999999998E-2</c:v>
                </c:pt>
                <c:pt idx="8897">
                  <c:v>5.2499999999999998E-2</c:v>
                </c:pt>
                <c:pt idx="8898">
                  <c:v>5.2499999999999998E-2</c:v>
                </c:pt>
                <c:pt idx="8899">
                  <c:v>5.2499999999999998E-2</c:v>
                </c:pt>
                <c:pt idx="8900">
                  <c:v>5.2499999999999998E-2</c:v>
                </c:pt>
                <c:pt idx="8901">
                  <c:v>5.2499999999999998E-2</c:v>
                </c:pt>
                <c:pt idx="8902">
                  <c:v>5.2499999999999998E-2</c:v>
                </c:pt>
                <c:pt idx="8903">
                  <c:v>5.2499999999999998E-2</c:v>
                </c:pt>
                <c:pt idx="8904">
                  <c:v>5.2499999999999998E-2</c:v>
                </c:pt>
                <c:pt idx="8905">
                  <c:v>5.2499999999999998E-2</c:v>
                </c:pt>
                <c:pt idx="8906">
                  <c:v>5.2499999999999998E-2</c:v>
                </c:pt>
                <c:pt idx="8907">
                  <c:v>5.2499999999999998E-2</c:v>
                </c:pt>
                <c:pt idx="8908">
                  <c:v>5.2499999999999998E-2</c:v>
                </c:pt>
                <c:pt idx="8909">
                  <c:v>5.2499999999999998E-2</c:v>
                </c:pt>
                <c:pt idx="8910">
                  <c:v>5.2499999999999998E-2</c:v>
                </c:pt>
                <c:pt idx="8911">
                  <c:v>5.2499999999999998E-2</c:v>
                </c:pt>
                <c:pt idx="8912">
                  <c:v>5.2499999999999998E-2</c:v>
                </c:pt>
                <c:pt idx="8913">
                  <c:v>5.2499999999999998E-2</c:v>
                </c:pt>
                <c:pt idx="8914">
                  <c:v>5.2499999999999998E-2</c:v>
                </c:pt>
                <c:pt idx="8915">
                  <c:v>5.2499999999999998E-2</c:v>
                </c:pt>
                <c:pt idx="8916">
                  <c:v>5.2499999999999998E-2</c:v>
                </c:pt>
                <c:pt idx="8917">
                  <c:v>5.2499999999999998E-2</c:v>
                </c:pt>
                <c:pt idx="8918">
                  <c:v>5.2499999999999998E-2</c:v>
                </c:pt>
                <c:pt idx="8919">
                  <c:v>5.2499999999999998E-2</c:v>
                </c:pt>
                <c:pt idx="8920">
                  <c:v>5.2499999999999998E-2</c:v>
                </c:pt>
                <c:pt idx="8921">
                  <c:v>5.2499999999999998E-2</c:v>
                </c:pt>
                <c:pt idx="8922">
                  <c:v>5.2499999999999998E-2</c:v>
                </c:pt>
                <c:pt idx="8923">
                  <c:v>5.2499999999999998E-2</c:v>
                </c:pt>
                <c:pt idx="8924">
                  <c:v>5.2499999999999998E-2</c:v>
                </c:pt>
                <c:pt idx="8925">
                  <c:v>5.2499999999999998E-2</c:v>
                </c:pt>
                <c:pt idx="8926">
                  <c:v>5.2499999999999998E-2</c:v>
                </c:pt>
                <c:pt idx="8927">
                  <c:v>5.2499999999999998E-2</c:v>
                </c:pt>
                <c:pt idx="8928">
                  <c:v>5.2499999999999998E-2</c:v>
                </c:pt>
                <c:pt idx="8929">
                  <c:v>5.2499999999999998E-2</c:v>
                </c:pt>
                <c:pt idx="8930">
                  <c:v>5.2499999999999998E-2</c:v>
                </c:pt>
                <c:pt idx="8931">
                  <c:v>5.2499999999999998E-2</c:v>
                </c:pt>
                <c:pt idx="8932">
                  <c:v>5.2499999999999998E-2</c:v>
                </c:pt>
                <c:pt idx="8933">
                  <c:v>5.2499999999999998E-2</c:v>
                </c:pt>
                <c:pt idx="8934">
                  <c:v>5.2499999999999998E-2</c:v>
                </c:pt>
                <c:pt idx="8935">
                  <c:v>5.2499999999999998E-2</c:v>
                </c:pt>
                <c:pt idx="8936">
                  <c:v>5.2499999999999998E-2</c:v>
                </c:pt>
                <c:pt idx="8937">
                  <c:v>5.2499999999999998E-2</c:v>
                </c:pt>
                <c:pt idx="8938">
                  <c:v>5.2499999999999998E-2</c:v>
                </c:pt>
                <c:pt idx="8939">
                  <c:v>5.2499999999999998E-2</c:v>
                </c:pt>
                <c:pt idx="8940">
                  <c:v>5.2499999999999998E-2</c:v>
                </c:pt>
                <c:pt idx="8941">
                  <c:v>5.2499999999999998E-2</c:v>
                </c:pt>
                <c:pt idx="8942">
                  <c:v>5.2499999999999998E-2</c:v>
                </c:pt>
                <c:pt idx="8943">
                  <c:v>5.2499999999999998E-2</c:v>
                </c:pt>
                <c:pt idx="8944">
                  <c:v>5.2499999999999998E-2</c:v>
                </c:pt>
                <c:pt idx="8945">
                  <c:v>5.2499999999999998E-2</c:v>
                </c:pt>
                <c:pt idx="8946">
                  <c:v>5.2499999999999998E-2</c:v>
                </c:pt>
                <c:pt idx="8947">
                  <c:v>5.2499999999999998E-2</c:v>
                </c:pt>
              </c:numCache>
            </c:numRef>
          </c:val>
          <c:smooth val="0"/>
          <c:extLst>
            <c:ext xmlns:c16="http://schemas.microsoft.com/office/drawing/2014/chart" uri="{C3380CC4-5D6E-409C-BE32-E72D297353CC}">
              <c16:uniqueId val="{00000001-27D4-4B1C-BABF-80723AC504D7}"/>
            </c:ext>
          </c:extLst>
        </c:ser>
        <c:ser>
          <c:idx val="2"/>
          <c:order val="2"/>
          <c:tx>
            <c:strRef>
              <c:f>Sheet1!$O$4</c:f>
              <c:strCache>
                <c:ptCount val="1"/>
                <c:pt idx="0">
                  <c:v>Japan</c:v>
                </c:pt>
              </c:strCache>
            </c:strRef>
          </c:tx>
          <c:spPr>
            <a:ln w="25400" cap="rnd" cmpd="sng" algn="ctr">
              <a:solidFill>
                <a:srgbClr val="17E88F"/>
              </a:solidFill>
              <a:prstDash val="solid"/>
              <a:round/>
              <a:headEnd type="none" w="med" len="med"/>
              <a:tailEnd type="none" w="med" len="med"/>
            </a:ln>
          </c:spPr>
          <c:marker>
            <c:symbol val="none"/>
          </c:marker>
          <c:cat>
            <c:numRef>
              <c:f>Sheet1!$L$5:$L$8952</c:f>
              <c:numCache>
                <c:formatCode>m/d/yyyy</c:formatCode>
                <c:ptCount val="8948"/>
                <c:pt idx="0">
                  <c:v>36526</c:v>
                </c:pt>
                <c:pt idx="1">
                  <c:v>36527</c:v>
                </c:pt>
                <c:pt idx="2">
                  <c:v>36528</c:v>
                </c:pt>
                <c:pt idx="3">
                  <c:v>36529</c:v>
                </c:pt>
                <c:pt idx="4">
                  <c:v>36530</c:v>
                </c:pt>
                <c:pt idx="5">
                  <c:v>36531</c:v>
                </c:pt>
                <c:pt idx="6">
                  <c:v>36532</c:v>
                </c:pt>
                <c:pt idx="7">
                  <c:v>36533</c:v>
                </c:pt>
                <c:pt idx="8">
                  <c:v>36534</c:v>
                </c:pt>
                <c:pt idx="9">
                  <c:v>36535</c:v>
                </c:pt>
                <c:pt idx="10">
                  <c:v>36536</c:v>
                </c:pt>
                <c:pt idx="11">
                  <c:v>36537</c:v>
                </c:pt>
                <c:pt idx="12">
                  <c:v>36538</c:v>
                </c:pt>
                <c:pt idx="13">
                  <c:v>36539</c:v>
                </c:pt>
                <c:pt idx="14">
                  <c:v>36540</c:v>
                </c:pt>
                <c:pt idx="15">
                  <c:v>36541</c:v>
                </c:pt>
                <c:pt idx="16">
                  <c:v>36542</c:v>
                </c:pt>
                <c:pt idx="17">
                  <c:v>36543</c:v>
                </c:pt>
                <c:pt idx="18">
                  <c:v>36544</c:v>
                </c:pt>
                <c:pt idx="19">
                  <c:v>36545</c:v>
                </c:pt>
                <c:pt idx="20">
                  <c:v>36546</c:v>
                </c:pt>
                <c:pt idx="21">
                  <c:v>36547</c:v>
                </c:pt>
                <c:pt idx="22">
                  <c:v>36548</c:v>
                </c:pt>
                <c:pt idx="23">
                  <c:v>36549</c:v>
                </c:pt>
                <c:pt idx="24">
                  <c:v>36550</c:v>
                </c:pt>
                <c:pt idx="25">
                  <c:v>36551</c:v>
                </c:pt>
                <c:pt idx="26">
                  <c:v>36552</c:v>
                </c:pt>
                <c:pt idx="27">
                  <c:v>36553</c:v>
                </c:pt>
                <c:pt idx="28">
                  <c:v>36554</c:v>
                </c:pt>
                <c:pt idx="29">
                  <c:v>36555</c:v>
                </c:pt>
                <c:pt idx="30">
                  <c:v>36556</c:v>
                </c:pt>
                <c:pt idx="31">
                  <c:v>36557</c:v>
                </c:pt>
                <c:pt idx="32">
                  <c:v>36558</c:v>
                </c:pt>
                <c:pt idx="33">
                  <c:v>36559</c:v>
                </c:pt>
                <c:pt idx="34">
                  <c:v>36560</c:v>
                </c:pt>
                <c:pt idx="35">
                  <c:v>36561</c:v>
                </c:pt>
                <c:pt idx="36">
                  <c:v>36562</c:v>
                </c:pt>
                <c:pt idx="37">
                  <c:v>36563</c:v>
                </c:pt>
                <c:pt idx="38">
                  <c:v>36564</c:v>
                </c:pt>
                <c:pt idx="39">
                  <c:v>36565</c:v>
                </c:pt>
                <c:pt idx="40">
                  <c:v>36566</c:v>
                </c:pt>
                <c:pt idx="41">
                  <c:v>36567</c:v>
                </c:pt>
                <c:pt idx="42">
                  <c:v>36568</c:v>
                </c:pt>
                <c:pt idx="43">
                  <c:v>36569</c:v>
                </c:pt>
                <c:pt idx="44">
                  <c:v>36570</c:v>
                </c:pt>
                <c:pt idx="45">
                  <c:v>36571</c:v>
                </c:pt>
                <c:pt idx="46">
                  <c:v>36572</c:v>
                </c:pt>
                <c:pt idx="47">
                  <c:v>36573</c:v>
                </c:pt>
                <c:pt idx="48">
                  <c:v>36574</c:v>
                </c:pt>
                <c:pt idx="49">
                  <c:v>36575</c:v>
                </c:pt>
                <c:pt idx="50">
                  <c:v>36576</c:v>
                </c:pt>
                <c:pt idx="51">
                  <c:v>36577</c:v>
                </c:pt>
                <c:pt idx="52">
                  <c:v>36578</c:v>
                </c:pt>
                <c:pt idx="53">
                  <c:v>36579</c:v>
                </c:pt>
                <c:pt idx="54">
                  <c:v>36580</c:v>
                </c:pt>
                <c:pt idx="55">
                  <c:v>36581</c:v>
                </c:pt>
                <c:pt idx="56">
                  <c:v>36582</c:v>
                </c:pt>
                <c:pt idx="57">
                  <c:v>36583</c:v>
                </c:pt>
                <c:pt idx="58">
                  <c:v>36584</c:v>
                </c:pt>
                <c:pt idx="59">
                  <c:v>36585</c:v>
                </c:pt>
                <c:pt idx="60">
                  <c:v>36586</c:v>
                </c:pt>
                <c:pt idx="61">
                  <c:v>36587</c:v>
                </c:pt>
                <c:pt idx="62">
                  <c:v>36588</c:v>
                </c:pt>
                <c:pt idx="63">
                  <c:v>36589</c:v>
                </c:pt>
                <c:pt idx="64">
                  <c:v>36590</c:v>
                </c:pt>
                <c:pt idx="65">
                  <c:v>36591</c:v>
                </c:pt>
                <c:pt idx="66">
                  <c:v>36592</c:v>
                </c:pt>
                <c:pt idx="67">
                  <c:v>36593</c:v>
                </c:pt>
                <c:pt idx="68">
                  <c:v>36594</c:v>
                </c:pt>
                <c:pt idx="69">
                  <c:v>36595</c:v>
                </c:pt>
                <c:pt idx="70">
                  <c:v>36596</c:v>
                </c:pt>
                <c:pt idx="71">
                  <c:v>36597</c:v>
                </c:pt>
                <c:pt idx="72">
                  <c:v>36598</c:v>
                </c:pt>
                <c:pt idx="73">
                  <c:v>36599</c:v>
                </c:pt>
                <c:pt idx="74">
                  <c:v>36600</c:v>
                </c:pt>
                <c:pt idx="75">
                  <c:v>36601</c:v>
                </c:pt>
                <c:pt idx="76">
                  <c:v>36602</c:v>
                </c:pt>
                <c:pt idx="77">
                  <c:v>36603</c:v>
                </c:pt>
                <c:pt idx="78">
                  <c:v>36604</c:v>
                </c:pt>
                <c:pt idx="79">
                  <c:v>36605</c:v>
                </c:pt>
                <c:pt idx="80">
                  <c:v>36606</c:v>
                </c:pt>
                <c:pt idx="81">
                  <c:v>36607</c:v>
                </c:pt>
                <c:pt idx="82">
                  <c:v>36608</c:v>
                </c:pt>
                <c:pt idx="83">
                  <c:v>36609</c:v>
                </c:pt>
                <c:pt idx="84">
                  <c:v>36610</c:v>
                </c:pt>
                <c:pt idx="85">
                  <c:v>36611</c:v>
                </c:pt>
                <c:pt idx="86">
                  <c:v>36612</c:v>
                </c:pt>
                <c:pt idx="87">
                  <c:v>36613</c:v>
                </c:pt>
                <c:pt idx="88">
                  <c:v>36614</c:v>
                </c:pt>
                <c:pt idx="89">
                  <c:v>36615</c:v>
                </c:pt>
                <c:pt idx="90">
                  <c:v>36616</c:v>
                </c:pt>
                <c:pt idx="91">
                  <c:v>36617</c:v>
                </c:pt>
                <c:pt idx="92">
                  <c:v>36618</c:v>
                </c:pt>
                <c:pt idx="93">
                  <c:v>36619</c:v>
                </c:pt>
                <c:pt idx="94">
                  <c:v>36620</c:v>
                </c:pt>
                <c:pt idx="95">
                  <c:v>36621</c:v>
                </c:pt>
                <c:pt idx="96">
                  <c:v>36622</c:v>
                </c:pt>
                <c:pt idx="97">
                  <c:v>36623</c:v>
                </c:pt>
                <c:pt idx="98">
                  <c:v>36624</c:v>
                </c:pt>
                <c:pt idx="99">
                  <c:v>36625</c:v>
                </c:pt>
                <c:pt idx="100">
                  <c:v>36626</c:v>
                </c:pt>
                <c:pt idx="101">
                  <c:v>36627</c:v>
                </c:pt>
                <c:pt idx="102">
                  <c:v>36628</c:v>
                </c:pt>
                <c:pt idx="103">
                  <c:v>36629</c:v>
                </c:pt>
                <c:pt idx="104">
                  <c:v>36630</c:v>
                </c:pt>
                <c:pt idx="105">
                  <c:v>36631</c:v>
                </c:pt>
                <c:pt idx="106">
                  <c:v>36632</c:v>
                </c:pt>
                <c:pt idx="107">
                  <c:v>36633</c:v>
                </c:pt>
                <c:pt idx="108">
                  <c:v>36634</c:v>
                </c:pt>
                <c:pt idx="109">
                  <c:v>36635</c:v>
                </c:pt>
                <c:pt idx="110">
                  <c:v>36636</c:v>
                </c:pt>
                <c:pt idx="111">
                  <c:v>36637</c:v>
                </c:pt>
                <c:pt idx="112">
                  <c:v>36638</c:v>
                </c:pt>
                <c:pt idx="113">
                  <c:v>36639</c:v>
                </c:pt>
                <c:pt idx="114">
                  <c:v>36640</c:v>
                </c:pt>
                <c:pt idx="115">
                  <c:v>36641</c:v>
                </c:pt>
                <c:pt idx="116">
                  <c:v>36642</c:v>
                </c:pt>
                <c:pt idx="117">
                  <c:v>36643</c:v>
                </c:pt>
                <c:pt idx="118">
                  <c:v>36644</c:v>
                </c:pt>
                <c:pt idx="119">
                  <c:v>36645</c:v>
                </c:pt>
                <c:pt idx="120">
                  <c:v>36646</c:v>
                </c:pt>
                <c:pt idx="121">
                  <c:v>36647</c:v>
                </c:pt>
                <c:pt idx="122">
                  <c:v>36648</c:v>
                </c:pt>
                <c:pt idx="123">
                  <c:v>36649</c:v>
                </c:pt>
                <c:pt idx="124">
                  <c:v>36650</c:v>
                </c:pt>
                <c:pt idx="125">
                  <c:v>36651</c:v>
                </c:pt>
                <c:pt idx="126">
                  <c:v>36652</c:v>
                </c:pt>
                <c:pt idx="127">
                  <c:v>36653</c:v>
                </c:pt>
                <c:pt idx="128">
                  <c:v>36654</c:v>
                </c:pt>
                <c:pt idx="129">
                  <c:v>36655</c:v>
                </c:pt>
                <c:pt idx="130">
                  <c:v>36656</c:v>
                </c:pt>
                <c:pt idx="131">
                  <c:v>36657</c:v>
                </c:pt>
                <c:pt idx="132">
                  <c:v>36658</c:v>
                </c:pt>
                <c:pt idx="133">
                  <c:v>36659</c:v>
                </c:pt>
                <c:pt idx="134">
                  <c:v>36660</c:v>
                </c:pt>
                <c:pt idx="135">
                  <c:v>36661</c:v>
                </c:pt>
                <c:pt idx="136">
                  <c:v>36662</c:v>
                </c:pt>
                <c:pt idx="137">
                  <c:v>36663</c:v>
                </c:pt>
                <c:pt idx="138">
                  <c:v>36664</c:v>
                </c:pt>
                <c:pt idx="139">
                  <c:v>36665</c:v>
                </c:pt>
                <c:pt idx="140">
                  <c:v>36666</c:v>
                </c:pt>
                <c:pt idx="141">
                  <c:v>36667</c:v>
                </c:pt>
                <c:pt idx="142">
                  <c:v>36668</c:v>
                </c:pt>
                <c:pt idx="143">
                  <c:v>36669</c:v>
                </c:pt>
                <c:pt idx="144">
                  <c:v>36670</c:v>
                </c:pt>
                <c:pt idx="145">
                  <c:v>36671</c:v>
                </c:pt>
                <c:pt idx="146">
                  <c:v>36672</c:v>
                </c:pt>
                <c:pt idx="147">
                  <c:v>36673</c:v>
                </c:pt>
                <c:pt idx="148">
                  <c:v>36674</c:v>
                </c:pt>
                <c:pt idx="149">
                  <c:v>36675</c:v>
                </c:pt>
                <c:pt idx="150">
                  <c:v>36676</c:v>
                </c:pt>
                <c:pt idx="151">
                  <c:v>36677</c:v>
                </c:pt>
                <c:pt idx="152">
                  <c:v>36678</c:v>
                </c:pt>
                <c:pt idx="153">
                  <c:v>36679</c:v>
                </c:pt>
                <c:pt idx="154">
                  <c:v>36680</c:v>
                </c:pt>
                <c:pt idx="155">
                  <c:v>36681</c:v>
                </c:pt>
                <c:pt idx="156">
                  <c:v>36682</c:v>
                </c:pt>
                <c:pt idx="157">
                  <c:v>36683</c:v>
                </c:pt>
                <c:pt idx="158">
                  <c:v>36684</c:v>
                </c:pt>
                <c:pt idx="159">
                  <c:v>36685</c:v>
                </c:pt>
                <c:pt idx="160">
                  <c:v>36686</c:v>
                </c:pt>
                <c:pt idx="161">
                  <c:v>36687</c:v>
                </c:pt>
                <c:pt idx="162">
                  <c:v>36688</c:v>
                </c:pt>
                <c:pt idx="163">
                  <c:v>36689</c:v>
                </c:pt>
                <c:pt idx="164">
                  <c:v>36690</c:v>
                </c:pt>
                <c:pt idx="165">
                  <c:v>36691</c:v>
                </c:pt>
                <c:pt idx="166">
                  <c:v>36692</c:v>
                </c:pt>
                <c:pt idx="167">
                  <c:v>36693</c:v>
                </c:pt>
                <c:pt idx="168">
                  <c:v>36694</c:v>
                </c:pt>
                <c:pt idx="169">
                  <c:v>36695</c:v>
                </c:pt>
                <c:pt idx="170">
                  <c:v>36696</c:v>
                </c:pt>
                <c:pt idx="171">
                  <c:v>36697</c:v>
                </c:pt>
                <c:pt idx="172">
                  <c:v>36698</c:v>
                </c:pt>
                <c:pt idx="173">
                  <c:v>36699</c:v>
                </c:pt>
                <c:pt idx="174">
                  <c:v>36700</c:v>
                </c:pt>
                <c:pt idx="175">
                  <c:v>36701</c:v>
                </c:pt>
                <c:pt idx="176">
                  <c:v>36702</c:v>
                </c:pt>
                <c:pt idx="177">
                  <c:v>36703</c:v>
                </c:pt>
                <c:pt idx="178">
                  <c:v>36704</c:v>
                </c:pt>
                <c:pt idx="179">
                  <c:v>36705</c:v>
                </c:pt>
                <c:pt idx="180">
                  <c:v>36706</c:v>
                </c:pt>
                <c:pt idx="181">
                  <c:v>36707</c:v>
                </c:pt>
                <c:pt idx="182">
                  <c:v>36708</c:v>
                </c:pt>
                <c:pt idx="183">
                  <c:v>36709</c:v>
                </c:pt>
                <c:pt idx="184">
                  <c:v>36710</c:v>
                </c:pt>
                <c:pt idx="185">
                  <c:v>36711</c:v>
                </c:pt>
                <c:pt idx="186">
                  <c:v>36712</c:v>
                </c:pt>
                <c:pt idx="187">
                  <c:v>36713</c:v>
                </c:pt>
                <c:pt idx="188">
                  <c:v>36714</c:v>
                </c:pt>
                <c:pt idx="189">
                  <c:v>36715</c:v>
                </c:pt>
                <c:pt idx="190">
                  <c:v>36716</c:v>
                </c:pt>
                <c:pt idx="191">
                  <c:v>36717</c:v>
                </c:pt>
                <c:pt idx="192">
                  <c:v>36718</c:v>
                </c:pt>
                <c:pt idx="193">
                  <c:v>36719</c:v>
                </c:pt>
                <c:pt idx="194">
                  <c:v>36720</c:v>
                </c:pt>
                <c:pt idx="195">
                  <c:v>36721</c:v>
                </c:pt>
                <c:pt idx="196">
                  <c:v>36722</c:v>
                </c:pt>
                <c:pt idx="197">
                  <c:v>36723</c:v>
                </c:pt>
                <c:pt idx="198">
                  <c:v>36724</c:v>
                </c:pt>
                <c:pt idx="199">
                  <c:v>36725</c:v>
                </c:pt>
                <c:pt idx="200">
                  <c:v>36726</c:v>
                </c:pt>
                <c:pt idx="201">
                  <c:v>36727</c:v>
                </c:pt>
                <c:pt idx="202">
                  <c:v>36728</c:v>
                </c:pt>
                <c:pt idx="203">
                  <c:v>36729</c:v>
                </c:pt>
                <c:pt idx="204">
                  <c:v>36730</c:v>
                </c:pt>
                <c:pt idx="205">
                  <c:v>36731</c:v>
                </c:pt>
                <c:pt idx="206">
                  <c:v>36732</c:v>
                </c:pt>
                <c:pt idx="207">
                  <c:v>36733</c:v>
                </c:pt>
                <c:pt idx="208">
                  <c:v>36734</c:v>
                </c:pt>
                <c:pt idx="209">
                  <c:v>36735</c:v>
                </c:pt>
                <c:pt idx="210">
                  <c:v>36736</c:v>
                </c:pt>
                <c:pt idx="211">
                  <c:v>36737</c:v>
                </c:pt>
                <c:pt idx="212">
                  <c:v>36738</c:v>
                </c:pt>
                <c:pt idx="213">
                  <c:v>36739</c:v>
                </c:pt>
                <c:pt idx="214">
                  <c:v>36740</c:v>
                </c:pt>
                <c:pt idx="215">
                  <c:v>36741</c:v>
                </c:pt>
                <c:pt idx="216">
                  <c:v>36742</c:v>
                </c:pt>
                <c:pt idx="217">
                  <c:v>36743</c:v>
                </c:pt>
                <c:pt idx="218">
                  <c:v>36744</c:v>
                </c:pt>
                <c:pt idx="219">
                  <c:v>36745</c:v>
                </c:pt>
                <c:pt idx="220">
                  <c:v>36746</c:v>
                </c:pt>
                <c:pt idx="221">
                  <c:v>36747</c:v>
                </c:pt>
                <c:pt idx="222">
                  <c:v>36748</c:v>
                </c:pt>
                <c:pt idx="223">
                  <c:v>36749</c:v>
                </c:pt>
                <c:pt idx="224">
                  <c:v>36750</c:v>
                </c:pt>
                <c:pt idx="225">
                  <c:v>36751</c:v>
                </c:pt>
                <c:pt idx="226">
                  <c:v>36752</c:v>
                </c:pt>
                <c:pt idx="227">
                  <c:v>36753</c:v>
                </c:pt>
                <c:pt idx="228">
                  <c:v>36754</c:v>
                </c:pt>
                <c:pt idx="229">
                  <c:v>36755</c:v>
                </c:pt>
                <c:pt idx="230">
                  <c:v>36756</c:v>
                </c:pt>
                <c:pt idx="231">
                  <c:v>36757</c:v>
                </c:pt>
                <c:pt idx="232">
                  <c:v>36758</c:v>
                </c:pt>
                <c:pt idx="233">
                  <c:v>36759</c:v>
                </c:pt>
                <c:pt idx="234">
                  <c:v>36760</c:v>
                </c:pt>
                <c:pt idx="235">
                  <c:v>36761</c:v>
                </c:pt>
                <c:pt idx="236">
                  <c:v>36762</c:v>
                </c:pt>
                <c:pt idx="237">
                  <c:v>36763</c:v>
                </c:pt>
                <c:pt idx="238">
                  <c:v>36764</c:v>
                </c:pt>
                <c:pt idx="239">
                  <c:v>36765</c:v>
                </c:pt>
                <c:pt idx="240">
                  <c:v>36766</c:v>
                </c:pt>
                <c:pt idx="241">
                  <c:v>36767</c:v>
                </c:pt>
                <c:pt idx="242">
                  <c:v>36768</c:v>
                </c:pt>
                <c:pt idx="243">
                  <c:v>36769</c:v>
                </c:pt>
                <c:pt idx="244">
                  <c:v>36770</c:v>
                </c:pt>
                <c:pt idx="245">
                  <c:v>36771</c:v>
                </c:pt>
                <c:pt idx="246">
                  <c:v>36772</c:v>
                </c:pt>
                <c:pt idx="247">
                  <c:v>36773</c:v>
                </c:pt>
                <c:pt idx="248">
                  <c:v>36774</c:v>
                </c:pt>
                <c:pt idx="249">
                  <c:v>36775</c:v>
                </c:pt>
                <c:pt idx="250">
                  <c:v>36776</c:v>
                </c:pt>
                <c:pt idx="251">
                  <c:v>36777</c:v>
                </c:pt>
                <c:pt idx="252">
                  <c:v>36778</c:v>
                </c:pt>
                <c:pt idx="253">
                  <c:v>36779</c:v>
                </c:pt>
                <c:pt idx="254">
                  <c:v>36780</c:v>
                </c:pt>
                <c:pt idx="255">
                  <c:v>36781</c:v>
                </c:pt>
                <c:pt idx="256">
                  <c:v>36782</c:v>
                </c:pt>
                <c:pt idx="257">
                  <c:v>36783</c:v>
                </c:pt>
                <c:pt idx="258">
                  <c:v>36784</c:v>
                </c:pt>
                <c:pt idx="259">
                  <c:v>36785</c:v>
                </c:pt>
                <c:pt idx="260">
                  <c:v>36786</c:v>
                </c:pt>
                <c:pt idx="261">
                  <c:v>36787</c:v>
                </c:pt>
                <c:pt idx="262">
                  <c:v>36788</c:v>
                </c:pt>
                <c:pt idx="263">
                  <c:v>36789</c:v>
                </c:pt>
                <c:pt idx="264">
                  <c:v>36790</c:v>
                </c:pt>
                <c:pt idx="265">
                  <c:v>36791</c:v>
                </c:pt>
                <c:pt idx="266">
                  <c:v>36792</c:v>
                </c:pt>
                <c:pt idx="267">
                  <c:v>36793</c:v>
                </c:pt>
                <c:pt idx="268">
                  <c:v>36794</c:v>
                </c:pt>
                <c:pt idx="269">
                  <c:v>36795</c:v>
                </c:pt>
                <c:pt idx="270">
                  <c:v>36796</c:v>
                </c:pt>
                <c:pt idx="271">
                  <c:v>36797</c:v>
                </c:pt>
                <c:pt idx="272">
                  <c:v>36798</c:v>
                </c:pt>
                <c:pt idx="273">
                  <c:v>36799</c:v>
                </c:pt>
                <c:pt idx="274">
                  <c:v>36800</c:v>
                </c:pt>
                <c:pt idx="275">
                  <c:v>36801</c:v>
                </c:pt>
                <c:pt idx="276">
                  <c:v>36802</c:v>
                </c:pt>
                <c:pt idx="277">
                  <c:v>36803</c:v>
                </c:pt>
                <c:pt idx="278">
                  <c:v>36804</c:v>
                </c:pt>
                <c:pt idx="279">
                  <c:v>36805</c:v>
                </c:pt>
                <c:pt idx="280">
                  <c:v>36806</c:v>
                </c:pt>
                <c:pt idx="281">
                  <c:v>36807</c:v>
                </c:pt>
                <c:pt idx="282">
                  <c:v>36808</c:v>
                </c:pt>
                <c:pt idx="283">
                  <c:v>36809</c:v>
                </c:pt>
                <c:pt idx="284">
                  <c:v>36810</c:v>
                </c:pt>
                <c:pt idx="285">
                  <c:v>36811</c:v>
                </c:pt>
                <c:pt idx="286">
                  <c:v>36812</c:v>
                </c:pt>
                <c:pt idx="287">
                  <c:v>36813</c:v>
                </c:pt>
                <c:pt idx="288">
                  <c:v>36814</c:v>
                </c:pt>
                <c:pt idx="289">
                  <c:v>36815</c:v>
                </c:pt>
                <c:pt idx="290">
                  <c:v>36816</c:v>
                </c:pt>
                <c:pt idx="291">
                  <c:v>36817</c:v>
                </c:pt>
                <c:pt idx="292">
                  <c:v>36818</c:v>
                </c:pt>
                <c:pt idx="293">
                  <c:v>36819</c:v>
                </c:pt>
                <c:pt idx="294">
                  <c:v>36820</c:v>
                </c:pt>
                <c:pt idx="295">
                  <c:v>36821</c:v>
                </c:pt>
                <c:pt idx="296">
                  <c:v>36822</c:v>
                </c:pt>
                <c:pt idx="297">
                  <c:v>36823</c:v>
                </c:pt>
                <c:pt idx="298">
                  <c:v>36824</c:v>
                </c:pt>
                <c:pt idx="299">
                  <c:v>36825</c:v>
                </c:pt>
                <c:pt idx="300">
                  <c:v>36826</c:v>
                </c:pt>
                <c:pt idx="301">
                  <c:v>36827</c:v>
                </c:pt>
                <c:pt idx="302">
                  <c:v>36828</c:v>
                </c:pt>
                <c:pt idx="303">
                  <c:v>36829</c:v>
                </c:pt>
                <c:pt idx="304">
                  <c:v>36830</c:v>
                </c:pt>
                <c:pt idx="305">
                  <c:v>36831</c:v>
                </c:pt>
                <c:pt idx="306">
                  <c:v>36832</c:v>
                </c:pt>
                <c:pt idx="307">
                  <c:v>36833</c:v>
                </c:pt>
                <c:pt idx="308">
                  <c:v>36834</c:v>
                </c:pt>
                <c:pt idx="309">
                  <c:v>36835</c:v>
                </c:pt>
                <c:pt idx="310">
                  <c:v>36836</c:v>
                </c:pt>
                <c:pt idx="311">
                  <c:v>36837</c:v>
                </c:pt>
                <c:pt idx="312">
                  <c:v>36838</c:v>
                </c:pt>
                <c:pt idx="313">
                  <c:v>36839</c:v>
                </c:pt>
                <c:pt idx="314">
                  <c:v>36840</c:v>
                </c:pt>
                <c:pt idx="315">
                  <c:v>36841</c:v>
                </c:pt>
                <c:pt idx="316">
                  <c:v>36842</c:v>
                </c:pt>
                <c:pt idx="317">
                  <c:v>36843</c:v>
                </c:pt>
                <c:pt idx="318">
                  <c:v>36844</c:v>
                </c:pt>
                <c:pt idx="319">
                  <c:v>36845</c:v>
                </c:pt>
                <c:pt idx="320">
                  <c:v>36846</c:v>
                </c:pt>
                <c:pt idx="321">
                  <c:v>36847</c:v>
                </c:pt>
                <c:pt idx="322">
                  <c:v>36848</c:v>
                </c:pt>
                <c:pt idx="323">
                  <c:v>36849</c:v>
                </c:pt>
                <c:pt idx="324">
                  <c:v>36850</c:v>
                </c:pt>
                <c:pt idx="325">
                  <c:v>36851</c:v>
                </c:pt>
                <c:pt idx="326">
                  <c:v>36852</c:v>
                </c:pt>
                <c:pt idx="327">
                  <c:v>36853</c:v>
                </c:pt>
                <c:pt idx="328">
                  <c:v>36854</c:v>
                </c:pt>
                <c:pt idx="329">
                  <c:v>36855</c:v>
                </c:pt>
                <c:pt idx="330">
                  <c:v>36856</c:v>
                </c:pt>
                <c:pt idx="331">
                  <c:v>36857</c:v>
                </c:pt>
                <c:pt idx="332">
                  <c:v>36858</c:v>
                </c:pt>
                <c:pt idx="333">
                  <c:v>36859</c:v>
                </c:pt>
                <c:pt idx="334">
                  <c:v>36860</c:v>
                </c:pt>
                <c:pt idx="335">
                  <c:v>36861</c:v>
                </c:pt>
                <c:pt idx="336">
                  <c:v>36862</c:v>
                </c:pt>
                <c:pt idx="337">
                  <c:v>36863</c:v>
                </c:pt>
                <c:pt idx="338">
                  <c:v>36864</c:v>
                </c:pt>
                <c:pt idx="339">
                  <c:v>36865</c:v>
                </c:pt>
                <c:pt idx="340">
                  <c:v>36866</c:v>
                </c:pt>
                <c:pt idx="341">
                  <c:v>36867</c:v>
                </c:pt>
                <c:pt idx="342">
                  <c:v>36868</c:v>
                </c:pt>
                <c:pt idx="343">
                  <c:v>36869</c:v>
                </c:pt>
                <c:pt idx="344">
                  <c:v>36870</c:v>
                </c:pt>
                <c:pt idx="345">
                  <c:v>36871</c:v>
                </c:pt>
                <c:pt idx="346">
                  <c:v>36872</c:v>
                </c:pt>
                <c:pt idx="347">
                  <c:v>36873</c:v>
                </c:pt>
                <c:pt idx="348">
                  <c:v>36874</c:v>
                </c:pt>
                <c:pt idx="349">
                  <c:v>36875</c:v>
                </c:pt>
                <c:pt idx="350">
                  <c:v>36876</c:v>
                </c:pt>
                <c:pt idx="351">
                  <c:v>36877</c:v>
                </c:pt>
                <c:pt idx="352">
                  <c:v>36878</c:v>
                </c:pt>
                <c:pt idx="353">
                  <c:v>36879</c:v>
                </c:pt>
                <c:pt idx="354">
                  <c:v>36880</c:v>
                </c:pt>
                <c:pt idx="355">
                  <c:v>36881</c:v>
                </c:pt>
                <c:pt idx="356">
                  <c:v>36882</c:v>
                </c:pt>
                <c:pt idx="357">
                  <c:v>36883</c:v>
                </c:pt>
                <c:pt idx="358">
                  <c:v>36884</c:v>
                </c:pt>
                <c:pt idx="359">
                  <c:v>36885</c:v>
                </c:pt>
                <c:pt idx="360">
                  <c:v>36886</c:v>
                </c:pt>
                <c:pt idx="361">
                  <c:v>36887</c:v>
                </c:pt>
                <c:pt idx="362">
                  <c:v>36888</c:v>
                </c:pt>
                <c:pt idx="363">
                  <c:v>36889</c:v>
                </c:pt>
                <c:pt idx="364">
                  <c:v>36890</c:v>
                </c:pt>
                <c:pt idx="365">
                  <c:v>36891</c:v>
                </c:pt>
                <c:pt idx="366">
                  <c:v>36892</c:v>
                </c:pt>
                <c:pt idx="367">
                  <c:v>36893</c:v>
                </c:pt>
                <c:pt idx="368">
                  <c:v>36894</c:v>
                </c:pt>
                <c:pt idx="369">
                  <c:v>36895</c:v>
                </c:pt>
                <c:pt idx="370">
                  <c:v>36896</c:v>
                </c:pt>
                <c:pt idx="371">
                  <c:v>36897</c:v>
                </c:pt>
                <c:pt idx="372">
                  <c:v>36898</c:v>
                </c:pt>
                <c:pt idx="373">
                  <c:v>36899</c:v>
                </c:pt>
                <c:pt idx="374">
                  <c:v>36900</c:v>
                </c:pt>
                <c:pt idx="375">
                  <c:v>36901</c:v>
                </c:pt>
                <c:pt idx="376">
                  <c:v>36902</c:v>
                </c:pt>
                <c:pt idx="377">
                  <c:v>36903</c:v>
                </c:pt>
                <c:pt idx="378">
                  <c:v>36904</c:v>
                </c:pt>
                <c:pt idx="379">
                  <c:v>36905</c:v>
                </c:pt>
                <c:pt idx="380">
                  <c:v>36906</c:v>
                </c:pt>
                <c:pt idx="381">
                  <c:v>36907</c:v>
                </c:pt>
                <c:pt idx="382">
                  <c:v>36908</c:v>
                </c:pt>
                <c:pt idx="383">
                  <c:v>36909</c:v>
                </c:pt>
                <c:pt idx="384">
                  <c:v>36910</c:v>
                </c:pt>
                <c:pt idx="385">
                  <c:v>36911</c:v>
                </c:pt>
                <c:pt idx="386">
                  <c:v>36912</c:v>
                </c:pt>
                <c:pt idx="387">
                  <c:v>36913</c:v>
                </c:pt>
                <c:pt idx="388">
                  <c:v>36914</c:v>
                </c:pt>
                <c:pt idx="389">
                  <c:v>36915</c:v>
                </c:pt>
                <c:pt idx="390">
                  <c:v>36916</c:v>
                </c:pt>
                <c:pt idx="391">
                  <c:v>36917</c:v>
                </c:pt>
                <c:pt idx="392">
                  <c:v>36918</c:v>
                </c:pt>
                <c:pt idx="393">
                  <c:v>36919</c:v>
                </c:pt>
                <c:pt idx="394">
                  <c:v>36920</c:v>
                </c:pt>
                <c:pt idx="395">
                  <c:v>36921</c:v>
                </c:pt>
                <c:pt idx="396">
                  <c:v>36922</c:v>
                </c:pt>
                <c:pt idx="397">
                  <c:v>36923</c:v>
                </c:pt>
                <c:pt idx="398">
                  <c:v>36924</c:v>
                </c:pt>
                <c:pt idx="399">
                  <c:v>36925</c:v>
                </c:pt>
                <c:pt idx="400">
                  <c:v>36926</c:v>
                </c:pt>
                <c:pt idx="401">
                  <c:v>36927</c:v>
                </c:pt>
                <c:pt idx="402">
                  <c:v>36928</c:v>
                </c:pt>
                <c:pt idx="403">
                  <c:v>36929</c:v>
                </c:pt>
                <c:pt idx="404">
                  <c:v>36930</c:v>
                </c:pt>
                <c:pt idx="405">
                  <c:v>36931</c:v>
                </c:pt>
                <c:pt idx="406">
                  <c:v>36932</c:v>
                </c:pt>
                <c:pt idx="407">
                  <c:v>36933</c:v>
                </c:pt>
                <c:pt idx="408">
                  <c:v>36934</c:v>
                </c:pt>
                <c:pt idx="409">
                  <c:v>36935</c:v>
                </c:pt>
                <c:pt idx="410">
                  <c:v>36936</c:v>
                </c:pt>
                <c:pt idx="411">
                  <c:v>36937</c:v>
                </c:pt>
                <c:pt idx="412">
                  <c:v>36938</c:v>
                </c:pt>
                <c:pt idx="413">
                  <c:v>36939</c:v>
                </c:pt>
                <c:pt idx="414">
                  <c:v>36940</c:v>
                </c:pt>
                <c:pt idx="415">
                  <c:v>36941</c:v>
                </c:pt>
                <c:pt idx="416">
                  <c:v>36942</c:v>
                </c:pt>
                <c:pt idx="417">
                  <c:v>36943</c:v>
                </c:pt>
                <c:pt idx="418">
                  <c:v>36944</c:v>
                </c:pt>
                <c:pt idx="419">
                  <c:v>36945</c:v>
                </c:pt>
                <c:pt idx="420">
                  <c:v>36946</c:v>
                </c:pt>
                <c:pt idx="421">
                  <c:v>36947</c:v>
                </c:pt>
                <c:pt idx="422">
                  <c:v>36948</c:v>
                </c:pt>
                <c:pt idx="423">
                  <c:v>36949</c:v>
                </c:pt>
                <c:pt idx="424">
                  <c:v>36950</c:v>
                </c:pt>
                <c:pt idx="425">
                  <c:v>36951</c:v>
                </c:pt>
                <c:pt idx="426">
                  <c:v>36952</c:v>
                </c:pt>
                <c:pt idx="427">
                  <c:v>36953</c:v>
                </c:pt>
                <c:pt idx="428">
                  <c:v>36954</c:v>
                </c:pt>
                <c:pt idx="429">
                  <c:v>36955</c:v>
                </c:pt>
                <c:pt idx="430">
                  <c:v>36956</c:v>
                </c:pt>
                <c:pt idx="431">
                  <c:v>36957</c:v>
                </c:pt>
                <c:pt idx="432">
                  <c:v>36958</c:v>
                </c:pt>
                <c:pt idx="433">
                  <c:v>36959</c:v>
                </c:pt>
                <c:pt idx="434">
                  <c:v>36960</c:v>
                </c:pt>
                <c:pt idx="435">
                  <c:v>36961</c:v>
                </c:pt>
                <c:pt idx="436">
                  <c:v>36962</c:v>
                </c:pt>
                <c:pt idx="437">
                  <c:v>36963</c:v>
                </c:pt>
                <c:pt idx="438">
                  <c:v>36964</c:v>
                </c:pt>
                <c:pt idx="439">
                  <c:v>36965</c:v>
                </c:pt>
                <c:pt idx="440">
                  <c:v>36966</c:v>
                </c:pt>
                <c:pt idx="441">
                  <c:v>36967</c:v>
                </c:pt>
                <c:pt idx="442">
                  <c:v>36968</c:v>
                </c:pt>
                <c:pt idx="443">
                  <c:v>36969</c:v>
                </c:pt>
                <c:pt idx="444">
                  <c:v>36970</c:v>
                </c:pt>
                <c:pt idx="445">
                  <c:v>36971</c:v>
                </c:pt>
                <c:pt idx="446">
                  <c:v>36972</c:v>
                </c:pt>
                <c:pt idx="447">
                  <c:v>36973</c:v>
                </c:pt>
                <c:pt idx="448">
                  <c:v>36974</c:v>
                </c:pt>
                <c:pt idx="449">
                  <c:v>36975</c:v>
                </c:pt>
                <c:pt idx="450">
                  <c:v>36976</c:v>
                </c:pt>
                <c:pt idx="451">
                  <c:v>36977</c:v>
                </c:pt>
                <c:pt idx="452">
                  <c:v>36978</c:v>
                </c:pt>
                <c:pt idx="453">
                  <c:v>36979</c:v>
                </c:pt>
                <c:pt idx="454">
                  <c:v>36980</c:v>
                </c:pt>
                <c:pt idx="455">
                  <c:v>36981</c:v>
                </c:pt>
                <c:pt idx="456">
                  <c:v>36982</c:v>
                </c:pt>
                <c:pt idx="457">
                  <c:v>36983</c:v>
                </c:pt>
                <c:pt idx="458">
                  <c:v>36984</c:v>
                </c:pt>
                <c:pt idx="459">
                  <c:v>36985</c:v>
                </c:pt>
                <c:pt idx="460">
                  <c:v>36986</c:v>
                </c:pt>
                <c:pt idx="461">
                  <c:v>36987</c:v>
                </c:pt>
                <c:pt idx="462">
                  <c:v>36988</c:v>
                </c:pt>
                <c:pt idx="463">
                  <c:v>36989</c:v>
                </c:pt>
                <c:pt idx="464">
                  <c:v>36990</c:v>
                </c:pt>
                <c:pt idx="465">
                  <c:v>36991</c:v>
                </c:pt>
                <c:pt idx="466">
                  <c:v>36992</c:v>
                </c:pt>
                <c:pt idx="467">
                  <c:v>36993</c:v>
                </c:pt>
                <c:pt idx="468">
                  <c:v>36994</c:v>
                </c:pt>
                <c:pt idx="469">
                  <c:v>36995</c:v>
                </c:pt>
                <c:pt idx="470">
                  <c:v>36996</c:v>
                </c:pt>
                <c:pt idx="471">
                  <c:v>36997</c:v>
                </c:pt>
                <c:pt idx="472">
                  <c:v>36998</c:v>
                </c:pt>
                <c:pt idx="473">
                  <c:v>36999</c:v>
                </c:pt>
                <c:pt idx="474">
                  <c:v>37000</c:v>
                </c:pt>
                <c:pt idx="475">
                  <c:v>37001</c:v>
                </c:pt>
                <c:pt idx="476">
                  <c:v>37002</c:v>
                </c:pt>
                <c:pt idx="477">
                  <c:v>37003</c:v>
                </c:pt>
                <c:pt idx="478">
                  <c:v>37004</c:v>
                </c:pt>
                <c:pt idx="479">
                  <c:v>37005</c:v>
                </c:pt>
                <c:pt idx="480">
                  <c:v>37006</c:v>
                </c:pt>
                <c:pt idx="481">
                  <c:v>37007</c:v>
                </c:pt>
                <c:pt idx="482">
                  <c:v>37008</c:v>
                </c:pt>
                <c:pt idx="483">
                  <c:v>37009</c:v>
                </c:pt>
                <c:pt idx="484">
                  <c:v>37010</c:v>
                </c:pt>
                <c:pt idx="485">
                  <c:v>37011</c:v>
                </c:pt>
                <c:pt idx="486">
                  <c:v>37012</c:v>
                </c:pt>
                <c:pt idx="487">
                  <c:v>37013</c:v>
                </c:pt>
                <c:pt idx="488">
                  <c:v>37014</c:v>
                </c:pt>
                <c:pt idx="489">
                  <c:v>37015</c:v>
                </c:pt>
                <c:pt idx="490">
                  <c:v>37016</c:v>
                </c:pt>
                <c:pt idx="491">
                  <c:v>37017</c:v>
                </c:pt>
                <c:pt idx="492">
                  <c:v>37018</c:v>
                </c:pt>
                <c:pt idx="493">
                  <c:v>37019</c:v>
                </c:pt>
                <c:pt idx="494">
                  <c:v>37020</c:v>
                </c:pt>
                <c:pt idx="495">
                  <c:v>37021</c:v>
                </c:pt>
                <c:pt idx="496">
                  <c:v>37022</c:v>
                </c:pt>
                <c:pt idx="497">
                  <c:v>37023</c:v>
                </c:pt>
                <c:pt idx="498">
                  <c:v>37024</c:v>
                </c:pt>
                <c:pt idx="499">
                  <c:v>37025</c:v>
                </c:pt>
                <c:pt idx="500">
                  <c:v>37026</c:v>
                </c:pt>
                <c:pt idx="501">
                  <c:v>37027</c:v>
                </c:pt>
                <c:pt idx="502">
                  <c:v>37028</c:v>
                </c:pt>
                <c:pt idx="503">
                  <c:v>37029</c:v>
                </c:pt>
                <c:pt idx="504">
                  <c:v>37030</c:v>
                </c:pt>
                <c:pt idx="505">
                  <c:v>37031</c:v>
                </c:pt>
                <c:pt idx="506">
                  <c:v>37032</c:v>
                </c:pt>
                <c:pt idx="507">
                  <c:v>37033</c:v>
                </c:pt>
                <c:pt idx="508">
                  <c:v>37034</c:v>
                </c:pt>
                <c:pt idx="509">
                  <c:v>37035</c:v>
                </c:pt>
                <c:pt idx="510">
                  <c:v>37036</c:v>
                </c:pt>
                <c:pt idx="511">
                  <c:v>37037</c:v>
                </c:pt>
                <c:pt idx="512">
                  <c:v>37038</c:v>
                </c:pt>
                <c:pt idx="513">
                  <c:v>37039</c:v>
                </c:pt>
                <c:pt idx="514">
                  <c:v>37040</c:v>
                </c:pt>
                <c:pt idx="515">
                  <c:v>37041</c:v>
                </c:pt>
                <c:pt idx="516">
                  <c:v>37042</c:v>
                </c:pt>
                <c:pt idx="517">
                  <c:v>37043</c:v>
                </c:pt>
                <c:pt idx="518">
                  <c:v>37044</c:v>
                </c:pt>
                <c:pt idx="519">
                  <c:v>37045</c:v>
                </c:pt>
                <c:pt idx="520">
                  <c:v>37046</c:v>
                </c:pt>
                <c:pt idx="521">
                  <c:v>37047</c:v>
                </c:pt>
                <c:pt idx="522">
                  <c:v>37048</c:v>
                </c:pt>
                <c:pt idx="523">
                  <c:v>37049</c:v>
                </c:pt>
                <c:pt idx="524">
                  <c:v>37050</c:v>
                </c:pt>
                <c:pt idx="525">
                  <c:v>37051</c:v>
                </c:pt>
                <c:pt idx="526">
                  <c:v>37052</c:v>
                </c:pt>
                <c:pt idx="527">
                  <c:v>37053</c:v>
                </c:pt>
                <c:pt idx="528">
                  <c:v>37054</c:v>
                </c:pt>
                <c:pt idx="529">
                  <c:v>37055</c:v>
                </c:pt>
                <c:pt idx="530">
                  <c:v>37056</c:v>
                </c:pt>
                <c:pt idx="531">
                  <c:v>37057</c:v>
                </c:pt>
                <c:pt idx="532">
                  <c:v>37058</c:v>
                </c:pt>
                <c:pt idx="533">
                  <c:v>37059</c:v>
                </c:pt>
                <c:pt idx="534">
                  <c:v>37060</c:v>
                </c:pt>
                <c:pt idx="535">
                  <c:v>37061</c:v>
                </c:pt>
                <c:pt idx="536">
                  <c:v>37062</c:v>
                </c:pt>
                <c:pt idx="537">
                  <c:v>37063</c:v>
                </c:pt>
                <c:pt idx="538">
                  <c:v>37064</c:v>
                </c:pt>
                <c:pt idx="539">
                  <c:v>37065</c:v>
                </c:pt>
                <c:pt idx="540">
                  <c:v>37066</c:v>
                </c:pt>
                <c:pt idx="541">
                  <c:v>37067</c:v>
                </c:pt>
                <c:pt idx="542">
                  <c:v>37068</c:v>
                </c:pt>
                <c:pt idx="543">
                  <c:v>37069</c:v>
                </c:pt>
                <c:pt idx="544">
                  <c:v>37070</c:v>
                </c:pt>
                <c:pt idx="545">
                  <c:v>37071</c:v>
                </c:pt>
                <c:pt idx="546">
                  <c:v>37072</c:v>
                </c:pt>
                <c:pt idx="547">
                  <c:v>37073</c:v>
                </c:pt>
                <c:pt idx="548">
                  <c:v>37074</c:v>
                </c:pt>
                <c:pt idx="549">
                  <c:v>37075</c:v>
                </c:pt>
                <c:pt idx="550">
                  <c:v>37076</c:v>
                </c:pt>
                <c:pt idx="551">
                  <c:v>37077</c:v>
                </c:pt>
                <c:pt idx="552">
                  <c:v>37078</c:v>
                </c:pt>
                <c:pt idx="553">
                  <c:v>37079</c:v>
                </c:pt>
                <c:pt idx="554">
                  <c:v>37080</c:v>
                </c:pt>
                <c:pt idx="555">
                  <c:v>37081</c:v>
                </c:pt>
                <c:pt idx="556">
                  <c:v>37082</c:v>
                </c:pt>
                <c:pt idx="557">
                  <c:v>37083</c:v>
                </c:pt>
                <c:pt idx="558">
                  <c:v>37084</c:v>
                </c:pt>
                <c:pt idx="559">
                  <c:v>37085</c:v>
                </c:pt>
                <c:pt idx="560">
                  <c:v>37086</c:v>
                </c:pt>
                <c:pt idx="561">
                  <c:v>37087</c:v>
                </c:pt>
                <c:pt idx="562">
                  <c:v>37088</c:v>
                </c:pt>
                <c:pt idx="563">
                  <c:v>37089</c:v>
                </c:pt>
                <c:pt idx="564">
                  <c:v>37090</c:v>
                </c:pt>
                <c:pt idx="565">
                  <c:v>37091</c:v>
                </c:pt>
                <c:pt idx="566">
                  <c:v>37092</c:v>
                </c:pt>
                <c:pt idx="567">
                  <c:v>37093</c:v>
                </c:pt>
                <c:pt idx="568">
                  <c:v>37094</c:v>
                </c:pt>
                <c:pt idx="569">
                  <c:v>37095</c:v>
                </c:pt>
                <c:pt idx="570">
                  <c:v>37096</c:v>
                </c:pt>
                <c:pt idx="571">
                  <c:v>37097</c:v>
                </c:pt>
                <c:pt idx="572">
                  <c:v>37098</c:v>
                </c:pt>
                <c:pt idx="573">
                  <c:v>37099</c:v>
                </c:pt>
                <c:pt idx="574">
                  <c:v>37100</c:v>
                </c:pt>
                <c:pt idx="575">
                  <c:v>37101</c:v>
                </c:pt>
                <c:pt idx="576">
                  <c:v>37102</c:v>
                </c:pt>
                <c:pt idx="577">
                  <c:v>37103</c:v>
                </c:pt>
                <c:pt idx="578">
                  <c:v>37104</c:v>
                </c:pt>
                <c:pt idx="579">
                  <c:v>37105</c:v>
                </c:pt>
                <c:pt idx="580">
                  <c:v>37106</c:v>
                </c:pt>
                <c:pt idx="581">
                  <c:v>37107</c:v>
                </c:pt>
                <c:pt idx="582">
                  <c:v>37108</c:v>
                </c:pt>
                <c:pt idx="583">
                  <c:v>37109</c:v>
                </c:pt>
                <c:pt idx="584">
                  <c:v>37110</c:v>
                </c:pt>
                <c:pt idx="585">
                  <c:v>37111</c:v>
                </c:pt>
                <c:pt idx="586">
                  <c:v>37112</c:v>
                </c:pt>
                <c:pt idx="587">
                  <c:v>37113</c:v>
                </c:pt>
                <c:pt idx="588">
                  <c:v>37114</c:v>
                </c:pt>
                <c:pt idx="589">
                  <c:v>37115</c:v>
                </c:pt>
                <c:pt idx="590">
                  <c:v>37116</c:v>
                </c:pt>
                <c:pt idx="591">
                  <c:v>37117</c:v>
                </c:pt>
                <c:pt idx="592">
                  <c:v>37118</c:v>
                </c:pt>
                <c:pt idx="593">
                  <c:v>37119</c:v>
                </c:pt>
                <c:pt idx="594">
                  <c:v>37120</c:v>
                </c:pt>
                <c:pt idx="595">
                  <c:v>37121</c:v>
                </c:pt>
                <c:pt idx="596">
                  <c:v>37122</c:v>
                </c:pt>
                <c:pt idx="597">
                  <c:v>37123</c:v>
                </c:pt>
                <c:pt idx="598">
                  <c:v>37124</c:v>
                </c:pt>
                <c:pt idx="599">
                  <c:v>37125</c:v>
                </c:pt>
                <c:pt idx="600">
                  <c:v>37126</c:v>
                </c:pt>
                <c:pt idx="601">
                  <c:v>37127</c:v>
                </c:pt>
                <c:pt idx="602">
                  <c:v>37128</c:v>
                </c:pt>
                <c:pt idx="603">
                  <c:v>37129</c:v>
                </c:pt>
                <c:pt idx="604">
                  <c:v>37130</c:v>
                </c:pt>
                <c:pt idx="605">
                  <c:v>37131</c:v>
                </c:pt>
                <c:pt idx="606">
                  <c:v>37132</c:v>
                </c:pt>
                <c:pt idx="607">
                  <c:v>37133</c:v>
                </c:pt>
                <c:pt idx="608">
                  <c:v>37134</c:v>
                </c:pt>
                <c:pt idx="609">
                  <c:v>37135</c:v>
                </c:pt>
                <c:pt idx="610">
                  <c:v>37136</c:v>
                </c:pt>
                <c:pt idx="611">
                  <c:v>37137</c:v>
                </c:pt>
                <c:pt idx="612">
                  <c:v>37138</c:v>
                </c:pt>
                <c:pt idx="613">
                  <c:v>37139</c:v>
                </c:pt>
                <c:pt idx="614">
                  <c:v>37140</c:v>
                </c:pt>
                <c:pt idx="615">
                  <c:v>37141</c:v>
                </c:pt>
                <c:pt idx="616">
                  <c:v>37142</c:v>
                </c:pt>
                <c:pt idx="617">
                  <c:v>37143</c:v>
                </c:pt>
                <c:pt idx="618">
                  <c:v>37144</c:v>
                </c:pt>
                <c:pt idx="619">
                  <c:v>37145</c:v>
                </c:pt>
                <c:pt idx="620">
                  <c:v>37146</c:v>
                </c:pt>
                <c:pt idx="621">
                  <c:v>37147</c:v>
                </c:pt>
                <c:pt idx="622">
                  <c:v>37148</c:v>
                </c:pt>
                <c:pt idx="623">
                  <c:v>37149</c:v>
                </c:pt>
                <c:pt idx="624">
                  <c:v>37150</c:v>
                </c:pt>
                <c:pt idx="625">
                  <c:v>37151</c:v>
                </c:pt>
                <c:pt idx="626">
                  <c:v>37152</c:v>
                </c:pt>
                <c:pt idx="627">
                  <c:v>37153</c:v>
                </c:pt>
                <c:pt idx="628">
                  <c:v>37154</c:v>
                </c:pt>
                <c:pt idx="629">
                  <c:v>37155</c:v>
                </c:pt>
                <c:pt idx="630">
                  <c:v>37156</c:v>
                </c:pt>
                <c:pt idx="631">
                  <c:v>37157</c:v>
                </c:pt>
                <c:pt idx="632">
                  <c:v>37158</c:v>
                </c:pt>
                <c:pt idx="633">
                  <c:v>37159</c:v>
                </c:pt>
                <c:pt idx="634">
                  <c:v>37160</c:v>
                </c:pt>
                <c:pt idx="635">
                  <c:v>37161</c:v>
                </c:pt>
                <c:pt idx="636">
                  <c:v>37162</c:v>
                </c:pt>
                <c:pt idx="637">
                  <c:v>37163</c:v>
                </c:pt>
                <c:pt idx="638">
                  <c:v>37164</c:v>
                </c:pt>
                <c:pt idx="639">
                  <c:v>37165</c:v>
                </c:pt>
                <c:pt idx="640">
                  <c:v>37166</c:v>
                </c:pt>
                <c:pt idx="641">
                  <c:v>37167</c:v>
                </c:pt>
                <c:pt idx="642">
                  <c:v>37168</c:v>
                </c:pt>
                <c:pt idx="643">
                  <c:v>37169</c:v>
                </c:pt>
                <c:pt idx="644">
                  <c:v>37170</c:v>
                </c:pt>
                <c:pt idx="645">
                  <c:v>37171</c:v>
                </c:pt>
                <c:pt idx="646">
                  <c:v>37172</c:v>
                </c:pt>
                <c:pt idx="647">
                  <c:v>37173</c:v>
                </c:pt>
                <c:pt idx="648">
                  <c:v>37174</c:v>
                </c:pt>
                <c:pt idx="649">
                  <c:v>37175</c:v>
                </c:pt>
                <c:pt idx="650">
                  <c:v>37176</c:v>
                </c:pt>
                <c:pt idx="651">
                  <c:v>37177</c:v>
                </c:pt>
                <c:pt idx="652">
                  <c:v>37178</c:v>
                </c:pt>
                <c:pt idx="653">
                  <c:v>37179</c:v>
                </c:pt>
                <c:pt idx="654">
                  <c:v>37180</c:v>
                </c:pt>
                <c:pt idx="655">
                  <c:v>37181</c:v>
                </c:pt>
                <c:pt idx="656">
                  <c:v>37182</c:v>
                </c:pt>
                <c:pt idx="657">
                  <c:v>37183</c:v>
                </c:pt>
                <c:pt idx="658">
                  <c:v>37184</c:v>
                </c:pt>
                <c:pt idx="659">
                  <c:v>37185</c:v>
                </c:pt>
                <c:pt idx="660">
                  <c:v>37186</c:v>
                </c:pt>
                <c:pt idx="661">
                  <c:v>37187</c:v>
                </c:pt>
                <c:pt idx="662">
                  <c:v>37188</c:v>
                </c:pt>
                <c:pt idx="663">
                  <c:v>37189</c:v>
                </c:pt>
                <c:pt idx="664">
                  <c:v>37190</c:v>
                </c:pt>
                <c:pt idx="665">
                  <c:v>37191</c:v>
                </c:pt>
                <c:pt idx="666">
                  <c:v>37192</c:v>
                </c:pt>
                <c:pt idx="667">
                  <c:v>37193</c:v>
                </c:pt>
                <c:pt idx="668">
                  <c:v>37194</c:v>
                </c:pt>
                <c:pt idx="669">
                  <c:v>37195</c:v>
                </c:pt>
                <c:pt idx="670">
                  <c:v>37196</c:v>
                </c:pt>
                <c:pt idx="671">
                  <c:v>37197</c:v>
                </c:pt>
                <c:pt idx="672">
                  <c:v>37198</c:v>
                </c:pt>
                <c:pt idx="673">
                  <c:v>37199</c:v>
                </c:pt>
                <c:pt idx="674">
                  <c:v>37200</c:v>
                </c:pt>
                <c:pt idx="675">
                  <c:v>37201</c:v>
                </c:pt>
                <c:pt idx="676">
                  <c:v>37202</c:v>
                </c:pt>
                <c:pt idx="677">
                  <c:v>37203</c:v>
                </c:pt>
                <c:pt idx="678">
                  <c:v>37204</c:v>
                </c:pt>
                <c:pt idx="679">
                  <c:v>37205</c:v>
                </c:pt>
                <c:pt idx="680">
                  <c:v>37206</c:v>
                </c:pt>
                <c:pt idx="681">
                  <c:v>37207</c:v>
                </c:pt>
                <c:pt idx="682">
                  <c:v>37208</c:v>
                </c:pt>
                <c:pt idx="683">
                  <c:v>37209</c:v>
                </c:pt>
                <c:pt idx="684">
                  <c:v>37210</c:v>
                </c:pt>
                <c:pt idx="685">
                  <c:v>37211</c:v>
                </c:pt>
                <c:pt idx="686">
                  <c:v>37212</c:v>
                </c:pt>
                <c:pt idx="687">
                  <c:v>37213</c:v>
                </c:pt>
                <c:pt idx="688">
                  <c:v>37214</c:v>
                </c:pt>
                <c:pt idx="689">
                  <c:v>37215</c:v>
                </c:pt>
                <c:pt idx="690">
                  <c:v>37216</c:v>
                </c:pt>
                <c:pt idx="691">
                  <c:v>37217</c:v>
                </c:pt>
                <c:pt idx="692">
                  <c:v>37218</c:v>
                </c:pt>
                <c:pt idx="693">
                  <c:v>37219</c:v>
                </c:pt>
                <c:pt idx="694">
                  <c:v>37220</c:v>
                </c:pt>
                <c:pt idx="695">
                  <c:v>37221</c:v>
                </c:pt>
                <c:pt idx="696">
                  <c:v>37222</c:v>
                </c:pt>
                <c:pt idx="697">
                  <c:v>37223</c:v>
                </c:pt>
                <c:pt idx="698">
                  <c:v>37224</c:v>
                </c:pt>
                <c:pt idx="699">
                  <c:v>37225</c:v>
                </c:pt>
                <c:pt idx="700">
                  <c:v>37226</c:v>
                </c:pt>
                <c:pt idx="701">
                  <c:v>37227</c:v>
                </c:pt>
                <c:pt idx="702">
                  <c:v>37228</c:v>
                </c:pt>
                <c:pt idx="703">
                  <c:v>37229</c:v>
                </c:pt>
                <c:pt idx="704">
                  <c:v>37230</c:v>
                </c:pt>
                <c:pt idx="705">
                  <c:v>37231</c:v>
                </c:pt>
                <c:pt idx="706">
                  <c:v>37232</c:v>
                </c:pt>
                <c:pt idx="707">
                  <c:v>37233</c:v>
                </c:pt>
                <c:pt idx="708">
                  <c:v>37234</c:v>
                </c:pt>
                <c:pt idx="709">
                  <c:v>37235</c:v>
                </c:pt>
                <c:pt idx="710">
                  <c:v>37236</c:v>
                </c:pt>
                <c:pt idx="711">
                  <c:v>37237</c:v>
                </c:pt>
                <c:pt idx="712">
                  <c:v>37238</c:v>
                </c:pt>
                <c:pt idx="713">
                  <c:v>37239</c:v>
                </c:pt>
                <c:pt idx="714">
                  <c:v>37240</c:v>
                </c:pt>
                <c:pt idx="715">
                  <c:v>37241</c:v>
                </c:pt>
                <c:pt idx="716">
                  <c:v>37242</c:v>
                </c:pt>
                <c:pt idx="717">
                  <c:v>37243</c:v>
                </c:pt>
                <c:pt idx="718">
                  <c:v>37244</c:v>
                </c:pt>
                <c:pt idx="719">
                  <c:v>37245</c:v>
                </c:pt>
                <c:pt idx="720">
                  <c:v>37246</c:v>
                </c:pt>
                <c:pt idx="721">
                  <c:v>37247</c:v>
                </c:pt>
                <c:pt idx="722">
                  <c:v>37248</c:v>
                </c:pt>
                <c:pt idx="723">
                  <c:v>37249</c:v>
                </c:pt>
                <c:pt idx="724">
                  <c:v>37250</c:v>
                </c:pt>
                <c:pt idx="725">
                  <c:v>37251</c:v>
                </c:pt>
                <c:pt idx="726">
                  <c:v>37252</c:v>
                </c:pt>
                <c:pt idx="727">
                  <c:v>37253</c:v>
                </c:pt>
                <c:pt idx="728">
                  <c:v>37254</c:v>
                </c:pt>
                <c:pt idx="729">
                  <c:v>37255</c:v>
                </c:pt>
                <c:pt idx="730">
                  <c:v>37256</c:v>
                </c:pt>
                <c:pt idx="731">
                  <c:v>37257</c:v>
                </c:pt>
                <c:pt idx="732">
                  <c:v>37258</c:v>
                </c:pt>
                <c:pt idx="733">
                  <c:v>37259</c:v>
                </c:pt>
                <c:pt idx="734">
                  <c:v>37260</c:v>
                </c:pt>
                <c:pt idx="735">
                  <c:v>37261</c:v>
                </c:pt>
                <c:pt idx="736">
                  <c:v>37262</c:v>
                </c:pt>
                <c:pt idx="737">
                  <c:v>37263</c:v>
                </c:pt>
                <c:pt idx="738">
                  <c:v>37264</c:v>
                </c:pt>
                <c:pt idx="739">
                  <c:v>37265</c:v>
                </c:pt>
                <c:pt idx="740">
                  <c:v>37266</c:v>
                </c:pt>
                <c:pt idx="741">
                  <c:v>37267</c:v>
                </c:pt>
                <c:pt idx="742">
                  <c:v>37268</c:v>
                </c:pt>
                <c:pt idx="743">
                  <c:v>37269</c:v>
                </c:pt>
                <c:pt idx="744">
                  <c:v>37270</c:v>
                </c:pt>
                <c:pt idx="745">
                  <c:v>37271</c:v>
                </c:pt>
                <c:pt idx="746">
                  <c:v>37272</c:v>
                </c:pt>
                <c:pt idx="747">
                  <c:v>37273</c:v>
                </c:pt>
                <c:pt idx="748">
                  <c:v>37274</c:v>
                </c:pt>
                <c:pt idx="749">
                  <c:v>37275</c:v>
                </c:pt>
                <c:pt idx="750">
                  <c:v>37276</c:v>
                </c:pt>
                <c:pt idx="751">
                  <c:v>37277</c:v>
                </c:pt>
                <c:pt idx="752">
                  <c:v>37278</c:v>
                </c:pt>
                <c:pt idx="753">
                  <c:v>37279</c:v>
                </c:pt>
                <c:pt idx="754">
                  <c:v>37280</c:v>
                </c:pt>
                <c:pt idx="755">
                  <c:v>37281</c:v>
                </c:pt>
                <c:pt idx="756">
                  <c:v>37282</c:v>
                </c:pt>
                <c:pt idx="757">
                  <c:v>37283</c:v>
                </c:pt>
                <c:pt idx="758">
                  <c:v>37284</c:v>
                </c:pt>
                <c:pt idx="759">
                  <c:v>37285</c:v>
                </c:pt>
                <c:pt idx="760">
                  <c:v>37286</c:v>
                </c:pt>
                <c:pt idx="761">
                  <c:v>37287</c:v>
                </c:pt>
                <c:pt idx="762">
                  <c:v>37288</c:v>
                </c:pt>
                <c:pt idx="763">
                  <c:v>37289</c:v>
                </c:pt>
                <c:pt idx="764">
                  <c:v>37290</c:v>
                </c:pt>
                <c:pt idx="765">
                  <c:v>37291</c:v>
                </c:pt>
                <c:pt idx="766">
                  <c:v>37292</c:v>
                </c:pt>
                <c:pt idx="767">
                  <c:v>37293</c:v>
                </c:pt>
                <c:pt idx="768">
                  <c:v>37294</c:v>
                </c:pt>
                <c:pt idx="769">
                  <c:v>37295</c:v>
                </c:pt>
                <c:pt idx="770">
                  <c:v>37296</c:v>
                </c:pt>
                <c:pt idx="771">
                  <c:v>37297</c:v>
                </c:pt>
                <c:pt idx="772">
                  <c:v>37298</c:v>
                </c:pt>
                <c:pt idx="773">
                  <c:v>37299</c:v>
                </c:pt>
                <c:pt idx="774">
                  <c:v>37300</c:v>
                </c:pt>
                <c:pt idx="775">
                  <c:v>37301</c:v>
                </c:pt>
                <c:pt idx="776">
                  <c:v>37302</c:v>
                </c:pt>
                <c:pt idx="777">
                  <c:v>37303</c:v>
                </c:pt>
                <c:pt idx="778">
                  <c:v>37304</c:v>
                </c:pt>
                <c:pt idx="779">
                  <c:v>37305</c:v>
                </c:pt>
                <c:pt idx="780">
                  <c:v>37306</c:v>
                </c:pt>
                <c:pt idx="781">
                  <c:v>37307</c:v>
                </c:pt>
                <c:pt idx="782">
                  <c:v>37308</c:v>
                </c:pt>
                <c:pt idx="783">
                  <c:v>37309</c:v>
                </c:pt>
                <c:pt idx="784">
                  <c:v>37310</c:v>
                </c:pt>
                <c:pt idx="785">
                  <c:v>37311</c:v>
                </c:pt>
                <c:pt idx="786">
                  <c:v>37312</c:v>
                </c:pt>
                <c:pt idx="787">
                  <c:v>37313</c:v>
                </c:pt>
                <c:pt idx="788">
                  <c:v>37314</c:v>
                </c:pt>
                <c:pt idx="789">
                  <c:v>37315</c:v>
                </c:pt>
                <c:pt idx="790">
                  <c:v>37316</c:v>
                </c:pt>
                <c:pt idx="791">
                  <c:v>37317</c:v>
                </c:pt>
                <c:pt idx="792">
                  <c:v>37318</c:v>
                </c:pt>
                <c:pt idx="793">
                  <c:v>37319</c:v>
                </c:pt>
                <c:pt idx="794">
                  <c:v>37320</c:v>
                </c:pt>
                <c:pt idx="795">
                  <c:v>37321</c:v>
                </c:pt>
                <c:pt idx="796">
                  <c:v>37322</c:v>
                </c:pt>
                <c:pt idx="797">
                  <c:v>37323</c:v>
                </c:pt>
                <c:pt idx="798">
                  <c:v>37324</c:v>
                </c:pt>
                <c:pt idx="799">
                  <c:v>37325</c:v>
                </c:pt>
                <c:pt idx="800">
                  <c:v>37326</c:v>
                </c:pt>
                <c:pt idx="801">
                  <c:v>37327</c:v>
                </c:pt>
                <c:pt idx="802">
                  <c:v>37328</c:v>
                </c:pt>
                <c:pt idx="803">
                  <c:v>37329</c:v>
                </c:pt>
                <c:pt idx="804">
                  <c:v>37330</c:v>
                </c:pt>
                <c:pt idx="805">
                  <c:v>37331</c:v>
                </c:pt>
                <c:pt idx="806">
                  <c:v>37332</c:v>
                </c:pt>
                <c:pt idx="807">
                  <c:v>37333</c:v>
                </c:pt>
                <c:pt idx="808">
                  <c:v>37334</c:v>
                </c:pt>
                <c:pt idx="809">
                  <c:v>37335</c:v>
                </c:pt>
                <c:pt idx="810">
                  <c:v>37336</c:v>
                </c:pt>
                <c:pt idx="811">
                  <c:v>37337</c:v>
                </c:pt>
                <c:pt idx="812">
                  <c:v>37338</c:v>
                </c:pt>
                <c:pt idx="813">
                  <c:v>37339</c:v>
                </c:pt>
                <c:pt idx="814">
                  <c:v>37340</c:v>
                </c:pt>
                <c:pt idx="815">
                  <c:v>37341</c:v>
                </c:pt>
                <c:pt idx="816">
                  <c:v>37342</c:v>
                </c:pt>
                <c:pt idx="817">
                  <c:v>37343</c:v>
                </c:pt>
                <c:pt idx="818">
                  <c:v>37344</c:v>
                </c:pt>
                <c:pt idx="819">
                  <c:v>37345</c:v>
                </c:pt>
                <c:pt idx="820">
                  <c:v>37346</c:v>
                </c:pt>
                <c:pt idx="821">
                  <c:v>37347</c:v>
                </c:pt>
                <c:pt idx="822">
                  <c:v>37348</c:v>
                </c:pt>
                <c:pt idx="823">
                  <c:v>37349</c:v>
                </c:pt>
                <c:pt idx="824">
                  <c:v>37350</c:v>
                </c:pt>
                <c:pt idx="825">
                  <c:v>37351</c:v>
                </c:pt>
                <c:pt idx="826">
                  <c:v>37352</c:v>
                </c:pt>
                <c:pt idx="827">
                  <c:v>37353</c:v>
                </c:pt>
                <c:pt idx="828">
                  <c:v>37354</c:v>
                </c:pt>
                <c:pt idx="829">
                  <c:v>37355</c:v>
                </c:pt>
                <c:pt idx="830">
                  <c:v>37356</c:v>
                </c:pt>
                <c:pt idx="831">
                  <c:v>37357</c:v>
                </c:pt>
                <c:pt idx="832">
                  <c:v>37358</c:v>
                </c:pt>
                <c:pt idx="833">
                  <c:v>37359</c:v>
                </c:pt>
                <c:pt idx="834">
                  <c:v>37360</c:v>
                </c:pt>
                <c:pt idx="835">
                  <c:v>37361</c:v>
                </c:pt>
                <c:pt idx="836">
                  <c:v>37362</c:v>
                </c:pt>
                <c:pt idx="837">
                  <c:v>37363</c:v>
                </c:pt>
                <c:pt idx="838">
                  <c:v>37364</c:v>
                </c:pt>
                <c:pt idx="839">
                  <c:v>37365</c:v>
                </c:pt>
                <c:pt idx="840">
                  <c:v>37366</c:v>
                </c:pt>
                <c:pt idx="841">
                  <c:v>37367</c:v>
                </c:pt>
                <c:pt idx="842">
                  <c:v>37368</c:v>
                </c:pt>
                <c:pt idx="843">
                  <c:v>37369</c:v>
                </c:pt>
                <c:pt idx="844">
                  <c:v>37370</c:v>
                </c:pt>
                <c:pt idx="845">
                  <c:v>37371</c:v>
                </c:pt>
                <c:pt idx="846">
                  <c:v>37372</c:v>
                </c:pt>
                <c:pt idx="847">
                  <c:v>37373</c:v>
                </c:pt>
                <c:pt idx="848">
                  <c:v>37374</c:v>
                </c:pt>
                <c:pt idx="849">
                  <c:v>37375</c:v>
                </c:pt>
                <c:pt idx="850">
                  <c:v>37376</c:v>
                </c:pt>
                <c:pt idx="851">
                  <c:v>37377</c:v>
                </c:pt>
                <c:pt idx="852">
                  <c:v>37378</c:v>
                </c:pt>
                <c:pt idx="853">
                  <c:v>37379</c:v>
                </c:pt>
                <c:pt idx="854">
                  <c:v>37380</c:v>
                </c:pt>
                <c:pt idx="855">
                  <c:v>37381</c:v>
                </c:pt>
                <c:pt idx="856">
                  <c:v>37382</c:v>
                </c:pt>
                <c:pt idx="857">
                  <c:v>37383</c:v>
                </c:pt>
                <c:pt idx="858">
                  <c:v>37384</c:v>
                </c:pt>
                <c:pt idx="859">
                  <c:v>37385</c:v>
                </c:pt>
                <c:pt idx="860">
                  <c:v>37386</c:v>
                </c:pt>
                <c:pt idx="861">
                  <c:v>37387</c:v>
                </c:pt>
                <c:pt idx="862">
                  <c:v>37388</c:v>
                </c:pt>
                <c:pt idx="863">
                  <c:v>37389</c:v>
                </c:pt>
                <c:pt idx="864">
                  <c:v>37390</c:v>
                </c:pt>
                <c:pt idx="865">
                  <c:v>37391</c:v>
                </c:pt>
                <c:pt idx="866">
                  <c:v>37392</c:v>
                </c:pt>
                <c:pt idx="867">
                  <c:v>37393</c:v>
                </c:pt>
                <c:pt idx="868">
                  <c:v>37394</c:v>
                </c:pt>
                <c:pt idx="869">
                  <c:v>37395</c:v>
                </c:pt>
                <c:pt idx="870">
                  <c:v>37396</c:v>
                </c:pt>
                <c:pt idx="871">
                  <c:v>37397</c:v>
                </c:pt>
                <c:pt idx="872">
                  <c:v>37398</c:v>
                </c:pt>
                <c:pt idx="873">
                  <c:v>37399</c:v>
                </c:pt>
                <c:pt idx="874">
                  <c:v>37400</c:v>
                </c:pt>
                <c:pt idx="875">
                  <c:v>37401</c:v>
                </c:pt>
                <c:pt idx="876">
                  <c:v>37402</c:v>
                </c:pt>
                <c:pt idx="877">
                  <c:v>37403</c:v>
                </c:pt>
                <c:pt idx="878">
                  <c:v>37404</c:v>
                </c:pt>
                <c:pt idx="879">
                  <c:v>37405</c:v>
                </c:pt>
                <c:pt idx="880">
                  <c:v>37406</c:v>
                </c:pt>
                <c:pt idx="881">
                  <c:v>37407</c:v>
                </c:pt>
                <c:pt idx="882">
                  <c:v>37408</c:v>
                </c:pt>
                <c:pt idx="883">
                  <c:v>37409</c:v>
                </c:pt>
                <c:pt idx="884">
                  <c:v>37410</c:v>
                </c:pt>
                <c:pt idx="885">
                  <c:v>37411</c:v>
                </c:pt>
                <c:pt idx="886">
                  <c:v>37412</c:v>
                </c:pt>
                <c:pt idx="887">
                  <c:v>37413</c:v>
                </c:pt>
                <c:pt idx="888">
                  <c:v>37414</c:v>
                </c:pt>
                <c:pt idx="889">
                  <c:v>37415</c:v>
                </c:pt>
                <c:pt idx="890">
                  <c:v>37416</c:v>
                </c:pt>
                <c:pt idx="891">
                  <c:v>37417</c:v>
                </c:pt>
                <c:pt idx="892">
                  <c:v>37418</c:v>
                </c:pt>
                <c:pt idx="893">
                  <c:v>37419</c:v>
                </c:pt>
                <c:pt idx="894">
                  <c:v>37420</c:v>
                </c:pt>
                <c:pt idx="895">
                  <c:v>37421</c:v>
                </c:pt>
                <c:pt idx="896">
                  <c:v>37422</c:v>
                </c:pt>
                <c:pt idx="897">
                  <c:v>37423</c:v>
                </c:pt>
                <c:pt idx="898">
                  <c:v>37424</c:v>
                </c:pt>
                <c:pt idx="899">
                  <c:v>37425</c:v>
                </c:pt>
                <c:pt idx="900">
                  <c:v>37426</c:v>
                </c:pt>
                <c:pt idx="901">
                  <c:v>37427</c:v>
                </c:pt>
                <c:pt idx="902">
                  <c:v>37428</c:v>
                </c:pt>
                <c:pt idx="903">
                  <c:v>37429</c:v>
                </c:pt>
                <c:pt idx="904">
                  <c:v>37430</c:v>
                </c:pt>
                <c:pt idx="905">
                  <c:v>37431</c:v>
                </c:pt>
                <c:pt idx="906">
                  <c:v>37432</c:v>
                </c:pt>
                <c:pt idx="907">
                  <c:v>37433</c:v>
                </c:pt>
                <c:pt idx="908">
                  <c:v>37434</c:v>
                </c:pt>
                <c:pt idx="909">
                  <c:v>37435</c:v>
                </c:pt>
                <c:pt idx="910">
                  <c:v>37436</c:v>
                </c:pt>
                <c:pt idx="911">
                  <c:v>37437</c:v>
                </c:pt>
                <c:pt idx="912">
                  <c:v>37438</c:v>
                </c:pt>
                <c:pt idx="913">
                  <c:v>37439</c:v>
                </c:pt>
                <c:pt idx="914">
                  <c:v>37440</c:v>
                </c:pt>
                <c:pt idx="915">
                  <c:v>37441</c:v>
                </c:pt>
                <c:pt idx="916">
                  <c:v>37442</c:v>
                </c:pt>
                <c:pt idx="917">
                  <c:v>37443</c:v>
                </c:pt>
                <c:pt idx="918">
                  <c:v>37444</c:v>
                </c:pt>
                <c:pt idx="919">
                  <c:v>37445</c:v>
                </c:pt>
                <c:pt idx="920">
                  <c:v>37446</c:v>
                </c:pt>
                <c:pt idx="921">
                  <c:v>37447</c:v>
                </c:pt>
                <c:pt idx="922">
                  <c:v>37448</c:v>
                </c:pt>
                <c:pt idx="923">
                  <c:v>37449</c:v>
                </c:pt>
                <c:pt idx="924">
                  <c:v>37450</c:v>
                </c:pt>
                <c:pt idx="925">
                  <c:v>37451</c:v>
                </c:pt>
                <c:pt idx="926">
                  <c:v>37452</c:v>
                </c:pt>
                <c:pt idx="927">
                  <c:v>37453</c:v>
                </c:pt>
                <c:pt idx="928">
                  <c:v>37454</c:v>
                </c:pt>
                <c:pt idx="929">
                  <c:v>37455</c:v>
                </c:pt>
                <c:pt idx="930">
                  <c:v>37456</c:v>
                </c:pt>
                <c:pt idx="931">
                  <c:v>37457</c:v>
                </c:pt>
                <c:pt idx="932">
                  <c:v>37458</c:v>
                </c:pt>
                <c:pt idx="933">
                  <c:v>37459</c:v>
                </c:pt>
                <c:pt idx="934">
                  <c:v>37460</c:v>
                </c:pt>
                <c:pt idx="935">
                  <c:v>37461</c:v>
                </c:pt>
                <c:pt idx="936">
                  <c:v>37462</c:v>
                </c:pt>
                <c:pt idx="937">
                  <c:v>37463</c:v>
                </c:pt>
                <c:pt idx="938">
                  <c:v>37464</c:v>
                </c:pt>
                <c:pt idx="939">
                  <c:v>37465</c:v>
                </c:pt>
                <c:pt idx="940">
                  <c:v>37466</c:v>
                </c:pt>
                <c:pt idx="941">
                  <c:v>37467</c:v>
                </c:pt>
                <c:pt idx="942">
                  <c:v>37468</c:v>
                </c:pt>
                <c:pt idx="943">
                  <c:v>37469</c:v>
                </c:pt>
                <c:pt idx="944">
                  <c:v>37470</c:v>
                </c:pt>
                <c:pt idx="945">
                  <c:v>37471</c:v>
                </c:pt>
                <c:pt idx="946">
                  <c:v>37472</c:v>
                </c:pt>
                <c:pt idx="947">
                  <c:v>37473</c:v>
                </c:pt>
                <c:pt idx="948">
                  <c:v>37474</c:v>
                </c:pt>
                <c:pt idx="949">
                  <c:v>37475</c:v>
                </c:pt>
                <c:pt idx="950">
                  <c:v>37476</c:v>
                </c:pt>
                <c:pt idx="951">
                  <c:v>37477</c:v>
                </c:pt>
                <c:pt idx="952">
                  <c:v>37478</c:v>
                </c:pt>
                <c:pt idx="953">
                  <c:v>37479</c:v>
                </c:pt>
                <c:pt idx="954">
                  <c:v>37480</c:v>
                </c:pt>
                <c:pt idx="955">
                  <c:v>37481</c:v>
                </c:pt>
                <c:pt idx="956">
                  <c:v>37482</c:v>
                </c:pt>
                <c:pt idx="957">
                  <c:v>37483</c:v>
                </c:pt>
                <c:pt idx="958">
                  <c:v>37484</c:v>
                </c:pt>
                <c:pt idx="959">
                  <c:v>37485</c:v>
                </c:pt>
                <c:pt idx="960">
                  <c:v>37486</c:v>
                </c:pt>
                <c:pt idx="961">
                  <c:v>37487</c:v>
                </c:pt>
                <c:pt idx="962">
                  <c:v>37488</c:v>
                </c:pt>
                <c:pt idx="963">
                  <c:v>37489</c:v>
                </c:pt>
                <c:pt idx="964">
                  <c:v>37490</c:v>
                </c:pt>
                <c:pt idx="965">
                  <c:v>37491</c:v>
                </c:pt>
                <c:pt idx="966">
                  <c:v>37492</c:v>
                </c:pt>
                <c:pt idx="967">
                  <c:v>37493</c:v>
                </c:pt>
                <c:pt idx="968">
                  <c:v>37494</c:v>
                </c:pt>
                <c:pt idx="969">
                  <c:v>37495</c:v>
                </c:pt>
                <c:pt idx="970">
                  <c:v>37496</c:v>
                </c:pt>
                <c:pt idx="971">
                  <c:v>37497</c:v>
                </c:pt>
                <c:pt idx="972">
                  <c:v>37498</c:v>
                </c:pt>
                <c:pt idx="973">
                  <c:v>37499</c:v>
                </c:pt>
                <c:pt idx="974">
                  <c:v>37500</c:v>
                </c:pt>
                <c:pt idx="975">
                  <c:v>37501</c:v>
                </c:pt>
                <c:pt idx="976">
                  <c:v>37502</c:v>
                </c:pt>
                <c:pt idx="977">
                  <c:v>37503</c:v>
                </c:pt>
                <c:pt idx="978">
                  <c:v>37504</c:v>
                </c:pt>
                <c:pt idx="979">
                  <c:v>37505</c:v>
                </c:pt>
                <c:pt idx="980">
                  <c:v>37506</c:v>
                </c:pt>
                <c:pt idx="981">
                  <c:v>37507</c:v>
                </c:pt>
                <c:pt idx="982">
                  <c:v>37508</c:v>
                </c:pt>
                <c:pt idx="983">
                  <c:v>37509</c:v>
                </c:pt>
                <c:pt idx="984">
                  <c:v>37510</c:v>
                </c:pt>
                <c:pt idx="985">
                  <c:v>37511</c:v>
                </c:pt>
                <c:pt idx="986">
                  <c:v>37512</c:v>
                </c:pt>
                <c:pt idx="987">
                  <c:v>37513</c:v>
                </c:pt>
                <c:pt idx="988">
                  <c:v>37514</c:v>
                </c:pt>
                <c:pt idx="989">
                  <c:v>37515</c:v>
                </c:pt>
                <c:pt idx="990">
                  <c:v>37516</c:v>
                </c:pt>
                <c:pt idx="991">
                  <c:v>37517</c:v>
                </c:pt>
                <c:pt idx="992">
                  <c:v>37518</c:v>
                </c:pt>
                <c:pt idx="993">
                  <c:v>37519</c:v>
                </c:pt>
                <c:pt idx="994">
                  <c:v>37520</c:v>
                </c:pt>
                <c:pt idx="995">
                  <c:v>37521</c:v>
                </c:pt>
                <c:pt idx="996">
                  <c:v>37522</c:v>
                </c:pt>
                <c:pt idx="997">
                  <c:v>37523</c:v>
                </c:pt>
                <c:pt idx="998">
                  <c:v>37524</c:v>
                </c:pt>
                <c:pt idx="999">
                  <c:v>37525</c:v>
                </c:pt>
                <c:pt idx="1000">
                  <c:v>37526</c:v>
                </c:pt>
                <c:pt idx="1001">
                  <c:v>37527</c:v>
                </c:pt>
                <c:pt idx="1002">
                  <c:v>37528</c:v>
                </c:pt>
                <c:pt idx="1003">
                  <c:v>37529</c:v>
                </c:pt>
                <c:pt idx="1004">
                  <c:v>37530</c:v>
                </c:pt>
                <c:pt idx="1005">
                  <c:v>37531</c:v>
                </c:pt>
                <c:pt idx="1006">
                  <c:v>37532</c:v>
                </c:pt>
                <c:pt idx="1007">
                  <c:v>37533</c:v>
                </c:pt>
                <c:pt idx="1008">
                  <c:v>37534</c:v>
                </c:pt>
                <c:pt idx="1009">
                  <c:v>37535</c:v>
                </c:pt>
                <c:pt idx="1010">
                  <c:v>37536</c:v>
                </c:pt>
                <c:pt idx="1011">
                  <c:v>37537</c:v>
                </c:pt>
                <c:pt idx="1012">
                  <c:v>37538</c:v>
                </c:pt>
                <c:pt idx="1013">
                  <c:v>37539</c:v>
                </c:pt>
                <c:pt idx="1014">
                  <c:v>37540</c:v>
                </c:pt>
                <c:pt idx="1015">
                  <c:v>37541</c:v>
                </c:pt>
                <c:pt idx="1016">
                  <c:v>37542</c:v>
                </c:pt>
                <c:pt idx="1017">
                  <c:v>37543</c:v>
                </c:pt>
                <c:pt idx="1018">
                  <c:v>37544</c:v>
                </c:pt>
                <c:pt idx="1019">
                  <c:v>37545</c:v>
                </c:pt>
                <c:pt idx="1020">
                  <c:v>37546</c:v>
                </c:pt>
                <c:pt idx="1021">
                  <c:v>37547</c:v>
                </c:pt>
                <c:pt idx="1022">
                  <c:v>37548</c:v>
                </c:pt>
                <c:pt idx="1023">
                  <c:v>37549</c:v>
                </c:pt>
                <c:pt idx="1024">
                  <c:v>37550</c:v>
                </c:pt>
                <c:pt idx="1025">
                  <c:v>37551</c:v>
                </c:pt>
                <c:pt idx="1026">
                  <c:v>37552</c:v>
                </c:pt>
                <c:pt idx="1027">
                  <c:v>37553</c:v>
                </c:pt>
                <c:pt idx="1028">
                  <c:v>37554</c:v>
                </c:pt>
                <c:pt idx="1029">
                  <c:v>37555</c:v>
                </c:pt>
                <c:pt idx="1030">
                  <c:v>37556</c:v>
                </c:pt>
                <c:pt idx="1031">
                  <c:v>37557</c:v>
                </c:pt>
                <c:pt idx="1032">
                  <c:v>37558</c:v>
                </c:pt>
                <c:pt idx="1033">
                  <c:v>37559</c:v>
                </c:pt>
                <c:pt idx="1034">
                  <c:v>37560</c:v>
                </c:pt>
                <c:pt idx="1035">
                  <c:v>37561</c:v>
                </c:pt>
                <c:pt idx="1036">
                  <c:v>37562</c:v>
                </c:pt>
                <c:pt idx="1037">
                  <c:v>37563</c:v>
                </c:pt>
                <c:pt idx="1038">
                  <c:v>37564</c:v>
                </c:pt>
                <c:pt idx="1039">
                  <c:v>37565</c:v>
                </c:pt>
                <c:pt idx="1040">
                  <c:v>37566</c:v>
                </c:pt>
                <c:pt idx="1041">
                  <c:v>37567</c:v>
                </c:pt>
                <c:pt idx="1042">
                  <c:v>37568</c:v>
                </c:pt>
                <c:pt idx="1043">
                  <c:v>37569</c:v>
                </c:pt>
                <c:pt idx="1044">
                  <c:v>37570</c:v>
                </c:pt>
                <c:pt idx="1045">
                  <c:v>37571</c:v>
                </c:pt>
                <c:pt idx="1046">
                  <c:v>37572</c:v>
                </c:pt>
                <c:pt idx="1047">
                  <c:v>37573</c:v>
                </c:pt>
                <c:pt idx="1048">
                  <c:v>37574</c:v>
                </c:pt>
                <c:pt idx="1049">
                  <c:v>37575</c:v>
                </c:pt>
                <c:pt idx="1050">
                  <c:v>37576</c:v>
                </c:pt>
                <c:pt idx="1051">
                  <c:v>37577</c:v>
                </c:pt>
                <c:pt idx="1052">
                  <c:v>37578</c:v>
                </c:pt>
                <c:pt idx="1053">
                  <c:v>37579</c:v>
                </c:pt>
                <c:pt idx="1054">
                  <c:v>37580</c:v>
                </c:pt>
                <c:pt idx="1055">
                  <c:v>37581</c:v>
                </c:pt>
                <c:pt idx="1056">
                  <c:v>37582</c:v>
                </c:pt>
                <c:pt idx="1057">
                  <c:v>37583</c:v>
                </c:pt>
                <c:pt idx="1058">
                  <c:v>37584</c:v>
                </c:pt>
                <c:pt idx="1059">
                  <c:v>37585</c:v>
                </c:pt>
                <c:pt idx="1060">
                  <c:v>37586</c:v>
                </c:pt>
                <c:pt idx="1061">
                  <c:v>37587</c:v>
                </c:pt>
                <c:pt idx="1062">
                  <c:v>37588</c:v>
                </c:pt>
                <c:pt idx="1063">
                  <c:v>37589</c:v>
                </c:pt>
                <c:pt idx="1064">
                  <c:v>37590</c:v>
                </c:pt>
                <c:pt idx="1065">
                  <c:v>37591</c:v>
                </c:pt>
                <c:pt idx="1066">
                  <c:v>37592</c:v>
                </c:pt>
                <c:pt idx="1067">
                  <c:v>37593</c:v>
                </c:pt>
                <c:pt idx="1068">
                  <c:v>37594</c:v>
                </c:pt>
                <c:pt idx="1069">
                  <c:v>37595</c:v>
                </c:pt>
                <c:pt idx="1070">
                  <c:v>37596</c:v>
                </c:pt>
                <c:pt idx="1071">
                  <c:v>37597</c:v>
                </c:pt>
                <c:pt idx="1072">
                  <c:v>37598</c:v>
                </c:pt>
                <c:pt idx="1073">
                  <c:v>37599</c:v>
                </c:pt>
                <c:pt idx="1074">
                  <c:v>37600</c:v>
                </c:pt>
                <c:pt idx="1075">
                  <c:v>37601</c:v>
                </c:pt>
                <c:pt idx="1076">
                  <c:v>37602</c:v>
                </c:pt>
                <c:pt idx="1077">
                  <c:v>37603</c:v>
                </c:pt>
                <c:pt idx="1078">
                  <c:v>37604</c:v>
                </c:pt>
                <c:pt idx="1079">
                  <c:v>37605</c:v>
                </c:pt>
                <c:pt idx="1080">
                  <c:v>37606</c:v>
                </c:pt>
                <c:pt idx="1081">
                  <c:v>37607</c:v>
                </c:pt>
                <c:pt idx="1082">
                  <c:v>37608</c:v>
                </c:pt>
                <c:pt idx="1083">
                  <c:v>37609</c:v>
                </c:pt>
                <c:pt idx="1084">
                  <c:v>37610</c:v>
                </c:pt>
                <c:pt idx="1085">
                  <c:v>37611</c:v>
                </c:pt>
                <c:pt idx="1086">
                  <c:v>37612</c:v>
                </c:pt>
                <c:pt idx="1087">
                  <c:v>37613</c:v>
                </c:pt>
                <c:pt idx="1088">
                  <c:v>37614</c:v>
                </c:pt>
                <c:pt idx="1089">
                  <c:v>37615</c:v>
                </c:pt>
                <c:pt idx="1090">
                  <c:v>37616</c:v>
                </c:pt>
                <c:pt idx="1091">
                  <c:v>37617</c:v>
                </c:pt>
                <c:pt idx="1092">
                  <c:v>37618</c:v>
                </c:pt>
                <c:pt idx="1093">
                  <c:v>37619</c:v>
                </c:pt>
                <c:pt idx="1094">
                  <c:v>37620</c:v>
                </c:pt>
                <c:pt idx="1095">
                  <c:v>37621</c:v>
                </c:pt>
                <c:pt idx="1096">
                  <c:v>37622</c:v>
                </c:pt>
                <c:pt idx="1097">
                  <c:v>37623</c:v>
                </c:pt>
                <c:pt idx="1098">
                  <c:v>37624</c:v>
                </c:pt>
                <c:pt idx="1099">
                  <c:v>37625</c:v>
                </c:pt>
                <c:pt idx="1100">
                  <c:v>37626</c:v>
                </c:pt>
                <c:pt idx="1101">
                  <c:v>37627</c:v>
                </c:pt>
                <c:pt idx="1102">
                  <c:v>37628</c:v>
                </c:pt>
                <c:pt idx="1103">
                  <c:v>37629</c:v>
                </c:pt>
                <c:pt idx="1104">
                  <c:v>37630</c:v>
                </c:pt>
                <c:pt idx="1105">
                  <c:v>37631</c:v>
                </c:pt>
                <c:pt idx="1106">
                  <c:v>37632</c:v>
                </c:pt>
                <c:pt idx="1107">
                  <c:v>37633</c:v>
                </c:pt>
                <c:pt idx="1108">
                  <c:v>37634</c:v>
                </c:pt>
                <c:pt idx="1109">
                  <c:v>37635</c:v>
                </c:pt>
                <c:pt idx="1110">
                  <c:v>37636</c:v>
                </c:pt>
                <c:pt idx="1111">
                  <c:v>37637</c:v>
                </c:pt>
                <c:pt idx="1112">
                  <c:v>37638</c:v>
                </c:pt>
                <c:pt idx="1113">
                  <c:v>37639</c:v>
                </c:pt>
                <c:pt idx="1114">
                  <c:v>37640</c:v>
                </c:pt>
                <c:pt idx="1115">
                  <c:v>37641</c:v>
                </c:pt>
                <c:pt idx="1116">
                  <c:v>37642</c:v>
                </c:pt>
                <c:pt idx="1117">
                  <c:v>37643</c:v>
                </c:pt>
                <c:pt idx="1118">
                  <c:v>37644</c:v>
                </c:pt>
                <c:pt idx="1119">
                  <c:v>37645</c:v>
                </c:pt>
                <c:pt idx="1120">
                  <c:v>37646</c:v>
                </c:pt>
                <c:pt idx="1121">
                  <c:v>37647</c:v>
                </c:pt>
                <c:pt idx="1122">
                  <c:v>37648</c:v>
                </c:pt>
                <c:pt idx="1123">
                  <c:v>37649</c:v>
                </c:pt>
                <c:pt idx="1124">
                  <c:v>37650</c:v>
                </c:pt>
                <c:pt idx="1125">
                  <c:v>37651</c:v>
                </c:pt>
                <c:pt idx="1126">
                  <c:v>37652</c:v>
                </c:pt>
                <c:pt idx="1127">
                  <c:v>37653</c:v>
                </c:pt>
                <c:pt idx="1128">
                  <c:v>37654</c:v>
                </c:pt>
                <c:pt idx="1129">
                  <c:v>37655</c:v>
                </c:pt>
                <c:pt idx="1130">
                  <c:v>37656</c:v>
                </c:pt>
                <c:pt idx="1131">
                  <c:v>37657</c:v>
                </c:pt>
                <c:pt idx="1132">
                  <c:v>37658</c:v>
                </c:pt>
                <c:pt idx="1133">
                  <c:v>37659</c:v>
                </c:pt>
                <c:pt idx="1134">
                  <c:v>37660</c:v>
                </c:pt>
                <c:pt idx="1135">
                  <c:v>37661</c:v>
                </c:pt>
                <c:pt idx="1136">
                  <c:v>37662</c:v>
                </c:pt>
                <c:pt idx="1137">
                  <c:v>37663</c:v>
                </c:pt>
                <c:pt idx="1138">
                  <c:v>37664</c:v>
                </c:pt>
                <c:pt idx="1139">
                  <c:v>37665</c:v>
                </c:pt>
                <c:pt idx="1140">
                  <c:v>37666</c:v>
                </c:pt>
                <c:pt idx="1141">
                  <c:v>37667</c:v>
                </c:pt>
                <c:pt idx="1142">
                  <c:v>37668</c:v>
                </c:pt>
                <c:pt idx="1143">
                  <c:v>37669</c:v>
                </c:pt>
                <c:pt idx="1144">
                  <c:v>37670</c:v>
                </c:pt>
                <c:pt idx="1145">
                  <c:v>37671</c:v>
                </c:pt>
                <c:pt idx="1146">
                  <c:v>37672</c:v>
                </c:pt>
                <c:pt idx="1147">
                  <c:v>37673</c:v>
                </c:pt>
                <c:pt idx="1148">
                  <c:v>37674</c:v>
                </c:pt>
                <c:pt idx="1149">
                  <c:v>37675</c:v>
                </c:pt>
                <c:pt idx="1150">
                  <c:v>37676</c:v>
                </c:pt>
                <c:pt idx="1151">
                  <c:v>37677</c:v>
                </c:pt>
                <c:pt idx="1152">
                  <c:v>37678</c:v>
                </c:pt>
                <c:pt idx="1153">
                  <c:v>37679</c:v>
                </c:pt>
                <c:pt idx="1154">
                  <c:v>37680</c:v>
                </c:pt>
                <c:pt idx="1155">
                  <c:v>37681</c:v>
                </c:pt>
                <c:pt idx="1156">
                  <c:v>37682</c:v>
                </c:pt>
                <c:pt idx="1157">
                  <c:v>37683</c:v>
                </c:pt>
                <c:pt idx="1158">
                  <c:v>37684</c:v>
                </c:pt>
                <c:pt idx="1159">
                  <c:v>37685</c:v>
                </c:pt>
                <c:pt idx="1160">
                  <c:v>37686</c:v>
                </c:pt>
                <c:pt idx="1161">
                  <c:v>37687</c:v>
                </c:pt>
                <c:pt idx="1162">
                  <c:v>37688</c:v>
                </c:pt>
                <c:pt idx="1163">
                  <c:v>37689</c:v>
                </c:pt>
                <c:pt idx="1164">
                  <c:v>37690</c:v>
                </c:pt>
                <c:pt idx="1165">
                  <c:v>37691</c:v>
                </c:pt>
                <c:pt idx="1166">
                  <c:v>37692</c:v>
                </c:pt>
                <c:pt idx="1167">
                  <c:v>37693</c:v>
                </c:pt>
                <c:pt idx="1168">
                  <c:v>37694</c:v>
                </c:pt>
                <c:pt idx="1169">
                  <c:v>37695</c:v>
                </c:pt>
                <c:pt idx="1170">
                  <c:v>37696</c:v>
                </c:pt>
                <c:pt idx="1171">
                  <c:v>37697</c:v>
                </c:pt>
                <c:pt idx="1172">
                  <c:v>37698</c:v>
                </c:pt>
                <c:pt idx="1173">
                  <c:v>37699</c:v>
                </c:pt>
                <c:pt idx="1174">
                  <c:v>37700</c:v>
                </c:pt>
                <c:pt idx="1175">
                  <c:v>37701</c:v>
                </c:pt>
                <c:pt idx="1176">
                  <c:v>37702</c:v>
                </c:pt>
                <c:pt idx="1177">
                  <c:v>37703</c:v>
                </c:pt>
                <c:pt idx="1178">
                  <c:v>37704</c:v>
                </c:pt>
                <c:pt idx="1179">
                  <c:v>37705</c:v>
                </c:pt>
                <c:pt idx="1180">
                  <c:v>37706</c:v>
                </c:pt>
                <c:pt idx="1181">
                  <c:v>37707</c:v>
                </c:pt>
                <c:pt idx="1182">
                  <c:v>37708</c:v>
                </c:pt>
                <c:pt idx="1183">
                  <c:v>37709</c:v>
                </c:pt>
                <c:pt idx="1184">
                  <c:v>37710</c:v>
                </c:pt>
                <c:pt idx="1185">
                  <c:v>37711</c:v>
                </c:pt>
                <c:pt idx="1186">
                  <c:v>37712</c:v>
                </c:pt>
                <c:pt idx="1187">
                  <c:v>37713</c:v>
                </c:pt>
                <c:pt idx="1188">
                  <c:v>37714</c:v>
                </c:pt>
                <c:pt idx="1189">
                  <c:v>37715</c:v>
                </c:pt>
                <c:pt idx="1190">
                  <c:v>37716</c:v>
                </c:pt>
                <c:pt idx="1191">
                  <c:v>37717</c:v>
                </c:pt>
                <c:pt idx="1192">
                  <c:v>37718</c:v>
                </c:pt>
                <c:pt idx="1193">
                  <c:v>37719</c:v>
                </c:pt>
                <c:pt idx="1194">
                  <c:v>37720</c:v>
                </c:pt>
                <c:pt idx="1195">
                  <c:v>37721</c:v>
                </c:pt>
                <c:pt idx="1196">
                  <c:v>37722</c:v>
                </c:pt>
                <c:pt idx="1197">
                  <c:v>37723</c:v>
                </c:pt>
                <c:pt idx="1198">
                  <c:v>37724</c:v>
                </c:pt>
                <c:pt idx="1199">
                  <c:v>37725</c:v>
                </c:pt>
                <c:pt idx="1200">
                  <c:v>37726</c:v>
                </c:pt>
                <c:pt idx="1201">
                  <c:v>37727</c:v>
                </c:pt>
                <c:pt idx="1202">
                  <c:v>37728</c:v>
                </c:pt>
                <c:pt idx="1203">
                  <c:v>37729</c:v>
                </c:pt>
                <c:pt idx="1204">
                  <c:v>37730</c:v>
                </c:pt>
                <c:pt idx="1205">
                  <c:v>37731</c:v>
                </c:pt>
                <c:pt idx="1206">
                  <c:v>37732</c:v>
                </c:pt>
                <c:pt idx="1207">
                  <c:v>37733</c:v>
                </c:pt>
                <c:pt idx="1208">
                  <c:v>37734</c:v>
                </c:pt>
                <c:pt idx="1209">
                  <c:v>37735</c:v>
                </c:pt>
                <c:pt idx="1210">
                  <c:v>37736</c:v>
                </c:pt>
                <c:pt idx="1211">
                  <c:v>37737</c:v>
                </c:pt>
                <c:pt idx="1212">
                  <c:v>37738</c:v>
                </c:pt>
                <c:pt idx="1213">
                  <c:v>37739</c:v>
                </c:pt>
                <c:pt idx="1214">
                  <c:v>37740</c:v>
                </c:pt>
                <c:pt idx="1215">
                  <c:v>37741</c:v>
                </c:pt>
                <c:pt idx="1216">
                  <c:v>37742</c:v>
                </c:pt>
                <c:pt idx="1217">
                  <c:v>37743</c:v>
                </c:pt>
                <c:pt idx="1218">
                  <c:v>37744</c:v>
                </c:pt>
                <c:pt idx="1219">
                  <c:v>37745</c:v>
                </c:pt>
                <c:pt idx="1220">
                  <c:v>37746</c:v>
                </c:pt>
                <c:pt idx="1221">
                  <c:v>37747</c:v>
                </c:pt>
                <c:pt idx="1222">
                  <c:v>37748</c:v>
                </c:pt>
                <c:pt idx="1223">
                  <c:v>37749</c:v>
                </c:pt>
                <c:pt idx="1224">
                  <c:v>37750</c:v>
                </c:pt>
                <c:pt idx="1225">
                  <c:v>37751</c:v>
                </c:pt>
                <c:pt idx="1226">
                  <c:v>37752</c:v>
                </c:pt>
                <c:pt idx="1227">
                  <c:v>37753</c:v>
                </c:pt>
                <c:pt idx="1228">
                  <c:v>37754</c:v>
                </c:pt>
                <c:pt idx="1229">
                  <c:v>37755</c:v>
                </c:pt>
                <c:pt idx="1230">
                  <c:v>37756</c:v>
                </c:pt>
                <c:pt idx="1231">
                  <c:v>37757</c:v>
                </c:pt>
                <c:pt idx="1232">
                  <c:v>37758</c:v>
                </c:pt>
                <c:pt idx="1233">
                  <c:v>37759</c:v>
                </c:pt>
                <c:pt idx="1234">
                  <c:v>37760</c:v>
                </c:pt>
                <c:pt idx="1235">
                  <c:v>37761</c:v>
                </c:pt>
                <c:pt idx="1236">
                  <c:v>37762</c:v>
                </c:pt>
                <c:pt idx="1237">
                  <c:v>37763</c:v>
                </c:pt>
                <c:pt idx="1238">
                  <c:v>37764</c:v>
                </c:pt>
                <c:pt idx="1239">
                  <c:v>37765</c:v>
                </c:pt>
                <c:pt idx="1240">
                  <c:v>37766</c:v>
                </c:pt>
                <c:pt idx="1241">
                  <c:v>37767</c:v>
                </c:pt>
                <c:pt idx="1242">
                  <c:v>37768</c:v>
                </c:pt>
                <c:pt idx="1243">
                  <c:v>37769</c:v>
                </c:pt>
                <c:pt idx="1244">
                  <c:v>37770</c:v>
                </c:pt>
                <c:pt idx="1245">
                  <c:v>37771</c:v>
                </c:pt>
                <c:pt idx="1246">
                  <c:v>37772</c:v>
                </c:pt>
                <c:pt idx="1247">
                  <c:v>37773</c:v>
                </c:pt>
                <c:pt idx="1248">
                  <c:v>37774</c:v>
                </c:pt>
                <c:pt idx="1249">
                  <c:v>37775</c:v>
                </c:pt>
                <c:pt idx="1250">
                  <c:v>37776</c:v>
                </c:pt>
                <c:pt idx="1251">
                  <c:v>37777</c:v>
                </c:pt>
                <c:pt idx="1252">
                  <c:v>37778</c:v>
                </c:pt>
                <c:pt idx="1253">
                  <c:v>37779</c:v>
                </c:pt>
                <c:pt idx="1254">
                  <c:v>37780</c:v>
                </c:pt>
                <c:pt idx="1255">
                  <c:v>37781</c:v>
                </c:pt>
                <c:pt idx="1256">
                  <c:v>37782</c:v>
                </c:pt>
                <c:pt idx="1257">
                  <c:v>37783</c:v>
                </c:pt>
                <c:pt idx="1258">
                  <c:v>37784</c:v>
                </c:pt>
                <c:pt idx="1259">
                  <c:v>37785</c:v>
                </c:pt>
                <c:pt idx="1260">
                  <c:v>37786</c:v>
                </c:pt>
                <c:pt idx="1261">
                  <c:v>37787</c:v>
                </c:pt>
                <c:pt idx="1262">
                  <c:v>37788</c:v>
                </c:pt>
                <c:pt idx="1263">
                  <c:v>37789</c:v>
                </c:pt>
                <c:pt idx="1264">
                  <c:v>37790</c:v>
                </c:pt>
                <c:pt idx="1265">
                  <c:v>37791</c:v>
                </c:pt>
                <c:pt idx="1266">
                  <c:v>37792</c:v>
                </c:pt>
                <c:pt idx="1267">
                  <c:v>37793</c:v>
                </c:pt>
                <c:pt idx="1268">
                  <c:v>37794</c:v>
                </c:pt>
                <c:pt idx="1269">
                  <c:v>37795</c:v>
                </c:pt>
                <c:pt idx="1270">
                  <c:v>37796</c:v>
                </c:pt>
                <c:pt idx="1271">
                  <c:v>37797</c:v>
                </c:pt>
                <c:pt idx="1272">
                  <c:v>37798</c:v>
                </c:pt>
                <c:pt idx="1273">
                  <c:v>37799</c:v>
                </c:pt>
                <c:pt idx="1274">
                  <c:v>37800</c:v>
                </c:pt>
                <c:pt idx="1275">
                  <c:v>37801</c:v>
                </c:pt>
                <c:pt idx="1276">
                  <c:v>37802</c:v>
                </c:pt>
                <c:pt idx="1277">
                  <c:v>37803</c:v>
                </c:pt>
                <c:pt idx="1278">
                  <c:v>37804</c:v>
                </c:pt>
                <c:pt idx="1279">
                  <c:v>37805</c:v>
                </c:pt>
                <c:pt idx="1280">
                  <c:v>37806</c:v>
                </c:pt>
                <c:pt idx="1281">
                  <c:v>37807</c:v>
                </c:pt>
                <c:pt idx="1282">
                  <c:v>37808</c:v>
                </c:pt>
                <c:pt idx="1283">
                  <c:v>37809</c:v>
                </c:pt>
                <c:pt idx="1284">
                  <c:v>37810</c:v>
                </c:pt>
                <c:pt idx="1285">
                  <c:v>37811</c:v>
                </c:pt>
                <c:pt idx="1286">
                  <c:v>37812</c:v>
                </c:pt>
                <c:pt idx="1287">
                  <c:v>37813</c:v>
                </c:pt>
                <c:pt idx="1288">
                  <c:v>37814</c:v>
                </c:pt>
                <c:pt idx="1289">
                  <c:v>37815</c:v>
                </c:pt>
                <c:pt idx="1290">
                  <c:v>37816</c:v>
                </c:pt>
                <c:pt idx="1291">
                  <c:v>37817</c:v>
                </c:pt>
                <c:pt idx="1292">
                  <c:v>37818</c:v>
                </c:pt>
                <c:pt idx="1293">
                  <c:v>37819</c:v>
                </c:pt>
                <c:pt idx="1294">
                  <c:v>37820</c:v>
                </c:pt>
                <c:pt idx="1295">
                  <c:v>37821</c:v>
                </c:pt>
                <c:pt idx="1296">
                  <c:v>37822</c:v>
                </c:pt>
                <c:pt idx="1297">
                  <c:v>37823</c:v>
                </c:pt>
                <c:pt idx="1298">
                  <c:v>37824</c:v>
                </c:pt>
                <c:pt idx="1299">
                  <c:v>37825</c:v>
                </c:pt>
                <c:pt idx="1300">
                  <c:v>37826</c:v>
                </c:pt>
                <c:pt idx="1301">
                  <c:v>37827</c:v>
                </c:pt>
                <c:pt idx="1302">
                  <c:v>37828</c:v>
                </c:pt>
                <c:pt idx="1303">
                  <c:v>37829</c:v>
                </c:pt>
                <c:pt idx="1304">
                  <c:v>37830</c:v>
                </c:pt>
                <c:pt idx="1305">
                  <c:v>37831</c:v>
                </c:pt>
                <c:pt idx="1306">
                  <c:v>37832</c:v>
                </c:pt>
                <c:pt idx="1307">
                  <c:v>37833</c:v>
                </c:pt>
                <c:pt idx="1308">
                  <c:v>37834</c:v>
                </c:pt>
                <c:pt idx="1309">
                  <c:v>37835</c:v>
                </c:pt>
                <c:pt idx="1310">
                  <c:v>37836</c:v>
                </c:pt>
                <c:pt idx="1311">
                  <c:v>37837</c:v>
                </c:pt>
                <c:pt idx="1312">
                  <c:v>37838</c:v>
                </c:pt>
                <c:pt idx="1313">
                  <c:v>37839</c:v>
                </c:pt>
                <c:pt idx="1314">
                  <c:v>37840</c:v>
                </c:pt>
                <c:pt idx="1315">
                  <c:v>37841</c:v>
                </c:pt>
                <c:pt idx="1316">
                  <c:v>37842</c:v>
                </c:pt>
                <c:pt idx="1317">
                  <c:v>37843</c:v>
                </c:pt>
                <c:pt idx="1318">
                  <c:v>37844</c:v>
                </c:pt>
                <c:pt idx="1319">
                  <c:v>37845</c:v>
                </c:pt>
                <c:pt idx="1320">
                  <c:v>37846</c:v>
                </c:pt>
                <c:pt idx="1321">
                  <c:v>37847</c:v>
                </c:pt>
                <c:pt idx="1322">
                  <c:v>37848</c:v>
                </c:pt>
                <c:pt idx="1323">
                  <c:v>37849</c:v>
                </c:pt>
                <c:pt idx="1324">
                  <c:v>37850</c:v>
                </c:pt>
                <c:pt idx="1325">
                  <c:v>37851</c:v>
                </c:pt>
                <c:pt idx="1326">
                  <c:v>37852</c:v>
                </c:pt>
                <c:pt idx="1327">
                  <c:v>37853</c:v>
                </c:pt>
                <c:pt idx="1328">
                  <c:v>37854</c:v>
                </c:pt>
                <c:pt idx="1329">
                  <c:v>37855</c:v>
                </c:pt>
                <c:pt idx="1330">
                  <c:v>37856</c:v>
                </c:pt>
                <c:pt idx="1331">
                  <c:v>37857</c:v>
                </c:pt>
                <c:pt idx="1332">
                  <c:v>37858</c:v>
                </c:pt>
                <c:pt idx="1333">
                  <c:v>37859</c:v>
                </c:pt>
                <c:pt idx="1334">
                  <c:v>37860</c:v>
                </c:pt>
                <c:pt idx="1335">
                  <c:v>37861</c:v>
                </c:pt>
                <c:pt idx="1336">
                  <c:v>37862</c:v>
                </c:pt>
                <c:pt idx="1337">
                  <c:v>37863</c:v>
                </c:pt>
                <c:pt idx="1338">
                  <c:v>37864</c:v>
                </c:pt>
                <c:pt idx="1339">
                  <c:v>37865</c:v>
                </c:pt>
                <c:pt idx="1340">
                  <c:v>37866</c:v>
                </c:pt>
                <c:pt idx="1341">
                  <c:v>37867</c:v>
                </c:pt>
                <c:pt idx="1342">
                  <c:v>37868</c:v>
                </c:pt>
                <c:pt idx="1343">
                  <c:v>37869</c:v>
                </c:pt>
                <c:pt idx="1344">
                  <c:v>37870</c:v>
                </c:pt>
                <c:pt idx="1345">
                  <c:v>37871</c:v>
                </c:pt>
                <c:pt idx="1346">
                  <c:v>37872</c:v>
                </c:pt>
                <c:pt idx="1347">
                  <c:v>37873</c:v>
                </c:pt>
                <c:pt idx="1348">
                  <c:v>37874</c:v>
                </c:pt>
                <c:pt idx="1349">
                  <c:v>37875</c:v>
                </c:pt>
                <c:pt idx="1350">
                  <c:v>37876</c:v>
                </c:pt>
                <c:pt idx="1351">
                  <c:v>37877</c:v>
                </c:pt>
                <c:pt idx="1352">
                  <c:v>37878</c:v>
                </c:pt>
                <c:pt idx="1353">
                  <c:v>37879</c:v>
                </c:pt>
                <c:pt idx="1354">
                  <c:v>37880</c:v>
                </c:pt>
                <c:pt idx="1355">
                  <c:v>37881</c:v>
                </c:pt>
                <c:pt idx="1356">
                  <c:v>37882</c:v>
                </c:pt>
                <c:pt idx="1357">
                  <c:v>37883</c:v>
                </c:pt>
                <c:pt idx="1358">
                  <c:v>37884</c:v>
                </c:pt>
                <c:pt idx="1359">
                  <c:v>37885</c:v>
                </c:pt>
                <c:pt idx="1360">
                  <c:v>37886</c:v>
                </c:pt>
                <c:pt idx="1361">
                  <c:v>37887</c:v>
                </c:pt>
                <c:pt idx="1362">
                  <c:v>37888</c:v>
                </c:pt>
                <c:pt idx="1363">
                  <c:v>37889</c:v>
                </c:pt>
                <c:pt idx="1364">
                  <c:v>37890</c:v>
                </c:pt>
                <c:pt idx="1365">
                  <c:v>37891</c:v>
                </c:pt>
                <c:pt idx="1366">
                  <c:v>37892</c:v>
                </c:pt>
                <c:pt idx="1367">
                  <c:v>37893</c:v>
                </c:pt>
                <c:pt idx="1368">
                  <c:v>37894</c:v>
                </c:pt>
                <c:pt idx="1369">
                  <c:v>37895</c:v>
                </c:pt>
                <c:pt idx="1370">
                  <c:v>37896</c:v>
                </c:pt>
                <c:pt idx="1371">
                  <c:v>37897</c:v>
                </c:pt>
                <c:pt idx="1372">
                  <c:v>37898</c:v>
                </c:pt>
                <c:pt idx="1373">
                  <c:v>37899</c:v>
                </c:pt>
                <c:pt idx="1374">
                  <c:v>37900</c:v>
                </c:pt>
                <c:pt idx="1375">
                  <c:v>37901</c:v>
                </c:pt>
                <c:pt idx="1376">
                  <c:v>37902</c:v>
                </c:pt>
                <c:pt idx="1377">
                  <c:v>37903</c:v>
                </c:pt>
                <c:pt idx="1378">
                  <c:v>37904</c:v>
                </c:pt>
                <c:pt idx="1379">
                  <c:v>37905</c:v>
                </c:pt>
                <c:pt idx="1380">
                  <c:v>37906</c:v>
                </c:pt>
                <c:pt idx="1381">
                  <c:v>37907</c:v>
                </c:pt>
                <c:pt idx="1382">
                  <c:v>37908</c:v>
                </c:pt>
                <c:pt idx="1383">
                  <c:v>37909</c:v>
                </c:pt>
                <c:pt idx="1384">
                  <c:v>37910</c:v>
                </c:pt>
                <c:pt idx="1385">
                  <c:v>37911</c:v>
                </c:pt>
                <c:pt idx="1386">
                  <c:v>37912</c:v>
                </c:pt>
                <c:pt idx="1387">
                  <c:v>37913</c:v>
                </c:pt>
                <c:pt idx="1388">
                  <c:v>37914</c:v>
                </c:pt>
                <c:pt idx="1389">
                  <c:v>37915</c:v>
                </c:pt>
                <c:pt idx="1390">
                  <c:v>37916</c:v>
                </c:pt>
                <c:pt idx="1391">
                  <c:v>37917</c:v>
                </c:pt>
                <c:pt idx="1392">
                  <c:v>37918</c:v>
                </c:pt>
                <c:pt idx="1393">
                  <c:v>37919</c:v>
                </c:pt>
                <c:pt idx="1394">
                  <c:v>37920</c:v>
                </c:pt>
                <c:pt idx="1395">
                  <c:v>37921</c:v>
                </c:pt>
                <c:pt idx="1396">
                  <c:v>37922</c:v>
                </c:pt>
                <c:pt idx="1397">
                  <c:v>37923</c:v>
                </c:pt>
                <c:pt idx="1398">
                  <c:v>37924</c:v>
                </c:pt>
                <c:pt idx="1399">
                  <c:v>37925</c:v>
                </c:pt>
                <c:pt idx="1400">
                  <c:v>37926</c:v>
                </c:pt>
                <c:pt idx="1401">
                  <c:v>37927</c:v>
                </c:pt>
                <c:pt idx="1402">
                  <c:v>37928</c:v>
                </c:pt>
                <c:pt idx="1403">
                  <c:v>37929</c:v>
                </c:pt>
                <c:pt idx="1404">
                  <c:v>37930</c:v>
                </c:pt>
                <c:pt idx="1405">
                  <c:v>37931</c:v>
                </c:pt>
                <c:pt idx="1406">
                  <c:v>37932</c:v>
                </c:pt>
                <c:pt idx="1407">
                  <c:v>37933</c:v>
                </c:pt>
                <c:pt idx="1408">
                  <c:v>37934</c:v>
                </c:pt>
                <c:pt idx="1409">
                  <c:v>37935</c:v>
                </c:pt>
                <c:pt idx="1410">
                  <c:v>37936</c:v>
                </c:pt>
                <c:pt idx="1411">
                  <c:v>37937</c:v>
                </c:pt>
                <c:pt idx="1412">
                  <c:v>37938</c:v>
                </c:pt>
                <c:pt idx="1413">
                  <c:v>37939</c:v>
                </c:pt>
                <c:pt idx="1414">
                  <c:v>37940</c:v>
                </c:pt>
                <c:pt idx="1415">
                  <c:v>37941</c:v>
                </c:pt>
                <c:pt idx="1416">
                  <c:v>37942</c:v>
                </c:pt>
                <c:pt idx="1417">
                  <c:v>37943</c:v>
                </c:pt>
                <c:pt idx="1418">
                  <c:v>37944</c:v>
                </c:pt>
                <c:pt idx="1419">
                  <c:v>37945</c:v>
                </c:pt>
                <c:pt idx="1420">
                  <c:v>37946</c:v>
                </c:pt>
                <c:pt idx="1421">
                  <c:v>37947</c:v>
                </c:pt>
                <c:pt idx="1422">
                  <c:v>37948</c:v>
                </c:pt>
                <c:pt idx="1423">
                  <c:v>37949</c:v>
                </c:pt>
                <c:pt idx="1424">
                  <c:v>37950</c:v>
                </c:pt>
                <c:pt idx="1425">
                  <c:v>37951</c:v>
                </c:pt>
                <c:pt idx="1426">
                  <c:v>37952</c:v>
                </c:pt>
                <c:pt idx="1427">
                  <c:v>37953</c:v>
                </c:pt>
                <c:pt idx="1428">
                  <c:v>37954</c:v>
                </c:pt>
                <c:pt idx="1429">
                  <c:v>37955</c:v>
                </c:pt>
                <c:pt idx="1430">
                  <c:v>37956</c:v>
                </c:pt>
                <c:pt idx="1431">
                  <c:v>37957</c:v>
                </c:pt>
                <c:pt idx="1432">
                  <c:v>37958</c:v>
                </c:pt>
                <c:pt idx="1433">
                  <c:v>37959</c:v>
                </c:pt>
                <c:pt idx="1434">
                  <c:v>37960</c:v>
                </c:pt>
                <c:pt idx="1435">
                  <c:v>37961</c:v>
                </c:pt>
                <c:pt idx="1436">
                  <c:v>37962</c:v>
                </c:pt>
                <c:pt idx="1437">
                  <c:v>37963</c:v>
                </c:pt>
                <c:pt idx="1438">
                  <c:v>37964</c:v>
                </c:pt>
                <c:pt idx="1439">
                  <c:v>37965</c:v>
                </c:pt>
                <c:pt idx="1440">
                  <c:v>37966</c:v>
                </c:pt>
                <c:pt idx="1441">
                  <c:v>37967</c:v>
                </c:pt>
                <c:pt idx="1442">
                  <c:v>37968</c:v>
                </c:pt>
                <c:pt idx="1443">
                  <c:v>37969</c:v>
                </c:pt>
                <c:pt idx="1444">
                  <c:v>37970</c:v>
                </c:pt>
                <c:pt idx="1445">
                  <c:v>37971</c:v>
                </c:pt>
                <c:pt idx="1446">
                  <c:v>37972</c:v>
                </c:pt>
                <c:pt idx="1447">
                  <c:v>37973</c:v>
                </c:pt>
                <c:pt idx="1448">
                  <c:v>37974</c:v>
                </c:pt>
                <c:pt idx="1449">
                  <c:v>37975</c:v>
                </c:pt>
                <c:pt idx="1450">
                  <c:v>37976</c:v>
                </c:pt>
                <c:pt idx="1451">
                  <c:v>37977</c:v>
                </c:pt>
                <c:pt idx="1452">
                  <c:v>37978</c:v>
                </c:pt>
                <c:pt idx="1453">
                  <c:v>37979</c:v>
                </c:pt>
                <c:pt idx="1454">
                  <c:v>37980</c:v>
                </c:pt>
                <c:pt idx="1455">
                  <c:v>37981</c:v>
                </c:pt>
                <c:pt idx="1456">
                  <c:v>37982</c:v>
                </c:pt>
                <c:pt idx="1457">
                  <c:v>37983</c:v>
                </c:pt>
                <c:pt idx="1458">
                  <c:v>37984</c:v>
                </c:pt>
                <c:pt idx="1459">
                  <c:v>37985</c:v>
                </c:pt>
                <c:pt idx="1460">
                  <c:v>37986</c:v>
                </c:pt>
                <c:pt idx="1461">
                  <c:v>37987</c:v>
                </c:pt>
                <c:pt idx="1462">
                  <c:v>37988</c:v>
                </c:pt>
                <c:pt idx="1463">
                  <c:v>37989</c:v>
                </c:pt>
                <c:pt idx="1464">
                  <c:v>37990</c:v>
                </c:pt>
                <c:pt idx="1465">
                  <c:v>37991</c:v>
                </c:pt>
                <c:pt idx="1466">
                  <c:v>37992</c:v>
                </c:pt>
                <c:pt idx="1467">
                  <c:v>37993</c:v>
                </c:pt>
                <c:pt idx="1468">
                  <c:v>37994</c:v>
                </c:pt>
                <c:pt idx="1469">
                  <c:v>37995</c:v>
                </c:pt>
                <c:pt idx="1470">
                  <c:v>37996</c:v>
                </c:pt>
                <c:pt idx="1471">
                  <c:v>37997</c:v>
                </c:pt>
                <c:pt idx="1472">
                  <c:v>37998</c:v>
                </c:pt>
                <c:pt idx="1473">
                  <c:v>37999</c:v>
                </c:pt>
                <c:pt idx="1474">
                  <c:v>38000</c:v>
                </c:pt>
                <c:pt idx="1475">
                  <c:v>38001</c:v>
                </c:pt>
                <c:pt idx="1476">
                  <c:v>38002</c:v>
                </c:pt>
                <c:pt idx="1477">
                  <c:v>38003</c:v>
                </c:pt>
                <c:pt idx="1478">
                  <c:v>38004</c:v>
                </c:pt>
                <c:pt idx="1479">
                  <c:v>38005</c:v>
                </c:pt>
                <c:pt idx="1480">
                  <c:v>38006</c:v>
                </c:pt>
                <c:pt idx="1481">
                  <c:v>38007</c:v>
                </c:pt>
                <c:pt idx="1482">
                  <c:v>38008</c:v>
                </c:pt>
                <c:pt idx="1483">
                  <c:v>38009</c:v>
                </c:pt>
                <c:pt idx="1484">
                  <c:v>38010</c:v>
                </c:pt>
                <c:pt idx="1485">
                  <c:v>38011</c:v>
                </c:pt>
                <c:pt idx="1486">
                  <c:v>38012</c:v>
                </c:pt>
                <c:pt idx="1487">
                  <c:v>38013</c:v>
                </c:pt>
                <c:pt idx="1488">
                  <c:v>38014</c:v>
                </c:pt>
                <c:pt idx="1489">
                  <c:v>38015</c:v>
                </c:pt>
                <c:pt idx="1490">
                  <c:v>38016</c:v>
                </c:pt>
                <c:pt idx="1491">
                  <c:v>38017</c:v>
                </c:pt>
                <c:pt idx="1492">
                  <c:v>38018</c:v>
                </c:pt>
                <c:pt idx="1493">
                  <c:v>38019</c:v>
                </c:pt>
                <c:pt idx="1494">
                  <c:v>38020</c:v>
                </c:pt>
                <c:pt idx="1495">
                  <c:v>38021</c:v>
                </c:pt>
                <c:pt idx="1496">
                  <c:v>38022</c:v>
                </c:pt>
                <c:pt idx="1497">
                  <c:v>38023</c:v>
                </c:pt>
                <c:pt idx="1498">
                  <c:v>38024</c:v>
                </c:pt>
                <c:pt idx="1499">
                  <c:v>38025</c:v>
                </c:pt>
                <c:pt idx="1500">
                  <c:v>38026</c:v>
                </c:pt>
                <c:pt idx="1501">
                  <c:v>38027</c:v>
                </c:pt>
                <c:pt idx="1502">
                  <c:v>38028</c:v>
                </c:pt>
                <c:pt idx="1503">
                  <c:v>38029</c:v>
                </c:pt>
                <c:pt idx="1504">
                  <c:v>38030</c:v>
                </c:pt>
                <c:pt idx="1505">
                  <c:v>38031</c:v>
                </c:pt>
                <c:pt idx="1506">
                  <c:v>38032</c:v>
                </c:pt>
                <c:pt idx="1507">
                  <c:v>38033</c:v>
                </c:pt>
                <c:pt idx="1508">
                  <c:v>38034</c:v>
                </c:pt>
                <c:pt idx="1509">
                  <c:v>38035</c:v>
                </c:pt>
                <c:pt idx="1510">
                  <c:v>38036</c:v>
                </c:pt>
                <c:pt idx="1511">
                  <c:v>38037</c:v>
                </c:pt>
                <c:pt idx="1512">
                  <c:v>38038</c:v>
                </c:pt>
                <c:pt idx="1513">
                  <c:v>38039</c:v>
                </c:pt>
                <c:pt idx="1514">
                  <c:v>38040</c:v>
                </c:pt>
                <c:pt idx="1515">
                  <c:v>38041</c:v>
                </c:pt>
                <c:pt idx="1516">
                  <c:v>38042</c:v>
                </c:pt>
                <c:pt idx="1517">
                  <c:v>38043</c:v>
                </c:pt>
                <c:pt idx="1518">
                  <c:v>38044</c:v>
                </c:pt>
                <c:pt idx="1519">
                  <c:v>38045</c:v>
                </c:pt>
                <c:pt idx="1520">
                  <c:v>38046</c:v>
                </c:pt>
                <c:pt idx="1521">
                  <c:v>38047</c:v>
                </c:pt>
                <c:pt idx="1522">
                  <c:v>38048</c:v>
                </c:pt>
                <c:pt idx="1523">
                  <c:v>38049</c:v>
                </c:pt>
                <c:pt idx="1524">
                  <c:v>38050</c:v>
                </c:pt>
                <c:pt idx="1525">
                  <c:v>38051</c:v>
                </c:pt>
                <c:pt idx="1526">
                  <c:v>38052</c:v>
                </c:pt>
                <c:pt idx="1527">
                  <c:v>38053</c:v>
                </c:pt>
                <c:pt idx="1528">
                  <c:v>38054</c:v>
                </c:pt>
                <c:pt idx="1529">
                  <c:v>38055</c:v>
                </c:pt>
                <c:pt idx="1530">
                  <c:v>38056</c:v>
                </c:pt>
                <c:pt idx="1531">
                  <c:v>38057</c:v>
                </c:pt>
                <c:pt idx="1532">
                  <c:v>38058</c:v>
                </c:pt>
                <c:pt idx="1533">
                  <c:v>38059</c:v>
                </c:pt>
                <c:pt idx="1534">
                  <c:v>38060</c:v>
                </c:pt>
                <c:pt idx="1535">
                  <c:v>38061</c:v>
                </c:pt>
                <c:pt idx="1536">
                  <c:v>38062</c:v>
                </c:pt>
                <c:pt idx="1537">
                  <c:v>38063</c:v>
                </c:pt>
                <c:pt idx="1538">
                  <c:v>38064</c:v>
                </c:pt>
                <c:pt idx="1539">
                  <c:v>38065</c:v>
                </c:pt>
                <c:pt idx="1540">
                  <c:v>38066</c:v>
                </c:pt>
                <c:pt idx="1541">
                  <c:v>38067</c:v>
                </c:pt>
                <c:pt idx="1542">
                  <c:v>38068</c:v>
                </c:pt>
                <c:pt idx="1543">
                  <c:v>38069</c:v>
                </c:pt>
                <c:pt idx="1544">
                  <c:v>38070</c:v>
                </c:pt>
                <c:pt idx="1545">
                  <c:v>38071</c:v>
                </c:pt>
                <c:pt idx="1546">
                  <c:v>38072</c:v>
                </c:pt>
                <c:pt idx="1547">
                  <c:v>38073</c:v>
                </c:pt>
                <c:pt idx="1548">
                  <c:v>38074</c:v>
                </c:pt>
                <c:pt idx="1549">
                  <c:v>38075</c:v>
                </c:pt>
                <c:pt idx="1550">
                  <c:v>38076</c:v>
                </c:pt>
                <c:pt idx="1551">
                  <c:v>38077</c:v>
                </c:pt>
                <c:pt idx="1552">
                  <c:v>38078</c:v>
                </c:pt>
                <c:pt idx="1553">
                  <c:v>38079</c:v>
                </c:pt>
                <c:pt idx="1554">
                  <c:v>38080</c:v>
                </c:pt>
                <c:pt idx="1555">
                  <c:v>38081</c:v>
                </c:pt>
                <c:pt idx="1556">
                  <c:v>38082</c:v>
                </c:pt>
                <c:pt idx="1557">
                  <c:v>38083</c:v>
                </c:pt>
                <c:pt idx="1558">
                  <c:v>38084</c:v>
                </c:pt>
                <c:pt idx="1559">
                  <c:v>38085</c:v>
                </c:pt>
                <c:pt idx="1560">
                  <c:v>38086</c:v>
                </c:pt>
                <c:pt idx="1561">
                  <c:v>38087</c:v>
                </c:pt>
                <c:pt idx="1562">
                  <c:v>38088</c:v>
                </c:pt>
                <c:pt idx="1563">
                  <c:v>38089</c:v>
                </c:pt>
                <c:pt idx="1564">
                  <c:v>38090</c:v>
                </c:pt>
                <c:pt idx="1565">
                  <c:v>38091</c:v>
                </c:pt>
                <c:pt idx="1566">
                  <c:v>38092</c:v>
                </c:pt>
                <c:pt idx="1567">
                  <c:v>38093</c:v>
                </c:pt>
                <c:pt idx="1568">
                  <c:v>38094</c:v>
                </c:pt>
                <c:pt idx="1569">
                  <c:v>38095</c:v>
                </c:pt>
                <c:pt idx="1570">
                  <c:v>38096</c:v>
                </c:pt>
                <c:pt idx="1571">
                  <c:v>38097</c:v>
                </c:pt>
                <c:pt idx="1572">
                  <c:v>38098</c:v>
                </c:pt>
                <c:pt idx="1573">
                  <c:v>38099</c:v>
                </c:pt>
                <c:pt idx="1574">
                  <c:v>38100</c:v>
                </c:pt>
                <c:pt idx="1575">
                  <c:v>38101</c:v>
                </c:pt>
                <c:pt idx="1576">
                  <c:v>38102</c:v>
                </c:pt>
                <c:pt idx="1577">
                  <c:v>38103</c:v>
                </c:pt>
                <c:pt idx="1578">
                  <c:v>38104</c:v>
                </c:pt>
                <c:pt idx="1579">
                  <c:v>38105</c:v>
                </c:pt>
                <c:pt idx="1580">
                  <c:v>38106</c:v>
                </c:pt>
                <c:pt idx="1581">
                  <c:v>38107</c:v>
                </c:pt>
                <c:pt idx="1582">
                  <c:v>38108</c:v>
                </c:pt>
                <c:pt idx="1583">
                  <c:v>38109</c:v>
                </c:pt>
                <c:pt idx="1584">
                  <c:v>38110</c:v>
                </c:pt>
                <c:pt idx="1585">
                  <c:v>38111</c:v>
                </c:pt>
                <c:pt idx="1586">
                  <c:v>38112</c:v>
                </c:pt>
                <c:pt idx="1587">
                  <c:v>38113</c:v>
                </c:pt>
                <c:pt idx="1588">
                  <c:v>38114</c:v>
                </c:pt>
                <c:pt idx="1589">
                  <c:v>38115</c:v>
                </c:pt>
                <c:pt idx="1590">
                  <c:v>38116</c:v>
                </c:pt>
                <c:pt idx="1591">
                  <c:v>38117</c:v>
                </c:pt>
                <c:pt idx="1592">
                  <c:v>38118</c:v>
                </c:pt>
                <c:pt idx="1593">
                  <c:v>38119</c:v>
                </c:pt>
                <c:pt idx="1594">
                  <c:v>38120</c:v>
                </c:pt>
                <c:pt idx="1595">
                  <c:v>38121</c:v>
                </c:pt>
                <c:pt idx="1596">
                  <c:v>38122</c:v>
                </c:pt>
                <c:pt idx="1597">
                  <c:v>38123</c:v>
                </c:pt>
                <c:pt idx="1598">
                  <c:v>38124</c:v>
                </c:pt>
                <c:pt idx="1599">
                  <c:v>38125</c:v>
                </c:pt>
                <c:pt idx="1600">
                  <c:v>38126</c:v>
                </c:pt>
                <c:pt idx="1601">
                  <c:v>38127</c:v>
                </c:pt>
                <c:pt idx="1602">
                  <c:v>38128</c:v>
                </c:pt>
                <c:pt idx="1603">
                  <c:v>38129</c:v>
                </c:pt>
                <c:pt idx="1604">
                  <c:v>38130</c:v>
                </c:pt>
                <c:pt idx="1605">
                  <c:v>38131</c:v>
                </c:pt>
                <c:pt idx="1606">
                  <c:v>38132</c:v>
                </c:pt>
                <c:pt idx="1607">
                  <c:v>38133</c:v>
                </c:pt>
                <c:pt idx="1608">
                  <c:v>38134</c:v>
                </c:pt>
                <c:pt idx="1609">
                  <c:v>38135</c:v>
                </c:pt>
                <c:pt idx="1610">
                  <c:v>38136</c:v>
                </c:pt>
                <c:pt idx="1611">
                  <c:v>38137</c:v>
                </c:pt>
                <c:pt idx="1612">
                  <c:v>38138</c:v>
                </c:pt>
                <c:pt idx="1613">
                  <c:v>38139</c:v>
                </c:pt>
                <c:pt idx="1614">
                  <c:v>38140</c:v>
                </c:pt>
                <c:pt idx="1615">
                  <c:v>38141</c:v>
                </c:pt>
                <c:pt idx="1616">
                  <c:v>38142</c:v>
                </c:pt>
                <c:pt idx="1617">
                  <c:v>38143</c:v>
                </c:pt>
                <c:pt idx="1618">
                  <c:v>38144</c:v>
                </c:pt>
                <c:pt idx="1619">
                  <c:v>38145</c:v>
                </c:pt>
                <c:pt idx="1620">
                  <c:v>38146</c:v>
                </c:pt>
                <c:pt idx="1621">
                  <c:v>38147</c:v>
                </c:pt>
                <c:pt idx="1622">
                  <c:v>38148</c:v>
                </c:pt>
                <c:pt idx="1623">
                  <c:v>38149</c:v>
                </c:pt>
                <c:pt idx="1624">
                  <c:v>38150</c:v>
                </c:pt>
                <c:pt idx="1625">
                  <c:v>38151</c:v>
                </c:pt>
                <c:pt idx="1626">
                  <c:v>38152</c:v>
                </c:pt>
                <c:pt idx="1627">
                  <c:v>38153</c:v>
                </c:pt>
                <c:pt idx="1628">
                  <c:v>38154</c:v>
                </c:pt>
                <c:pt idx="1629">
                  <c:v>38155</c:v>
                </c:pt>
                <c:pt idx="1630">
                  <c:v>38156</c:v>
                </c:pt>
                <c:pt idx="1631">
                  <c:v>38157</c:v>
                </c:pt>
                <c:pt idx="1632">
                  <c:v>38158</c:v>
                </c:pt>
                <c:pt idx="1633">
                  <c:v>38159</c:v>
                </c:pt>
                <c:pt idx="1634">
                  <c:v>38160</c:v>
                </c:pt>
                <c:pt idx="1635">
                  <c:v>38161</c:v>
                </c:pt>
                <c:pt idx="1636">
                  <c:v>38162</c:v>
                </c:pt>
                <c:pt idx="1637">
                  <c:v>38163</c:v>
                </c:pt>
                <c:pt idx="1638">
                  <c:v>38164</c:v>
                </c:pt>
                <c:pt idx="1639">
                  <c:v>38165</c:v>
                </c:pt>
                <c:pt idx="1640">
                  <c:v>38166</c:v>
                </c:pt>
                <c:pt idx="1641">
                  <c:v>38167</c:v>
                </c:pt>
                <c:pt idx="1642">
                  <c:v>38168</c:v>
                </c:pt>
                <c:pt idx="1643">
                  <c:v>38169</c:v>
                </c:pt>
                <c:pt idx="1644">
                  <c:v>38170</c:v>
                </c:pt>
                <c:pt idx="1645">
                  <c:v>38171</c:v>
                </c:pt>
                <c:pt idx="1646">
                  <c:v>38172</c:v>
                </c:pt>
                <c:pt idx="1647">
                  <c:v>38173</c:v>
                </c:pt>
                <c:pt idx="1648">
                  <c:v>38174</c:v>
                </c:pt>
                <c:pt idx="1649">
                  <c:v>38175</c:v>
                </c:pt>
                <c:pt idx="1650">
                  <c:v>38176</c:v>
                </c:pt>
                <c:pt idx="1651">
                  <c:v>38177</c:v>
                </c:pt>
                <c:pt idx="1652">
                  <c:v>38178</c:v>
                </c:pt>
                <c:pt idx="1653">
                  <c:v>38179</c:v>
                </c:pt>
                <c:pt idx="1654">
                  <c:v>38180</c:v>
                </c:pt>
                <c:pt idx="1655">
                  <c:v>38181</c:v>
                </c:pt>
                <c:pt idx="1656">
                  <c:v>38182</c:v>
                </c:pt>
                <c:pt idx="1657">
                  <c:v>38183</c:v>
                </c:pt>
                <c:pt idx="1658">
                  <c:v>38184</c:v>
                </c:pt>
                <c:pt idx="1659">
                  <c:v>38185</c:v>
                </c:pt>
                <c:pt idx="1660">
                  <c:v>38186</c:v>
                </c:pt>
                <c:pt idx="1661">
                  <c:v>38187</c:v>
                </c:pt>
                <c:pt idx="1662">
                  <c:v>38188</c:v>
                </c:pt>
                <c:pt idx="1663">
                  <c:v>38189</c:v>
                </c:pt>
                <c:pt idx="1664">
                  <c:v>38190</c:v>
                </c:pt>
                <c:pt idx="1665">
                  <c:v>38191</c:v>
                </c:pt>
                <c:pt idx="1666">
                  <c:v>38192</c:v>
                </c:pt>
                <c:pt idx="1667">
                  <c:v>38193</c:v>
                </c:pt>
                <c:pt idx="1668">
                  <c:v>38194</c:v>
                </c:pt>
                <c:pt idx="1669">
                  <c:v>38195</c:v>
                </c:pt>
                <c:pt idx="1670">
                  <c:v>38196</c:v>
                </c:pt>
                <c:pt idx="1671">
                  <c:v>38197</c:v>
                </c:pt>
                <c:pt idx="1672">
                  <c:v>38198</c:v>
                </c:pt>
                <c:pt idx="1673">
                  <c:v>38199</c:v>
                </c:pt>
                <c:pt idx="1674">
                  <c:v>38200</c:v>
                </c:pt>
                <c:pt idx="1675">
                  <c:v>38201</c:v>
                </c:pt>
                <c:pt idx="1676">
                  <c:v>38202</c:v>
                </c:pt>
                <c:pt idx="1677">
                  <c:v>38203</c:v>
                </c:pt>
                <c:pt idx="1678">
                  <c:v>38204</c:v>
                </c:pt>
                <c:pt idx="1679">
                  <c:v>38205</c:v>
                </c:pt>
                <c:pt idx="1680">
                  <c:v>38206</c:v>
                </c:pt>
                <c:pt idx="1681">
                  <c:v>38207</c:v>
                </c:pt>
                <c:pt idx="1682">
                  <c:v>38208</c:v>
                </c:pt>
                <c:pt idx="1683">
                  <c:v>38209</c:v>
                </c:pt>
                <c:pt idx="1684">
                  <c:v>38210</c:v>
                </c:pt>
                <c:pt idx="1685">
                  <c:v>38211</c:v>
                </c:pt>
                <c:pt idx="1686">
                  <c:v>38212</c:v>
                </c:pt>
                <c:pt idx="1687">
                  <c:v>38213</c:v>
                </c:pt>
                <c:pt idx="1688">
                  <c:v>38214</c:v>
                </c:pt>
                <c:pt idx="1689">
                  <c:v>38215</c:v>
                </c:pt>
                <c:pt idx="1690">
                  <c:v>38216</c:v>
                </c:pt>
                <c:pt idx="1691">
                  <c:v>38217</c:v>
                </c:pt>
                <c:pt idx="1692">
                  <c:v>38218</c:v>
                </c:pt>
                <c:pt idx="1693">
                  <c:v>38219</c:v>
                </c:pt>
                <c:pt idx="1694">
                  <c:v>38220</c:v>
                </c:pt>
                <c:pt idx="1695">
                  <c:v>38221</c:v>
                </c:pt>
                <c:pt idx="1696">
                  <c:v>38222</c:v>
                </c:pt>
                <c:pt idx="1697">
                  <c:v>38223</c:v>
                </c:pt>
                <c:pt idx="1698">
                  <c:v>38224</c:v>
                </c:pt>
                <c:pt idx="1699">
                  <c:v>38225</c:v>
                </c:pt>
                <c:pt idx="1700">
                  <c:v>38226</c:v>
                </c:pt>
                <c:pt idx="1701">
                  <c:v>38227</c:v>
                </c:pt>
                <c:pt idx="1702">
                  <c:v>38228</c:v>
                </c:pt>
                <c:pt idx="1703">
                  <c:v>38229</c:v>
                </c:pt>
                <c:pt idx="1704">
                  <c:v>38230</c:v>
                </c:pt>
                <c:pt idx="1705">
                  <c:v>38231</c:v>
                </c:pt>
                <c:pt idx="1706">
                  <c:v>38232</c:v>
                </c:pt>
                <c:pt idx="1707">
                  <c:v>38233</c:v>
                </c:pt>
                <c:pt idx="1708">
                  <c:v>38234</c:v>
                </c:pt>
                <c:pt idx="1709">
                  <c:v>38235</c:v>
                </c:pt>
                <c:pt idx="1710">
                  <c:v>38236</c:v>
                </c:pt>
                <c:pt idx="1711">
                  <c:v>38237</c:v>
                </c:pt>
                <c:pt idx="1712">
                  <c:v>38238</c:v>
                </c:pt>
                <c:pt idx="1713">
                  <c:v>38239</c:v>
                </c:pt>
                <c:pt idx="1714">
                  <c:v>38240</c:v>
                </c:pt>
                <c:pt idx="1715">
                  <c:v>38241</c:v>
                </c:pt>
                <c:pt idx="1716">
                  <c:v>38242</c:v>
                </c:pt>
                <c:pt idx="1717">
                  <c:v>38243</c:v>
                </c:pt>
                <c:pt idx="1718">
                  <c:v>38244</c:v>
                </c:pt>
                <c:pt idx="1719">
                  <c:v>38245</c:v>
                </c:pt>
                <c:pt idx="1720">
                  <c:v>38246</c:v>
                </c:pt>
                <c:pt idx="1721">
                  <c:v>38247</c:v>
                </c:pt>
                <c:pt idx="1722">
                  <c:v>38248</c:v>
                </c:pt>
                <c:pt idx="1723">
                  <c:v>38249</c:v>
                </c:pt>
                <c:pt idx="1724">
                  <c:v>38250</c:v>
                </c:pt>
                <c:pt idx="1725">
                  <c:v>38251</c:v>
                </c:pt>
                <c:pt idx="1726">
                  <c:v>38252</c:v>
                </c:pt>
                <c:pt idx="1727">
                  <c:v>38253</c:v>
                </c:pt>
                <c:pt idx="1728">
                  <c:v>38254</c:v>
                </c:pt>
                <c:pt idx="1729">
                  <c:v>38255</c:v>
                </c:pt>
                <c:pt idx="1730">
                  <c:v>38256</c:v>
                </c:pt>
                <c:pt idx="1731">
                  <c:v>38257</c:v>
                </c:pt>
                <c:pt idx="1732">
                  <c:v>38258</c:v>
                </c:pt>
                <c:pt idx="1733">
                  <c:v>38259</c:v>
                </c:pt>
                <c:pt idx="1734">
                  <c:v>38260</c:v>
                </c:pt>
                <c:pt idx="1735">
                  <c:v>38261</c:v>
                </c:pt>
                <c:pt idx="1736">
                  <c:v>38262</c:v>
                </c:pt>
                <c:pt idx="1737">
                  <c:v>38263</c:v>
                </c:pt>
                <c:pt idx="1738">
                  <c:v>38264</c:v>
                </c:pt>
                <c:pt idx="1739">
                  <c:v>38265</c:v>
                </c:pt>
                <c:pt idx="1740">
                  <c:v>38266</c:v>
                </c:pt>
                <c:pt idx="1741">
                  <c:v>38267</c:v>
                </c:pt>
                <c:pt idx="1742">
                  <c:v>38268</c:v>
                </c:pt>
                <c:pt idx="1743">
                  <c:v>38269</c:v>
                </c:pt>
                <c:pt idx="1744">
                  <c:v>38270</c:v>
                </c:pt>
                <c:pt idx="1745">
                  <c:v>38271</c:v>
                </c:pt>
                <c:pt idx="1746">
                  <c:v>38272</c:v>
                </c:pt>
                <c:pt idx="1747">
                  <c:v>38273</c:v>
                </c:pt>
                <c:pt idx="1748">
                  <c:v>38274</c:v>
                </c:pt>
                <c:pt idx="1749">
                  <c:v>38275</c:v>
                </c:pt>
                <c:pt idx="1750">
                  <c:v>38276</c:v>
                </c:pt>
                <c:pt idx="1751">
                  <c:v>38277</c:v>
                </c:pt>
                <c:pt idx="1752">
                  <c:v>38278</c:v>
                </c:pt>
                <c:pt idx="1753">
                  <c:v>38279</c:v>
                </c:pt>
                <c:pt idx="1754">
                  <c:v>38280</c:v>
                </c:pt>
                <c:pt idx="1755">
                  <c:v>38281</c:v>
                </c:pt>
                <c:pt idx="1756">
                  <c:v>38282</c:v>
                </c:pt>
                <c:pt idx="1757">
                  <c:v>38283</c:v>
                </c:pt>
                <c:pt idx="1758">
                  <c:v>38284</c:v>
                </c:pt>
                <c:pt idx="1759">
                  <c:v>38285</c:v>
                </c:pt>
                <c:pt idx="1760">
                  <c:v>38286</c:v>
                </c:pt>
                <c:pt idx="1761">
                  <c:v>38287</c:v>
                </c:pt>
                <c:pt idx="1762">
                  <c:v>38288</c:v>
                </c:pt>
                <c:pt idx="1763">
                  <c:v>38289</c:v>
                </c:pt>
                <c:pt idx="1764">
                  <c:v>38290</c:v>
                </c:pt>
                <c:pt idx="1765">
                  <c:v>38291</c:v>
                </c:pt>
                <c:pt idx="1766">
                  <c:v>38292</c:v>
                </c:pt>
                <c:pt idx="1767">
                  <c:v>38293</c:v>
                </c:pt>
                <c:pt idx="1768">
                  <c:v>38294</c:v>
                </c:pt>
                <c:pt idx="1769">
                  <c:v>38295</c:v>
                </c:pt>
                <c:pt idx="1770">
                  <c:v>38296</c:v>
                </c:pt>
                <c:pt idx="1771">
                  <c:v>38297</c:v>
                </c:pt>
                <c:pt idx="1772">
                  <c:v>38298</c:v>
                </c:pt>
                <c:pt idx="1773">
                  <c:v>38299</c:v>
                </c:pt>
                <c:pt idx="1774">
                  <c:v>38300</c:v>
                </c:pt>
                <c:pt idx="1775">
                  <c:v>38301</c:v>
                </c:pt>
                <c:pt idx="1776">
                  <c:v>38302</c:v>
                </c:pt>
                <c:pt idx="1777">
                  <c:v>38303</c:v>
                </c:pt>
                <c:pt idx="1778">
                  <c:v>38304</c:v>
                </c:pt>
                <c:pt idx="1779">
                  <c:v>38305</c:v>
                </c:pt>
                <c:pt idx="1780">
                  <c:v>38306</c:v>
                </c:pt>
                <c:pt idx="1781">
                  <c:v>38307</c:v>
                </c:pt>
                <c:pt idx="1782">
                  <c:v>38308</c:v>
                </c:pt>
                <c:pt idx="1783">
                  <c:v>38309</c:v>
                </c:pt>
                <c:pt idx="1784">
                  <c:v>38310</c:v>
                </c:pt>
                <c:pt idx="1785">
                  <c:v>38311</c:v>
                </c:pt>
                <c:pt idx="1786">
                  <c:v>38312</c:v>
                </c:pt>
                <c:pt idx="1787">
                  <c:v>38313</c:v>
                </c:pt>
                <c:pt idx="1788">
                  <c:v>38314</c:v>
                </c:pt>
                <c:pt idx="1789">
                  <c:v>38315</c:v>
                </c:pt>
                <c:pt idx="1790">
                  <c:v>38316</c:v>
                </c:pt>
                <c:pt idx="1791">
                  <c:v>38317</c:v>
                </c:pt>
                <c:pt idx="1792">
                  <c:v>38318</c:v>
                </c:pt>
                <c:pt idx="1793">
                  <c:v>38319</c:v>
                </c:pt>
                <c:pt idx="1794">
                  <c:v>38320</c:v>
                </c:pt>
                <c:pt idx="1795">
                  <c:v>38321</c:v>
                </c:pt>
                <c:pt idx="1796">
                  <c:v>38322</c:v>
                </c:pt>
                <c:pt idx="1797">
                  <c:v>38323</c:v>
                </c:pt>
                <c:pt idx="1798">
                  <c:v>38324</c:v>
                </c:pt>
                <c:pt idx="1799">
                  <c:v>38325</c:v>
                </c:pt>
                <c:pt idx="1800">
                  <c:v>38326</c:v>
                </c:pt>
                <c:pt idx="1801">
                  <c:v>38327</c:v>
                </c:pt>
                <c:pt idx="1802">
                  <c:v>38328</c:v>
                </c:pt>
                <c:pt idx="1803">
                  <c:v>38329</c:v>
                </c:pt>
                <c:pt idx="1804">
                  <c:v>38330</c:v>
                </c:pt>
                <c:pt idx="1805">
                  <c:v>38331</c:v>
                </c:pt>
                <c:pt idx="1806">
                  <c:v>38332</c:v>
                </c:pt>
                <c:pt idx="1807">
                  <c:v>38333</c:v>
                </c:pt>
                <c:pt idx="1808">
                  <c:v>38334</c:v>
                </c:pt>
                <c:pt idx="1809">
                  <c:v>38335</c:v>
                </c:pt>
                <c:pt idx="1810">
                  <c:v>38336</c:v>
                </c:pt>
                <c:pt idx="1811">
                  <c:v>38337</c:v>
                </c:pt>
                <c:pt idx="1812">
                  <c:v>38338</c:v>
                </c:pt>
                <c:pt idx="1813">
                  <c:v>38339</c:v>
                </c:pt>
                <c:pt idx="1814">
                  <c:v>38340</c:v>
                </c:pt>
                <c:pt idx="1815">
                  <c:v>38341</c:v>
                </c:pt>
                <c:pt idx="1816">
                  <c:v>38342</c:v>
                </c:pt>
                <c:pt idx="1817">
                  <c:v>38343</c:v>
                </c:pt>
                <c:pt idx="1818">
                  <c:v>38344</c:v>
                </c:pt>
                <c:pt idx="1819">
                  <c:v>38345</c:v>
                </c:pt>
                <c:pt idx="1820">
                  <c:v>38346</c:v>
                </c:pt>
                <c:pt idx="1821">
                  <c:v>38347</c:v>
                </c:pt>
                <c:pt idx="1822">
                  <c:v>38348</c:v>
                </c:pt>
                <c:pt idx="1823">
                  <c:v>38349</c:v>
                </c:pt>
                <c:pt idx="1824">
                  <c:v>38350</c:v>
                </c:pt>
                <c:pt idx="1825">
                  <c:v>38351</c:v>
                </c:pt>
                <c:pt idx="1826">
                  <c:v>38352</c:v>
                </c:pt>
                <c:pt idx="1827">
                  <c:v>38353</c:v>
                </c:pt>
                <c:pt idx="1828">
                  <c:v>38354</c:v>
                </c:pt>
                <c:pt idx="1829">
                  <c:v>38355</c:v>
                </c:pt>
                <c:pt idx="1830">
                  <c:v>38356</c:v>
                </c:pt>
                <c:pt idx="1831">
                  <c:v>38357</c:v>
                </c:pt>
                <c:pt idx="1832">
                  <c:v>38358</c:v>
                </c:pt>
                <c:pt idx="1833">
                  <c:v>38359</c:v>
                </c:pt>
                <c:pt idx="1834">
                  <c:v>38360</c:v>
                </c:pt>
                <c:pt idx="1835">
                  <c:v>38361</c:v>
                </c:pt>
                <c:pt idx="1836">
                  <c:v>38362</c:v>
                </c:pt>
                <c:pt idx="1837">
                  <c:v>38363</c:v>
                </c:pt>
                <c:pt idx="1838">
                  <c:v>38364</c:v>
                </c:pt>
                <c:pt idx="1839">
                  <c:v>38365</c:v>
                </c:pt>
                <c:pt idx="1840">
                  <c:v>38366</c:v>
                </c:pt>
                <c:pt idx="1841">
                  <c:v>38367</c:v>
                </c:pt>
                <c:pt idx="1842">
                  <c:v>38368</c:v>
                </c:pt>
                <c:pt idx="1843">
                  <c:v>38369</c:v>
                </c:pt>
                <c:pt idx="1844">
                  <c:v>38370</c:v>
                </c:pt>
                <c:pt idx="1845">
                  <c:v>38371</c:v>
                </c:pt>
                <c:pt idx="1846">
                  <c:v>38372</c:v>
                </c:pt>
                <c:pt idx="1847">
                  <c:v>38373</c:v>
                </c:pt>
                <c:pt idx="1848">
                  <c:v>38374</c:v>
                </c:pt>
                <c:pt idx="1849">
                  <c:v>38375</c:v>
                </c:pt>
                <c:pt idx="1850">
                  <c:v>38376</c:v>
                </c:pt>
                <c:pt idx="1851">
                  <c:v>38377</c:v>
                </c:pt>
                <c:pt idx="1852">
                  <c:v>38378</c:v>
                </c:pt>
                <c:pt idx="1853">
                  <c:v>38379</c:v>
                </c:pt>
                <c:pt idx="1854">
                  <c:v>38380</c:v>
                </c:pt>
                <c:pt idx="1855">
                  <c:v>38381</c:v>
                </c:pt>
                <c:pt idx="1856">
                  <c:v>38382</c:v>
                </c:pt>
                <c:pt idx="1857">
                  <c:v>38383</c:v>
                </c:pt>
                <c:pt idx="1858">
                  <c:v>38384</c:v>
                </c:pt>
                <c:pt idx="1859">
                  <c:v>38385</c:v>
                </c:pt>
                <c:pt idx="1860">
                  <c:v>38386</c:v>
                </c:pt>
                <c:pt idx="1861">
                  <c:v>38387</c:v>
                </c:pt>
                <c:pt idx="1862">
                  <c:v>38388</c:v>
                </c:pt>
                <c:pt idx="1863">
                  <c:v>38389</c:v>
                </c:pt>
                <c:pt idx="1864">
                  <c:v>38390</c:v>
                </c:pt>
                <c:pt idx="1865">
                  <c:v>38391</c:v>
                </c:pt>
                <c:pt idx="1866">
                  <c:v>38392</c:v>
                </c:pt>
                <c:pt idx="1867">
                  <c:v>38393</c:v>
                </c:pt>
                <c:pt idx="1868">
                  <c:v>38394</c:v>
                </c:pt>
                <c:pt idx="1869">
                  <c:v>38395</c:v>
                </c:pt>
                <c:pt idx="1870">
                  <c:v>38396</c:v>
                </c:pt>
                <c:pt idx="1871">
                  <c:v>38397</c:v>
                </c:pt>
                <c:pt idx="1872">
                  <c:v>38398</c:v>
                </c:pt>
                <c:pt idx="1873">
                  <c:v>38399</c:v>
                </c:pt>
                <c:pt idx="1874">
                  <c:v>38400</c:v>
                </c:pt>
                <c:pt idx="1875">
                  <c:v>38401</c:v>
                </c:pt>
                <c:pt idx="1876">
                  <c:v>38402</c:v>
                </c:pt>
                <c:pt idx="1877">
                  <c:v>38403</c:v>
                </c:pt>
                <c:pt idx="1878">
                  <c:v>38404</c:v>
                </c:pt>
                <c:pt idx="1879">
                  <c:v>38405</c:v>
                </c:pt>
                <c:pt idx="1880">
                  <c:v>38406</c:v>
                </c:pt>
                <c:pt idx="1881">
                  <c:v>38407</c:v>
                </c:pt>
                <c:pt idx="1882">
                  <c:v>38408</c:v>
                </c:pt>
                <c:pt idx="1883">
                  <c:v>38409</c:v>
                </c:pt>
                <c:pt idx="1884">
                  <c:v>38410</c:v>
                </c:pt>
                <c:pt idx="1885">
                  <c:v>38411</c:v>
                </c:pt>
                <c:pt idx="1886">
                  <c:v>38412</c:v>
                </c:pt>
                <c:pt idx="1887">
                  <c:v>38413</c:v>
                </c:pt>
                <c:pt idx="1888">
                  <c:v>38414</c:v>
                </c:pt>
                <c:pt idx="1889">
                  <c:v>38415</c:v>
                </c:pt>
                <c:pt idx="1890">
                  <c:v>38416</c:v>
                </c:pt>
                <c:pt idx="1891">
                  <c:v>38417</c:v>
                </c:pt>
                <c:pt idx="1892">
                  <c:v>38418</c:v>
                </c:pt>
                <c:pt idx="1893">
                  <c:v>38419</c:v>
                </c:pt>
                <c:pt idx="1894">
                  <c:v>38420</c:v>
                </c:pt>
                <c:pt idx="1895">
                  <c:v>38421</c:v>
                </c:pt>
                <c:pt idx="1896">
                  <c:v>38422</c:v>
                </c:pt>
                <c:pt idx="1897">
                  <c:v>38423</c:v>
                </c:pt>
                <c:pt idx="1898">
                  <c:v>38424</c:v>
                </c:pt>
                <c:pt idx="1899">
                  <c:v>38425</c:v>
                </c:pt>
                <c:pt idx="1900">
                  <c:v>38426</c:v>
                </c:pt>
                <c:pt idx="1901">
                  <c:v>38427</c:v>
                </c:pt>
                <c:pt idx="1902">
                  <c:v>38428</c:v>
                </c:pt>
                <c:pt idx="1903">
                  <c:v>38429</c:v>
                </c:pt>
                <c:pt idx="1904">
                  <c:v>38430</c:v>
                </c:pt>
                <c:pt idx="1905">
                  <c:v>38431</c:v>
                </c:pt>
                <c:pt idx="1906">
                  <c:v>38432</c:v>
                </c:pt>
                <c:pt idx="1907">
                  <c:v>38433</c:v>
                </c:pt>
                <c:pt idx="1908">
                  <c:v>38434</c:v>
                </c:pt>
                <c:pt idx="1909">
                  <c:v>38435</c:v>
                </c:pt>
                <c:pt idx="1910">
                  <c:v>38436</c:v>
                </c:pt>
                <c:pt idx="1911">
                  <c:v>38437</c:v>
                </c:pt>
                <c:pt idx="1912">
                  <c:v>38438</c:v>
                </c:pt>
                <c:pt idx="1913">
                  <c:v>38439</c:v>
                </c:pt>
                <c:pt idx="1914">
                  <c:v>38440</c:v>
                </c:pt>
                <c:pt idx="1915">
                  <c:v>38441</c:v>
                </c:pt>
                <c:pt idx="1916">
                  <c:v>38442</c:v>
                </c:pt>
                <c:pt idx="1917">
                  <c:v>38443</c:v>
                </c:pt>
                <c:pt idx="1918">
                  <c:v>38444</c:v>
                </c:pt>
                <c:pt idx="1919">
                  <c:v>38445</c:v>
                </c:pt>
                <c:pt idx="1920">
                  <c:v>38446</c:v>
                </c:pt>
                <c:pt idx="1921">
                  <c:v>38447</c:v>
                </c:pt>
                <c:pt idx="1922">
                  <c:v>38448</c:v>
                </c:pt>
                <c:pt idx="1923">
                  <c:v>38449</c:v>
                </c:pt>
                <c:pt idx="1924">
                  <c:v>38450</c:v>
                </c:pt>
                <c:pt idx="1925">
                  <c:v>38451</c:v>
                </c:pt>
                <c:pt idx="1926">
                  <c:v>38452</c:v>
                </c:pt>
                <c:pt idx="1927">
                  <c:v>38453</c:v>
                </c:pt>
                <c:pt idx="1928">
                  <c:v>38454</c:v>
                </c:pt>
                <c:pt idx="1929">
                  <c:v>38455</c:v>
                </c:pt>
                <c:pt idx="1930">
                  <c:v>38456</c:v>
                </c:pt>
                <c:pt idx="1931">
                  <c:v>38457</c:v>
                </c:pt>
                <c:pt idx="1932">
                  <c:v>38458</c:v>
                </c:pt>
                <c:pt idx="1933">
                  <c:v>38459</c:v>
                </c:pt>
                <c:pt idx="1934">
                  <c:v>38460</c:v>
                </c:pt>
                <c:pt idx="1935">
                  <c:v>38461</c:v>
                </c:pt>
                <c:pt idx="1936">
                  <c:v>38462</c:v>
                </c:pt>
                <c:pt idx="1937">
                  <c:v>38463</c:v>
                </c:pt>
                <c:pt idx="1938">
                  <c:v>38464</c:v>
                </c:pt>
                <c:pt idx="1939">
                  <c:v>38465</c:v>
                </c:pt>
                <c:pt idx="1940">
                  <c:v>38466</c:v>
                </c:pt>
                <c:pt idx="1941">
                  <c:v>38467</c:v>
                </c:pt>
                <c:pt idx="1942">
                  <c:v>38468</c:v>
                </c:pt>
                <c:pt idx="1943">
                  <c:v>38469</c:v>
                </c:pt>
                <c:pt idx="1944">
                  <c:v>38470</c:v>
                </c:pt>
                <c:pt idx="1945">
                  <c:v>38471</c:v>
                </c:pt>
                <c:pt idx="1946">
                  <c:v>38472</c:v>
                </c:pt>
                <c:pt idx="1947">
                  <c:v>38473</c:v>
                </c:pt>
                <c:pt idx="1948">
                  <c:v>38474</c:v>
                </c:pt>
                <c:pt idx="1949">
                  <c:v>38475</c:v>
                </c:pt>
                <c:pt idx="1950">
                  <c:v>38476</c:v>
                </c:pt>
                <c:pt idx="1951">
                  <c:v>38477</c:v>
                </c:pt>
                <c:pt idx="1952">
                  <c:v>38478</c:v>
                </c:pt>
                <c:pt idx="1953">
                  <c:v>38479</c:v>
                </c:pt>
                <c:pt idx="1954">
                  <c:v>38480</c:v>
                </c:pt>
                <c:pt idx="1955">
                  <c:v>38481</c:v>
                </c:pt>
                <c:pt idx="1956">
                  <c:v>38482</c:v>
                </c:pt>
                <c:pt idx="1957">
                  <c:v>38483</c:v>
                </c:pt>
                <c:pt idx="1958">
                  <c:v>38484</c:v>
                </c:pt>
                <c:pt idx="1959">
                  <c:v>38485</c:v>
                </c:pt>
                <c:pt idx="1960">
                  <c:v>38486</c:v>
                </c:pt>
                <c:pt idx="1961">
                  <c:v>38487</c:v>
                </c:pt>
                <c:pt idx="1962">
                  <c:v>38488</c:v>
                </c:pt>
                <c:pt idx="1963">
                  <c:v>38489</c:v>
                </c:pt>
                <c:pt idx="1964">
                  <c:v>38490</c:v>
                </c:pt>
                <c:pt idx="1965">
                  <c:v>38491</c:v>
                </c:pt>
                <c:pt idx="1966">
                  <c:v>38492</c:v>
                </c:pt>
                <c:pt idx="1967">
                  <c:v>38493</c:v>
                </c:pt>
                <c:pt idx="1968">
                  <c:v>38494</c:v>
                </c:pt>
                <c:pt idx="1969">
                  <c:v>38495</c:v>
                </c:pt>
                <c:pt idx="1970">
                  <c:v>38496</c:v>
                </c:pt>
                <c:pt idx="1971">
                  <c:v>38497</c:v>
                </c:pt>
                <c:pt idx="1972">
                  <c:v>38498</c:v>
                </c:pt>
                <c:pt idx="1973">
                  <c:v>38499</c:v>
                </c:pt>
                <c:pt idx="1974">
                  <c:v>38500</c:v>
                </c:pt>
                <c:pt idx="1975">
                  <c:v>38501</c:v>
                </c:pt>
                <c:pt idx="1976">
                  <c:v>38502</c:v>
                </c:pt>
                <c:pt idx="1977">
                  <c:v>38503</c:v>
                </c:pt>
                <c:pt idx="1978">
                  <c:v>38504</c:v>
                </c:pt>
                <c:pt idx="1979">
                  <c:v>38505</c:v>
                </c:pt>
                <c:pt idx="1980">
                  <c:v>38506</c:v>
                </c:pt>
                <c:pt idx="1981">
                  <c:v>38507</c:v>
                </c:pt>
                <c:pt idx="1982">
                  <c:v>38508</c:v>
                </c:pt>
                <c:pt idx="1983">
                  <c:v>38509</c:v>
                </c:pt>
                <c:pt idx="1984">
                  <c:v>38510</c:v>
                </c:pt>
                <c:pt idx="1985">
                  <c:v>38511</c:v>
                </c:pt>
                <c:pt idx="1986">
                  <c:v>38512</c:v>
                </c:pt>
                <c:pt idx="1987">
                  <c:v>38513</c:v>
                </c:pt>
                <c:pt idx="1988">
                  <c:v>38514</c:v>
                </c:pt>
                <c:pt idx="1989">
                  <c:v>38515</c:v>
                </c:pt>
                <c:pt idx="1990">
                  <c:v>38516</c:v>
                </c:pt>
                <c:pt idx="1991">
                  <c:v>38517</c:v>
                </c:pt>
                <c:pt idx="1992">
                  <c:v>38518</c:v>
                </c:pt>
                <c:pt idx="1993">
                  <c:v>38519</c:v>
                </c:pt>
                <c:pt idx="1994">
                  <c:v>38520</c:v>
                </c:pt>
                <c:pt idx="1995">
                  <c:v>38521</c:v>
                </c:pt>
                <c:pt idx="1996">
                  <c:v>38522</c:v>
                </c:pt>
                <c:pt idx="1997">
                  <c:v>38523</c:v>
                </c:pt>
                <c:pt idx="1998">
                  <c:v>38524</c:v>
                </c:pt>
                <c:pt idx="1999">
                  <c:v>38525</c:v>
                </c:pt>
                <c:pt idx="2000">
                  <c:v>38526</c:v>
                </c:pt>
                <c:pt idx="2001">
                  <c:v>38527</c:v>
                </c:pt>
                <c:pt idx="2002">
                  <c:v>38528</c:v>
                </c:pt>
                <c:pt idx="2003">
                  <c:v>38529</c:v>
                </c:pt>
                <c:pt idx="2004">
                  <c:v>38530</c:v>
                </c:pt>
                <c:pt idx="2005">
                  <c:v>38531</c:v>
                </c:pt>
                <c:pt idx="2006">
                  <c:v>38532</c:v>
                </c:pt>
                <c:pt idx="2007">
                  <c:v>38533</c:v>
                </c:pt>
                <c:pt idx="2008">
                  <c:v>38534</c:v>
                </c:pt>
                <c:pt idx="2009">
                  <c:v>38535</c:v>
                </c:pt>
                <c:pt idx="2010">
                  <c:v>38536</c:v>
                </c:pt>
                <c:pt idx="2011">
                  <c:v>38537</c:v>
                </c:pt>
                <c:pt idx="2012">
                  <c:v>38538</c:v>
                </c:pt>
                <c:pt idx="2013">
                  <c:v>38539</c:v>
                </c:pt>
                <c:pt idx="2014">
                  <c:v>38540</c:v>
                </c:pt>
                <c:pt idx="2015">
                  <c:v>38541</c:v>
                </c:pt>
                <c:pt idx="2016">
                  <c:v>38542</c:v>
                </c:pt>
                <c:pt idx="2017">
                  <c:v>38543</c:v>
                </c:pt>
                <c:pt idx="2018">
                  <c:v>38544</c:v>
                </c:pt>
                <c:pt idx="2019">
                  <c:v>38545</c:v>
                </c:pt>
                <c:pt idx="2020">
                  <c:v>38546</c:v>
                </c:pt>
                <c:pt idx="2021">
                  <c:v>38547</c:v>
                </c:pt>
                <c:pt idx="2022">
                  <c:v>38548</c:v>
                </c:pt>
                <c:pt idx="2023">
                  <c:v>38549</c:v>
                </c:pt>
                <c:pt idx="2024">
                  <c:v>38550</c:v>
                </c:pt>
                <c:pt idx="2025">
                  <c:v>38551</c:v>
                </c:pt>
                <c:pt idx="2026">
                  <c:v>38552</c:v>
                </c:pt>
                <c:pt idx="2027">
                  <c:v>38553</c:v>
                </c:pt>
                <c:pt idx="2028">
                  <c:v>38554</c:v>
                </c:pt>
                <c:pt idx="2029">
                  <c:v>38555</c:v>
                </c:pt>
                <c:pt idx="2030">
                  <c:v>38556</c:v>
                </c:pt>
                <c:pt idx="2031">
                  <c:v>38557</c:v>
                </c:pt>
                <c:pt idx="2032">
                  <c:v>38558</c:v>
                </c:pt>
                <c:pt idx="2033">
                  <c:v>38559</c:v>
                </c:pt>
                <c:pt idx="2034">
                  <c:v>38560</c:v>
                </c:pt>
                <c:pt idx="2035">
                  <c:v>38561</c:v>
                </c:pt>
                <c:pt idx="2036">
                  <c:v>38562</c:v>
                </c:pt>
                <c:pt idx="2037">
                  <c:v>38563</c:v>
                </c:pt>
                <c:pt idx="2038">
                  <c:v>38564</c:v>
                </c:pt>
                <c:pt idx="2039">
                  <c:v>38565</c:v>
                </c:pt>
                <c:pt idx="2040">
                  <c:v>38566</c:v>
                </c:pt>
                <c:pt idx="2041">
                  <c:v>38567</c:v>
                </c:pt>
                <c:pt idx="2042">
                  <c:v>38568</c:v>
                </c:pt>
                <c:pt idx="2043">
                  <c:v>38569</c:v>
                </c:pt>
                <c:pt idx="2044">
                  <c:v>38570</c:v>
                </c:pt>
                <c:pt idx="2045">
                  <c:v>38571</c:v>
                </c:pt>
                <c:pt idx="2046">
                  <c:v>38572</c:v>
                </c:pt>
                <c:pt idx="2047">
                  <c:v>38573</c:v>
                </c:pt>
                <c:pt idx="2048">
                  <c:v>38574</c:v>
                </c:pt>
                <c:pt idx="2049">
                  <c:v>38575</c:v>
                </c:pt>
                <c:pt idx="2050">
                  <c:v>38576</c:v>
                </c:pt>
                <c:pt idx="2051">
                  <c:v>38577</c:v>
                </c:pt>
                <c:pt idx="2052">
                  <c:v>38578</c:v>
                </c:pt>
                <c:pt idx="2053">
                  <c:v>38579</c:v>
                </c:pt>
                <c:pt idx="2054">
                  <c:v>38580</c:v>
                </c:pt>
                <c:pt idx="2055">
                  <c:v>38581</c:v>
                </c:pt>
                <c:pt idx="2056">
                  <c:v>38582</c:v>
                </c:pt>
                <c:pt idx="2057">
                  <c:v>38583</c:v>
                </c:pt>
                <c:pt idx="2058">
                  <c:v>38584</c:v>
                </c:pt>
                <c:pt idx="2059">
                  <c:v>38585</c:v>
                </c:pt>
                <c:pt idx="2060">
                  <c:v>38586</c:v>
                </c:pt>
                <c:pt idx="2061">
                  <c:v>38587</c:v>
                </c:pt>
                <c:pt idx="2062">
                  <c:v>38588</c:v>
                </c:pt>
                <c:pt idx="2063">
                  <c:v>38589</c:v>
                </c:pt>
                <c:pt idx="2064">
                  <c:v>38590</c:v>
                </c:pt>
                <c:pt idx="2065">
                  <c:v>38591</c:v>
                </c:pt>
                <c:pt idx="2066">
                  <c:v>38592</c:v>
                </c:pt>
                <c:pt idx="2067">
                  <c:v>38593</c:v>
                </c:pt>
                <c:pt idx="2068">
                  <c:v>38594</c:v>
                </c:pt>
                <c:pt idx="2069">
                  <c:v>38595</c:v>
                </c:pt>
                <c:pt idx="2070">
                  <c:v>38596</c:v>
                </c:pt>
                <c:pt idx="2071">
                  <c:v>38597</c:v>
                </c:pt>
                <c:pt idx="2072">
                  <c:v>38598</c:v>
                </c:pt>
                <c:pt idx="2073">
                  <c:v>38599</c:v>
                </c:pt>
                <c:pt idx="2074">
                  <c:v>38600</c:v>
                </c:pt>
                <c:pt idx="2075">
                  <c:v>38601</c:v>
                </c:pt>
                <c:pt idx="2076">
                  <c:v>38602</c:v>
                </c:pt>
                <c:pt idx="2077">
                  <c:v>38603</c:v>
                </c:pt>
                <c:pt idx="2078">
                  <c:v>38604</c:v>
                </c:pt>
                <c:pt idx="2079">
                  <c:v>38605</c:v>
                </c:pt>
                <c:pt idx="2080">
                  <c:v>38606</c:v>
                </c:pt>
                <c:pt idx="2081">
                  <c:v>38607</c:v>
                </c:pt>
                <c:pt idx="2082">
                  <c:v>38608</c:v>
                </c:pt>
                <c:pt idx="2083">
                  <c:v>38609</c:v>
                </c:pt>
                <c:pt idx="2084">
                  <c:v>38610</c:v>
                </c:pt>
                <c:pt idx="2085">
                  <c:v>38611</c:v>
                </c:pt>
                <c:pt idx="2086">
                  <c:v>38612</c:v>
                </c:pt>
                <c:pt idx="2087">
                  <c:v>38613</c:v>
                </c:pt>
                <c:pt idx="2088">
                  <c:v>38614</c:v>
                </c:pt>
                <c:pt idx="2089">
                  <c:v>38615</c:v>
                </c:pt>
                <c:pt idx="2090">
                  <c:v>38616</c:v>
                </c:pt>
                <c:pt idx="2091">
                  <c:v>38617</c:v>
                </c:pt>
                <c:pt idx="2092">
                  <c:v>38618</c:v>
                </c:pt>
                <c:pt idx="2093">
                  <c:v>38619</c:v>
                </c:pt>
                <c:pt idx="2094">
                  <c:v>38620</c:v>
                </c:pt>
                <c:pt idx="2095">
                  <c:v>38621</c:v>
                </c:pt>
                <c:pt idx="2096">
                  <c:v>38622</c:v>
                </c:pt>
                <c:pt idx="2097">
                  <c:v>38623</c:v>
                </c:pt>
                <c:pt idx="2098">
                  <c:v>38624</c:v>
                </c:pt>
                <c:pt idx="2099">
                  <c:v>38625</c:v>
                </c:pt>
                <c:pt idx="2100">
                  <c:v>38626</c:v>
                </c:pt>
                <c:pt idx="2101">
                  <c:v>38627</c:v>
                </c:pt>
                <c:pt idx="2102">
                  <c:v>38628</c:v>
                </c:pt>
                <c:pt idx="2103">
                  <c:v>38629</c:v>
                </c:pt>
                <c:pt idx="2104">
                  <c:v>38630</c:v>
                </c:pt>
                <c:pt idx="2105">
                  <c:v>38631</c:v>
                </c:pt>
                <c:pt idx="2106">
                  <c:v>38632</c:v>
                </c:pt>
                <c:pt idx="2107">
                  <c:v>38633</c:v>
                </c:pt>
                <c:pt idx="2108">
                  <c:v>38634</c:v>
                </c:pt>
                <c:pt idx="2109">
                  <c:v>38635</c:v>
                </c:pt>
                <c:pt idx="2110">
                  <c:v>38636</c:v>
                </c:pt>
                <c:pt idx="2111">
                  <c:v>38637</c:v>
                </c:pt>
                <c:pt idx="2112">
                  <c:v>38638</c:v>
                </c:pt>
                <c:pt idx="2113">
                  <c:v>38639</c:v>
                </c:pt>
                <c:pt idx="2114">
                  <c:v>38640</c:v>
                </c:pt>
                <c:pt idx="2115">
                  <c:v>38641</c:v>
                </c:pt>
                <c:pt idx="2116">
                  <c:v>38642</c:v>
                </c:pt>
                <c:pt idx="2117">
                  <c:v>38643</c:v>
                </c:pt>
                <c:pt idx="2118">
                  <c:v>38644</c:v>
                </c:pt>
                <c:pt idx="2119">
                  <c:v>38645</c:v>
                </c:pt>
                <c:pt idx="2120">
                  <c:v>38646</c:v>
                </c:pt>
                <c:pt idx="2121">
                  <c:v>38647</c:v>
                </c:pt>
                <c:pt idx="2122">
                  <c:v>38648</c:v>
                </c:pt>
                <c:pt idx="2123">
                  <c:v>38649</c:v>
                </c:pt>
                <c:pt idx="2124">
                  <c:v>38650</c:v>
                </c:pt>
                <c:pt idx="2125">
                  <c:v>38651</c:v>
                </c:pt>
                <c:pt idx="2126">
                  <c:v>38652</c:v>
                </c:pt>
                <c:pt idx="2127">
                  <c:v>38653</c:v>
                </c:pt>
                <c:pt idx="2128">
                  <c:v>38654</c:v>
                </c:pt>
                <c:pt idx="2129">
                  <c:v>38655</c:v>
                </c:pt>
                <c:pt idx="2130">
                  <c:v>38656</c:v>
                </c:pt>
                <c:pt idx="2131">
                  <c:v>38657</c:v>
                </c:pt>
                <c:pt idx="2132">
                  <c:v>38658</c:v>
                </c:pt>
                <c:pt idx="2133">
                  <c:v>38659</c:v>
                </c:pt>
                <c:pt idx="2134">
                  <c:v>38660</c:v>
                </c:pt>
                <c:pt idx="2135">
                  <c:v>38661</c:v>
                </c:pt>
                <c:pt idx="2136">
                  <c:v>38662</c:v>
                </c:pt>
                <c:pt idx="2137">
                  <c:v>38663</c:v>
                </c:pt>
                <c:pt idx="2138">
                  <c:v>38664</c:v>
                </c:pt>
                <c:pt idx="2139">
                  <c:v>38665</c:v>
                </c:pt>
                <c:pt idx="2140">
                  <c:v>38666</c:v>
                </c:pt>
                <c:pt idx="2141">
                  <c:v>38667</c:v>
                </c:pt>
                <c:pt idx="2142">
                  <c:v>38668</c:v>
                </c:pt>
                <c:pt idx="2143">
                  <c:v>38669</c:v>
                </c:pt>
                <c:pt idx="2144">
                  <c:v>38670</c:v>
                </c:pt>
                <c:pt idx="2145">
                  <c:v>38671</c:v>
                </c:pt>
                <c:pt idx="2146">
                  <c:v>38672</c:v>
                </c:pt>
                <c:pt idx="2147">
                  <c:v>38673</c:v>
                </c:pt>
                <c:pt idx="2148">
                  <c:v>38674</c:v>
                </c:pt>
                <c:pt idx="2149">
                  <c:v>38675</c:v>
                </c:pt>
                <c:pt idx="2150">
                  <c:v>38676</c:v>
                </c:pt>
                <c:pt idx="2151">
                  <c:v>38677</c:v>
                </c:pt>
                <c:pt idx="2152">
                  <c:v>38678</c:v>
                </c:pt>
                <c:pt idx="2153">
                  <c:v>38679</c:v>
                </c:pt>
                <c:pt idx="2154">
                  <c:v>38680</c:v>
                </c:pt>
                <c:pt idx="2155">
                  <c:v>38681</c:v>
                </c:pt>
                <c:pt idx="2156">
                  <c:v>38682</c:v>
                </c:pt>
                <c:pt idx="2157">
                  <c:v>38683</c:v>
                </c:pt>
                <c:pt idx="2158">
                  <c:v>38684</c:v>
                </c:pt>
                <c:pt idx="2159">
                  <c:v>38685</c:v>
                </c:pt>
                <c:pt idx="2160">
                  <c:v>38686</c:v>
                </c:pt>
                <c:pt idx="2161">
                  <c:v>38687</c:v>
                </c:pt>
                <c:pt idx="2162">
                  <c:v>38688</c:v>
                </c:pt>
                <c:pt idx="2163">
                  <c:v>38689</c:v>
                </c:pt>
                <c:pt idx="2164">
                  <c:v>38690</c:v>
                </c:pt>
                <c:pt idx="2165">
                  <c:v>38691</c:v>
                </c:pt>
                <c:pt idx="2166">
                  <c:v>38692</c:v>
                </c:pt>
                <c:pt idx="2167">
                  <c:v>38693</c:v>
                </c:pt>
                <c:pt idx="2168">
                  <c:v>38694</c:v>
                </c:pt>
                <c:pt idx="2169">
                  <c:v>38695</c:v>
                </c:pt>
                <c:pt idx="2170">
                  <c:v>38696</c:v>
                </c:pt>
                <c:pt idx="2171">
                  <c:v>38697</c:v>
                </c:pt>
                <c:pt idx="2172">
                  <c:v>38698</c:v>
                </c:pt>
                <c:pt idx="2173">
                  <c:v>38699</c:v>
                </c:pt>
                <c:pt idx="2174">
                  <c:v>38700</c:v>
                </c:pt>
                <c:pt idx="2175">
                  <c:v>38701</c:v>
                </c:pt>
                <c:pt idx="2176">
                  <c:v>38702</c:v>
                </c:pt>
                <c:pt idx="2177">
                  <c:v>38703</c:v>
                </c:pt>
                <c:pt idx="2178">
                  <c:v>38704</c:v>
                </c:pt>
                <c:pt idx="2179">
                  <c:v>38705</c:v>
                </c:pt>
                <c:pt idx="2180">
                  <c:v>38706</c:v>
                </c:pt>
                <c:pt idx="2181">
                  <c:v>38707</c:v>
                </c:pt>
                <c:pt idx="2182">
                  <c:v>38708</c:v>
                </c:pt>
                <c:pt idx="2183">
                  <c:v>38709</c:v>
                </c:pt>
                <c:pt idx="2184">
                  <c:v>38710</c:v>
                </c:pt>
                <c:pt idx="2185">
                  <c:v>38711</c:v>
                </c:pt>
                <c:pt idx="2186">
                  <c:v>38712</c:v>
                </c:pt>
                <c:pt idx="2187">
                  <c:v>38713</c:v>
                </c:pt>
                <c:pt idx="2188">
                  <c:v>38714</c:v>
                </c:pt>
                <c:pt idx="2189">
                  <c:v>38715</c:v>
                </c:pt>
                <c:pt idx="2190">
                  <c:v>38716</c:v>
                </c:pt>
                <c:pt idx="2191">
                  <c:v>38717</c:v>
                </c:pt>
                <c:pt idx="2192">
                  <c:v>38718</c:v>
                </c:pt>
                <c:pt idx="2193">
                  <c:v>38719</c:v>
                </c:pt>
                <c:pt idx="2194">
                  <c:v>38720</c:v>
                </c:pt>
                <c:pt idx="2195">
                  <c:v>38721</c:v>
                </c:pt>
                <c:pt idx="2196">
                  <c:v>38722</c:v>
                </c:pt>
                <c:pt idx="2197">
                  <c:v>38723</c:v>
                </c:pt>
                <c:pt idx="2198">
                  <c:v>38724</c:v>
                </c:pt>
                <c:pt idx="2199">
                  <c:v>38725</c:v>
                </c:pt>
                <c:pt idx="2200">
                  <c:v>38726</c:v>
                </c:pt>
                <c:pt idx="2201">
                  <c:v>38727</c:v>
                </c:pt>
                <c:pt idx="2202">
                  <c:v>38728</c:v>
                </c:pt>
                <c:pt idx="2203">
                  <c:v>38729</c:v>
                </c:pt>
                <c:pt idx="2204">
                  <c:v>38730</c:v>
                </c:pt>
                <c:pt idx="2205">
                  <c:v>38731</c:v>
                </c:pt>
                <c:pt idx="2206">
                  <c:v>38732</c:v>
                </c:pt>
                <c:pt idx="2207">
                  <c:v>38733</c:v>
                </c:pt>
                <c:pt idx="2208">
                  <c:v>38734</c:v>
                </c:pt>
                <c:pt idx="2209">
                  <c:v>38735</c:v>
                </c:pt>
                <c:pt idx="2210">
                  <c:v>38736</c:v>
                </c:pt>
                <c:pt idx="2211">
                  <c:v>38737</c:v>
                </c:pt>
                <c:pt idx="2212">
                  <c:v>38738</c:v>
                </c:pt>
                <c:pt idx="2213">
                  <c:v>38739</c:v>
                </c:pt>
                <c:pt idx="2214">
                  <c:v>38740</c:v>
                </c:pt>
                <c:pt idx="2215">
                  <c:v>38741</c:v>
                </c:pt>
                <c:pt idx="2216">
                  <c:v>38742</c:v>
                </c:pt>
                <c:pt idx="2217">
                  <c:v>38743</c:v>
                </c:pt>
                <c:pt idx="2218">
                  <c:v>38744</c:v>
                </c:pt>
                <c:pt idx="2219">
                  <c:v>38745</c:v>
                </c:pt>
                <c:pt idx="2220">
                  <c:v>38746</c:v>
                </c:pt>
                <c:pt idx="2221">
                  <c:v>38747</c:v>
                </c:pt>
                <c:pt idx="2222">
                  <c:v>38748</c:v>
                </c:pt>
                <c:pt idx="2223">
                  <c:v>38749</c:v>
                </c:pt>
                <c:pt idx="2224">
                  <c:v>38750</c:v>
                </c:pt>
                <c:pt idx="2225">
                  <c:v>38751</c:v>
                </c:pt>
                <c:pt idx="2226">
                  <c:v>38752</c:v>
                </c:pt>
                <c:pt idx="2227">
                  <c:v>38753</c:v>
                </c:pt>
                <c:pt idx="2228">
                  <c:v>38754</c:v>
                </c:pt>
                <c:pt idx="2229">
                  <c:v>38755</c:v>
                </c:pt>
                <c:pt idx="2230">
                  <c:v>38756</c:v>
                </c:pt>
                <c:pt idx="2231">
                  <c:v>38757</c:v>
                </c:pt>
                <c:pt idx="2232">
                  <c:v>38758</c:v>
                </c:pt>
                <c:pt idx="2233">
                  <c:v>38759</c:v>
                </c:pt>
                <c:pt idx="2234">
                  <c:v>38760</c:v>
                </c:pt>
                <c:pt idx="2235">
                  <c:v>38761</c:v>
                </c:pt>
                <c:pt idx="2236">
                  <c:v>38762</c:v>
                </c:pt>
                <c:pt idx="2237">
                  <c:v>38763</c:v>
                </c:pt>
                <c:pt idx="2238">
                  <c:v>38764</c:v>
                </c:pt>
                <c:pt idx="2239">
                  <c:v>38765</c:v>
                </c:pt>
                <c:pt idx="2240">
                  <c:v>38766</c:v>
                </c:pt>
                <c:pt idx="2241">
                  <c:v>38767</c:v>
                </c:pt>
                <c:pt idx="2242">
                  <c:v>38768</c:v>
                </c:pt>
                <c:pt idx="2243">
                  <c:v>38769</c:v>
                </c:pt>
                <c:pt idx="2244">
                  <c:v>38770</c:v>
                </c:pt>
                <c:pt idx="2245">
                  <c:v>38771</c:v>
                </c:pt>
                <c:pt idx="2246">
                  <c:v>38772</c:v>
                </c:pt>
                <c:pt idx="2247">
                  <c:v>38773</c:v>
                </c:pt>
                <c:pt idx="2248">
                  <c:v>38774</c:v>
                </c:pt>
                <c:pt idx="2249">
                  <c:v>38775</c:v>
                </c:pt>
                <c:pt idx="2250">
                  <c:v>38776</c:v>
                </c:pt>
                <c:pt idx="2251">
                  <c:v>38777</c:v>
                </c:pt>
                <c:pt idx="2252">
                  <c:v>38778</c:v>
                </c:pt>
                <c:pt idx="2253">
                  <c:v>38779</c:v>
                </c:pt>
                <c:pt idx="2254">
                  <c:v>38780</c:v>
                </c:pt>
                <c:pt idx="2255">
                  <c:v>38781</c:v>
                </c:pt>
                <c:pt idx="2256">
                  <c:v>38782</c:v>
                </c:pt>
                <c:pt idx="2257">
                  <c:v>38783</c:v>
                </c:pt>
                <c:pt idx="2258">
                  <c:v>38784</c:v>
                </c:pt>
                <c:pt idx="2259">
                  <c:v>38785</c:v>
                </c:pt>
                <c:pt idx="2260">
                  <c:v>38786</c:v>
                </c:pt>
                <c:pt idx="2261">
                  <c:v>38787</c:v>
                </c:pt>
                <c:pt idx="2262">
                  <c:v>38788</c:v>
                </c:pt>
                <c:pt idx="2263">
                  <c:v>38789</c:v>
                </c:pt>
                <c:pt idx="2264">
                  <c:v>38790</c:v>
                </c:pt>
                <c:pt idx="2265">
                  <c:v>38791</c:v>
                </c:pt>
                <c:pt idx="2266">
                  <c:v>38792</c:v>
                </c:pt>
                <c:pt idx="2267">
                  <c:v>38793</c:v>
                </c:pt>
                <c:pt idx="2268">
                  <c:v>38794</c:v>
                </c:pt>
                <c:pt idx="2269">
                  <c:v>38795</c:v>
                </c:pt>
                <c:pt idx="2270">
                  <c:v>38796</c:v>
                </c:pt>
                <c:pt idx="2271">
                  <c:v>38797</c:v>
                </c:pt>
                <c:pt idx="2272">
                  <c:v>38798</c:v>
                </c:pt>
                <c:pt idx="2273">
                  <c:v>38799</c:v>
                </c:pt>
                <c:pt idx="2274">
                  <c:v>38800</c:v>
                </c:pt>
                <c:pt idx="2275">
                  <c:v>38801</c:v>
                </c:pt>
                <c:pt idx="2276">
                  <c:v>38802</c:v>
                </c:pt>
                <c:pt idx="2277">
                  <c:v>38803</c:v>
                </c:pt>
                <c:pt idx="2278">
                  <c:v>38804</c:v>
                </c:pt>
                <c:pt idx="2279">
                  <c:v>38805</c:v>
                </c:pt>
                <c:pt idx="2280">
                  <c:v>38806</c:v>
                </c:pt>
                <c:pt idx="2281">
                  <c:v>38807</c:v>
                </c:pt>
                <c:pt idx="2282">
                  <c:v>38808</c:v>
                </c:pt>
                <c:pt idx="2283">
                  <c:v>38809</c:v>
                </c:pt>
                <c:pt idx="2284">
                  <c:v>38810</c:v>
                </c:pt>
                <c:pt idx="2285">
                  <c:v>38811</c:v>
                </c:pt>
                <c:pt idx="2286">
                  <c:v>38812</c:v>
                </c:pt>
                <c:pt idx="2287">
                  <c:v>38813</c:v>
                </c:pt>
                <c:pt idx="2288">
                  <c:v>38814</c:v>
                </c:pt>
                <c:pt idx="2289">
                  <c:v>38815</c:v>
                </c:pt>
                <c:pt idx="2290">
                  <c:v>38816</c:v>
                </c:pt>
                <c:pt idx="2291">
                  <c:v>38817</c:v>
                </c:pt>
                <c:pt idx="2292">
                  <c:v>38818</c:v>
                </c:pt>
                <c:pt idx="2293">
                  <c:v>38819</c:v>
                </c:pt>
                <c:pt idx="2294">
                  <c:v>38820</c:v>
                </c:pt>
                <c:pt idx="2295">
                  <c:v>38821</c:v>
                </c:pt>
                <c:pt idx="2296">
                  <c:v>38822</c:v>
                </c:pt>
                <c:pt idx="2297">
                  <c:v>38823</c:v>
                </c:pt>
                <c:pt idx="2298">
                  <c:v>38824</c:v>
                </c:pt>
                <c:pt idx="2299">
                  <c:v>38825</c:v>
                </c:pt>
                <c:pt idx="2300">
                  <c:v>38826</c:v>
                </c:pt>
                <c:pt idx="2301">
                  <c:v>38827</c:v>
                </c:pt>
                <c:pt idx="2302">
                  <c:v>38828</c:v>
                </c:pt>
                <c:pt idx="2303">
                  <c:v>38829</c:v>
                </c:pt>
                <c:pt idx="2304">
                  <c:v>38830</c:v>
                </c:pt>
                <c:pt idx="2305">
                  <c:v>38831</c:v>
                </c:pt>
                <c:pt idx="2306">
                  <c:v>38832</c:v>
                </c:pt>
                <c:pt idx="2307">
                  <c:v>38833</c:v>
                </c:pt>
                <c:pt idx="2308">
                  <c:v>38834</c:v>
                </c:pt>
                <c:pt idx="2309">
                  <c:v>38835</c:v>
                </c:pt>
                <c:pt idx="2310">
                  <c:v>38836</c:v>
                </c:pt>
                <c:pt idx="2311">
                  <c:v>38837</c:v>
                </c:pt>
                <c:pt idx="2312">
                  <c:v>38838</c:v>
                </c:pt>
                <c:pt idx="2313">
                  <c:v>38839</c:v>
                </c:pt>
                <c:pt idx="2314">
                  <c:v>38840</c:v>
                </c:pt>
                <c:pt idx="2315">
                  <c:v>38841</c:v>
                </c:pt>
                <c:pt idx="2316">
                  <c:v>38842</c:v>
                </c:pt>
                <c:pt idx="2317">
                  <c:v>38843</c:v>
                </c:pt>
                <c:pt idx="2318">
                  <c:v>38844</c:v>
                </c:pt>
                <c:pt idx="2319">
                  <c:v>38845</c:v>
                </c:pt>
                <c:pt idx="2320">
                  <c:v>38846</c:v>
                </c:pt>
                <c:pt idx="2321">
                  <c:v>38847</c:v>
                </c:pt>
                <c:pt idx="2322">
                  <c:v>38848</c:v>
                </c:pt>
                <c:pt idx="2323">
                  <c:v>38849</c:v>
                </c:pt>
                <c:pt idx="2324">
                  <c:v>38850</c:v>
                </c:pt>
                <c:pt idx="2325">
                  <c:v>38851</c:v>
                </c:pt>
                <c:pt idx="2326">
                  <c:v>38852</c:v>
                </c:pt>
                <c:pt idx="2327">
                  <c:v>38853</c:v>
                </c:pt>
                <c:pt idx="2328">
                  <c:v>38854</c:v>
                </c:pt>
                <c:pt idx="2329">
                  <c:v>38855</c:v>
                </c:pt>
                <c:pt idx="2330">
                  <c:v>38856</c:v>
                </c:pt>
                <c:pt idx="2331">
                  <c:v>38857</c:v>
                </c:pt>
                <c:pt idx="2332">
                  <c:v>38858</c:v>
                </c:pt>
                <c:pt idx="2333">
                  <c:v>38859</c:v>
                </c:pt>
                <c:pt idx="2334">
                  <c:v>38860</c:v>
                </c:pt>
                <c:pt idx="2335">
                  <c:v>38861</c:v>
                </c:pt>
                <c:pt idx="2336">
                  <c:v>38862</c:v>
                </c:pt>
                <c:pt idx="2337">
                  <c:v>38863</c:v>
                </c:pt>
                <c:pt idx="2338">
                  <c:v>38864</c:v>
                </c:pt>
                <c:pt idx="2339">
                  <c:v>38865</c:v>
                </c:pt>
                <c:pt idx="2340">
                  <c:v>38866</c:v>
                </c:pt>
                <c:pt idx="2341">
                  <c:v>38867</c:v>
                </c:pt>
                <c:pt idx="2342">
                  <c:v>38868</c:v>
                </c:pt>
                <c:pt idx="2343">
                  <c:v>38869</c:v>
                </c:pt>
                <c:pt idx="2344">
                  <c:v>38870</c:v>
                </c:pt>
                <c:pt idx="2345">
                  <c:v>38871</c:v>
                </c:pt>
                <c:pt idx="2346">
                  <c:v>38872</c:v>
                </c:pt>
                <c:pt idx="2347">
                  <c:v>38873</c:v>
                </c:pt>
                <c:pt idx="2348">
                  <c:v>38874</c:v>
                </c:pt>
                <c:pt idx="2349">
                  <c:v>38875</c:v>
                </c:pt>
                <c:pt idx="2350">
                  <c:v>38876</c:v>
                </c:pt>
                <c:pt idx="2351">
                  <c:v>38877</c:v>
                </c:pt>
                <c:pt idx="2352">
                  <c:v>38878</c:v>
                </c:pt>
                <c:pt idx="2353">
                  <c:v>38879</c:v>
                </c:pt>
                <c:pt idx="2354">
                  <c:v>38880</c:v>
                </c:pt>
                <c:pt idx="2355">
                  <c:v>38881</c:v>
                </c:pt>
                <c:pt idx="2356">
                  <c:v>38882</c:v>
                </c:pt>
                <c:pt idx="2357">
                  <c:v>38883</c:v>
                </c:pt>
                <c:pt idx="2358">
                  <c:v>38884</c:v>
                </c:pt>
                <c:pt idx="2359">
                  <c:v>38885</c:v>
                </c:pt>
                <c:pt idx="2360">
                  <c:v>38886</c:v>
                </c:pt>
                <c:pt idx="2361">
                  <c:v>38887</c:v>
                </c:pt>
                <c:pt idx="2362">
                  <c:v>38888</c:v>
                </c:pt>
                <c:pt idx="2363">
                  <c:v>38889</c:v>
                </c:pt>
                <c:pt idx="2364">
                  <c:v>38890</c:v>
                </c:pt>
                <c:pt idx="2365">
                  <c:v>38891</c:v>
                </c:pt>
                <c:pt idx="2366">
                  <c:v>38892</c:v>
                </c:pt>
                <c:pt idx="2367">
                  <c:v>38893</c:v>
                </c:pt>
                <c:pt idx="2368">
                  <c:v>38894</c:v>
                </c:pt>
                <c:pt idx="2369">
                  <c:v>38895</c:v>
                </c:pt>
                <c:pt idx="2370">
                  <c:v>38896</c:v>
                </c:pt>
                <c:pt idx="2371">
                  <c:v>38897</c:v>
                </c:pt>
                <c:pt idx="2372">
                  <c:v>38898</c:v>
                </c:pt>
                <c:pt idx="2373">
                  <c:v>38899</c:v>
                </c:pt>
                <c:pt idx="2374">
                  <c:v>38900</c:v>
                </c:pt>
                <c:pt idx="2375">
                  <c:v>38901</c:v>
                </c:pt>
                <c:pt idx="2376">
                  <c:v>38902</c:v>
                </c:pt>
                <c:pt idx="2377">
                  <c:v>38903</c:v>
                </c:pt>
                <c:pt idx="2378">
                  <c:v>38904</c:v>
                </c:pt>
                <c:pt idx="2379">
                  <c:v>38905</c:v>
                </c:pt>
                <c:pt idx="2380">
                  <c:v>38906</c:v>
                </c:pt>
                <c:pt idx="2381">
                  <c:v>38907</c:v>
                </c:pt>
                <c:pt idx="2382">
                  <c:v>38908</c:v>
                </c:pt>
                <c:pt idx="2383">
                  <c:v>38909</c:v>
                </c:pt>
                <c:pt idx="2384">
                  <c:v>38910</c:v>
                </c:pt>
                <c:pt idx="2385">
                  <c:v>38911</c:v>
                </c:pt>
                <c:pt idx="2386">
                  <c:v>38912</c:v>
                </c:pt>
                <c:pt idx="2387">
                  <c:v>38913</c:v>
                </c:pt>
                <c:pt idx="2388">
                  <c:v>38914</c:v>
                </c:pt>
                <c:pt idx="2389">
                  <c:v>38915</c:v>
                </c:pt>
                <c:pt idx="2390">
                  <c:v>38916</c:v>
                </c:pt>
                <c:pt idx="2391">
                  <c:v>38917</c:v>
                </c:pt>
                <c:pt idx="2392">
                  <c:v>38918</c:v>
                </c:pt>
                <c:pt idx="2393">
                  <c:v>38919</c:v>
                </c:pt>
                <c:pt idx="2394">
                  <c:v>38920</c:v>
                </c:pt>
                <c:pt idx="2395">
                  <c:v>38921</c:v>
                </c:pt>
                <c:pt idx="2396">
                  <c:v>38922</c:v>
                </c:pt>
                <c:pt idx="2397">
                  <c:v>38923</c:v>
                </c:pt>
                <c:pt idx="2398">
                  <c:v>38924</c:v>
                </c:pt>
                <c:pt idx="2399">
                  <c:v>38925</c:v>
                </c:pt>
                <c:pt idx="2400">
                  <c:v>38926</c:v>
                </c:pt>
                <c:pt idx="2401">
                  <c:v>38927</c:v>
                </c:pt>
                <c:pt idx="2402">
                  <c:v>38928</c:v>
                </c:pt>
                <c:pt idx="2403">
                  <c:v>38929</c:v>
                </c:pt>
                <c:pt idx="2404">
                  <c:v>38930</c:v>
                </c:pt>
                <c:pt idx="2405">
                  <c:v>38931</c:v>
                </c:pt>
                <c:pt idx="2406">
                  <c:v>38932</c:v>
                </c:pt>
                <c:pt idx="2407">
                  <c:v>38933</c:v>
                </c:pt>
                <c:pt idx="2408">
                  <c:v>38934</c:v>
                </c:pt>
                <c:pt idx="2409">
                  <c:v>38935</c:v>
                </c:pt>
                <c:pt idx="2410">
                  <c:v>38936</c:v>
                </c:pt>
                <c:pt idx="2411">
                  <c:v>38937</c:v>
                </c:pt>
                <c:pt idx="2412">
                  <c:v>38938</c:v>
                </c:pt>
                <c:pt idx="2413">
                  <c:v>38939</c:v>
                </c:pt>
                <c:pt idx="2414">
                  <c:v>38940</c:v>
                </c:pt>
                <c:pt idx="2415">
                  <c:v>38941</c:v>
                </c:pt>
                <c:pt idx="2416">
                  <c:v>38942</c:v>
                </c:pt>
                <c:pt idx="2417">
                  <c:v>38943</c:v>
                </c:pt>
                <c:pt idx="2418">
                  <c:v>38944</c:v>
                </c:pt>
                <c:pt idx="2419">
                  <c:v>38945</c:v>
                </c:pt>
                <c:pt idx="2420">
                  <c:v>38946</c:v>
                </c:pt>
                <c:pt idx="2421">
                  <c:v>38947</c:v>
                </c:pt>
                <c:pt idx="2422">
                  <c:v>38948</c:v>
                </c:pt>
                <c:pt idx="2423">
                  <c:v>38949</c:v>
                </c:pt>
                <c:pt idx="2424">
                  <c:v>38950</c:v>
                </c:pt>
                <c:pt idx="2425">
                  <c:v>38951</c:v>
                </c:pt>
                <c:pt idx="2426">
                  <c:v>38952</c:v>
                </c:pt>
                <c:pt idx="2427">
                  <c:v>38953</c:v>
                </c:pt>
                <c:pt idx="2428">
                  <c:v>38954</c:v>
                </c:pt>
                <c:pt idx="2429">
                  <c:v>38955</c:v>
                </c:pt>
                <c:pt idx="2430">
                  <c:v>38956</c:v>
                </c:pt>
                <c:pt idx="2431">
                  <c:v>38957</c:v>
                </c:pt>
                <c:pt idx="2432">
                  <c:v>38958</c:v>
                </c:pt>
                <c:pt idx="2433">
                  <c:v>38959</c:v>
                </c:pt>
                <c:pt idx="2434">
                  <c:v>38960</c:v>
                </c:pt>
                <c:pt idx="2435">
                  <c:v>38961</c:v>
                </c:pt>
                <c:pt idx="2436">
                  <c:v>38962</c:v>
                </c:pt>
                <c:pt idx="2437">
                  <c:v>38963</c:v>
                </c:pt>
                <c:pt idx="2438">
                  <c:v>38964</c:v>
                </c:pt>
                <c:pt idx="2439">
                  <c:v>38965</c:v>
                </c:pt>
                <c:pt idx="2440">
                  <c:v>38966</c:v>
                </c:pt>
                <c:pt idx="2441">
                  <c:v>38967</c:v>
                </c:pt>
                <c:pt idx="2442">
                  <c:v>38968</c:v>
                </c:pt>
                <c:pt idx="2443">
                  <c:v>38969</c:v>
                </c:pt>
                <c:pt idx="2444">
                  <c:v>38970</c:v>
                </c:pt>
                <c:pt idx="2445">
                  <c:v>38971</c:v>
                </c:pt>
                <c:pt idx="2446">
                  <c:v>38972</c:v>
                </c:pt>
                <c:pt idx="2447">
                  <c:v>38973</c:v>
                </c:pt>
                <c:pt idx="2448">
                  <c:v>38974</c:v>
                </c:pt>
                <c:pt idx="2449">
                  <c:v>38975</c:v>
                </c:pt>
                <c:pt idx="2450">
                  <c:v>38976</c:v>
                </c:pt>
                <c:pt idx="2451">
                  <c:v>38977</c:v>
                </c:pt>
                <c:pt idx="2452">
                  <c:v>38978</c:v>
                </c:pt>
                <c:pt idx="2453">
                  <c:v>38979</c:v>
                </c:pt>
                <c:pt idx="2454">
                  <c:v>38980</c:v>
                </c:pt>
                <c:pt idx="2455">
                  <c:v>38981</c:v>
                </c:pt>
                <c:pt idx="2456">
                  <c:v>38982</c:v>
                </c:pt>
                <c:pt idx="2457">
                  <c:v>38983</c:v>
                </c:pt>
                <c:pt idx="2458">
                  <c:v>38984</c:v>
                </c:pt>
                <c:pt idx="2459">
                  <c:v>38985</c:v>
                </c:pt>
                <c:pt idx="2460">
                  <c:v>38986</c:v>
                </c:pt>
                <c:pt idx="2461">
                  <c:v>38987</c:v>
                </c:pt>
                <c:pt idx="2462">
                  <c:v>38988</c:v>
                </c:pt>
                <c:pt idx="2463">
                  <c:v>38989</c:v>
                </c:pt>
                <c:pt idx="2464">
                  <c:v>38990</c:v>
                </c:pt>
                <c:pt idx="2465">
                  <c:v>38991</c:v>
                </c:pt>
                <c:pt idx="2466">
                  <c:v>38992</c:v>
                </c:pt>
                <c:pt idx="2467">
                  <c:v>38993</c:v>
                </c:pt>
                <c:pt idx="2468">
                  <c:v>38994</c:v>
                </c:pt>
                <c:pt idx="2469">
                  <c:v>38995</c:v>
                </c:pt>
                <c:pt idx="2470">
                  <c:v>38996</c:v>
                </c:pt>
                <c:pt idx="2471">
                  <c:v>38997</c:v>
                </c:pt>
                <c:pt idx="2472">
                  <c:v>38998</c:v>
                </c:pt>
                <c:pt idx="2473">
                  <c:v>38999</c:v>
                </c:pt>
                <c:pt idx="2474">
                  <c:v>39000</c:v>
                </c:pt>
                <c:pt idx="2475">
                  <c:v>39001</c:v>
                </c:pt>
                <c:pt idx="2476">
                  <c:v>39002</c:v>
                </c:pt>
                <c:pt idx="2477">
                  <c:v>39003</c:v>
                </c:pt>
                <c:pt idx="2478">
                  <c:v>39004</c:v>
                </c:pt>
                <c:pt idx="2479">
                  <c:v>39005</c:v>
                </c:pt>
                <c:pt idx="2480">
                  <c:v>39006</c:v>
                </c:pt>
                <c:pt idx="2481">
                  <c:v>39007</c:v>
                </c:pt>
                <c:pt idx="2482">
                  <c:v>39008</c:v>
                </c:pt>
                <c:pt idx="2483">
                  <c:v>39009</c:v>
                </c:pt>
                <c:pt idx="2484">
                  <c:v>39010</c:v>
                </c:pt>
                <c:pt idx="2485">
                  <c:v>39011</c:v>
                </c:pt>
                <c:pt idx="2486">
                  <c:v>39012</c:v>
                </c:pt>
                <c:pt idx="2487">
                  <c:v>39013</c:v>
                </c:pt>
                <c:pt idx="2488">
                  <c:v>39014</c:v>
                </c:pt>
                <c:pt idx="2489">
                  <c:v>39015</c:v>
                </c:pt>
                <c:pt idx="2490">
                  <c:v>39016</c:v>
                </c:pt>
                <c:pt idx="2491">
                  <c:v>39017</c:v>
                </c:pt>
                <c:pt idx="2492">
                  <c:v>39018</c:v>
                </c:pt>
                <c:pt idx="2493">
                  <c:v>39019</c:v>
                </c:pt>
                <c:pt idx="2494">
                  <c:v>39020</c:v>
                </c:pt>
                <c:pt idx="2495">
                  <c:v>39021</c:v>
                </c:pt>
                <c:pt idx="2496">
                  <c:v>39022</c:v>
                </c:pt>
                <c:pt idx="2497">
                  <c:v>39023</c:v>
                </c:pt>
                <c:pt idx="2498">
                  <c:v>39024</c:v>
                </c:pt>
                <c:pt idx="2499">
                  <c:v>39025</c:v>
                </c:pt>
                <c:pt idx="2500">
                  <c:v>39026</c:v>
                </c:pt>
                <c:pt idx="2501">
                  <c:v>39027</c:v>
                </c:pt>
                <c:pt idx="2502">
                  <c:v>39028</c:v>
                </c:pt>
                <c:pt idx="2503">
                  <c:v>39029</c:v>
                </c:pt>
                <c:pt idx="2504">
                  <c:v>39030</c:v>
                </c:pt>
                <c:pt idx="2505">
                  <c:v>39031</c:v>
                </c:pt>
                <c:pt idx="2506">
                  <c:v>39032</c:v>
                </c:pt>
                <c:pt idx="2507">
                  <c:v>39033</c:v>
                </c:pt>
                <c:pt idx="2508">
                  <c:v>39034</c:v>
                </c:pt>
                <c:pt idx="2509">
                  <c:v>39035</c:v>
                </c:pt>
                <c:pt idx="2510">
                  <c:v>39036</c:v>
                </c:pt>
                <c:pt idx="2511">
                  <c:v>39037</c:v>
                </c:pt>
                <c:pt idx="2512">
                  <c:v>39038</c:v>
                </c:pt>
                <c:pt idx="2513">
                  <c:v>39039</c:v>
                </c:pt>
                <c:pt idx="2514">
                  <c:v>39040</c:v>
                </c:pt>
                <c:pt idx="2515">
                  <c:v>39041</c:v>
                </c:pt>
                <c:pt idx="2516">
                  <c:v>39042</c:v>
                </c:pt>
                <c:pt idx="2517">
                  <c:v>39043</c:v>
                </c:pt>
                <c:pt idx="2518">
                  <c:v>39044</c:v>
                </c:pt>
                <c:pt idx="2519">
                  <c:v>39045</c:v>
                </c:pt>
                <c:pt idx="2520">
                  <c:v>39046</c:v>
                </c:pt>
                <c:pt idx="2521">
                  <c:v>39047</c:v>
                </c:pt>
                <c:pt idx="2522">
                  <c:v>39048</c:v>
                </c:pt>
                <c:pt idx="2523">
                  <c:v>39049</c:v>
                </c:pt>
                <c:pt idx="2524">
                  <c:v>39050</c:v>
                </c:pt>
                <c:pt idx="2525">
                  <c:v>39051</c:v>
                </c:pt>
                <c:pt idx="2526">
                  <c:v>39052</c:v>
                </c:pt>
                <c:pt idx="2527">
                  <c:v>39053</c:v>
                </c:pt>
                <c:pt idx="2528">
                  <c:v>39054</c:v>
                </c:pt>
                <c:pt idx="2529">
                  <c:v>39055</c:v>
                </c:pt>
                <c:pt idx="2530">
                  <c:v>39056</c:v>
                </c:pt>
                <c:pt idx="2531">
                  <c:v>39057</c:v>
                </c:pt>
                <c:pt idx="2532">
                  <c:v>39058</c:v>
                </c:pt>
                <c:pt idx="2533">
                  <c:v>39059</c:v>
                </c:pt>
                <c:pt idx="2534">
                  <c:v>39060</c:v>
                </c:pt>
                <c:pt idx="2535">
                  <c:v>39061</c:v>
                </c:pt>
                <c:pt idx="2536">
                  <c:v>39062</c:v>
                </c:pt>
                <c:pt idx="2537">
                  <c:v>39063</c:v>
                </c:pt>
                <c:pt idx="2538">
                  <c:v>39064</c:v>
                </c:pt>
                <c:pt idx="2539">
                  <c:v>39065</c:v>
                </c:pt>
                <c:pt idx="2540">
                  <c:v>39066</c:v>
                </c:pt>
                <c:pt idx="2541">
                  <c:v>39067</c:v>
                </c:pt>
                <c:pt idx="2542">
                  <c:v>39068</c:v>
                </c:pt>
                <c:pt idx="2543">
                  <c:v>39069</c:v>
                </c:pt>
                <c:pt idx="2544">
                  <c:v>39070</c:v>
                </c:pt>
                <c:pt idx="2545">
                  <c:v>39071</c:v>
                </c:pt>
                <c:pt idx="2546">
                  <c:v>39072</c:v>
                </c:pt>
                <c:pt idx="2547">
                  <c:v>39073</c:v>
                </c:pt>
                <c:pt idx="2548">
                  <c:v>39074</c:v>
                </c:pt>
                <c:pt idx="2549">
                  <c:v>39075</c:v>
                </c:pt>
                <c:pt idx="2550">
                  <c:v>39076</c:v>
                </c:pt>
                <c:pt idx="2551">
                  <c:v>39077</c:v>
                </c:pt>
                <c:pt idx="2552">
                  <c:v>39078</c:v>
                </c:pt>
                <c:pt idx="2553">
                  <c:v>39079</c:v>
                </c:pt>
                <c:pt idx="2554">
                  <c:v>39080</c:v>
                </c:pt>
                <c:pt idx="2555">
                  <c:v>39081</c:v>
                </c:pt>
                <c:pt idx="2556">
                  <c:v>39082</c:v>
                </c:pt>
                <c:pt idx="2557">
                  <c:v>39083</c:v>
                </c:pt>
                <c:pt idx="2558">
                  <c:v>39084</c:v>
                </c:pt>
                <c:pt idx="2559">
                  <c:v>39085</c:v>
                </c:pt>
                <c:pt idx="2560">
                  <c:v>39086</c:v>
                </c:pt>
                <c:pt idx="2561">
                  <c:v>39087</c:v>
                </c:pt>
                <c:pt idx="2562">
                  <c:v>39088</c:v>
                </c:pt>
                <c:pt idx="2563">
                  <c:v>39089</c:v>
                </c:pt>
                <c:pt idx="2564">
                  <c:v>39090</c:v>
                </c:pt>
                <c:pt idx="2565">
                  <c:v>39091</c:v>
                </c:pt>
                <c:pt idx="2566">
                  <c:v>39092</c:v>
                </c:pt>
                <c:pt idx="2567">
                  <c:v>39093</c:v>
                </c:pt>
                <c:pt idx="2568">
                  <c:v>39094</c:v>
                </c:pt>
                <c:pt idx="2569">
                  <c:v>39095</c:v>
                </c:pt>
                <c:pt idx="2570">
                  <c:v>39096</c:v>
                </c:pt>
                <c:pt idx="2571">
                  <c:v>39097</c:v>
                </c:pt>
                <c:pt idx="2572">
                  <c:v>39098</c:v>
                </c:pt>
                <c:pt idx="2573">
                  <c:v>39099</c:v>
                </c:pt>
                <c:pt idx="2574">
                  <c:v>39100</c:v>
                </c:pt>
                <c:pt idx="2575">
                  <c:v>39101</c:v>
                </c:pt>
                <c:pt idx="2576">
                  <c:v>39102</c:v>
                </c:pt>
                <c:pt idx="2577">
                  <c:v>39103</c:v>
                </c:pt>
                <c:pt idx="2578">
                  <c:v>39104</c:v>
                </c:pt>
                <c:pt idx="2579">
                  <c:v>39105</c:v>
                </c:pt>
                <c:pt idx="2580">
                  <c:v>39106</c:v>
                </c:pt>
                <c:pt idx="2581">
                  <c:v>39107</c:v>
                </c:pt>
                <c:pt idx="2582">
                  <c:v>39108</c:v>
                </c:pt>
                <c:pt idx="2583">
                  <c:v>39109</c:v>
                </c:pt>
                <c:pt idx="2584">
                  <c:v>39110</c:v>
                </c:pt>
                <c:pt idx="2585">
                  <c:v>39111</c:v>
                </c:pt>
                <c:pt idx="2586">
                  <c:v>39112</c:v>
                </c:pt>
                <c:pt idx="2587">
                  <c:v>39113</c:v>
                </c:pt>
                <c:pt idx="2588">
                  <c:v>39114</c:v>
                </c:pt>
                <c:pt idx="2589">
                  <c:v>39115</c:v>
                </c:pt>
                <c:pt idx="2590">
                  <c:v>39116</c:v>
                </c:pt>
                <c:pt idx="2591">
                  <c:v>39117</c:v>
                </c:pt>
                <c:pt idx="2592">
                  <c:v>39118</c:v>
                </c:pt>
                <c:pt idx="2593">
                  <c:v>39119</c:v>
                </c:pt>
                <c:pt idx="2594">
                  <c:v>39120</c:v>
                </c:pt>
                <c:pt idx="2595">
                  <c:v>39121</c:v>
                </c:pt>
                <c:pt idx="2596">
                  <c:v>39122</c:v>
                </c:pt>
                <c:pt idx="2597">
                  <c:v>39123</c:v>
                </c:pt>
                <c:pt idx="2598">
                  <c:v>39124</c:v>
                </c:pt>
                <c:pt idx="2599">
                  <c:v>39125</c:v>
                </c:pt>
                <c:pt idx="2600">
                  <c:v>39126</c:v>
                </c:pt>
                <c:pt idx="2601">
                  <c:v>39127</c:v>
                </c:pt>
                <c:pt idx="2602">
                  <c:v>39128</c:v>
                </c:pt>
                <c:pt idx="2603">
                  <c:v>39129</c:v>
                </c:pt>
                <c:pt idx="2604">
                  <c:v>39130</c:v>
                </c:pt>
                <c:pt idx="2605">
                  <c:v>39131</c:v>
                </c:pt>
                <c:pt idx="2606">
                  <c:v>39132</c:v>
                </c:pt>
                <c:pt idx="2607">
                  <c:v>39133</c:v>
                </c:pt>
                <c:pt idx="2608">
                  <c:v>39134</c:v>
                </c:pt>
                <c:pt idx="2609">
                  <c:v>39135</c:v>
                </c:pt>
                <c:pt idx="2610">
                  <c:v>39136</c:v>
                </c:pt>
                <c:pt idx="2611">
                  <c:v>39137</c:v>
                </c:pt>
                <c:pt idx="2612">
                  <c:v>39138</c:v>
                </c:pt>
                <c:pt idx="2613">
                  <c:v>39139</c:v>
                </c:pt>
                <c:pt idx="2614">
                  <c:v>39140</c:v>
                </c:pt>
                <c:pt idx="2615">
                  <c:v>39141</c:v>
                </c:pt>
                <c:pt idx="2616">
                  <c:v>39142</c:v>
                </c:pt>
                <c:pt idx="2617">
                  <c:v>39143</c:v>
                </c:pt>
                <c:pt idx="2618">
                  <c:v>39144</c:v>
                </c:pt>
                <c:pt idx="2619">
                  <c:v>39145</c:v>
                </c:pt>
                <c:pt idx="2620">
                  <c:v>39146</c:v>
                </c:pt>
                <c:pt idx="2621">
                  <c:v>39147</c:v>
                </c:pt>
                <c:pt idx="2622">
                  <c:v>39148</c:v>
                </c:pt>
                <c:pt idx="2623">
                  <c:v>39149</c:v>
                </c:pt>
                <c:pt idx="2624">
                  <c:v>39150</c:v>
                </c:pt>
                <c:pt idx="2625">
                  <c:v>39151</c:v>
                </c:pt>
                <c:pt idx="2626">
                  <c:v>39152</c:v>
                </c:pt>
                <c:pt idx="2627">
                  <c:v>39153</c:v>
                </c:pt>
                <c:pt idx="2628">
                  <c:v>39154</c:v>
                </c:pt>
                <c:pt idx="2629">
                  <c:v>39155</c:v>
                </c:pt>
                <c:pt idx="2630">
                  <c:v>39156</c:v>
                </c:pt>
                <c:pt idx="2631">
                  <c:v>39157</c:v>
                </c:pt>
                <c:pt idx="2632">
                  <c:v>39158</c:v>
                </c:pt>
                <c:pt idx="2633">
                  <c:v>39159</c:v>
                </c:pt>
                <c:pt idx="2634">
                  <c:v>39160</c:v>
                </c:pt>
                <c:pt idx="2635">
                  <c:v>39161</c:v>
                </c:pt>
                <c:pt idx="2636">
                  <c:v>39162</c:v>
                </c:pt>
                <c:pt idx="2637">
                  <c:v>39163</c:v>
                </c:pt>
                <c:pt idx="2638">
                  <c:v>39164</c:v>
                </c:pt>
                <c:pt idx="2639">
                  <c:v>39165</c:v>
                </c:pt>
                <c:pt idx="2640">
                  <c:v>39166</c:v>
                </c:pt>
                <c:pt idx="2641">
                  <c:v>39167</c:v>
                </c:pt>
                <c:pt idx="2642">
                  <c:v>39168</c:v>
                </c:pt>
                <c:pt idx="2643">
                  <c:v>39169</c:v>
                </c:pt>
                <c:pt idx="2644">
                  <c:v>39170</c:v>
                </c:pt>
                <c:pt idx="2645">
                  <c:v>39171</c:v>
                </c:pt>
                <c:pt idx="2646">
                  <c:v>39172</c:v>
                </c:pt>
                <c:pt idx="2647">
                  <c:v>39173</c:v>
                </c:pt>
                <c:pt idx="2648">
                  <c:v>39174</c:v>
                </c:pt>
                <c:pt idx="2649">
                  <c:v>39175</c:v>
                </c:pt>
                <c:pt idx="2650">
                  <c:v>39176</c:v>
                </c:pt>
                <c:pt idx="2651">
                  <c:v>39177</c:v>
                </c:pt>
                <c:pt idx="2652">
                  <c:v>39178</c:v>
                </c:pt>
                <c:pt idx="2653">
                  <c:v>39179</c:v>
                </c:pt>
                <c:pt idx="2654">
                  <c:v>39180</c:v>
                </c:pt>
                <c:pt idx="2655">
                  <c:v>39181</c:v>
                </c:pt>
                <c:pt idx="2656">
                  <c:v>39182</c:v>
                </c:pt>
                <c:pt idx="2657">
                  <c:v>39183</c:v>
                </c:pt>
                <c:pt idx="2658">
                  <c:v>39184</c:v>
                </c:pt>
                <c:pt idx="2659">
                  <c:v>39185</c:v>
                </c:pt>
                <c:pt idx="2660">
                  <c:v>39186</c:v>
                </c:pt>
                <c:pt idx="2661">
                  <c:v>39187</c:v>
                </c:pt>
                <c:pt idx="2662">
                  <c:v>39188</c:v>
                </c:pt>
                <c:pt idx="2663">
                  <c:v>39189</c:v>
                </c:pt>
                <c:pt idx="2664">
                  <c:v>39190</c:v>
                </c:pt>
                <c:pt idx="2665">
                  <c:v>39191</c:v>
                </c:pt>
                <c:pt idx="2666">
                  <c:v>39192</c:v>
                </c:pt>
                <c:pt idx="2667">
                  <c:v>39193</c:v>
                </c:pt>
                <c:pt idx="2668">
                  <c:v>39194</c:v>
                </c:pt>
                <c:pt idx="2669">
                  <c:v>39195</c:v>
                </c:pt>
                <c:pt idx="2670">
                  <c:v>39196</c:v>
                </c:pt>
                <c:pt idx="2671">
                  <c:v>39197</c:v>
                </c:pt>
                <c:pt idx="2672">
                  <c:v>39198</c:v>
                </c:pt>
                <c:pt idx="2673">
                  <c:v>39199</c:v>
                </c:pt>
                <c:pt idx="2674">
                  <c:v>39200</c:v>
                </c:pt>
                <c:pt idx="2675">
                  <c:v>39201</c:v>
                </c:pt>
                <c:pt idx="2676">
                  <c:v>39202</c:v>
                </c:pt>
                <c:pt idx="2677">
                  <c:v>39203</c:v>
                </c:pt>
                <c:pt idx="2678">
                  <c:v>39204</c:v>
                </c:pt>
                <c:pt idx="2679">
                  <c:v>39205</c:v>
                </c:pt>
                <c:pt idx="2680">
                  <c:v>39206</c:v>
                </c:pt>
                <c:pt idx="2681">
                  <c:v>39207</c:v>
                </c:pt>
                <c:pt idx="2682">
                  <c:v>39208</c:v>
                </c:pt>
                <c:pt idx="2683">
                  <c:v>39209</c:v>
                </c:pt>
                <c:pt idx="2684">
                  <c:v>39210</c:v>
                </c:pt>
                <c:pt idx="2685">
                  <c:v>39211</c:v>
                </c:pt>
                <c:pt idx="2686">
                  <c:v>39212</c:v>
                </c:pt>
                <c:pt idx="2687">
                  <c:v>39213</c:v>
                </c:pt>
                <c:pt idx="2688">
                  <c:v>39214</c:v>
                </c:pt>
                <c:pt idx="2689">
                  <c:v>39215</c:v>
                </c:pt>
                <c:pt idx="2690">
                  <c:v>39216</c:v>
                </c:pt>
                <c:pt idx="2691">
                  <c:v>39217</c:v>
                </c:pt>
                <c:pt idx="2692">
                  <c:v>39218</c:v>
                </c:pt>
                <c:pt idx="2693">
                  <c:v>39219</c:v>
                </c:pt>
                <c:pt idx="2694">
                  <c:v>39220</c:v>
                </c:pt>
                <c:pt idx="2695">
                  <c:v>39221</c:v>
                </c:pt>
                <c:pt idx="2696">
                  <c:v>39222</c:v>
                </c:pt>
                <c:pt idx="2697">
                  <c:v>39223</c:v>
                </c:pt>
                <c:pt idx="2698">
                  <c:v>39224</c:v>
                </c:pt>
                <c:pt idx="2699">
                  <c:v>39225</c:v>
                </c:pt>
                <c:pt idx="2700">
                  <c:v>39226</c:v>
                </c:pt>
                <c:pt idx="2701">
                  <c:v>39227</c:v>
                </c:pt>
                <c:pt idx="2702">
                  <c:v>39228</c:v>
                </c:pt>
                <c:pt idx="2703">
                  <c:v>39229</c:v>
                </c:pt>
                <c:pt idx="2704">
                  <c:v>39230</c:v>
                </c:pt>
                <c:pt idx="2705">
                  <c:v>39231</c:v>
                </c:pt>
                <c:pt idx="2706">
                  <c:v>39232</c:v>
                </c:pt>
                <c:pt idx="2707">
                  <c:v>39233</c:v>
                </c:pt>
                <c:pt idx="2708">
                  <c:v>39234</c:v>
                </c:pt>
                <c:pt idx="2709">
                  <c:v>39235</c:v>
                </c:pt>
                <c:pt idx="2710">
                  <c:v>39236</c:v>
                </c:pt>
                <c:pt idx="2711">
                  <c:v>39237</c:v>
                </c:pt>
                <c:pt idx="2712">
                  <c:v>39238</c:v>
                </c:pt>
                <c:pt idx="2713">
                  <c:v>39239</c:v>
                </c:pt>
                <c:pt idx="2714">
                  <c:v>39240</c:v>
                </c:pt>
                <c:pt idx="2715">
                  <c:v>39241</c:v>
                </c:pt>
                <c:pt idx="2716">
                  <c:v>39242</c:v>
                </c:pt>
                <c:pt idx="2717">
                  <c:v>39243</c:v>
                </c:pt>
                <c:pt idx="2718">
                  <c:v>39244</c:v>
                </c:pt>
                <c:pt idx="2719">
                  <c:v>39245</c:v>
                </c:pt>
                <c:pt idx="2720">
                  <c:v>39246</c:v>
                </c:pt>
                <c:pt idx="2721">
                  <c:v>39247</c:v>
                </c:pt>
                <c:pt idx="2722">
                  <c:v>39248</c:v>
                </c:pt>
                <c:pt idx="2723">
                  <c:v>39249</c:v>
                </c:pt>
                <c:pt idx="2724">
                  <c:v>39250</c:v>
                </c:pt>
                <c:pt idx="2725">
                  <c:v>39251</c:v>
                </c:pt>
                <c:pt idx="2726">
                  <c:v>39252</c:v>
                </c:pt>
                <c:pt idx="2727">
                  <c:v>39253</c:v>
                </c:pt>
                <c:pt idx="2728">
                  <c:v>39254</c:v>
                </c:pt>
                <c:pt idx="2729">
                  <c:v>39255</c:v>
                </c:pt>
                <c:pt idx="2730">
                  <c:v>39256</c:v>
                </c:pt>
                <c:pt idx="2731">
                  <c:v>39257</c:v>
                </c:pt>
                <c:pt idx="2732">
                  <c:v>39258</c:v>
                </c:pt>
                <c:pt idx="2733">
                  <c:v>39259</c:v>
                </c:pt>
                <c:pt idx="2734">
                  <c:v>39260</c:v>
                </c:pt>
                <c:pt idx="2735">
                  <c:v>39261</c:v>
                </c:pt>
                <c:pt idx="2736">
                  <c:v>39262</c:v>
                </c:pt>
                <c:pt idx="2737">
                  <c:v>39263</c:v>
                </c:pt>
                <c:pt idx="2738">
                  <c:v>39264</c:v>
                </c:pt>
                <c:pt idx="2739">
                  <c:v>39265</c:v>
                </c:pt>
                <c:pt idx="2740">
                  <c:v>39266</c:v>
                </c:pt>
                <c:pt idx="2741">
                  <c:v>39267</c:v>
                </c:pt>
                <c:pt idx="2742">
                  <c:v>39268</c:v>
                </c:pt>
                <c:pt idx="2743">
                  <c:v>39269</c:v>
                </c:pt>
                <c:pt idx="2744">
                  <c:v>39270</c:v>
                </c:pt>
                <c:pt idx="2745">
                  <c:v>39271</c:v>
                </c:pt>
                <c:pt idx="2746">
                  <c:v>39272</c:v>
                </c:pt>
                <c:pt idx="2747">
                  <c:v>39273</c:v>
                </c:pt>
                <c:pt idx="2748">
                  <c:v>39274</c:v>
                </c:pt>
                <c:pt idx="2749">
                  <c:v>39275</c:v>
                </c:pt>
                <c:pt idx="2750">
                  <c:v>39276</c:v>
                </c:pt>
                <c:pt idx="2751">
                  <c:v>39277</c:v>
                </c:pt>
                <c:pt idx="2752">
                  <c:v>39278</c:v>
                </c:pt>
                <c:pt idx="2753">
                  <c:v>39279</c:v>
                </c:pt>
                <c:pt idx="2754">
                  <c:v>39280</c:v>
                </c:pt>
                <c:pt idx="2755">
                  <c:v>39281</c:v>
                </c:pt>
                <c:pt idx="2756">
                  <c:v>39282</c:v>
                </c:pt>
                <c:pt idx="2757">
                  <c:v>39283</c:v>
                </c:pt>
                <c:pt idx="2758">
                  <c:v>39284</c:v>
                </c:pt>
                <c:pt idx="2759">
                  <c:v>39285</c:v>
                </c:pt>
                <c:pt idx="2760">
                  <c:v>39286</c:v>
                </c:pt>
                <c:pt idx="2761">
                  <c:v>39287</c:v>
                </c:pt>
                <c:pt idx="2762">
                  <c:v>39288</c:v>
                </c:pt>
                <c:pt idx="2763">
                  <c:v>39289</c:v>
                </c:pt>
                <c:pt idx="2764">
                  <c:v>39290</c:v>
                </c:pt>
                <c:pt idx="2765">
                  <c:v>39291</c:v>
                </c:pt>
                <c:pt idx="2766">
                  <c:v>39292</c:v>
                </c:pt>
                <c:pt idx="2767">
                  <c:v>39293</c:v>
                </c:pt>
                <c:pt idx="2768">
                  <c:v>39294</c:v>
                </c:pt>
                <c:pt idx="2769">
                  <c:v>39295</c:v>
                </c:pt>
                <c:pt idx="2770">
                  <c:v>39296</c:v>
                </c:pt>
                <c:pt idx="2771">
                  <c:v>39297</c:v>
                </c:pt>
                <c:pt idx="2772">
                  <c:v>39298</c:v>
                </c:pt>
                <c:pt idx="2773">
                  <c:v>39299</c:v>
                </c:pt>
                <c:pt idx="2774">
                  <c:v>39300</c:v>
                </c:pt>
                <c:pt idx="2775">
                  <c:v>39301</c:v>
                </c:pt>
                <c:pt idx="2776">
                  <c:v>39302</c:v>
                </c:pt>
                <c:pt idx="2777">
                  <c:v>39303</c:v>
                </c:pt>
                <c:pt idx="2778">
                  <c:v>39304</c:v>
                </c:pt>
                <c:pt idx="2779">
                  <c:v>39305</c:v>
                </c:pt>
                <c:pt idx="2780">
                  <c:v>39306</c:v>
                </c:pt>
                <c:pt idx="2781">
                  <c:v>39307</c:v>
                </c:pt>
                <c:pt idx="2782">
                  <c:v>39308</c:v>
                </c:pt>
                <c:pt idx="2783">
                  <c:v>39309</c:v>
                </c:pt>
                <c:pt idx="2784">
                  <c:v>39310</c:v>
                </c:pt>
                <c:pt idx="2785">
                  <c:v>39311</c:v>
                </c:pt>
                <c:pt idx="2786">
                  <c:v>39312</c:v>
                </c:pt>
                <c:pt idx="2787">
                  <c:v>39313</c:v>
                </c:pt>
                <c:pt idx="2788">
                  <c:v>39314</c:v>
                </c:pt>
                <c:pt idx="2789">
                  <c:v>39315</c:v>
                </c:pt>
                <c:pt idx="2790">
                  <c:v>39316</c:v>
                </c:pt>
                <c:pt idx="2791">
                  <c:v>39317</c:v>
                </c:pt>
                <c:pt idx="2792">
                  <c:v>39318</c:v>
                </c:pt>
                <c:pt idx="2793">
                  <c:v>39319</c:v>
                </c:pt>
                <c:pt idx="2794">
                  <c:v>39320</c:v>
                </c:pt>
                <c:pt idx="2795">
                  <c:v>39321</c:v>
                </c:pt>
                <c:pt idx="2796">
                  <c:v>39322</c:v>
                </c:pt>
                <c:pt idx="2797">
                  <c:v>39323</c:v>
                </c:pt>
                <c:pt idx="2798">
                  <c:v>39324</c:v>
                </c:pt>
                <c:pt idx="2799">
                  <c:v>39325</c:v>
                </c:pt>
                <c:pt idx="2800">
                  <c:v>39326</c:v>
                </c:pt>
                <c:pt idx="2801">
                  <c:v>39327</c:v>
                </c:pt>
                <c:pt idx="2802">
                  <c:v>39328</c:v>
                </c:pt>
                <c:pt idx="2803">
                  <c:v>39329</c:v>
                </c:pt>
                <c:pt idx="2804">
                  <c:v>39330</c:v>
                </c:pt>
                <c:pt idx="2805">
                  <c:v>39331</c:v>
                </c:pt>
                <c:pt idx="2806">
                  <c:v>39332</c:v>
                </c:pt>
                <c:pt idx="2807">
                  <c:v>39333</c:v>
                </c:pt>
                <c:pt idx="2808">
                  <c:v>39334</c:v>
                </c:pt>
                <c:pt idx="2809">
                  <c:v>39335</c:v>
                </c:pt>
                <c:pt idx="2810">
                  <c:v>39336</c:v>
                </c:pt>
                <c:pt idx="2811">
                  <c:v>39337</c:v>
                </c:pt>
                <c:pt idx="2812">
                  <c:v>39338</c:v>
                </c:pt>
                <c:pt idx="2813">
                  <c:v>39339</c:v>
                </c:pt>
                <c:pt idx="2814">
                  <c:v>39340</c:v>
                </c:pt>
                <c:pt idx="2815">
                  <c:v>39341</c:v>
                </c:pt>
                <c:pt idx="2816">
                  <c:v>39342</c:v>
                </c:pt>
                <c:pt idx="2817">
                  <c:v>39343</c:v>
                </c:pt>
                <c:pt idx="2818">
                  <c:v>39344</c:v>
                </c:pt>
                <c:pt idx="2819">
                  <c:v>39345</c:v>
                </c:pt>
                <c:pt idx="2820">
                  <c:v>39346</c:v>
                </c:pt>
                <c:pt idx="2821">
                  <c:v>39347</c:v>
                </c:pt>
                <c:pt idx="2822">
                  <c:v>39348</c:v>
                </c:pt>
                <c:pt idx="2823">
                  <c:v>39349</c:v>
                </c:pt>
                <c:pt idx="2824">
                  <c:v>39350</c:v>
                </c:pt>
                <c:pt idx="2825">
                  <c:v>39351</c:v>
                </c:pt>
                <c:pt idx="2826">
                  <c:v>39352</c:v>
                </c:pt>
                <c:pt idx="2827">
                  <c:v>39353</c:v>
                </c:pt>
                <c:pt idx="2828">
                  <c:v>39354</c:v>
                </c:pt>
                <c:pt idx="2829">
                  <c:v>39355</c:v>
                </c:pt>
                <c:pt idx="2830">
                  <c:v>39356</c:v>
                </c:pt>
                <c:pt idx="2831">
                  <c:v>39357</c:v>
                </c:pt>
                <c:pt idx="2832">
                  <c:v>39358</c:v>
                </c:pt>
                <c:pt idx="2833">
                  <c:v>39359</c:v>
                </c:pt>
                <c:pt idx="2834">
                  <c:v>39360</c:v>
                </c:pt>
                <c:pt idx="2835">
                  <c:v>39361</c:v>
                </c:pt>
                <c:pt idx="2836">
                  <c:v>39362</c:v>
                </c:pt>
                <c:pt idx="2837">
                  <c:v>39363</c:v>
                </c:pt>
                <c:pt idx="2838">
                  <c:v>39364</c:v>
                </c:pt>
                <c:pt idx="2839">
                  <c:v>39365</c:v>
                </c:pt>
                <c:pt idx="2840">
                  <c:v>39366</c:v>
                </c:pt>
                <c:pt idx="2841">
                  <c:v>39367</c:v>
                </c:pt>
                <c:pt idx="2842">
                  <c:v>39368</c:v>
                </c:pt>
                <c:pt idx="2843">
                  <c:v>39369</c:v>
                </c:pt>
                <c:pt idx="2844">
                  <c:v>39370</c:v>
                </c:pt>
                <c:pt idx="2845">
                  <c:v>39371</c:v>
                </c:pt>
                <c:pt idx="2846">
                  <c:v>39372</c:v>
                </c:pt>
                <c:pt idx="2847">
                  <c:v>39373</c:v>
                </c:pt>
                <c:pt idx="2848">
                  <c:v>39374</c:v>
                </c:pt>
                <c:pt idx="2849">
                  <c:v>39375</c:v>
                </c:pt>
                <c:pt idx="2850">
                  <c:v>39376</c:v>
                </c:pt>
                <c:pt idx="2851">
                  <c:v>39377</c:v>
                </c:pt>
                <c:pt idx="2852">
                  <c:v>39378</c:v>
                </c:pt>
                <c:pt idx="2853">
                  <c:v>39379</c:v>
                </c:pt>
                <c:pt idx="2854">
                  <c:v>39380</c:v>
                </c:pt>
                <c:pt idx="2855">
                  <c:v>39381</c:v>
                </c:pt>
                <c:pt idx="2856">
                  <c:v>39382</c:v>
                </c:pt>
                <c:pt idx="2857">
                  <c:v>39383</c:v>
                </c:pt>
                <c:pt idx="2858">
                  <c:v>39384</c:v>
                </c:pt>
                <c:pt idx="2859">
                  <c:v>39385</c:v>
                </c:pt>
                <c:pt idx="2860">
                  <c:v>39386</c:v>
                </c:pt>
                <c:pt idx="2861">
                  <c:v>39387</c:v>
                </c:pt>
                <c:pt idx="2862">
                  <c:v>39388</c:v>
                </c:pt>
                <c:pt idx="2863">
                  <c:v>39389</c:v>
                </c:pt>
                <c:pt idx="2864">
                  <c:v>39390</c:v>
                </c:pt>
                <c:pt idx="2865">
                  <c:v>39391</c:v>
                </c:pt>
                <c:pt idx="2866">
                  <c:v>39392</c:v>
                </c:pt>
                <c:pt idx="2867">
                  <c:v>39393</c:v>
                </c:pt>
                <c:pt idx="2868">
                  <c:v>39394</c:v>
                </c:pt>
                <c:pt idx="2869">
                  <c:v>39395</c:v>
                </c:pt>
                <c:pt idx="2870">
                  <c:v>39396</c:v>
                </c:pt>
                <c:pt idx="2871">
                  <c:v>39397</c:v>
                </c:pt>
                <c:pt idx="2872">
                  <c:v>39398</c:v>
                </c:pt>
                <c:pt idx="2873">
                  <c:v>39399</c:v>
                </c:pt>
                <c:pt idx="2874">
                  <c:v>39400</c:v>
                </c:pt>
                <c:pt idx="2875">
                  <c:v>39401</c:v>
                </c:pt>
                <c:pt idx="2876">
                  <c:v>39402</c:v>
                </c:pt>
                <c:pt idx="2877">
                  <c:v>39403</c:v>
                </c:pt>
                <c:pt idx="2878">
                  <c:v>39404</c:v>
                </c:pt>
                <c:pt idx="2879">
                  <c:v>39405</c:v>
                </c:pt>
                <c:pt idx="2880">
                  <c:v>39406</c:v>
                </c:pt>
                <c:pt idx="2881">
                  <c:v>39407</c:v>
                </c:pt>
                <c:pt idx="2882">
                  <c:v>39408</c:v>
                </c:pt>
                <c:pt idx="2883">
                  <c:v>39409</c:v>
                </c:pt>
                <c:pt idx="2884">
                  <c:v>39410</c:v>
                </c:pt>
                <c:pt idx="2885">
                  <c:v>39411</c:v>
                </c:pt>
                <c:pt idx="2886">
                  <c:v>39412</c:v>
                </c:pt>
                <c:pt idx="2887">
                  <c:v>39413</c:v>
                </c:pt>
                <c:pt idx="2888">
                  <c:v>39414</c:v>
                </c:pt>
                <c:pt idx="2889">
                  <c:v>39415</c:v>
                </c:pt>
                <c:pt idx="2890">
                  <c:v>39416</c:v>
                </c:pt>
                <c:pt idx="2891">
                  <c:v>39417</c:v>
                </c:pt>
                <c:pt idx="2892">
                  <c:v>39418</c:v>
                </c:pt>
                <c:pt idx="2893">
                  <c:v>39419</c:v>
                </c:pt>
                <c:pt idx="2894">
                  <c:v>39420</c:v>
                </c:pt>
                <c:pt idx="2895">
                  <c:v>39421</c:v>
                </c:pt>
                <c:pt idx="2896">
                  <c:v>39422</c:v>
                </c:pt>
                <c:pt idx="2897">
                  <c:v>39423</c:v>
                </c:pt>
                <c:pt idx="2898">
                  <c:v>39424</c:v>
                </c:pt>
                <c:pt idx="2899">
                  <c:v>39425</c:v>
                </c:pt>
                <c:pt idx="2900">
                  <c:v>39426</c:v>
                </c:pt>
                <c:pt idx="2901">
                  <c:v>39427</c:v>
                </c:pt>
                <c:pt idx="2902">
                  <c:v>39428</c:v>
                </c:pt>
                <c:pt idx="2903">
                  <c:v>39429</c:v>
                </c:pt>
                <c:pt idx="2904">
                  <c:v>39430</c:v>
                </c:pt>
                <c:pt idx="2905">
                  <c:v>39431</c:v>
                </c:pt>
                <c:pt idx="2906">
                  <c:v>39432</c:v>
                </c:pt>
                <c:pt idx="2907">
                  <c:v>39433</c:v>
                </c:pt>
                <c:pt idx="2908">
                  <c:v>39434</c:v>
                </c:pt>
                <c:pt idx="2909">
                  <c:v>39435</c:v>
                </c:pt>
                <c:pt idx="2910">
                  <c:v>39436</c:v>
                </c:pt>
                <c:pt idx="2911">
                  <c:v>39437</c:v>
                </c:pt>
                <c:pt idx="2912">
                  <c:v>39438</c:v>
                </c:pt>
                <c:pt idx="2913">
                  <c:v>39439</c:v>
                </c:pt>
                <c:pt idx="2914">
                  <c:v>39440</c:v>
                </c:pt>
                <c:pt idx="2915">
                  <c:v>39441</c:v>
                </c:pt>
                <c:pt idx="2916">
                  <c:v>39442</c:v>
                </c:pt>
                <c:pt idx="2917">
                  <c:v>39443</c:v>
                </c:pt>
                <c:pt idx="2918">
                  <c:v>39444</c:v>
                </c:pt>
                <c:pt idx="2919">
                  <c:v>39445</c:v>
                </c:pt>
                <c:pt idx="2920">
                  <c:v>39446</c:v>
                </c:pt>
                <c:pt idx="2921">
                  <c:v>39447</c:v>
                </c:pt>
                <c:pt idx="2922">
                  <c:v>39448</c:v>
                </c:pt>
                <c:pt idx="2923">
                  <c:v>39449</c:v>
                </c:pt>
                <c:pt idx="2924">
                  <c:v>39450</c:v>
                </c:pt>
                <c:pt idx="2925">
                  <c:v>39451</c:v>
                </c:pt>
                <c:pt idx="2926">
                  <c:v>39452</c:v>
                </c:pt>
                <c:pt idx="2927">
                  <c:v>39453</c:v>
                </c:pt>
                <c:pt idx="2928">
                  <c:v>39454</c:v>
                </c:pt>
                <c:pt idx="2929">
                  <c:v>39455</c:v>
                </c:pt>
                <c:pt idx="2930">
                  <c:v>39456</c:v>
                </c:pt>
                <c:pt idx="2931">
                  <c:v>39457</c:v>
                </c:pt>
                <c:pt idx="2932">
                  <c:v>39458</c:v>
                </c:pt>
                <c:pt idx="2933">
                  <c:v>39459</c:v>
                </c:pt>
                <c:pt idx="2934">
                  <c:v>39460</c:v>
                </c:pt>
                <c:pt idx="2935">
                  <c:v>39461</c:v>
                </c:pt>
                <c:pt idx="2936">
                  <c:v>39462</c:v>
                </c:pt>
                <c:pt idx="2937">
                  <c:v>39463</c:v>
                </c:pt>
                <c:pt idx="2938">
                  <c:v>39464</c:v>
                </c:pt>
                <c:pt idx="2939">
                  <c:v>39465</c:v>
                </c:pt>
                <c:pt idx="2940">
                  <c:v>39466</c:v>
                </c:pt>
                <c:pt idx="2941">
                  <c:v>39467</c:v>
                </c:pt>
                <c:pt idx="2942">
                  <c:v>39468</c:v>
                </c:pt>
                <c:pt idx="2943">
                  <c:v>39469</c:v>
                </c:pt>
                <c:pt idx="2944">
                  <c:v>39470</c:v>
                </c:pt>
                <c:pt idx="2945">
                  <c:v>39471</c:v>
                </c:pt>
                <c:pt idx="2946">
                  <c:v>39472</c:v>
                </c:pt>
                <c:pt idx="2947">
                  <c:v>39473</c:v>
                </c:pt>
                <c:pt idx="2948">
                  <c:v>39474</c:v>
                </c:pt>
                <c:pt idx="2949">
                  <c:v>39475</c:v>
                </c:pt>
                <c:pt idx="2950">
                  <c:v>39476</c:v>
                </c:pt>
                <c:pt idx="2951">
                  <c:v>39477</c:v>
                </c:pt>
                <c:pt idx="2952">
                  <c:v>39478</c:v>
                </c:pt>
                <c:pt idx="2953">
                  <c:v>39479</c:v>
                </c:pt>
                <c:pt idx="2954">
                  <c:v>39480</c:v>
                </c:pt>
                <c:pt idx="2955">
                  <c:v>39481</c:v>
                </c:pt>
                <c:pt idx="2956">
                  <c:v>39482</c:v>
                </c:pt>
                <c:pt idx="2957">
                  <c:v>39483</c:v>
                </c:pt>
                <c:pt idx="2958">
                  <c:v>39484</c:v>
                </c:pt>
                <c:pt idx="2959">
                  <c:v>39485</c:v>
                </c:pt>
                <c:pt idx="2960">
                  <c:v>39486</c:v>
                </c:pt>
                <c:pt idx="2961">
                  <c:v>39487</c:v>
                </c:pt>
                <c:pt idx="2962">
                  <c:v>39488</c:v>
                </c:pt>
                <c:pt idx="2963">
                  <c:v>39489</c:v>
                </c:pt>
                <c:pt idx="2964">
                  <c:v>39490</c:v>
                </c:pt>
                <c:pt idx="2965">
                  <c:v>39491</c:v>
                </c:pt>
                <c:pt idx="2966">
                  <c:v>39492</c:v>
                </c:pt>
                <c:pt idx="2967">
                  <c:v>39493</c:v>
                </c:pt>
                <c:pt idx="2968">
                  <c:v>39494</c:v>
                </c:pt>
                <c:pt idx="2969">
                  <c:v>39495</c:v>
                </c:pt>
                <c:pt idx="2970">
                  <c:v>39496</c:v>
                </c:pt>
                <c:pt idx="2971">
                  <c:v>39497</c:v>
                </c:pt>
                <c:pt idx="2972">
                  <c:v>39498</c:v>
                </c:pt>
                <c:pt idx="2973">
                  <c:v>39499</c:v>
                </c:pt>
                <c:pt idx="2974">
                  <c:v>39500</c:v>
                </c:pt>
                <c:pt idx="2975">
                  <c:v>39501</c:v>
                </c:pt>
                <c:pt idx="2976">
                  <c:v>39502</c:v>
                </c:pt>
                <c:pt idx="2977">
                  <c:v>39503</c:v>
                </c:pt>
                <c:pt idx="2978">
                  <c:v>39504</c:v>
                </c:pt>
                <c:pt idx="2979">
                  <c:v>39505</c:v>
                </c:pt>
                <c:pt idx="2980">
                  <c:v>39506</c:v>
                </c:pt>
                <c:pt idx="2981">
                  <c:v>39507</c:v>
                </c:pt>
                <c:pt idx="2982">
                  <c:v>39508</c:v>
                </c:pt>
                <c:pt idx="2983">
                  <c:v>39509</c:v>
                </c:pt>
                <c:pt idx="2984">
                  <c:v>39510</c:v>
                </c:pt>
                <c:pt idx="2985">
                  <c:v>39511</c:v>
                </c:pt>
                <c:pt idx="2986">
                  <c:v>39512</c:v>
                </c:pt>
                <c:pt idx="2987">
                  <c:v>39513</c:v>
                </c:pt>
                <c:pt idx="2988">
                  <c:v>39514</c:v>
                </c:pt>
                <c:pt idx="2989">
                  <c:v>39515</c:v>
                </c:pt>
                <c:pt idx="2990">
                  <c:v>39516</c:v>
                </c:pt>
                <c:pt idx="2991">
                  <c:v>39517</c:v>
                </c:pt>
                <c:pt idx="2992">
                  <c:v>39518</c:v>
                </c:pt>
                <c:pt idx="2993">
                  <c:v>39519</c:v>
                </c:pt>
                <c:pt idx="2994">
                  <c:v>39520</c:v>
                </c:pt>
                <c:pt idx="2995">
                  <c:v>39521</c:v>
                </c:pt>
                <c:pt idx="2996">
                  <c:v>39522</c:v>
                </c:pt>
                <c:pt idx="2997">
                  <c:v>39523</c:v>
                </c:pt>
                <c:pt idx="2998">
                  <c:v>39524</c:v>
                </c:pt>
                <c:pt idx="2999">
                  <c:v>39525</c:v>
                </c:pt>
                <c:pt idx="3000">
                  <c:v>39526</c:v>
                </c:pt>
                <c:pt idx="3001">
                  <c:v>39527</c:v>
                </c:pt>
                <c:pt idx="3002">
                  <c:v>39528</c:v>
                </c:pt>
                <c:pt idx="3003">
                  <c:v>39529</c:v>
                </c:pt>
                <c:pt idx="3004">
                  <c:v>39530</c:v>
                </c:pt>
                <c:pt idx="3005">
                  <c:v>39531</c:v>
                </c:pt>
                <c:pt idx="3006">
                  <c:v>39532</c:v>
                </c:pt>
                <c:pt idx="3007">
                  <c:v>39533</c:v>
                </c:pt>
                <c:pt idx="3008">
                  <c:v>39534</c:v>
                </c:pt>
                <c:pt idx="3009">
                  <c:v>39535</c:v>
                </c:pt>
                <c:pt idx="3010">
                  <c:v>39536</c:v>
                </c:pt>
                <c:pt idx="3011">
                  <c:v>39537</c:v>
                </c:pt>
                <c:pt idx="3012">
                  <c:v>39538</c:v>
                </c:pt>
                <c:pt idx="3013">
                  <c:v>39539</c:v>
                </c:pt>
                <c:pt idx="3014">
                  <c:v>39540</c:v>
                </c:pt>
                <c:pt idx="3015">
                  <c:v>39541</c:v>
                </c:pt>
                <c:pt idx="3016">
                  <c:v>39542</c:v>
                </c:pt>
                <c:pt idx="3017">
                  <c:v>39543</c:v>
                </c:pt>
                <c:pt idx="3018">
                  <c:v>39544</c:v>
                </c:pt>
                <c:pt idx="3019">
                  <c:v>39545</c:v>
                </c:pt>
                <c:pt idx="3020">
                  <c:v>39546</c:v>
                </c:pt>
                <c:pt idx="3021">
                  <c:v>39547</c:v>
                </c:pt>
                <c:pt idx="3022">
                  <c:v>39548</c:v>
                </c:pt>
                <c:pt idx="3023">
                  <c:v>39549</c:v>
                </c:pt>
                <c:pt idx="3024">
                  <c:v>39550</c:v>
                </c:pt>
                <c:pt idx="3025">
                  <c:v>39551</c:v>
                </c:pt>
                <c:pt idx="3026">
                  <c:v>39552</c:v>
                </c:pt>
                <c:pt idx="3027">
                  <c:v>39553</c:v>
                </c:pt>
                <c:pt idx="3028">
                  <c:v>39554</c:v>
                </c:pt>
                <c:pt idx="3029">
                  <c:v>39555</c:v>
                </c:pt>
                <c:pt idx="3030">
                  <c:v>39556</c:v>
                </c:pt>
                <c:pt idx="3031">
                  <c:v>39557</c:v>
                </c:pt>
                <c:pt idx="3032">
                  <c:v>39558</c:v>
                </c:pt>
                <c:pt idx="3033">
                  <c:v>39559</c:v>
                </c:pt>
                <c:pt idx="3034">
                  <c:v>39560</c:v>
                </c:pt>
                <c:pt idx="3035">
                  <c:v>39561</c:v>
                </c:pt>
                <c:pt idx="3036">
                  <c:v>39562</c:v>
                </c:pt>
                <c:pt idx="3037">
                  <c:v>39563</c:v>
                </c:pt>
                <c:pt idx="3038">
                  <c:v>39564</c:v>
                </c:pt>
                <c:pt idx="3039">
                  <c:v>39565</c:v>
                </c:pt>
                <c:pt idx="3040">
                  <c:v>39566</c:v>
                </c:pt>
                <c:pt idx="3041">
                  <c:v>39567</c:v>
                </c:pt>
                <c:pt idx="3042">
                  <c:v>39568</c:v>
                </c:pt>
                <c:pt idx="3043">
                  <c:v>39569</c:v>
                </c:pt>
                <c:pt idx="3044">
                  <c:v>39570</c:v>
                </c:pt>
                <c:pt idx="3045">
                  <c:v>39571</c:v>
                </c:pt>
                <c:pt idx="3046">
                  <c:v>39572</c:v>
                </c:pt>
                <c:pt idx="3047">
                  <c:v>39573</c:v>
                </c:pt>
                <c:pt idx="3048">
                  <c:v>39574</c:v>
                </c:pt>
                <c:pt idx="3049">
                  <c:v>39575</c:v>
                </c:pt>
                <c:pt idx="3050">
                  <c:v>39576</c:v>
                </c:pt>
                <c:pt idx="3051">
                  <c:v>39577</c:v>
                </c:pt>
                <c:pt idx="3052">
                  <c:v>39578</c:v>
                </c:pt>
                <c:pt idx="3053">
                  <c:v>39579</c:v>
                </c:pt>
                <c:pt idx="3054">
                  <c:v>39580</c:v>
                </c:pt>
                <c:pt idx="3055">
                  <c:v>39581</c:v>
                </c:pt>
                <c:pt idx="3056">
                  <c:v>39582</c:v>
                </c:pt>
                <c:pt idx="3057">
                  <c:v>39583</c:v>
                </c:pt>
                <c:pt idx="3058">
                  <c:v>39584</c:v>
                </c:pt>
                <c:pt idx="3059">
                  <c:v>39585</c:v>
                </c:pt>
                <c:pt idx="3060">
                  <c:v>39586</c:v>
                </c:pt>
                <c:pt idx="3061">
                  <c:v>39587</c:v>
                </c:pt>
                <c:pt idx="3062">
                  <c:v>39588</c:v>
                </c:pt>
                <c:pt idx="3063">
                  <c:v>39589</c:v>
                </c:pt>
                <c:pt idx="3064">
                  <c:v>39590</c:v>
                </c:pt>
                <c:pt idx="3065">
                  <c:v>39591</c:v>
                </c:pt>
                <c:pt idx="3066">
                  <c:v>39592</c:v>
                </c:pt>
                <c:pt idx="3067">
                  <c:v>39593</c:v>
                </c:pt>
                <c:pt idx="3068">
                  <c:v>39594</c:v>
                </c:pt>
                <c:pt idx="3069">
                  <c:v>39595</c:v>
                </c:pt>
                <c:pt idx="3070">
                  <c:v>39596</c:v>
                </c:pt>
                <c:pt idx="3071">
                  <c:v>39597</c:v>
                </c:pt>
                <c:pt idx="3072">
                  <c:v>39598</c:v>
                </c:pt>
                <c:pt idx="3073">
                  <c:v>39599</c:v>
                </c:pt>
                <c:pt idx="3074">
                  <c:v>39600</c:v>
                </c:pt>
                <c:pt idx="3075">
                  <c:v>39601</c:v>
                </c:pt>
                <c:pt idx="3076">
                  <c:v>39602</c:v>
                </c:pt>
                <c:pt idx="3077">
                  <c:v>39603</c:v>
                </c:pt>
                <c:pt idx="3078">
                  <c:v>39604</c:v>
                </c:pt>
                <c:pt idx="3079">
                  <c:v>39605</c:v>
                </c:pt>
                <c:pt idx="3080">
                  <c:v>39606</c:v>
                </c:pt>
                <c:pt idx="3081">
                  <c:v>39607</c:v>
                </c:pt>
                <c:pt idx="3082">
                  <c:v>39608</c:v>
                </c:pt>
                <c:pt idx="3083">
                  <c:v>39609</c:v>
                </c:pt>
                <c:pt idx="3084">
                  <c:v>39610</c:v>
                </c:pt>
                <c:pt idx="3085">
                  <c:v>39611</c:v>
                </c:pt>
                <c:pt idx="3086">
                  <c:v>39612</c:v>
                </c:pt>
                <c:pt idx="3087">
                  <c:v>39613</c:v>
                </c:pt>
                <c:pt idx="3088">
                  <c:v>39614</c:v>
                </c:pt>
                <c:pt idx="3089">
                  <c:v>39615</c:v>
                </c:pt>
                <c:pt idx="3090">
                  <c:v>39616</c:v>
                </c:pt>
                <c:pt idx="3091">
                  <c:v>39617</c:v>
                </c:pt>
                <c:pt idx="3092">
                  <c:v>39618</c:v>
                </c:pt>
                <c:pt idx="3093">
                  <c:v>39619</c:v>
                </c:pt>
                <c:pt idx="3094">
                  <c:v>39620</c:v>
                </c:pt>
                <c:pt idx="3095">
                  <c:v>39621</c:v>
                </c:pt>
                <c:pt idx="3096">
                  <c:v>39622</c:v>
                </c:pt>
                <c:pt idx="3097">
                  <c:v>39623</c:v>
                </c:pt>
                <c:pt idx="3098">
                  <c:v>39624</c:v>
                </c:pt>
                <c:pt idx="3099">
                  <c:v>39625</c:v>
                </c:pt>
                <c:pt idx="3100">
                  <c:v>39626</c:v>
                </c:pt>
                <c:pt idx="3101">
                  <c:v>39627</c:v>
                </c:pt>
                <c:pt idx="3102">
                  <c:v>39628</c:v>
                </c:pt>
                <c:pt idx="3103">
                  <c:v>39629</c:v>
                </c:pt>
                <c:pt idx="3104">
                  <c:v>39630</c:v>
                </c:pt>
                <c:pt idx="3105">
                  <c:v>39631</c:v>
                </c:pt>
                <c:pt idx="3106">
                  <c:v>39632</c:v>
                </c:pt>
                <c:pt idx="3107">
                  <c:v>39633</c:v>
                </c:pt>
                <c:pt idx="3108">
                  <c:v>39634</c:v>
                </c:pt>
                <c:pt idx="3109">
                  <c:v>39635</c:v>
                </c:pt>
                <c:pt idx="3110">
                  <c:v>39636</c:v>
                </c:pt>
                <c:pt idx="3111">
                  <c:v>39637</c:v>
                </c:pt>
                <c:pt idx="3112">
                  <c:v>39638</c:v>
                </c:pt>
                <c:pt idx="3113">
                  <c:v>39639</c:v>
                </c:pt>
                <c:pt idx="3114">
                  <c:v>39640</c:v>
                </c:pt>
                <c:pt idx="3115">
                  <c:v>39641</c:v>
                </c:pt>
                <c:pt idx="3116">
                  <c:v>39642</c:v>
                </c:pt>
                <c:pt idx="3117">
                  <c:v>39643</c:v>
                </c:pt>
                <c:pt idx="3118">
                  <c:v>39644</c:v>
                </c:pt>
                <c:pt idx="3119">
                  <c:v>39645</c:v>
                </c:pt>
                <c:pt idx="3120">
                  <c:v>39646</c:v>
                </c:pt>
                <c:pt idx="3121">
                  <c:v>39647</c:v>
                </c:pt>
                <c:pt idx="3122">
                  <c:v>39648</c:v>
                </c:pt>
                <c:pt idx="3123">
                  <c:v>39649</c:v>
                </c:pt>
                <c:pt idx="3124">
                  <c:v>39650</c:v>
                </c:pt>
                <c:pt idx="3125">
                  <c:v>39651</c:v>
                </c:pt>
                <c:pt idx="3126">
                  <c:v>39652</c:v>
                </c:pt>
                <c:pt idx="3127">
                  <c:v>39653</c:v>
                </c:pt>
                <c:pt idx="3128">
                  <c:v>39654</c:v>
                </c:pt>
                <c:pt idx="3129">
                  <c:v>39655</c:v>
                </c:pt>
                <c:pt idx="3130">
                  <c:v>39656</c:v>
                </c:pt>
                <c:pt idx="3131">
                  <c:v>39657</c:v>
                </c:pt>
                <c:pt idx="3132">
                  <c:v>39658</c:v>
                </c:pt>
                <c:pt idx="3133">
                  <c:v>39659</c:v>
                </c:pt>
                <c:pt idx="3134">
                  <c:v>39660</c:v>
                </c:pt>
                <c:pt idx="3135">
                  <c:v>39661</c:v>
                </c:pt>
                <c:pt idx="3136">
                  <c:v>39662</c:v>
                </c:pt>
                <c:pt idx="3137">
                  <c:v>39663</c:v>
                </c:pt>
                <c:pt idx="3138">
                  <c:v>39664</c:v>
                </c:pt>
                <c:pt idx="3139">
                  <c:v>39665</c:v>
                </c:pt>
                <c:pt idx="3140">
                  <c:v>39666</c:v>
                </c:pt>
                <c:pt idx="3141">
                  <c:v>39667</c:v>
                </c:pt>
                <c:pt idx="3142">
                  <c:v>39668</c:v>
                </c:pt>
                <c:pt idx="3143">
                  <c:v>39669</c:v>
                </c:pt>
                <c:pt idx="3144">
                  <c:v>39670</c:v>
                </c:pt>
                <c:pt idx="3145">
                  <c:v>39671</c:v>
                </c:pt>
                <c:pt idx="3146">
                  <c:v>39672</c:v>
                </c:pt>
                <c:pt idx="3147">
                  <c:v>39673</c:v>
                </c:pt>
                <c:pt idx="3148">
                  <c:v>39674</c:v>
                </c:pt>
                <c:pt idx="3149">
                  <c:v>39675</c:v>
                </c:pt>
                <c:pt idx="3150">
                  <c:v>39676</c:v>
                </c:pt>
                <c:pt idx="3151">
                  <c:v>39677</c:v>
                </c:pt>
                <c:pt idx="3152">
                  <c:v>39678</c:v>
                </c:pt>
                <c:pt idx="3153">
                  <c:v>39679</c:v>
                </c:pt>
                <c:pt idx="3154">
                  <c:v>39680</c:v>
                </c:pt>
                <c:pt idx="3155">
                  <c:v>39681</c:v>
                </c:pt>
                <c:pt idx="3156">
                  <c:v>39682</c:v>
                </c:pt>
                <c:pt idx="3157">
                  <c:v>39683</c:v>
                </c:pt>
                <c:pt idx="3158">
                  <c:v>39684</c:v>
                </c:pt>
                <c:pt idx="3159">
                  <c:v>39685</c:v>
                </c:pt>
                <c:pt idx="3160">
                  <c:v>39686</c:v>
                </c:pt>
                <c:pt idx="3161">
                  <c:v>39687</c:v>
                </c:pt>
                <c:pt idx="3162">
                  <c:v>39688</c:v>
                </c:pt>
                <c:pt idx="3163">
                  <c:v>39689</c:v>
                </c:pt>
                <c:pt idx="3164">
                  <c:v>39690</c:v>
                </c:pt>
                <c:pt idx="3165">
                  <c:v>39691</c:v>
                </c:pt>
                <c:pt idx="3166">
                  <c:v>39692</c:v>
                </c:pt>
                <c:pt idx="3167">
                  <c:v>39693</c:v>
                </c:pt>
                <c:pt idx="3168">
                  <c:v>39694</c:v>
                </c:pt>
                <c:pt idx="3169">
                  <c:v>39695</c:v>
                </c:pt>
                <c:pt idx="3170">
                  <c:v>39696</c:v>
                </c:pt>
                <c:pt idx="3171">
                  <c:v>39697</c:v>
                </c:pt>
                <c:pt idx="3172">
                  <c:v>39698</c:v>
                </c:pt>
                <c:pt idx="3173">
                  <c:v>39699</c:v>
                </c:pt>
                <c:pt idx="3174">
                  <c:v>39700</c:v>
                </c:pt>
                <c:pt idx="3175">
                  <c:v>39701</c:v>
                </c:pt>
                <c:pt idx="3176">
                  <c:v>39702</c:v>
                </c:pt>
                <c:pt idx="3177">
                  <c:v>39703</c:v>
                </c:pt>
                <c:pt idx="3178">
                  <c:v>39704</c:v>
                </c:pt>
                <c:pt idx="3179">
                  <c:v>39705</c:v>
                </c:pt>
                <c:pt idx="3180">
                  <c:v>39706</c:v>
                </c:pt>
                <c:pt idx="3181">
                  <c:v>39707</c:v>
                </c:pt>
                <c:pt idx="3182">
                  <c:v>39708</c:v>
                </c:pt>
                <c:pt idx="3183">
                  <c:v>39709</c:v>
                </c:pt>
                <c:pt idx="3184">
                  <c:v>39710</c:v>
                </c:pt>
                <c:pt idx="3185">
                  <c:v>39711</c:v>
                </c:pt>
                <c:pt idx="3186">
                  <c:v>39712</c:v>
                </c:pt>
                <c:pt idx="3187">
                  <c:v>39713</c:v>
                </c:pt>
                <c:pt idx="3188">
                  <c:v>39714</c:v>
                </c:pt>
                <c:pt idx="3189">
                  <c:v>39715</c:v>
                </c:pt>
                <c:pt idx="3190">
                  <c:v>39716</c:v>
                </c:pt>
                <c:pt idx="3191">
                  <c:v>39717</c:v>
                </c:pt>
                <c:pt idx="3192">
                  <c:v>39718</c:v>
                </c:pt>
                <c:pt idx="3193">
                  <c:v>39719</c:v>
                </c:pt>
                <c:pt idx="3194">
                  <c:v>39720</c:v>
                </c:pt>
                <c:pt idx="3195">
                  <c:v>39721</c:v>
                </c:pt>
                <c:pt idx="3196">
                  <c:v>39722</c:v>
                </c:pt>
                <c:pt idx="3197">
                  <c:v>39723</c:v>
                </c:pt>
                <c:pt idx="3198">
                  <c:v>39724</c:v>
                </c:pt>
                <c:pt idx="3199">
                  <c:v>39725</c:v>
                </c:pt>
                <c:pt idx="3200">
                  <c:v>39726</c:v>
                </c:pt>
                <c:pt idx="3201">
                  <c:v>39727</c:v>
                </c:pt>
                <c:pt idx="3202">
                  <c:v>39728</c:v>
                </c:pt>
                <c:pt idx="3203">
                  <c:v>39729</c:v>
                </c:pt>
                <c:pt idx="3204">
                  <c:v>39730</c:v>
                </c:pt>
                <c:pt idx="3205">
                  <c:v>39731</c:v>
                </c:pt>
                <c:pt idx="3206">
                  <c:v>39732</c:v>
                </c:pt>
                <c:pt idx="3207">
                  <c:v>39733</c:v>
                </c:pt>
                <c:pt idx="3208">
                  <c:v>39734</c:v>
                </c:pt>
                <c:pt idx="3209">
                  <c:v>39735</c:v>
                </c:pt>
                <c:pt idx="3210">
                  <c:v>39736</c:v>
                </c:pt>
                <c:pt idx="3211">
                  <c:v>39737</c:v>
                </c:pt>
                <c:pt idx="3212">
                  <c:v>39738</c:v>
                </c:pt>
                <c:pt idx="3213">
                  <c:v>39739</c:v>
                </c:pt>
                <c:pt idx="3214">
                  <c:v>39740</c:v>
                </c:pt>
                <c:pt idx="3215">
                  <c:v>39741</c:v>
                </c:pt>
                <c:pt idx="3216">
                  <c:v>39742</c:v>
                </c:pt>
                <c:pt idx="3217">
                  <c:v>39743</c:v>
                </c:pt>
                <c:pt idx="3218">
                  <c:v>39744</c:v>
                </c:pt>
                <c:pt idx="3219">
                  <c:v>39745</c:v>
                </c:pt>
                <c:pt idx="3220">
                  <c:v>39746</c:v>
                </c:pt>
                <c:pt idx="3221">
                  <c:v>39747</c:v>
                </c:pt>
                <c:pt idx="3222">
                  <c:v>39748</c:v>
                </c:pt>
                <c:pt idx="3223">
                  <c:v>39749</c:v>
                </c:pt>
                <c:pt idx="3224">
                  <c:v>39750</c:v>
                </c:pt>
                <c:pt idx="3225">
                  <c:v>39751</c:v>
                </c:pt>
                <c:pt idx="3226">
                  <c:v>39752</c:v>
                </c:pt>
                <c:pt idx="3227">
                  <c:v>39753</c:v>
                </c:pt>
                <c:pt idx="3228">
                  <c:v>39754</c:v>
                </c:pt>
                <c:pt idx="3229">
                  <c:v>39755</c:v>
                </c:pt>
                <c:pt idx="3230">
                  <c:v>39756</c:v>
                </c:pt>
                <c:pt idx="3231">
                  <c:v>39757</c:v>
                </c:pt>
                <c:pt idx="3232">
                  <c:v>39758</c:v>
                </c:pt>
                <c:pt idx="3233">
                  <c:v>39759</c:v>
                </c:pt>
                <c:pt idx="3234">
                  <c:v>39760</c:v>
                </c:pt>
                <c:pt idx="3235">
                  <c:v>39761</c:v>
                </c:pt>
                <c:pt idx="3236">
                  <c:v>39762</c:v>
                </c:pt>
                <c:pt idx="3237">
                  <c:v>39763</c:v>
                </c:pt>
                <c:pt idx="3238">
                  <c:v>39764</c:v>
                </c:pt>
                <c:pt idx="3239">
                  <c:v>39765</c:v>
                </c:pt>
                <c:pt idx="3240">
                  <c:v>39766</c:v>
                </c:pt>
                <c:pt idx="3241">
                  <c:v>39767</c:v>
                </c:pt>
                <c:pt idx="3242">
                  <c:v>39768</c:v>
                </c:pt>
                <c:pt idx="3243">
                  <c:v>39769</c:v>
                </c:pt>
                <c:pt idx="3244">
                  <c:v>39770</c:v>
                </c:pt>
                <c:pt idx="3245">
                  <c:v>39771</c:v>
                </c:pt>
                <c:pt idx="3246">
                  <c:v>39772</c:v>
                </c:pt>
                <c:pt idx="3247">
                  <c:v>39773</c:v>
                </c:pt>
                <c:pt idx="3248">
                  <c:v>39774</c:v>
                </c:pt>
                <c:pt idx="3249">
                  <c:v>39775</c:v>
                </c:pt>
                <c:pt idx="3250">
                  <c:v>39776</c:v>
                </c:pt>
                <c:pt idx="3251">
                  <c:v>39777</c:v>
                </c:pt>
                <c:pt idx="3252">
                  <c:v>39778</c:v>
                </c:pt>
                <c:pt idx="3253">
                  <c:v>39779</c:v>
                </c:pt>
                <c:pt idx="3254">
                  <c:v>39780</c:v>
                </c:pt>
                <c:pt idx="3255">
                  <c:v>39781</c:v>
                </c:pt>
                <c:pt idx="3256">
                  <c:v>39782</c:v>
                </c:pt>
                <c:pt idx="3257">
                  <c:v>39783</c:v>
                </c:pt>
                <c:pt idx="3258">
                  <c:v>39784</c:v>
                </c:pt>
                <c:pt idx="3259">
                  <c:v>39785</c:v>
                </c:pt>
                <c:pt idx="3260">
                  <c:v>39786</c:v>
                </c:pt>
                <c:pt idx="3261">
                  <c:v>39787</c:v>
                </c:pt>
                <c:pt idx="3262">
                  <c:v>39788</c:v>
                </c:pt>
                <c:pt idx="3263">
                  <c:v>39789</c:v>
                </c:pt>
                <c:pt idx="3264">
                  <c:v>39790</c:v>
                </c:pt>
                <c:pt idx="3265">
                  <c:v>39791</c:v>
                </c:pt>
                <c:pt idx="3266">
                  <c:v>39792</c:v>
                </c:pt>
                <c:pt idx="3267">
                  <c:v>39793</c:v>
                </c:pt>
                <c:pt idx="3268">
                  <c:v>39794</c:v>
                </c:pt>
                <c:pt idx="3269">
                  <c:v>39795</c:v>
                </c:pt>
                <c:pt idx="3270">
                  <c:v>39796</c:v>
                </c:pt>
                <c:pt idx="3271">
                  <c:v>39797</c:v>
                </c:pt>
                <c:pt idx="3272">
                  <c:v>39798</c:v>
                </c:pt>
                <c:pt idx="3273">
                  <c:v>39799</c:v>
                </c:pt>
                <c:pt idx="3274">
                  <c:v>39800</c:v>
                </c:pt>
                <c:pt idx="3275">
                  <c:v>39801</c:v>
                </c:pt>
                <c:pt idx="3276">
                  <c:v>39802</c:v>
                </c:pt>
                <c:pt idx="3277">
                  <c:v>39803</c:v>
                </c:pt>
                <c:pt idx="3278">
                  <c:v>39804</c:v>
                </c:pt>
                <c:pt idx="3279">
                  <c:v>39805</c:v>
                </c:pt>
                <c:pt idx="3280">
                  <c:v>39806</c:v>
                </c:pt>
                <c:pt idx="3281">
                  <c:v>39807</c:v>
                </c:pt>
                <c:pt idx="3282">
                  <c:v>39808</c:v>
                </c:pt>
                <c:pt idx="3283">
                  <c:v>39809</c:v>
                </c:pt>
                <c:pt idx="3284">
                  <c:v>39810</c:v>
                </c:pt>
                <c:pt idx="3285">
                  <c:v>39811</c:v>
                </c:pt>
                <c:pt idx="3286">
                  <c:v>39812</c:v>
                </c:pt>
                <c:pt idx="3287">
                  <c:v>39813</c:v>
                </c:pt>
                <c:pt idx="3288">
                  <c:v>39814</c:v>
                </c:pt>
                <c:pt idx="3289">
                  <c:v>39815</c:v>
                </c:pt>
                <c:pt idx="3290">
                  <c:v>39816</c:v>
                </c:pt>
                <c:pt idx="3291">
                  <c:v>39817</c:v>
                </c:pt>
                <c:pt idx="3292">
                  <c:v>39818</c:v>
                </c:pt>
                <c:pt idx="3293">
                  <c:v>39819</c:v>
                </c:pt>
                <c:pt idx="3294">
                  <c:v>39820</c:v>
                </c:pt>
                <c:pt idx="3295">
                  <c:v>39821</c:v>
                </c:pt>
                <c:pt idx="3296">
                  <c:v>39822</c:v>
                </c:pt>
                <c:pt idx="3297">
                  <c:v>39823</c:v>
                </c:pt>
                <c:pt idx="3298">
                  <c:v>39824</c:v>
                </c:pt>
                <c:pt idx="3299">
                  <c:v>39825</c:v>
                </c:pt>
                <c:pt idx="3300">
                  <c:v>39826</c:v>
                </c:pt>
                <c:pt idx="3301">
                  <c:v>39827</c:v>
                </c:pt>
                <c:pt idx="3302">
                  <c:v>39828</c:v>
                </c:pt>
                <c:pt idx="3303">
                  <c:v>39829</c:v>
                </c:pt>
                <c:pt idx="3304">
                  <c:v>39830</c:v>
                </c:pt>
                <c:pt idx="3305">
                  <c:v>39831</c:v>
                </c:pt>
                <c:pt idx="3306">
                  <c:v>39832</c:v>
                </c:pt>
                <c:pt idx="3307">
                  <c:v>39833</c:v>
                </c:pt>
                <c:pt idx="3308">
                  <c:v>39834</c:v>
                </c:pt>
                <c:pt idx="3309">
                  <c:v>39835</c:v>
                </c:pt>
                <c:pt idx="3310">
                  <c:v>39836</c:v>
                </c:pt>
                <c:pt idx="3311">
                  <c:v>39837</c:v>
                </c:pt>
                <c:pt idx="3312">
                  <c:v>39838</c:v>
                </c:pt>
                <c:pt idx="3313">
                  <c:v>39839</c:v>
                </c:pt>
                <c:pt idx="3314">
                  <c:v>39840</c:v>
                </c:pt>
                <c:pt idx="3315">
                  <c:v>39841</c:v>
                </c:pt>
                <c:pt idx="3316">
                  <c:v>39842</c:v>
                </c:pt>
                <c:pt idx="3317">
                  <c:v>39843</c:v>
                </c:pt>
                <c:pt idx="3318">
                  <c:v>39844</c:v>
                </c:pt>
                <c:pt idx="3319">
                  <c:v>39845</c:v>
                </c:pt>
                <c:pt idx="3320">
                  <c:v>39846</c:v>
                </c:pt>
                <c:pt idx="3321">
                  <c:v>39847</c:v>
                </c:pt>
                <c:pt idx="3322">
                  <c:v>39848</c:v>
                </c:pt>
                <c:pt idx="3323">
                  <c:v>39849</c:v>
                </c:pt>
                <c:pt idx="3324">
                  <c:v>39850</c:v>
                </c:pt>
                <c:pt idx="3325">
                  <c:v>39851</c:v>
                </c:pt>
                <c:pt idx="3326">
                  <c:v>39852</c:v>
                </c:pt>
                <c:pt idx="3327">
                  <c:v>39853</c:v>
                </c:pt>
                <c:pt idx="3328">
                  <c:v>39854</c:v>
                </c:pt>
                <c:pt idx="3329">
                  <c:v>39855</c:v>
                </c:pt>
                <c:pt idx="3330">
                  <c:v>39856</c:v>
                </c:pt>
                <c:pt idx="3331">
                  <c:v>39857</c:v>
                </c:pt>
                <c:pt idx="3332">
                  <c:v>39858</c:v>
                </c:pt>
                <c:pt idx="3333">
                  <c:v>39859</c:v>
                </c:pt>
                <c:pt idx="3334">
                  <c:v>39860</c:v>
                </c:pt>
                <c:pt idx="3335">
                  <c:v>39861</c:v>
                </c:pt>
                <c:pt idx="3336">
                  <c:v>39862</c:v>
                </c:pt>
                <c:pt idx="3337">
                  <c:v>39863</c:v>
                </c:pt>
                <c:pt idx="3338">
                  <c:v>39864</c:v>
                </c:pt>
                <c:pt idx="3339">
                  <c:v>39865</c:v>
                </c:pt>
                <c:pt idx="3340">
                  <c:v>39866</c:v>
                </c:pt>
                <c:pt idx="3341">
                  <c:v>39867</c:v>
                </c:pt>
                <c:pt idx="3342">
                  <c:v>39868</c:v>
                </c:pt>
                <c:pt idx="3343">
                  <c:v>39869</c:v>
                </c:pt>
                <c:pt idx="3344">
                  <c:v>39870</c:v>
                </c:pt>
                <c:pt idx="3345">
                  <c:v>39871</c:v>
                </c:pt>
                <c:pt idx="3346">
                  <c:v>39872</c:v>
                </c:pt>
                <c:pt idx="3347">
                  <c:v>39873</c:v>
                </c:pt>
                <c:pt idx="3348">
                  <c:v>39874</c:v>
                </c:pt>
                <c:pt idx="3349">
                  <c:v>39875</c:v>
                </c:pt>
                <c:pt idx="3350">
                  <c:v>39876</c:v>
                </c:pt>
                <c:pt idx="3351">
                  <c:v>39877</c:v>
                </c:pt>
                <c:pt idx="3352">
                  <c:v>39878</c:v>
                </c:pt>
                <c:pt idx="3353">
                  <c:v>39879</c:v>
                </c:pt>
                <c:pt idx="3354">
                  <c:v>39880</c:v>
                </c:pt>
                <c:pt idx="3355">
                  <c:v>39881</c:v>
                </c:pt>
                <c:pt idx="3356">
                  <c:v>39882</c:v>
                </c:pt>
                <c:pt idx="3357">
                  <c:v>39883</c:v>
                </c:pt>
                <c:pt idx="3358">
                  <c:v>39884</c:v>
                </c:pt>
                <c:pt idx="3359">
                  <c:v>39885</c:v>
                </c:pt>
                <c:pt idx="3360">
                  <c:v>39886</c:v>
                </c:pt>
                <c:pt idx="3361">
                  <c:v>39887</c:v>
                </c:pt>
                <c:pt idx="3362">
                  <c:v>39888</c:v>
                </c:pt>
                <c:pt idx="3363">
                  <c:v>39889</c:v>
                </c:pt>
                <c:pt idx="3364">
                  <c:v>39890</c:v>
                </c:pt>
                <c:pt idx="3365">
                  <c:v>39891</c:v>
                </c:pt>
                <c:pt idx="3366">
                  <c:v>39892</c:v>
                </c:pt>
                <c:pt idx="3367">
                  <c:v>39893</c:v>
                </c:pt>
                <c:pt idx="3368">
                  <c:v>39894</c:v>
                </c:pt>
                <c:pt idx="3369">
                  <c:v>39895</c:v>
                </c:pt>
                <c:pt idx="3370">
                  <c:v>39896</c:v>
                </c:pt>
                <c:pt idx="3371">
                  <c:v>39897</c:v>
                </c:pt>
                <c:pt idx="3372">
                  <c:v>39898</c:v>
                </c:pt>
                <c:pt idx="3373">
                  <c:v>39899</c:v>
                </c:pt>
                <c:pt idx="3374">
                  <c:v>39900</c:v>
                </c:pt>
                <c:pt idx="3375">
                  <c:v>39901</c:v>
                </c:pt>
                <c:pt idx="3376">
                  <c:v>39902</c:v>
                </c:pt>
                <c:pt idx="3377">
                  <c:v>39903</c:v>
                </c:pt>
                <c:pt idx="3378">
                  <c:v>39904</c:v>
                </c:pt>
                <c:pt idx="3379">
                  <c:v>39905</c:v>
                </c:pt>
                <c:pt idx="3380">
                  <c:v>39906</c:v>
                </c:pt>
                <c:pt idx="3381">
                  <c:v>39907</c:v>
                </c:pt>
                <c:pt idx="3382">
                  <c:v>39908</c:v>
                </c:pt>
                <c:pt idx="3383">
                  <c:v>39909</c:v>
                </c:pt>
                <c:pt idx="3384">
                  <c:v>39910</c:v>
                </c:pt>
                <c:pt idx="3385">
                  <c:v>39911</c:v>
                </c:pt>
                <c:pt idx="3386">
                  <c:v>39912</c:v>
                </c:pt>
                <c:pt idx="3387">
                  <c:v>39913</c:v>
                </c:pt>
                <c:pt idx="3388">
                  <c:v>39914</c:v>
                </c:pt>
                <c:pt idx="3389">
                  <c:v>39915</c:v>
                </c:pt>
                <c:pt idx="3390">
                  <c:v>39916</c:v>
                </c:pt>
                <c:pt idx="3391">
                  <c:v>39917</c:v>
                </c:pt>
                <c:pt idx="3392">
                  <c:v>39918</c:v>
                </c:pt>
                <c:pt idx="3393">
                  <c:v>39919</c:v>
                </c:pt>
                <c:pt idx="3394">
                  <c:v>39920</c:v>
                </c:pt>
                <c:pt idx="3395">
                  <c:v>39921</c:v>
                </c:pt>
                <c:pt idx="3396">
                  <c:v>39922</c:v>
                </c:pt>
                <c:pt idx="3397">
                  <c:v>39923</c:v>
                </c:pt>
                <c:pt idx="3398">
                  <c:v>39924</c:v>
                </c:pt>
                <c:pt idx="3399">
                  <c:v>39925</c:v>
                </c:pt>
                <c:pt idx="3400">
                  <c:v>39926</c:v>
                </c:pt>
                <c:pt idx="3401">
                  <c:v>39927</c:v>
                </c:pt>
                <c:pt idx="3402">
                  <c:v>39928</c:v>
                </c:pt>
                <c:pt idx="3403">
                  <c:v>39929</c:v>
                </c:pt>
                <c:pt idx="3404">
                  <c:v>39930</c:v>
                </c:pt>
                <c:pt idx="3405">
                  <c:v>39931</c:v>
                </c:pt>
                <c:pt idx="3406">
                  <c:v>39932</c:v>
                </c:pt>
                <c:pt idx="3407">
                  <c:v>39933</c:v>
                </c:pt>
                <c:pt idx="3408">
                  <c:v>39934</c:v>
                </c:pt>
                <c:pt idx="3409">
                  <c:v>39935</c:v>
                </c:pt>
                <c:pt idx="3410">
                  <c:v>39936</c:v>
                </c:pt>
                <c:pt idx="3411">
                  <c:v>39937</c:v>
                </c:pt>
                <c:pt idx="3412">
                  <c:v>39938</c:v>
                </c:pt>
                <c:pt idx="3413">
                  <c:v>39939</c:v>
                </c:pt>
                <c:pt idx="3414">
                  <c:v>39940</c:v>
                </c:pt>
                <c:pt idx="3415">
                  <c:v>39941</c:v>
                </c:pt>
                <c:pt idx="3416">
                  <c:v>39942</c:v>
                </c:pt>
                <c:pt idx="3417">
                  <c:v>39943</c:v>
                </c:pt>
                <c:pt idx="3418">
                  <c:v>39944</c:v>
                </c:pt>
                <c:pt idx="3419">
                  <c:v>39945</c:v>
                </c:pt>
                <c:pt idx="3420">
                  <c:v>39946</c:v>
                </c:pt>
                <c:pt idx="3421">
                  <c:v>39947</c:v>
                </c:pt>
                <c:pt idx="3422">
                  <c:v>39948</c:v>
                </c:pt>
                <c:pt idx="3423">
                  <c:v>39949</c:v>
                </c:pt>
                <c:pt idx="3424">
                  <c:v>39950</c:v>
                </c:pt>
                <c:pt idx="3425">
                  <c:v>39951</c:v>
                </c:pt>
                <c:pt idx="3426">
                  <c:v>39952</c:v>
                </c:pt>
                <c:pt idx="3427">
                  <c:v>39953</c:v>
                </c:pt>
                <c:pt idx="3428">
                  <c:v>39954</c:v>
                </c:pt>
                <c:pt idx="3429">
                  <c:v>39955</c:v>
                </c:pt>
                <c:pt idx="3430">
                  <c:v>39956</c:v>
                </c:pt>
                <c:pt idx="3431">
                  <c:v>39957</c:v>
                </c:pt>
                <c:pt idx="3432">
                  <c:v>39958</c:v>
                </c:pt>
                <c:pt idx="3433">
                  <c:v>39959</c:v>
                </c:pt>
                <c:pt idx="3434">
                  <c:v>39960</c:v>
                </c:pt>
                <c:pt idx="3435">
                  <c:v>39961</c:v>
                </c:pt>
                <c:pt idx="3436">
                  <c:v>39962</c:v>
                </c:pt>
                <c:pt idx="3437">
                  <c:v>39963</c:v>
                </c:pt>
                <c:pt idx="3438">
                  <c:v>39964</c:v>
                </c:pt>
                <c:pt idx="3439">
                  <c:v>39965</c:v>
                </c:pt>
                <c:pt idx="3440">
                  <c:v>39966</c:v>
                </c:pt>
                <c:pt idx="3441">
                  <c:v>39967</c:v>
                </c:pt>
                <c:pt idx="3442">
                  <c:v>39968</c:v>
                </c:pt>
                <c:pt idx="3443">
                  <c:v>39969</c:v>
                </c:pt>
                <c:pt idx="3444">
                  <c:v>39970</c:v>
                </c:pt>
                <c:pt idx="3445">
                  <c:v>39971</c:v>
                </c:pt>
                <c:pt idx="3446">
                  <c:v>39972</c:v>
                </c:pt>
                <c:pt idx="3447">
                  <c:v>39973</c:v>
                </c:pt>
                <c:pt idx="3448">
                  <c:v>39974</c:v>
                </c:pt>
                <c:pt idx="3449">
                  <c:v>39975</c:v>
                </c:pt>
                <c:pt idx="3450">
                  <c:v>39976</c:v>
                </c:pt>
                <c:pt idx="3451">
                  <c:v>39977</c:v>
                </c:pt>
                <c:pt idx="3452">
                  <c:v>39978</c:v>
                </c:pt>
                <c:pt idx="3453">
                  <c:v>39979</c:v>
                </c:pt>
                <c:pt idx="3454">
                  <c:v>39980</c:v>
                </c:pt>
                <c:pt idx="3455">
                  <c:v>39981</c:v>
                </c:pt>
                <c:pt idx="3456">
                  <c:v>39982</c:v>
                </c:pt>
                <c:pt idx="3457">
                  <c:v>39983</c:v>
                </c:pt>
                <c:pt idx="3458">
                  <c:v>39984</c:v>
                </c:pt>
                <c:pt idx="3459">
                  <c:v>39985</c:v>
                </c:pt>
                <c:pt idx="3460">
                  <c:v>39986</c:v>
                </c:pt>
                <c:pt idx="3461">
                  <c:v>39987</c:v>
                </c:pt>
                <c:pt idx="3462">
                  <c:v>39988</c:v>
                </c:pt>
                <c:pt idx="3463">
                  <c:v>39989</c:v>
                </c:pt>
                <c:pt idx="3464">
                  <c:v>39990</c:v>
                </c:pt>
                <c:pt idx="3465">
                  <c:v>39991</c:v>
                </c:pt>
                <c:pt idx="3466">
                  <c:v>39992</c:v>
                </c:pt>
                <c:pt idx="3467">
                  <c:v>39993</c:v>
                </c:pt>
                <c:pt idx="3468">
                  <c:v>39994</c:v>
                </c:pt>
                <c:pt idx="3469">
                  <c:v>39995</c:v>
                </c:pt>
                <c:pt idx="3470">
                  <c:v>39996</c:v>
                </c:pt>
                <c:pt idx="3471">
                  <c:v>39997</c:v>
                </c:pt>
                <c:pt idx="3472">
                  <c:v>39998</c:v>
                </c:pt>
                <c:pt idx="3473">
                  <c:v>39999</c:v>
                </c:pt>
                <c:pt idx="3474">
                  <c:v>40000</c:v>
                </c:pt>
                <c:pt idx="3475">
                  <c:v>40001</c:v>
                </c:pt>
                <c:pt idx="3476">
                  <c:v>40002</c:v>
                </c:pt>
                <c:pt idx="3477">
                  <c:v>40003</c:v>
                </c:pt>
                <c:pt idx="3478">
                  <c:v>40004</c:v>
                </c:pt>
                <c:pt idx="3479">
                  <c:v>40005</c:v>
                </c:pt>
                <c:pt idx="3480">
                  <c:v>40006</c:v>
                </c:pt>
                <c:pt idx="3481">
                  <c:v>40007</c:v>
                </c:pt>
                <c:pt idx="3482">
                  <c:v>40008</c:v>
                </c:pt>
                <c:pt idx="3483">
                  <c:v>40009</c:v>
                </c:pt>
                <c:pt idx="3484">
                  <c:v>40010</c:v>
                </c:pt>
                <c:pt idx="3485">
                  <c:v>40011</c:v>
                </c:pt>
                <c:pt idx="3486">
                  <c:v>40012</c:v>
                </c:pt>
                <c:pt idx="3487">
                  <c:v>40013</c:v>
                </c:pt>
                <c:pt idx="3488">
                  <c:v>40014</c:v>
                </c:pt>
                <c:pt idx="3489">
                  <c:v>40015</c:v>
                </c:pt>
                <c:pt idx="3490">
                  <c:v>40016</c:v>
                </c:pt>
                <c:pt idx="3491">
                  <c:v>40017</c:v>
                </c:pt>
                <c:pt idx="3492">
                  <c:v>40018</c:v>
                </c:pt>
                <c:pt idx="3493">
                  <c:v>40019</c:v>
                </c:pt>
                <c:pt idx="3494">
                  <c:v>40020</c:v>
                </c:pt>
                <c:pt idx="3495">
                  <c:v>40021</c:v>
                </c:pt>
                <c:pt idx="3496">
                  <c:v>40022</c:v>
                </c:pt>
                <c:pt idx="3497">
                  <c:v>40023</c:v>
                </c:pt>
                <c:pt idx="3498">
                  <c:v>40024</c:v>
                </c:pt>
                <c:pt idx="3499">
                  <c:v>40025</c:v>
                </c:pt>
                <c:pt idx="3500">
                  <c:v>40026</c:v>
                </c:pt>
                <c:pt idx="3501">
                  <c:v>40027</c:v>
                </c:pt>
                <c:pt idx="3502">
                  <c:v>40028</c:v>
                </c:pt>
                <c:pt idx="3503">
                  <c:v>40029</c:v>
                </c:pt>
                <c:pt idx="3504">
                  <c:v>40030</c:v>
                </c:pt>
                <c:pt idx="3505">
                  <c:v>40031</c:v>
                </c:pt>
                <c:pt idx="3506">
                  <c:v>40032</c:v>
                </c:pt>
                <c:pt idx="3507">
                  <c:v>40033</c:v>
                </c:pt>
                <c:pt idx="3508">
                  <c:v>40034</c:v>
                </c:pt>
                <c:pt idx="3509">
                  <c:v>40035</c:v>
                </c:pt>
                <c:pt idx="3510">
                  <c:v>40036</c:v>
                </c:pt>
                <c:pt idx="3511">
                  <c:v>40037</c:v>
                </c:pt>
                <c:pt idx="3512">
                  <c:v>40038</c:v>
                </c:pt>
                <c:pt idx="3513">
                  <c:v>40039</c:v>
                </c:pt>
                <c:pt idx="3514">
                  <c:v>40040</c:v>
                </c:pt>
                <c:pt idx="3515">
                  <c:v>40041</c:v>
                </c:pt>
                <c:pt idx="3516">
                  <c:v>40042</c:v>
                </c:pt>
                <c:pt idx="3517">
                  <c:v>40043</c:v>
                </c:pt>
                <c:pt idx="3518">
                  <c:v>40044</c:v>
                </c:pt>
                <c:pt idx="3519">
                  <c:v>40045</c:v>
                </c:pt>
                <c:pt idx="3520">
                  <c:v>40046</c:v>
                </c:pt>
                <c:pt idx="3521">
                  <c:v>40047</c:v>
                </c:pt>
                <c:pt idx="3522">
                  <c:v>40048</c:v>
                </c:pt>
                <c:pt idx="3523">
                  <c:v>40049</c:v>
                </c:pt>
                <c:pt idx="3524">
                  <c:v>40050</c:v>
                </c:pt>
                <c:pt idx="3525">
                  <c:v>40051</c:v>
                </c:pt>
                <c:pt idx="3526">
                  <c:v>40052</c:v>
                </c:pt>
                <c:pt idx="3527">
                  <c:v>40053</c:v>
                </c:pt>
                <c:pt idx="3528">
                  <c:v>40054</c:v>
                </c:pt>
                <c:pt idx="3529">
                  <c:v>40055</c:v>
                </c:pt>
                <c:pt idx="3530">
                  <c:v>40056</c:v>
                </c:pt>
                <c:pt idx="3531">
                  <c:v>40057</c:v>
                </c:pt>
                <c:pt idx="3532">
                  <c:v>40058</c:v>
                </c:pt>
                <c:pt idx="3533">
                  <c:v>40059</c:v>
                </c:pt>
                <c:pt idx="3534">
                  <c:v>40060</c:v>
                </c:pt>
                <c:pt idx="3535">
                  <c:v>40061</c:v>
                </c:pt>
                <c:pt idx="3536">
                  <c:v>40062</c:v>
                </c:pt>
                <c:pt idx="3537">
                  <c:v>40063</c:v>
                </c:pt>
                <c:pt idx="3538">
                  <c:v>40064</c:v>
                </c:pt>
                <c:pt idx="3539">
                  <c:v>40065</c:v>
                </c:pt>
                <c:pt idx="3540">
                  <c:v>40066</c:v>
                </c:pt>
                <c:pt idx="3541">
                  <c:v>40067</c:v>
                </c:pt>
                <c:pt idx="3542">
                  <c:v>40068</c:v>
                </c:pt>
                <c:pt idx="3543">
                  <c:v>40069</c:v>
                </c:pt>
                <c:pt idx="3544">
                  <c:v>40070</c:v>
                </c:pt>
                <c:pt idx="3545">
                  <c:v>40071</c:v>
                </c:pt>
                <c:pt idx="3546">
                  <c:v>40072</c:v>
                </c:pt>
                <c:pt idx="3547">
                  <c:v>40073</c:v>
                </c:pt>
                <c:pt idx="3548">
                  <c:v>40074</c:v>
                </c:pt>
                <c:pt idx="3549">
                  <c:v>40075</c:v>
                </c:pt>
                <c:pt idx="3550">
                  <c:v>40076</c:v>
                </c:pt>
                <c:pt idx="3551">
                  <c:v>40077</c:v>
                </c:pt>
                <c:pt idx="3552">
                  <c:v>40078</c:v>
                </c:pt>
                <c:pt idx="3553">
                  <c:v>40079</c:v>
                </c:pt>
                <c:pt idx="3554">
                  <c:v>40080</c:v>
                </c:pt>
                <c:pt idx="3555">
                  <c:v>40081</c:v>
                </c:pt>
                <c:pt idx="3556">
                  <c:v>40082</c:v>
                </c:pt>
                <c:pt idx="3557">
                  <c:v>40083</c:v>
                </c:pt>
                <c:pt idx="3558">
                  <c:v>40084</c:v>
                </c:pt>
                <c:pt idx="3559">
                  <c:v>40085</c:v>
                </c:pt>
                <c:pt idx="3560">
                  <c:v>40086</c:v>
                </c:pt>
                <c:pt idx="3561">
                  <c:v>40087</c:v>
                </c:pt>
                <c:pt idx="3562">
                  <c:v>40088</c:v>
                </c:pt>
                <c:pt idx="3563">
                  <c:v>40089</c:v>
                </c:pt>
                <c:pt idx="3564">
                  <c:v>40090</c:v>
                </c:pt>
                <c:pt idx="3565">
                  <c:v>40091</c:v>
                </c:pt>
                <c:pt idx="3566">
                  <c:v>40092</c:v>
                </c:pt>
                <c:pt idx="3567">
                  <c:v>40093</c:v>
                </c:pt>
                <c:pt idx="3568">
                  <c:v>40094</c:v>
                </c:pt>
                <c:pt idx="3569">
                  <c:v>40095</c:v>
                </c:pt>
                <c:pt idx="3570">
                  <c:v>40096</c:v>
                </c:pt>
                <c:pt idx="3571">
                  <c:v>40097</c:v>
                </c:pt>
                <c:pt idx="3572">
                  <c:v>40098</c:v>
                </c:pt>
                <c:pt idx="3573">
                  <c:v>40099</c:v>
                </c:pt>
                <c:pt idx="3574">
                  <c:v>40100</c:v>
                </c:pt>
                <c:pt idx="3575">
                  <c:v>40101</c:v>
                </c:pt>
                <c:pt idx="3576">
                  <c:v>40102</c:v>
                </c:pt>
                <c:pt idx="3577">
                  <c:v>40103</c:v>
                </c:pt>
                <c:pt idx="3578">
                  <c:v>40104</c:v>
                </c:pt>
                <c:pt idx="3579">
                  <c:v>40105</c:v>
                </c:pt>
                <c:pt idx="3580">
                  <c:v>40106</c:v>
                </c:pt>
                <c:pt idx="3581">
                  <c:v>40107</c:v>
                </c:pt>
                <c:pt idx="3582">
                  <c:v>40108</c:v>
                </c:pt>
                <c:pt idx="3583">
                  <c:v>40109</c:v>
                </c:pt>
                <c:pt idx="3584">
                  <c:v>40110</c:v>
                </c:pt>
                <c:pt idx="3585">
                  <c:v>40111</c:v>
                </c:pt>
                <c:pt idx="3586">
                  <c:v>40112</c:v>
                </c:pt>
                <c:pt idx="3587">
                  <c:v>40113</c:v>
                </c:pt>
                <c:pt idx="3588">
                  <c:v>40114</c:v>
                </c:pt>
                <c:pt idx="3589">
                  <c:v>40115</c:v>
                </c:pt>
                <c:pt idx="3590">
                  <c:v>40116</c:v>
                </c:pt>
                <c:pt idx="3591">
                  <c:v>40117</c:v>
                </c:pt>
                <c:pt idx="3592">
                  <c:v>40118</c:v>
                </c:pt>
                <c:pt idx="3593">
                  <c:v>40119</c:v>
                </c:pt>
                <c:pt idx="3594">
                  <c:v>40120</c:v>
                </c:pt>
                <c:pt idx="3595">
                  <c:v>40121</c:v>
                </c:pt>
                <c:pt idx="3596">
                  <c:v>40122</c:v>
                </c:pt>
                <c:pt idx="3597">
                  <c:v>40123</c:v>
                </c:pt>
                <c:pt idx="3598">
                  <c:v>40124</c:v>
                </c:pt>
                <c:pt idx="3599">
                  <c:v>40125</c:v>
                </c:pt>
                <c:pt idx="3600">
                  <c:v>40126</c:v>
                </c:pt>
                <c:pt idx="3601">
                  <c:v>40127</c:v>
                </c:pt>
                <c:pt idx="3602">
                  <c:v>40128</c:v>
                </c:pt>
                <c:pt idx="3603">
                  <c:v>40129</c:v>
                </c:pt>
                <c:pt idx="3604">
                  <c:v>40130</c:v>
                </c:pt>
                <c:pt idx="3605">
                  <c:v>40131</c:v>
                </c:pt>
                <c:pt idx="3606">
                  <c:v>40132</c:v>
                </c:pt>
                <c:pt idx="3607">
                  <c:v>40133</c:v>
                </c:pt>
                <c:pt idx="3608">
                  <c:v>40134</c:v>
                </c:pt>
                <c:pt idx="3609">
                  <c:v>40135</c:v>
                </c:pt>
                <c:pt idx="3610">
                  <c:v>40136</c:v>
                </c:pt>
                <c:pt idx="3611">
                  <c:v>40137</c:v>
                </c:pt>
                <c:pt idx="3612">
                  <c:v>40138</c:v>
                </c:pt>
                <c:pt idx="3613">
                  <c:v>40139</c:v>
                </c:pt>
                <c:pt idx="3614">
                  <c:v>40140</c:v>
                </c:pt>
                <c:pt idx="3615">
                  <c:v>40141</c:v>
                </c:pt>
                <c:pt idx="3616">
                  <c:v>40142</c:v>
                </c:pt>
                <c:pt idx="3617">
                  <c:v>40143</c:v>
                </c:pt>
                <c:pt idx="3618">
                  <c:v>40144</c:v>
                </c:pt>
                <c:pt idx="3619">
                  <c:v>40145</c:v>
                </c:pt>
                <c:pt idx="3620">
                  <c:v>40146</c:v>
                </c:pt>
                <c:pt idx="3621">
                  <c:v>40147</c:v>
                </c:pt>
                <c:pt idx="3622">
                  <c:v>40148</c:v>
                </c:pt>
                <c:pt idx="3623">
                  <c:v>40149</c:v>
                </c:pt>
                <c:pt idx="3624">
                  <c:v>40150</c:v>
                </c:pt>
                <c:pt idx="3625">
                  <c:v>40151</c:v>
                </c:pt>
                <c:pt idx="3626">
                  <c:v>40152</c:v>
                </c:pt>
                <c:pt idx="3627">
                  <c:v>40153</c:v>
                </c:pt>
                <c:pt idx="3628">
                  <c:v>40154</c:v>
                </c:pt>
                <c:pt idx="3629">
                  <c:v>40155</c:v>
                </c:pt>
                <c:pt idx="3630">
                  <c:v>40156</c:v>
                </c:pt>
                <c:pt idx="3631">
                  <c:v>40157</c:v>
                </c:pt>
                <c:pt idx="3632">
                  <c:v>40158</c:v>
                </c:pt>
                <c:pt idx="3633">
                  <c:v>40159</c:v>
                </c:pt>
                <c:pt idx="3634">
                  <c:v>40160</c:v>
                </c:pt>
                <c:pt idx="3635">
                  <c:v>40161</c:v>
                </c:pt>
                <c:pt idx="3636">
                  <c:v>40162</c:v>
                </c:pt>
                <c:pt idx="3637">
                  <c:v>40163</c:v>
                </c:pt>
                <c:pt idx="3638">
                  <c:v>40164</c:v>
                </c:pt>
                <c:pt idx="3639">
                  <c:v>40165</c:v>
                </c:pt>
                <c:pt idx="3640">
                  <c:v>40166</c:v>
                </c:pt>
                <c:pt idx="3641">
                  <c:v>40167</c:v>
                </c:pt>
                <c:pt idx="3642">
                  <c:v>40168</c:v>
                </c:pt>
                <c:pt idx="3643">
                  <c:v>40169</c:v>
                </c:pt>
                <c:pt idx="3644">
                  <c:v>40170</c:v>
                </c:pt>
                <c:pt idx="3645">
                  <c:v>40171</c:v>
                </c:pt>
                <c:pt idx="3646">
                  <c:v>40172</c:v>
                </c:pt>
                <c:pt idx="3647">
                  <c:v>40173</c:v>
                </c:pt>
                <c:pt idx="3648">
                  <c:v>40174</c:v>
                </c:pt>
                <c:pt idx="3649">
                  <c:v>40175</c:v>
                </c:pt>
                <c:pt idx="3650">
                  <c:v>40176</c:v>
                </c:pt>
                <c:pt idx="3651">
                  <c:v>40177</c:v>
                </c:pt>
                <c:pt idx="3652">
                  <c:v>40178</c:v>
                </c:pt>
                <c:pt idx="3653">
                  <c:v>40179</c:v>
                </c:pt>
                <c:pt idx="3654">
                  <c:v>40180</c:v>
                </c:pt>
                <c:pt idx="3655">
                  <c:v>40181</c:v>
                </c:pt>
                <c:pt idx="3656">
                  <c:v>40182</c:v>
                </c:pt>
                <c:pt idx="3657">
                  <c:v>40183</c:v>
                </c:pt>
                <c:pt idx="3658">
                  <c:v>40184</c:v>
                </c:pt>
                <c:pt idx="3659">
                  <c:v>40185</c:v>
                </c:pt>
                <c:pt idx="3660">
                  <c:v>40186</c:v>
                </c:pt>
                <c:pt idx="3661">
                  <c:v>40187</c:v>
                </c:pt>
                <c:pt idx="3662">
                  <c:v>40188</c:v>
                </c:pt>
                <c:pt idx="3663">
                  <c:v>40189</c:v>
                </c:pt>
                <c:pt idx="3664">
                  <c:v>40190</c:v>
                </c:pt>
                <c:pt idx="3665">
                  <c:v>40191</c:v>
                </c:pt>
                <c:pt idx="3666">
                  <c:v>40192</c:v>
                </c:pt>
                <c:pt idx="3667">
                  <c:v>40193</c:v>
                </c:pt>
                <c:pt idx="3668">
                  <c:v>40194</c:v>
                </c:pt>
                <c:pt idx="3669">
                  <c:v>40195</c:v>
                </c:pt>
                <c:pt idx="3670">
                  <c:v>40196</c:v>
                </c:pt>
                <c:pt idx="3671">
                  <c:v>40197</c:v>
                </c:pt>
                <c:pt idx="3672">
                  <c:v>40198</c:v>
                </c:pt>
                <c:pt idx="3673">
                  <c:v>40199</c:v>
                </c:pt>
                <c:pt idx="3674">
                  <c:v>40200</c:v>
                </c:pt>
                <c:pt idx="3675">
                  <c:v>40201</c:v>
                </c:pt>
                <c:pt idx="3676">
                  <c:v>40202</c:v>
                </c:pt>
                <c:pt idx="3677">
                  <c:v>40203</c:v>
                </c:pt>
                <c:pt idx="3678">
                  <c:v>40204</c:v>
                </c:pt>
                <c:pt idx="3679">
                  <c:v>40205</c:v>
                </c:pt>
                <c:pt idx="3680">
                  <c:v>40206</c:v>
                </c:pt>
                <c:pt idx="3681">
                  <c:v>40207</c:v>
                </c:pt>
                <c:pt idx="3682">
                  <c:v>40208</c:v>
                </c:pt>
                <c:pt idx="3683">
                  <c:v>40209</c:v>
                </c:pt>
                <c:pt idx="3684">
                  <c:v>40210</c:v>
                </c:pt>
                <c:pt idx="3685">
                  <c:v>40211</c:v>
                </c:pt>
                <c:pt idx="3686">
                  <c:v>40212</c:v>
                </c:pt>
                <c:pt idx="3687">
                  <c:v>40213</c:v>
                </c:pt>
                <c:pt idx="3688">
                  <c:v>40214</c:v>
                </c:pt>
                <c:pt idx="3689">
                  <c:v>40215</c:v>
                </c:pt>
                <c:pt idx="3690">
                  <c:v>40216</c:v>
                </c:pt>
                <c:pt idx="3691">
                  <c:v>40217</c:v>
                </c:pt>
                <c:pt idx="3692">
                  <c:v>40218</c:v>
                </c:pt>
                <c:pt idx="3693">
                  <c:v>40219</c:v>
                </c:pt>
                <c:pt idx="3694">
                  <c:v>40220</c:v>
                </c:pt>
                <c:pt idx="3695">
                  <c:v>40221</c:v>
                </c:pt>
                <c:pt idx="3696">
                  <c:v>40222</c:v>
                </c:pt>
                <c:pt idx="3697">
                  <c:v>40223</c:v>
                </c:pt>
                <c:pt idx="3698">
                  <c:v>40224</c:v>
                </c:pt>
                <c:pt idx="3699">
                  <c:v>40225</c:v>
                </c:pt>
                <c:pt idx="3700">
                  <c:v>40226</c:v>
                </c:pt>
                <c:pt idx="3701">
                  <c:v>40227</c:v>
                </c:pt>
                <c:pt idx="3702">
                  <c:v>40228</c:v>
                </c:pt>
                <c:pt idx="3703">
                  <c:v>40229</c:v>
                </c:pt>
                <c:pt idx="3704">
                  <c:v>40230</c:v>
                </c:pt>
                <c:pt idx="3705">
                  <c:v>40231</c:v>
                </c:pt>
                <c:pt idx="3706">
                  <c:v>40232</c:v>
                </c:pt>
                <c:pt idx="3707">
                  <c:v>40233</c:v>
                </c:pt>
                <c:pt idx="3708">
                  <c:v>40234</c:v>
                </c:pt>
                <c:pt idx="3709">
                  <c:v>40235</c:v>
                </c:pt>
                <c:pt idx="3710">
                  <c:v>40236</c:v>
                </c:pt>
                <c:pt idx="3711">
                  <c:v>40237</c:v>
                </c:pt>
                <c:pt idx="3712">
                  <c:v>40238</c:v>
                </c:pt>
                <c:pt idx="3713">
                  <c:v>40239</c:v>
                </c:pt>
                <c:pt idx="3714">
                  <c:v>40240</c:v>
                </c:pt>
                <c:pt idx="3715">
                  <c:v>40241</c:v>
                </c:pt>
                <c:pt idx="3716">
                  <c:v>40242</c:v>
                </c:pt>
                <c:pt idx="3717">
                  <c:v>40243</c:v>
                </c:pt>
                <c:pt idx="3718">
                  <c:v>40244</c:v>
                </c:pt>
                <c:pt idx="3719">
                  <c:v>40245</c:v>
                </c:pt>
                <c:pt idx="3720">
                  <c:v>40246</c:v>
                </c:pt>
                <c:pt idx="3721">
                  <c:v>40247</c:v>
                </c:pt>
                <c:pt idx="3722">
                  <c:v>40248</c:v>
                </c:pt>
                <c:pt idx="3723">
                  <c:v>40249</c:v>
                </c:pt>
                <c:pt idx="3724">
                  <c:v>40250</c:v>
                </c:pt>
                <c:pt idx="3725">
                  <c:v>40251</c:v>
                </c:pt>
                <c:pt idx="3726">
                  <c:v>40252</c:v>
                </c:pt>
                <c:pt idx="3727">
                  <c:v>40253</c:v>
                </c:pt>
                <c:pt idx="3728">
                  <c:v>40254</c:v>
                </c:pt>
                <c:pt idx="3729">
                  <c:v>40255</c:v>
                </c:pt>
                <c:pt idx="3730">
                  <c:v>40256</c:v>
                </c:pt>
                <c:pt idx="3731">
                  <c:v>40257</c:v>
                </c:pt>
                <c:pt idx="3732">
                  <c:v>40258</c:v>
                </c:pt>
                <c:pt idx="3733">
                  <c:v>40259</c:v>
                </c:pt>
                <c:pt idx="3734">
                  <c:v>40260</c:v>
                </c:pt>
                <c:pt idx="3735">
                  <c:v>40261</c:v>
                </c:pt>
                <c:pt idx="3736">
                  <c:v>40262</c:v>
                </c:pt>
                <c:pt idx="3737">
                  <c:v>40263</c:v>
                </c:pt>
                <c:pt idx="3738">
                  <c:v>40264</c:v>
                </c:pt>
                <c:pt idx="3739">
                  <c:v>40265</c:v>
                </c:pt>
                <c:pt idx="3740">
                  <c:v>40266</c:v>
                </c:pt>
                <c:pt idx="3741">
                  <c:v>40267</c:v>
                </c:pt>
                <c:pt idx="3742">
                  <c:v>40268</c:v>
                </c:pt>
                <c:pt idx="3743">
                  <c:v>40269</c:v>
                </c:pt>
                <c:pt idx="3744">
                  <c:v>40270</c:v>
                </c:pt>
                <c:pt idx="3745">
                  <c:v>40271</c:v>
                </c:pt>
                <c:pt idx="3746">
                  <c:v>40272</c:v>
                </c:pt>
                <c:pt idx="3747">
                  <c:v>40273</c:v>
                </c:pt>
                <c:pt idx="3748">
                  <c:v>40274</c:v>
                </c:pt>
                <c:pt idx="3749">
                  <c:v>40275</c:v>
                </c:pt>
                <c:pt idx="3750">
                  <c:v>40276</c:v>
                </c:pt>
                <c:pt idx="3751">
                  <c:v>40277</c:v>
                </c:pt>
                <c:pt idx="3752">
                  <c:v>40278</c:v>
                </c:pt>
                <c:pt idx="3753">
                  <c:v>40279</c:v>
                </c:pt>
                <c:pt idx="3754">
                  <c:v>40280</c:v>
                </c:pt>
                <c:pt idx="3755">
                  <c:v>40281</c:v>
                </c:pt>
                <c:pt idx="3756">
                  <c:v>40282</c:v>
                </c:pt>
                <c:pt idx="3757">
                  <c:v>40283</c:v>
                </c:pt>
                <c:pt idx="3758">
                  <c:v>40284</c:v>
                </c:pt>
                <c:pt idx="3759">
                  <c:v>40285</c:v>
                </c:pt>
                <c:pt idx="3760">
                  <c:v>40286</c:v>
                </c:pt>
                <c:pt idx="3761">
                  <c:v>40287</c:v>
                </c:pt>
                <c:pt idx="3762">
                  <c:v>40288</c:v>
                </c:pt>
                <c:pt idx="3763">
                  <c:v>40289</c:v>
                </c:pt>
                <c:pt idx="3764">
                  <c:v>40290</c:v>
                </c:pt>
                <c:pt idx="3765">
                  <c:v>40291</c:v>
                </c:pt>
                <c:pt idx="3766">
                  <c:v>40292</c:v>
                </c:pt>
                <c:pt idx="3767">
                  <c:v>40293</c:v>
                </c:pt>
                <c:pt idx="3768">
                  <c:v>40294</c:v>
                </c:pt>
                <c:pt idx="3769">
                  <c:v>40295</c:v>
                </c:pt>
                <c:pt idx="3770">
                  <c:v>40296</c:v>
                </c:pt>
                <c:pt idx="3771">
                  <c:v>40297</c:v>
                </c:pt>
                <c:pt idx="3772">
                  <c:v>40298</c:v>
                </c:pt>
                <c:pt idx="3773">
                  <c:v>40299</c:v>
                </c:pt>
                <c:pt idx="3774">
                  <c:v>40300</c:v>
                </c:pt>
                <c:pt idx="3775">
                  <c:v>40301</c:v>
                </c:pt>
                <c:pt idx="3776">
                  <c:v>40302</c:v>
                </c:pt>
                <c:pt idx="3777">
                  <c:v>40303</c:v>
                </c:pt>
                <c:pt idx="3778">
                  <c:v>40304</c:v>
                </c:pt>
                <c:pt idx="3779">
                  <c:v>40305</c:v>
                </c:pt>
                <c:pt idx="3780">
                  <c:v>40306</c:v>
                </c:pt>
                <c:pt idx="3781">
                  <c:v>40307</c:v>
                </c:pt>
                <c:pt idx="3782">
                  <c:v>40308</c:v>
                </c:pt>
                <c:pt idx="3783">
                  <c:v>40309</c:v>
                </c:pt>
                <c:pt idx="3784">
                  <c:v>40310</c:v>
                </c:pt>
                <c:pt idx="3785">
                  <c:v>40311</c:v>
                </c:pt>
                <c:pt idx="3786">
                  <c:v>40312</c:v>
                </c:pt>
                <c:pt idx="3787">
                  <c:v>40313</c:v>
                </c:pt>
                <c:pt idx="3788">
                  <c:v>40314</c:v>
                </c:pt>
                <c:pt idx="3789">
                  <c:v>40315</c:v>
                </c:pt>
                <c:pt idx="3790">
                  <c:v>40316</c:v>
                </c:pt>
                <c:pt idx="3791">
                  <c:v>40317</c:v>
                </c:pt>
                <c:pt idx="3792">
                  <c:v>40318</c:v>
                </c:pt>
                <c:pt idx="3793">
                  <c:v>40319</c:v>
                </c:pt>
                <c:pt idx="3794">
                  <c:v>40320</c:v>
                </c:pt>
                <c:pt idx="3795">
                  <c:v>40321</c:v>
                </c:pt>
                <c:pt idx="3796">
                  <c:v>40322</c:v>
                </c:pt>
                <c:pt idx="3797">
                  <c:v>40323</c:v>
                </c:pt>
                <c:pt idx="3798">
                  <c:v>40324</c:v>
                </c:pt>
                <c:pt idx="3799">
                  <c:v>40325</c:v>
                </c:pt>
                <c:pt idx="3800">
                  <c:v>40326</c:v>
                </c:pt>
                <c:pt idx="3801">
                  <c:v>40327</c:v>
                </c:pt>
                <c:pt idx="3802">
                  <c:v>40328</c:v>
                </c:pt>
                <c:pt idx="3803">
                  <c:v>40329</c:v>
                </c:pt>
                <c:pt idx="3804">
                  <c:v>40330</c:v>
                </c:pt>
                <c:pt idx="3805">
                  <c:v>40331</c:v>
                </c:pt>
                <c:pt idx="3806">
                  <c:v>40332</c:v>
                </c:pt>
                <c:pt idx="3807">
                  <c:v>40333</c:v>
                </c:pt>
                <c:pt idx="3808">
                  <c:v>40334</c:v>
                </c:pt>
                <c:pt idx="3809">
                  <c:v>40335</c:v>
                </c:pt>
                <c:pt idx="3810">
                  <c:v>40336</c:v>
                </c:pt>
                <c:pt idx="3811">
                  <c:v>40337</c:v>
                </c:pt>
                <c:pt idx="3812">
                  <c:v>40338</c:v>
                </c:pt>
                <c:pt idx="3813">
                  <c:v>40339</c:v>
                </c:pt>
                <c:pt idx="3814">
                  <c:v>40340</c:v>
                </c:pt>
                <c:pt idx="3815">
                  <c:v>40341</c:v>
                </c:pt>
                <c:pt idx="3816">
                  <c:v>40342</c:v>
                </c:pt>
                <c:pt idx="3817">
                  <c:v>40343</c:v>
                </c:pt>
                <c:pt idx="3818">
                  <c:v>40344</c:v>
                </c:pt>
                <c:pt idx="3819">
                  <c:v>40345</c:v>
                </c:pt>
                <c:pt idx="3820">
                  <c:v>40346</c:v>
                </c:pt>
                <c:pt idx="3821">
                  <c:v>40347</c:v>
                </c:pt>
                <c:pt idx="3822">
                  <c:v>40348</c:v>
                </c:pt>
                <c:pt idx="3823">
                  <c:v>40349</c:v>
                </c:pt>
                <c:pt idx="3824">
                  <c:v>40350</c:v>
                </c:pt>
                <c:pt idx="3825">
                  <c:v>40351</c:v>
                </c:pt>
                <c:pt idx="3826">
                  <c:v>40352</c:v>
                </c:pt>
                <c:pt idx="3827">
                  <c:v>40353</c:v>
                </c:pt>
                <c:pt idx="3828">
                  <c:v>40354</c:v>
                </c:pt>
                <c:pt idx="3829">
                  <c:v>40355</c:v>
                </c:pt>
                <c:pt idx="3830">
                  <c:v>40356</c:v>
                </c:pt>
                <c:pt idx="3831">
                  <c:v>40357</c:v>
                </c:pt>
                <c:pt idx="3832">
                  <c:v>40358</c:v>
                </c:pt>
                <c:pt idx="3833">
                  <c:v>40359</c:v>
                </c:pt>
                <c:pt idx="3834">
                  <c:v>40360</c:v>
                </c:pt>
                <c:pt idx="3835">
                  <c:v>40361</c:v>
                </c:pt>
                <c:pt idx="3836">
                  <c:v>40362</c:v>
                </c:pt>
                <c:pt idx="3837">
                  <c:v>40363</c:v>
                </c:pt>
                <c:pt idx="3838">
                  <c:v>40364</c:v>
                </c:pt>
                <c:pt idx="3839">
                  <c:v>40365</c:v>
                </c:pt>
                <c:pt idx="3840">
                  <c:v>40366</c:v>
                </c:pt>
                <c:pt idx="3841">
                  <c:v>40367</c:v>
                </c:pt>
                <c:pt idx="3842">
                  <c:v>40368</c:v>
                </c:pt>
                <c:pt idx="3843">
                  <c:v>40369</c:v>
                </c:pt>
                <c:pt idx="3844">
                  <c:v>40370</c:v>
                </c:pt>
                <c:pt idx="3845">
                  <c:v>40371</c:v>
                </c:pt>
                <c:pt idx="3846">
                  <c:v>40372</c:v>
                </c:pt>
                <c:pt idx="3847">
                  <c:v>40373</c:v>
                </c:pt>
                <c:pt idx="3848">
                  <c:v>40374</c:v>
                </c:pt>
                <c:pt idx="3849">
                  <c:v>40375</c:v>
                </c:pt>
                <c:pt idx="3850">
                  <c:v>40376</c:v>
                </c:pt>
                <c:pt idx="3851">
                  <c:v>40377</c:v>
                </c:pt>
                <c:pt idx="3852">
                  <c:v>40378</c:v>
                </c:pt>
                <c:pt idx="3853">
                  <c:v>40379</c:v>
                </c:pt>
                <c:pt idx="3854">
                  <c:v>40380</c:v>
                </c:pt>
                <c:pt idx="3855">
                  <c:v>40381</c:v>
                </c:pt>
                <c:pt idx="3856">
                  <c:v>40382</c:v>
                </c:pt>
                <c:pt idx="3857">
                  <c:v>40383</c:v>
                </c:pt>
                <c:pt idx="3858">
                  <c:v>40384</c:v>
                </c:pt>
                <c:pt idx="3859">
                  <c:v>40385</c:v>
                </c:pt>
                <c:pt idx="3860">
                  <c:v>40386</c:v>
                </c:pt>
                <c:pt idx="3861">
                  <c:v>40387</c:v>
                </c:pt>
                <c:pt idx="3862">
                  <c:v>40388</c:v>
                </c:pt>
                <c:pt idx="3863">
                  <c:v>40389</c:v>
                </c:pt>
                <c:pt idx="3864">
                  <c:v>40390</c:v>
                </c:pt>
                <c:pt idx="3865">
                  <c:v>40391</c:v>
                </c:pt>
                <c:pt idx="3866">
                  <c:v>40392</c:v>
                </c:pt>
                <c:pt idx="3867">
                  <c:v>40393</c:v>
                </c:pt>
                <c:pt idx="3868">
                  <c:v>40394</c:v>
                </c:pt>
                <c:pt idx="3869">
                  <c:v>40395</c:v>
                </c:pt>
                <c:pt idx="3870">
                  <c:v>40396</c:v>
                </c:pt>
                <c:pt idx="3871">
                  <c:v>40397</c:v>
                </c:pt>
                <c:pt idx="3872">
                  <c:v>40398</c:v>
                </c:pt>
                <c:pt idx="3873">
                  <c:v>40399</c:v>
                </c:pt>
                <c:pt idx="3874">
                  <c:v>40400</c:v>
                </c:pt>
                <c:pt idx="3875">
                  <c:v>40401</c:v>
                </c:pt>
                <c:pt idx="3876">
                  <c:v>40402</c:v>
                </c:pt>
                <c:pt idx="3877">
                  <c:v>40403</c:v>
                </c:pt>
                <c:pt idx="3878">
                  <c:v>40404</c:v>
                </c:pt>
                <c:pt idx="3879">
                  <c:v>40405</c:v>
                </c:pt>
                <c:pt idx="3880">
                  <c:v>40406</c:v>
                </c:pt>
                <c:pt idx="3881">
                  <c:v>40407</c:v>
                </c:pt>
                <c:pt idx="3882">
                  <c:v>40408</c:v>
                </c:pt>
                <c:pt idx="3883">
                  <c:v>40409</c:v>
                </c:pt>
                <c:pt idx="3884">
                  <c:v>40410</c:v>
                </c:pt>
                <c:pt idx="3885">
                  <c:v>40411</c:v>
                </c:pt>
                <c:pt idx="3886">
                  <c:v>40412</c:v>
                </c:pt>
                <c:pt idx="3887">
                  <c:v>40413</c:v>
                </c:pt>
                <c:pt idx="3888">
                  <c:v>40414</c:v>
                </c:pt>
                <c:pt idx="3889">
                  <c:v>40415</c:v>
                </c:pt>
                <c:pt idx="3890">
                  <c:v>40416</c:v>
                </c:pt>
                <c:pt idx="3891">
                  <c:v>40417</c:v>
                </c:pt>
                <c:pt idx="3892">
                  <c:v>40418</c:v>
                </c:pt>
                <c:pt idx="3893">
                  <c:v>40419</c:v>
                </c:pt>
                <c:pt idx="3894">
                  <c:v>40420</c:v>
                </c:pt>
                <c:pt idx="3895">
                  <c:v>40421</c:v>
                </c:pt>
                <c:pt idx="3896">
                  <c:v>40422</c:v>
                </c:pt>
                <c:pt idx="3897">
                  <c:v>40423</c:v>
                </c:pt>
                <c:pt idx="3898">
                  <c:v>40424</c:v>
                </c:pt>
                <c:pt idx="3899">
                  <c:v>40425</c:v>
                </c:pt>
                <c:pt idx="3900">
                  <c:v>40426</c:v>
                </c:pt>
                <c:pt idx="3901">
                  <c:v>40427</c:v>
                </c:pt>
                <c:pt idx="3902">
                  <c:v>40428</c:v>
                </c:pt>
                <c:pt idx="3903">
                  <c:v>40429</c:v>
                </c:pt>
                <c:pt idx="3904">
                  <c:v>40430</c:v>
                </c:pt>
                <c:pt idx="3905">
                  <c:v>40431</c:v>
                </c:pt>
                <c:pt idx="3906">
                  <c:v>40432</c:v>
                </c:pt>
                <c:pt idx="3907">
                  <c:v>40433</c:v>
                </c:pt>
                <c:pt idx="3908">
                  <c:v>40434</c:v>
                </c:pt>
                <c:pt idx="3909">
                  <c:v>40435</c:v>
                </c:pt>
                <c:pt idx="3910">
                  <c:v>40436</c:v>
                </c:pt>
                <c:pt idx="3911">
                  <c:v>40437</c:v>
                </c:pt>
                <c:pt idx="3912">
                  <c:v>40438</c:v>
                </c:pt>
                <c:pt idx="3913">
                  <c:v>40439</c:v>
                </c:pt>
                <c:pt idx="3914">
                  <c:v>40440</c:v>
                </c:pt>
                <c:pt idx="3915">
                  <c:v>40441</c:v>
                </c:pt>
                <c:pt idx="3916">
                  <c:v>40442</c:v>
                </c:pt>
                <c:pt idx="3917">
                  <c:v>40443</c:v>
                </c:pt>
                <c:pt idx="3918">
                  <c:v>40444</c:v>
                </c:pt>
                <c:pt idx="3919">
                  <c:v>40445</c:v>
                </c:pt>
                <c:pt idx="3920">
                  <c:v>40446</c:v>
                </c:pt>
                <c:pt idx="3921">
                  <c:v>40447</c:v>
                </c:pt>
                <c:pt idx="3922">
                  <c:v>40448</c:v>
                </c:pt>
                <c:pt idx="3923">
                  <c:v>40449</c:v>
                </c:pt>
                <c:pt idx="3924">
                  <c:v>40450</c:v>
                </c:pt>
                <c:pt idx="3925">
                  <c:v>40451</c:v>
                </c:pt>
                <c:pt idx="3926">
                  <c:v>40452</c:v>
                </c:pt>
                <c:pt idx="3927">
                  <c:v>40453</c:v>
                </c:pt>
                <c:pt idx="3928">
                  <c:v>40454</c:v>
                </c:pt>
                <c:pt idx="3929">
                  <c:v>40455</c:v>
                </c:pt>
                <c:pt idx="3930">
                  <c:v>40456</c:v>
                </c:pt>
                <c:pt idx="3931">
                  <c:v>40457</c:v>
                </c:pt>
                <c:pt idx="3932">
                  <c:v>40458</c:v>
                </c:pt>
                <c:pt idx="3933">
                  <c:v>40459</c:v>
                </c:pt>
                <c:pt idx="3934">
                  <c:v>40460</c:v>
                </c:pt>
                <c:pt idx="3935">
                  <c:v>40461</c:v>
                </c:pt>
                <c:pt idx="3936">
                  <c:v>40462</c:v>
                </c:pt>
                <c:pt idx="3937">
                  <c:v>40463</c:v>
                </c:pt>
                <c:pt idx="3938">
                  <c:v>40464</c:v>
                </c:pt>
                <c:pt idx="3939">
                  <c:v>40465</c:v>
                </c:pt>
                <c:pt idx="3940">
                  <c:v>40466</c:v>
                </c:pt>
                <c:pt idx="3941">
                  <c:v>40467</c:v>
                </c:pt>
                <c:pt idx="3942">
                  <c:v>40468</c:v>
                </c:pt>
                <c:pt idx="3943">
                  <c:v>40469</c:v>
                </c:pt>
                <c:pt idx="3944">
                  <c:v>40470</c:v>
                </c:pt>
                <c:pt idx="3945">
                  <c:v>40471</c:v>
                </c:pt>
                <c:pt idx="3946">
                  <c:v>40472</c:v>
                </c:pt>
                <c:pt idx="3947">
                  <c:v>40473</c:v>
                </c:pt>
                <c:pt idx="3948">
                  <c:v>40474</c:v>
                </c:pt>
                <c:pt idx="3949">
                  <c:v>40475</c:v>
                </c:pt>
                <c:pt idx="3950">
                  <c:v>40476</c:v>
                </c:pt>
                <c:pt idx="3951">
                  <c:v>40477</c:v>
                </c:pt>
                <c:pt idx="3952">
                  <c:v>40478</c:v>
                </c:pt>
                <c:pt idx="3953">
                  <c:v>40479</c:v>
                </c:pt>
                <c:pt idx="3954">
                  <c:v>40480</c:v>
                </c:pt>
                <c:pt idx="3955">
                  <c:v>40481</c:v>
                </c:pt>
                <c:pt idx="3956">
                  <c:v>40482</c:v>
                </c:pt>
                <c:pt idx="3957">
                  <c:v>40483</c:v>
                </c:pt>
                <c:pt idx="3958">
                  <c:v>40484</c:v>
                </c:pt>
                <c:pt idx="3959">
                  <c:v>40485</c:v>
                </c:pt>
                <c:pt idx="3960">
                  <c:v>40486</c:v>
                </c:pt>
                <c:pt idx="3961">
                  <c:v>40487</c:v>
                </c:pt>
                <c:pt idx="3962">
                  <c:v>40488</c:v>
                </c:pt>
                <c:pt idx="3963">
                  <c:v>40489</c:v>
                </c:pt>
                <c:pt idx="3964">
                  <c:v>40490</c:v>
                </c:pt>
                <c:pt idx="3965">
                  <c:v>40491</c:v>
                </c:pt>
                <c:pt idx="3966">
                  <c:v>40492</c:v>
                </c:pt>
                <c:pt idx="3967">
                  <c:v>40493</c:v>
                </c:pt>
                <c:pt idx="3968">
                  <c:v>40494</c:v>
                </c:pt>
                <c:pt idx="3969">
                  <c:v>40495</c:v>
                </c:pt>
                <c:pt idx="3970">
                  <c:v>40496</c:v>
                </c:pt>
                <c:pt idx="3971">
                  <c:v>40497</c:v>
                </c:pt>
                <c:pt idx="3972">
                  <c:v>40498</c:v>
                </c:pt>
                <c:pt idx="3973">
                  <c:v>40499</c:v>
                </c:pt>
                <c:pt idx="3974">
                  <c:v>40500</c:v>
                </c:pt>
                <c:pt idx="3975">
                  <c:v>40501</c:v>
                </c:pt>
                <c:pt idx="3976">
                  <c:v>40502</c:v>
                </c:pt>
                <c:pt idx="3977">
                  <c:v>40503</c:v>
                </c:pt>
                <c:pt idx="3978">
                  <c:v>40504</c:v>
                </c:pt>
                <c:pt idx="3979">
                  <c:v>40505</c:v>
                </c:pt>
                <c:pt idx="3980">
                  <c:v>40506</c:v>
                </c:pt>
                <c:pt idx="3981">
                  <c:v>40507</c:v>
                </c:pt>
                <c:pt idx="3982">
                  <c:v>40508</c:v>
                </c:pt>
                <c:pt idx="3983">
                  <c:v>40509</c:v>
                </c:pt>
                <c:pt idx="3984">
                  <c:v>40510</c:v>
                </c:pt>
                <c:pt idx="3985">
                  <c:v>40511</c:v>
                </c:pt>
                <c:pt idx="3986">
                  <c:v>40512</c:v>
                </c:pt>
                <c:pt idx="3987">
                  <c:v>40513</c:v>
                </c:pt>
                <c:pt idx="3988">
                  <c:v>40514</c:v>
                </c:pt>
                <c:pt idx="3989">
                  <c:v>40515</c:v>
                </c:pt>
                <c:pt idx="3990">
                  <c:v>40516</c:v>
                </c:pt>
                <c:pt idx="3991">
                  <c:v>40517</c:v>
                </c:pt>
                <c:pt idx="3992">
                  <c:v>40518</c:v>
                </c:pt>
                <c:pt idx="3993">
                  <c:v>40519</c:v>
                </c:pt>
                <c:pt idx="3994">
                  <c:v>40520</c:v>
                </c:pt>
                <c:pt idx="3995">
                  <c:v>40521</c:v>
                </c:pt>
                <c:pt idx="3996">
                  <c:v>40522</c:v>
                </c:pt>
                <c:pt idx="3997">
                  <c:v>40523</c:v>
                </c:pt>
                <c:pt idx="3998">
                  <c:v>40524</c:v>
                </c:pt>
                <c:pt idx="3999">
                  <c:v>40525</c:v>
                </c:pt>
                <c:pt idx="4000">
                  <c:v>40526</c:v>
                </c:pt>
                <c:pt idx="4001">
                  <c:v>40527</c:v>
                </c:pt>
                <c:pt idx="4002">
                  <c:v>40528</c:v>
                </c:pt>
                <c:pt idx="4003">
                  <c:v>40529</c:v>
                </c:pt>
                <c:pt idx="4004">
                  <c:v>40530</c:v>
                </c:pt>
                <c:pt idx="4005">
                  <c:v>40531</c:v>
                </c:pt>
                <c:pt idx="4006">
                  <c:v>40532</c:v>
                </c:pt>
                <c:pt idx="4007">
                  <c:v>40533</c:v>
                </c:pt>
                <c:pt idx="4008">
                  <c:v>40534</c:v>
                </c:pt>
                <c:pt idx="4009">
                  <c:v>40535</c:v>
                </c:pt>
                <c:pt idx="4010">
                  <c:v>40536</c:v>
                </c:pt>
                <c:pt idx="4011">
                  <c:v>40537</c:v>
                </c:pt>
                <c:pt idx="4012">
                  <c:v>40538</c:v>
                </c:pt>
                <c:pt idx="4013">
                  <c:v>40539</c:v>
                </c:pt>
                <c:pt idx="4014">
                  <c:v>40540</c:v>
                </c:pt>
                <c:pt idx="4015">
                  <c:v>40541</c:v>
                </c:pt>
                <c:pt idx="4016">
                  <c:v>40542</c:v>
                </c:pt>
                <c:pt idx="4017">
                  <c:v>40543</c:v>
                </c:pt>
                <c:pt idx="4018">
                  <c:v>40544</c:v>
                </c:pt>
                <c:pt idx="4019">
                  <c:v>40545</c:v>
                </c:pt>
                <c:pt idx="4020">
                  <c:v>40546</c:v>
                </c:pt>
                <c:pt idx="4021">
                  <c:v>40547</c:v>
                </c:pt>
                <c:pt idx="4022">
                  <c:v>40548</c:v>
                </c:pt>
                <c:pt idx="4023">
                  <c:v>40549</c:v>
                </c:pt>
                <c:pt idx="4024">
                  <c:v>40550</c:v>
                </c:pt>
                <c:pt idx="4025">
                  <c:v>40551</c:v>
                </c:pt>
                <c:pt idx="4026">
                  <c:v>40552</c:v>
                </c:pt>
                <c:pt idx="4027">
                  <c:v>40553</c:v>
                </c:pt>
                <c:pt idx="4028">
                  <c:v>40554</c:v>
                </c:pt>
                <c:pt idx="4029">
                  <c:v>40555</c:v>
                </c:pt>
                <c:pt idx="4030">
                  <c:v>40556</c:v>
                </c:pt>
                <c:pt idx="4031">
                  <c:v>40557</c:v>
                </c:pt>
                <c:pt idx="4032">
                  <c:v>40558</c:v>
                </c:pt>
                <c:pt idx="4033">
                  <c:v>40559</c:v>
                </c:pt>
                <c:pt idx="4034">
                  <c:v>40560</c:v>
                </c:pt>
                <c:pt idx="4035">
                  <c:v>40561</c:v>
                </c:pt>
                <c:pt idx="4036">
                  <c:v>40562</c:v>
                </c:pt>
                <c:pt idx="4037">
                  <c:v>40563</c:v>
                </c:pt>
                <c:pt idx="4038">
                  <c:v>40564</c:v>
                </c:pt>
                <c:pt idx="4039">
                  <c:v>40565</c:v>
                </c:pt>
                <c:pt idx="4040">
                  <c:v>40566</c:v>
                </c:pt>
                <c:pt idx="4041">
                  <c:v>40567</c:v>
                </c:pt>
                <c:pt idx="4042">
                  <c:v>40568</c:v>
                </c:pt>
                <c:pt idx="4043">
                  <c:v>40569</c:v>
                </c:pt>
                <c:pt idx="4044">
                  <c:v>40570</c:v>
                </c:pt>
                <c:pt idx="4045">
                  <c:v>40571</c:v>
                </c:pt>
                <c:pt idx="4046">
                  <c:v>40572</c:v>
                </c:pt>
                <c:pt idx="4047">
                  <c:v>40573</c:v>
                </c:pt>
                <c:pt idx="4048">
                  <c:v>40574</c:v>
                </c:pt>
                <c:pt idx="4049">
                  <c:v>40575</c:v>
                </c:pt>
                <c:pt idx="4050">
                  <c:v>40576</c:v>
                </c:pt>
                <c:pt idx="4051">
                  <c:v>40577</c:v>
                </c:pt>
                <c:pt idx="4052">
                  <c:v>40578</c:v>
                </c:pt>
                <c:pt idx="4053">
                  <c:v>40579</c:v>
                </c:pt>
                <c:pt idx="4054">
                  <c:v>40580</c:v>
                </c:pt>
                <c:pt idx="4055">
                  <c:v>40581</c:v>
                </c:pt>
                <c:pt idx="4056">
                  <c:v>40582</c:v>
                </c:pt>
                <c:pt idx="4057">
                  <c:v>40583</c:v>
                </c:pt>
                <c:pt idx="4058">
                  <c:v>40584</c:v>
                </c:pt>
                <c:pt idx="4059">
                  <c:v>40585</c:v>
                </c:pt>
                <c:pt idx="4060">
                  <c:v>40586</c:v>
                </c:pt>
                <c:pt idx="4061">
                  <c:v>40587</c:v>
                </c:pt>
                <c:pt idx="4062">
                  <c:v>40588</c:v>
                </c:pt>
                <c:pt idx="4063">
                  <c:v>40589</c:v>
                </c:pt>
                <c:pt idx="4064">
                  <c:v>40590</c:v>
                </c:pt>
                <c:pt idx="4065">
                  <c:v>40591</c:v>
                </c:pt>
                <c:pt idx="4066">
                  <c:v>40592</c:v>
                </c:pt>
                <c:pt idx="4067">
                  <c:v>40593</c:v>
                </c:pt>
                <c:pt idx="4068">
                  <c:v>40594</c:v>
                </c:pt>
                <c:pt idx="4069">
                  <c:v>40595</c:v>
                </c:pt>
                <c:pt idx="4070">
                  <c:v>40596</c:v>
                </c:pt>
                <c:pt idx="4071">
                  <c:v>40597</c:v>
                </c:pt>
                <c:pt idx="4072">
                  <c:v>40598</c:v>
                </c:pt>
                <c:pt idx="4073">
                  <c:v>40599</c:v>
                </c:pt>
                <c:pt idx="4074">
                  <c:v>40600</c:v>
                </c:pt>
                <c:pt idx="4075">
                  <c:v>40601</c:v>
                </c:pt>
                <c:pt idx="4076">
                  <c:v>40602</c:v>
                </c:pt>
                <c:pt idx="4077">
                  <c:v>40603</c:v>
                </c:pt>
                <c:pt idx="4078">
                  <c:v>40604</c:v>
                </c:pt>
                <c:pt idx="4079">
                  <c:v>40605</c:v>
                </c:pt>
                <c:pt idx="4080">
                  <c:v>40606</c:v>
                </c:pt>
                <c:pt idx="4081">
                  <c:v>40607</c:v>
                </c:pt>
                <c:pt idx="4082">
                  <c:v>40608</c:v>
                </c:pt>
                <c:pt idx="4083">
                  <c:v>40609</c:v>
                </c:pt>
                <c:pt idx="4084">
                  <c:v>40610</c:v>
                </c:pt>
                <c:pt idx="4085">
                  <c:v>40611</c:v>
                </c:pt>
                <c:pt idx="4086">
                  <c:v>40612</c:v>
                </c:pt>
                <c:pt idx="4087">
                  <c:v>40613</c:v>
                </c:pt>
                <c:pt idx="4088">
                  <c:v>40614</c:v>
                </c:pt>
                <c:pt idx="4089">
                  <c:v>40615</c:v>
                </c:pt>
                <c:pt idx="4090">
                  <c:v>40616</c:v>
                </c:pt>
                <c:pt idx="4091">
                  <c:v>40617</c:v>
                </c:pt>
                <c:pt idx="4092">
                  <c:v>40618</c:v>
                </c:pt>
                <c:pt idx="4093">
                  <c:v>40619</c:v>
                </c:pt>
                <c:pt idx="4094">
                  <c:v>40620</c:v>
                </c:pt>
                <c:pt idx="4095">
                  <c:v>40621</c:v>
                </c:pt>
                <c:pt idx="4096">
                  <c:v>40622</c:v>
                </c:pt>
                <c:pt idx="4097">
                  <c:v>40623</c:v>
                </c:pt>
                <c:pt idx="4098">
                  <c:v>40624</c:v>
                </c:pt>
                <c:pt idx="4099">
                  <c:v>40625</c:v>
                </c:pt>
                <c:pt idx="4100">
                  <c:v>40626</c:v>
                </c:pt>
                <c:pt idx="4101">
                  <c:v>40627</c:v>
                </c:pt>
                <c:pt idx="4102">
                  <c:v>40628</c:v>
                </c:pt>
                <c:pt idx="4103">
                  <c:v>40629</c:v>
                </c:pt>
                <c:pt idx="4104">
                  <c:v>40630</c:v>
                </c:pt>
                <c:pt idx="4105">
                  <c:v>40631</c:v>
                </c:pt>
                <c:pt idx="4106">
                  <c:v>40632</c:v>
                </c:pt>
                <c:pt idx="4107">
                  <c:v>40633</c:v>
                </c:pt>
                <c:pt idx="4108">
                  <c:v>40634</c:v>
                </c:pt>
                <c:pt idx="4109">
                  <c:v>40635</c:v>
                </c:pt>
                <c:pt idx="4110">
                  <c:v>40636</c:v>
                </c:pt>
                <c:pt idx="4111">
                  <c:v>40637</c:v>
                </c:pt>
                <c:pt idx="4112">
                  <c:v>40638</c:v>
                </c:pt>
                <c:pt idx="4113">
                  <c:v>40639</c:v>
                </c:pt>
                <c:pt idx="4114">
                  <c:v>40640</c:v>
                </c:pt>
                <c:pt idx="4115">
                  <c:v>40641</c:v>
                </c:pt>
                <c:pt idx="4116">
                  <c:v>40642</c:v>
                </c:pt>
                <c:pt idx="4117">
                  <c:v>40643</c:v>
                </c:pt>
                <c:pt idx="4118">
                  <c:v>40644</c:v>
                </c:pt>
                <c:pt idx="4119">
                  <c:v>40645</c:v>
                </c:pt>
                <c:pt idx="4120">
                  <c:v>40646</c:v>
                </c:pt>
                <c:pt idx="4121">
                  <c:v>40647</c:v>
                </c:pt>
                <c:pt idx="4122">
                  <c:v>40648</c:v>
                </c:pt>
                <c:pt idx="4123">
                  <c:v>40649</c:v>
                </c:pt>
                <c:pt idx="4124">
                  <c:v>40650</c:v>
                </c:pt>
                <c:pt idx="4125">
                  <c:v>40651</c:v>
                </c:pt>
                <c:pt idx="4126">
                  <c:v>40652</c:v>
                </c:pt>
                <c:pt idx="4127">
                  <c:v>40653</c:v>
                </c:pt>
                <c:pt idx="4128">
                  <c:v>40654</c:v>
                </c:pt>
                <c:pt idx="4129">
                  <c:v>40655</c:v>
                </c:pt>
                <c:pt idx="4130">
                  <c:v>40656</c:v>
                </c:pt>
                <c:pt idx="4131">
                  <c:v>40657</c:v>
                </c:pt>
                <c:pt idx="4132">
                  <c:v>40658</c:v>
                </c:pt>
                <c:pt idx="4133">
                  <c:v>40659</c:v>
                </c:pt>
                <c:pt idx="4134">
                  <c:v>40660</c:v>
                </c:pt>
                <c:pt idx="4135">
                  <c:v>40661</c:v>
                </c:pt>
                <c:pt idx="4136">
                  <c:v>40662</c:v>
                </c:pt>
                <c:pt idx="4137">
                  <c:v>40663</c:v>
                </c:pt>
                <c:pt idx="4138">
                  <c:v>40664</c:v>
                </c:pt>
                <c:pt idx="4139">
                  <c:v>40665</c:v>
                </c:pt>
                <c:pt idx="4140">
                  <c:v>40666</c:v>
                </c:pt>
                <c:pt idx="4141">
                  <c:v>40667</c:v>
                </c:pt>
                <c:pt idx="4142">
                  <c:v>40668</c:v>
                </c:pt>
                <c:pt idx="4143">
                  <c:v>40669</c:v>
                </c:pt>
                <c:pt idx="4144">
                  <c:v>40670</c:v>
                </c:pt>
                <c:pt idx="4145">
                  <c:v>40671</c:v>
                </c:pt>
                <c:pt idx="4146">
                  <c:v>40672</c:v>
                </c:pt>
                <c:pt idx="4147">
                  <c:v>40673</c:v>
                </c:pt>
                <c:pt idx="4148">
                  <c:v>40674</c:v>
                </c:pt>
                <c:pt idx="4149">
                  <c:v>40675</c:v>
                </c:pt>
                <c:pt idx="4150">
                  <c:v>40676</c:v>
                </c:pt>
                <c:pt idx="4151">
                  <c:v>40677</c:v>
                </c:pt>
                <c:pt idx="4152">
                  <c:v>40678</c:v>
                </c:pt>
                <c:pt idx="4153">
                  <c:v>40679</c:v>
                </c:pt>
                <c:pt idx="4154">
                  <c:v>40680</c:v>
                </c:pt>
                <c:pt idx="4155">
                  <c:v>40681</c:v>
                </c:pt>
                <c:pt idx="4156">
                  <c:v>40682</c:v>
                </c:pt>
                <c:pt idx="4157">
                  <c:v>40683</c:v>
                </c:pt>
                <c:pt idx="4158">
                  <c:v>40684</c:v>
                </c:pt>
                <c:pt idx="4159">
                  <c:v>40685</c:v>
                </c:pt>
                <c:pt idx="4160">
                  <c:v>40686</c:v>
                </c:pt>
                <c:pt idx="4161">
                  <c:v>40687</c:v>
                </c:pt>
                <c:pt idx="4162">
                  <c:v>40688</c:v>
                </c:pt>
                <c:pt idx="4163">
                  <c:v>40689</c:v>
                </c:pt>
                <c:pt idx="4164">
                  <c:v>40690</c:v>
                </c:pt>
                <c:pt idx="4165">
                  <c:v>40691</c:v>
                </c:pt>
                <c:pt idx="4166">
                  <c:v>40692</c:v>
                </c:pt>
                <c:pt idx="4167">
                  <c:v>40693</c:v>
                </c:pt>
                <c:pt idx="4168">
                  <c:v>40694</c:v>
                </c:pt>
                <c:pt idx="4169">
                  <c:v>40695</c:v>
                </c:pt>
                <c:pt idx="4170">
                  <c:v>40696</c:v>
                </c:pt>
                <c:pt idx="4171">
                  <c:v>40697</c:v>
                </c:pt>
                <c:pt idx="4172">
                  <c:v>40698</c:v>
                </c:pt>
                <c:pt idx="4173">
                  <c:v>40699</c:v>
                </c:pt>
                <c:pt idx="4174">
                  <c:v>40700</c:v>
                </c:pt>
                <c:pt idx="4175">
                  <c:v>40701</c:v>
                </c:pt>
                <c:pt idx="4176">
                  <c:v>40702</c:v>
                </c:pt>
                <c:pt idx="4177">
                  <c:v>40703</c:v>
                </c:pt>
                <c:pt idx="4178">
                  <c:v>40704</c:v>
                </c:pt>
                <c:pt idx="4179">
                  <c:v>40705</c:v>
                </c:pt>
                <c:pt idx="4180">
                  <c:v>40706</c:v>
                </c:pt>
                <c:pt idx="4181">
                  <c:v>40707</c:v>
                </c:pt>
                <c:pt idx="4182">
                  <c:v>40708</c:v>
                </c:pt>
                <c:pt idx="4183">
                  <c:v>40709</c:v>
                </c:pt>
                <c:pt idx="4184">
                  <c:v>40710</c:v>
                </c:pt>
                <c:pt idx="4185">
                  <c:v>40711</c:v>
                </c:pt>
                <c:pt idx="4186">
                  <c:v>40712</c:v>
                </c:pt>
                <c:pt idx="4187">
                  <c:v>40713</c:v>
                </c:pt>
                <c:pt idx="4188">
                  <c:v>40714</c:v>
                </c:pt>
                <c:pt idx="4189">
                  <c:v>40715</c:v>
                </c:pt>
                <c:pt idx="4190">
                  <c:v>40716</c:v>
                </c:pt>
                <c:pt idx="4191">
                  <c:v>40717</c:v>
                </c:pt>
                <c:pt idx="4192">
                  <c:v>40718</c:v>
                </c:pt>
                <c:pt idx="4193">
                  <c:v>40719</c:v>
                </c:pt>
                <c:pt idx="4194">
                  <c:v>40720</c:v>
                </c:pt>
                <c:pt idx="4195">
                  <c:v>40721</c:v>
                </c:pt>
                <c:pt idx="4196">
                  <c:v>40722</c:v>
                </c:pt>
                <c:pt idx="4197">
                  <c:v>40723</c:v>
                </c:pt>
                <c:pt idx="4198">
                  <c:v>40724</c:v>
                </c:pt>
                <c:pt idx="4199">
                  <c:v>40725</c:v>
                </c:pt>
                <c:pt idx="4200">
                  <c:v>40726</c:v>
                </c:pt>
                <c:pt idx="4201">
                  <c:v>40727</c:v>
                </c:pt>
                <c:pt idx="4202">
                  <c:v>40728</c:v>
                </c:pt>
                <c:pt idx="4203">
                  <c:v>40729</c:v>
                </c:pt>
                <c:pt idx="4204">
                  <c:v>40730</c:v>
                </c:pt>
                <c:pt idx="4205">
                  <c:v>40731</c:v>
                </c:pt>
                <c:pt idx="4206">
                  <c:v>40732</c:v>
                </c:pt>
                <c:pt idx="4207">
                  <c:v>40733</c:v>
                </c:pt>
                <c:pt idx="4208">
                  <c:v>40734</c:v>
                </c:pt>
                <c:pt idx="4209">
                  <c:v>40735</c:v>
                </c:pt>
                <c:pt idx="4210">
                  <c:v>40736</c:v>
                </c:pt>
                <c:pt idx="4211">
                  <c:v>40737</c:v>
                </c:pt>
                <c:pt idx="4212">
                  <c:v>40738</c:v>
                </c:pt>
                <c:pt idx="4213">
                  <c:v>40739</c:v>
                </c:pt>
                <c:pt idx="4214">
                  <c:v>40740</c:v>
                </c:pt>
                <c:pt idx="4215">
                  <c:v>40741</c:v>
                </c:pt>
                <c:pt idx="4216">
                  <c:v>40742</c:v>
                </c:pt>
                <c:pt idx="4217">
                  <c:v>40743</c:v>
                </c:pt>
                <c:pt idx="4218">
                  <c:v>40744</c:v>
                </c:pt>
                <c:pt idx="4219">
                  <c:v>40745</c:v>
                </c:pt>
                <c:pt idx="4220">
                  <c:v>40746</c:v>
                </c:pt>
                <c:pt idx="4221">
                  <c:v>40747</c:v>
                </c:pt>
                <c:pt idx="4222">
                  <c:v>40748</c:v>
                </c:pt>
                <c:pt idx="4223">
                  <c:v>40749</c:v>
                </c:pt>
                <c:pt idx="4224">
                  <c:v>40750</c:v>
                </c:pt>
                <c:pt idx="4225">
                  <c:v>40751</c:v>
                </c:pt>
                <c:pt idx="4226">
                  <c:v>40752</c:v>
                </c:pt>
                <c:pt idx="4227">
                  <c:v>40753</c:v>
                </c:pt>
                <c:pt idx="4228">
                  <c:v>40754</c:v>
                </c:pt>
                <c:pt idx="4229">
                  <c:v>40755</c:v>
                </c:pt>
                <c:pt idx="4230">
                  <c:v>40756</c:v>
                </c:pt>
                <c:pt idx="4231">
                  <c:v>40757</c:v>
                </c:pt>
                <c:pt idx="4232">
                  <c:v>40758</c:v>
                </c:pt>
                <c:pt idx="4233">
                  <c:v>40759</c:v>
                </c:pt>
                <c:pt idx="4234">
                  <c:v>40760</c:v>
                </c:pt>
                <c:pt idx="4235">
                  <c:v>40761</c:v>
                </c:pt>
                <c:pt idx="4236">
                  <c:v>40762</c:v>
                </c:pt>
                <c:pt idx="4237">
                  <c:v>40763</c:v>
                </c:pt>
                <c:pt idx="4238">
                  <c:v>40764</c:v>
                </c:pt>
                <c:pt idx="4239">
                  <c:v>40765</c:v>
                </c:pt>
                <c:pt idx="4240">
                  <c:v>40766</c:v>
                </c:pt>
                <c:pt idx="4241">
                  <c:v>40767</c:v>
                </c:pt>
                <c:pt idx="4242">
                  <c:v>40768</c:v>
                </c:pt>
                <c:pt idx="4243">
                  <c:v>40769</c:v>
                </c:pt>
                <c:pt idx="4244">
                  <c:v>40770</c:v>
                </c:pt>
                <c:pt idx="4245">
                  <c:v>40771</c:v>
                </c:pt>
                <c:pt idx="4246">
                  <c:v>40772</c:v>
                </c:pt>
                <c:pt idx="4247">
                  <c:v>40773</c:v>
                </c:pt>
                <c:pt idx="4248">
                  <c:v>40774</c:v>
                </c:pt>
                <c:pt idx="4249">
                  <c:v>40775</c:v>
                </c:pt>
                <c:pt idx="4250">
                  <c:v>40776</c:v>
                </c:pt>
                <c:pt idx="4251">
                  <c:v>40777</c:v>
                </c:pt>
                <c:pt idx="4252">
                  <c:v>40778</c:v>
                </c:pt>
                <c:pt idx="4253">
                  <c:v>40779</c:v>
                </c:pt>
                <c:pt idx="4254">
                  <c:v>40780</c:v>
                </c:pt>
                <c:pt idx="4255">
                  <c:v>40781</c:v>
                </c:pt>
                <c:pt idx="4256">
                  <c:v>40782</c:v>
                </c:pt>
                <c:pt idx="4257">
                  <c:v>40783</c:v>
                </c:pt>
                <c:pt idx="4258">
                  <c:v>40784</c:v>
                </c:pt>
                <c:pt idx="4259">
                  <c:v>40785</c:v>
                </c:pt>
                <c:pt idx="4260">
                  <c:v>40786</c:v>
                </c:pt>
                <c:pt idx="4261">
                  <c:v>40787</c:v>
                </c:pt>
                <c:pt idx="4262">
                  <c:v>40788</c:v>
                </c:pt>
                <c:pt idx="4263">
                  <c:v>40789</c:v>
                </c:pt>
                <c:pt idx="4264">
                  <c:v>40790</c:v>
                </c:pt>
                <c:pt idx="4265">
                  <c:v>40791</c:v>
                </c:pt>
                <c:pt idx="4266">
                  <c:v>40792</c:v>
                </c:pt>
                <c:pt idx="4267">
                  <c:v>40793</c:v>
                </c:pt>
                <c:pt idx="4268">
                  <c:v>40794</c:v>
                </c:pt>
                <c:pt idx="4269">
                  <c:v>40795</c:v>
                </c:pt>
                <c:pt idx="4270">
                  <c:v>40796</c:v>
                </c:pt>
                <c:pt idx="4271">
                  <c:v>40797</c:v>
                </c:pt>
                <c:pt idx="4272">
                  <c:v>40798</c:v>
                </c:pt>
                <c:pt idx="4273">
                  <c:v>40799</c:v>
                </c:pt>
                <c:pt idx="4274">
                  <c:v>40800</c:v>
                </c:pt>
                <c:pt idx="4275">
                  <c:v>40801</c:v>
                </c:pt>
                <c:pt idx="4276">
                  <c:v>40802</c:v>
                </c:pt>
                <c:pt idx="4277">
                  <c:v>40803</c:v>
                </c:pt>
                <c:pt idx="4278">
                  <c:v>40804</c:v>
                </c:pt>
                <c:pt idx="4279">
                  <c:v>40805</c:v>
                </c:pt>
                <c:pt idx="4280">
                  <c:v>40806</c:v>
                </c:pt>
                <c:pt idx="4281">
                  <c:v>40807</c:v>
                </c:pt>
                <c:pt idx="4282">
                  <c:v>40808</c:v>
                </c:pt>
                <c:pt idx="4283">
                  <c:v>40809</c:v>
                </c:pt>
                <c:pt idx="4284">
                  <c:v>40810</c:v>
                </c:pt>
                <c:pt idx="4285">
                  <c:v>40811</c:v>
                </c:pt>
                <c:pt idx="4286">
                  <c:v>40812</c:v>
                </c:pt>
                <c:pt idx="4287">
                  <c:v>40813</c:v>
                </c:pt>
                <c:pt idx="4288">
                  <c:v>40814</c:v>
                </c:pt>
                <c:pt idx="4289">
                  <c:v>40815</c:v>
                </c:pt>
                <c:pt idx="4290">
                  <c:v>40816</c:v>
                </c:pt>
                <c:pt idx="4291">
                  <c:v>40817</c:v>
                </c:pt>
                <c:pt idx="4292">
                  <c:v>40818</c:v>
                </c:pt>
                <c:pt idx="4293">
                  <c:v>40819</c:v>
                </c:pt>
                <c:pt idx="4294">
                  <c:v>40820</c:v>
                </c:pt>
                <c:pt idx="4295">
                  <c:v>40821</c:v>
                </c:pt>
                <c:pt idx="4296">
                  <c:v>40822</c:v>
                </c:pt>
                <c:pt idx="4297">
                  <c:v>40823</c:v>
                </c:pt>
                <c:pt idx="4298">
                  <c:v>40824</c:v>
                </c:pt>
                <c:pt idx="4299">
                  <c:v>40825</c:v>
                </c:pt>
                <c:pt idx="4300">
                  <c:v>40826</c:v>
                </c:pt>
                <c:pt idx="4301">
                  <c:v>40827</c:v>
                </c:pt>
                <c:pt idx="4302">
                  <c:v>40828</c:v>
                </c:pt>
                <c:pt idx="4303">
                  <c:v>40829</c:v>
                </c:pt>
                <c:pt idx="4304">
                  <c:v>40830</c:v>
                </c:pt>
                <c:pt idx="4305">
                  <c:v>40831</c:v>
                </c:pt>
                <c:pt idx="4306">
                  <c:v>40832</c:v>
                </c:pt>
                <c:pt idx="4307">
                  <c:v>40833</c:v>
                </c:pt>
                <c:pt idx="4308">
                  <c:v>40834</c:v>
                </c:pt>
                <c:pt idx="4309">
                  <c:v>40835</c:v>
                </c:pt>
                <c:pt idx="4310">
                  <c:v>40836</c:v>
                </c:pt>
                <c:pt idx="4311">
                  <c:v>40837</c:v>
                </c:pt>
                <c:pt idx="4312">
                  <c:v>40838</c:v>
                </c:pt>
                <c:pt idx="4313">
                  <c:v>40839</c:v>
                </c:pt>
                <c:pt idx="4314">
                  <c:v>40840</c:v>
                </c:pt>
                <c:pt idx="4315">
                  <c:v>40841</c:v>
                </c:pt>
                <c:pt idx="4316">
                  <c:v>40842</c:v>
                </c:pt>
                <c:pt idx="4317">
                  <c:v>40843</c:v>
                </c:pt>
                <c:pt idx="4318">
                  <c:v>40844</c:v>
                </c:pt>
                <c:pt idx="4319">
                  <c:v>40845</c:v>
                </c:pt>
                <c:pt idx="4320">
                  <c:v>40846</c:v>
                </c:pt>
                <c:pt idx="4321">
                  <c:v>40847</c:v>
                </c:pt>
                <c:pt idx="4322">
                  <c:v>40848</c:v>
                </c:pt>
                <c:pt idx="4323">
                  <c:v>40849</c:v>
                </c:pt>
                <c:pt idx="4324">
                  <c:v>40850</c:v>
                </c:pt>
                <c:pt idx="4325">
                  <c:v>40851</c:v>
                </c:pt>
                <c:pt idx="4326">
                  <c:v>40852</c:v>
                </c:pt>
                <c:pt idx="4327">
                  <c:v>40853</c:v>
                </c:pt>
                <c:pt idx="4328">
                  <c:v>40854</c:v>
                </c:pt>
                <c:pt idx="4329">
                  <c:v>40855</c:v>
                </c:pt>
                <c:pt idx="4330">
                  <c:v>40856</c:v>
                </c:pt>
                <c:pt idx="4331">
                  <c:v>40857</c:v>
                </c:pt>
                <c:pt idx="4332">
                  <c:v>40858</c:v>
                </c:pt>
                <c:pt idx="4333">
                  <c:v>40859</c:v>
                </c:pt>
                <c:pt idx="4334">
                  <c:v>40860</c:v>
                </c:pt>
                <c:pt idx="4335">
                  <c:v>40861</c:v>
                </c:pt>
                <c:pt idx="4336">
                  <c:v>40862</c:v>
                </c:pt>
                <c:pt idx="4337">
                  <c:v>40863</c:v>
                </c:pt>
                <c:pt idx="4338">
                  <c:v>40864</c:v>
                </c:pt>
                <c:pt idx="4339">
                  <c:v>40865</c:v>
                </c:pt>
                <c:pt idx="4340">
                  <c:v>40866</c:v>
                </c:pt>
                <c:pt idx="4341">
                  <c:v>40867</c:v>
                </c:pt>
                <c:pt idx="4342">
                  <c:v>40868</c:v>
                </c:pt>
                <c:pt idx="4343">
                  <c:v>40869</c:v>
                </c:pt>
                <c:pt idx="4344">
                  <c:v>40870</c:v>
                </c:pt>
                <c:pt idx="4345">
                  <c:v>40871</c:v>
                </c:pt>
                <c:pt idx="4346">
                  <c:v>40872</c:v>
                </c:pt>
                <c:pt idx="4347">
                  <c:v>40873</c:v>
                </c:pt>
                <c:pt idx="4348">
                  <c:v>40874</c:v>
                </c:pt>
                <c:pt idx="4349">
                  <c:v>40875</c:v>
                </c:pt>
                <c:pt idx="4350">
                  <c:v>40876</c:v>
                </c:pt>
                <c:pt idx="4351">
                  <c:v>40877</c:v>
                </c:pt>
                <c:pt idx="4352">
                  <c:v>40878</c:v>
                </c:pt>
                <c:pt idx="4353">
                  <c:v>40879</c:v>
                </c:pt>
                <c:pt idx="4354">
                  <c:v>40880</c:v>
                </c:pt>
                <c:pt idx="4355">
                  <c:v>40881</c:v>
                </c:pt>
                <c:pt idx="4356">
                  <c:v>40882</c:v>
                </c:pt>
                <c:pt idx="4357">
                  <c:v>40883</c:v>
                </c:pt>
                <c:pt idx="4358">
                  <c:v>40884</c:v>
                </c:pt>
                <c:pt idx="4359">
                  <c:v>40885</c:v>
                </c:pt>
                <c:pt idx="4360">
                  <c:v>40886</c:v>
                </c:pt>
                <c:pt idx="4361">
                  <c:v>40887</c:v>
                </c:pt>
                <c:pt idx="4362">
                  <c:v>40888</c:v>
                </c:pt>
                <c:pt idx="4363">
                  <c:v>40889</c:v>
                </c:pt>
                <c:pt idx="4364">
                  <c:v>40890</c:v>
                </c:pt>
                <c:pt idx="4365">
                  <c:v>40891</c:v>
                </c:pt>
                <c:pt idx="4366">
                  <c:v>40892</c:v>
                </c:pt>
                <c:pt idx="4367">
                  <c:v>40893</c:v>
                </c:pt>
                <c:pt idx="4368">
                  <c:v>40894</c:v>
                </c:pt>
                <c:pt idx="4369">
                  <c:v>40895</c:v>
                </c:pt>
                <c:pt idx="4370">
                  <c:v>40896</c:v>
                </c:pt>
                <c:pt idx="4371">
                  <c:v>40897</c:v>
                </c:pt>
                <c:pt idx="4372">
                  <c:v>40898</c:v>
                </c:pt>
                <c:pt idx="4373">
                  <c:v>40899</c:v>
                </c:pt>
                <c:pt idx="4374">
                  <c:v>40900</c:v>
                </c:pt>
                <c:pt idx="4375">
                  <c:v>40901</c:v>
                </c:pt>
                <c:pt idx="4376">
                  <c:v>40902</c:v>
                </c:pt>
                <c:pt idx="4377">
                  <c:v>40903</c:v>
                </c:pt>
                <c:pt idx="4378">
                  <c:v>40904</c:v>
                </c:pt>
                <c:pt idx="4379">
                  <c:v>40905</c:v>
                </c:pt>
                <c:pt idx="4380">
                  <c:v>40906</c:v>
                </c:pt>
                <c:pt idx="4381">
                  <c:v>40907</c:v>
                </c:pt>
                <c:pt idx="4382">
                  <c:v>40908</c:v>
                </c:pt>
                <c:pt idx="4383">
                  <c:v>40909</c:v>
                </c:pt>
                <c:pt idx="4384">
                  <c:v>40910</c:v>
                </c:pt>
                <c:pt idx="4385">
                  <c:v>40911</c:v>
                </c:pt>
                <c:pt idx="4386">
                  <c:v>40912</c:v>
                </c:pt>
                <c:pt idx="4387">
                  <c:v>40913</c:v>
                </c:pt>
                <c:pt idx="4388">
                  <c:v>40914</c:v>
                </c:pt>
                <c:pt idx="4389">
                  <c:v>40915</c:v>
                </c:pt>
                <c:pt idx="4390">
                  <c:v>40916</c:v>
                </c:pt>
                <c:pt idx="4391">
                  <c:v>40917</c:v>
                </c:pt>
                <c:pt idx="4392">
                  <c:v>40918</c:v>
                </c:pt>
                <c:pt idx="4393">
                  <c:v>40919</c:v>
                </c:pt>
                <c:pt idx="4394">
                  <c:v>40920</c:v>
                </c:pt>
                <c:pt idx="4395">
                  <c:v>40921</c:v>
                </c:pt>
                <c:pt idx="4396">
                  <c:v>40922</c:v>
                </c:pt>
                <c:pt idx="4397">
                  <c:v>40923</c:v>
                </c:pt>
                <c:pt idx="4398">
                  <c:v>40924</c:v>
                </c:pt>
                <c:pt idx="4399">
                  <c:v>40925</c:v>
                </c:pt>
                <c:pt idx="4400">
                  <c:v>40926</c:v>
                </c:pt>
                <c:pt idx="4401">
                  <c:v>40927</c:v>
                </c:pt>
                <c:pt idx="4402">
                  <c:v>40928</c:v>
                </c:pt>
                <c:pt idx="4403">
                  <c:v>40929</c:v>
                </c:pt>
                <c:pt idx="4404">
                  <c:v>40930</c:v>
                </c:pt>
                <c:pt idx="4405">
                  <c:v>40931</c:v>
                </c:pt>
                <c:pt idx="4406">
                  <c:v>40932</c:v>
                </c:pt>
                <c:pt idx="4407">
                  <c:v>40933</c:v>
                </c:pt>
                <c:pt idx="4408">
                  <c:v>40934</c:v>
                </c:pt>
                <c:pt idx="4409">
                  <c:v>40935</c:v>
                </c:pt>
                <c:pt idx="4410">
                  <c:v>40936</c:v>
                </c:pt>
                <c:pt idx="4411">
                  <c:v>40937</c:v>
                </c:pt>
                <c:pt idx="4412">
                  <c:v>40938</c:v>
                </c:pt>
                <c:pt idx="4413">
                  <c:v>40939</c:v>
                </c:pt>
                <c:pt idx="4414">
                  <c:v>40940</c:v>
                </c:pt>
                <c:pt idx="4415">
                  <c:v>40941</c:v>
                </c:pt>
                <c:pt idx="4416">
                  <c:v>40942</c:v>
                </c:pt>
                <c:pt idx="4417">
                  <c:v>40943</c:v>
                </c:pt>
                <c:pt idx="4418">
                  <c:v>40944</c:v>
                </c:pt>
                <c:pt idx="4419">
                  <c:v>40945</c:v>
                </c:pt>
                <c:pt idx="4420">
                  <c:v>40946</c:v>
                </c:pt>
                <c:pt idx="4421">
                  <c:v>40947</c:v>
                </c:pt>
                <c:pt idx="4422">
                  <c:v>40948</c:v>
                </c:pt>
                <c:pt idx="4423">
                  <c:v>40949</c:v>
                </c:pt>
                <c:pt idx="4424">
                  <c:v>40950</c:v>
                </c:pt>
                <c:pt idx="4425">
                  <c:v>40951</c:v>
                </c:pt>
                <c:pt idx="4426">
                  <c:v>40952</c:v>
                </c:pt>
                <c:pt idx="4427">
                  <c:v>40953</c:v>
                </c:pt>
                <c:pt idx="4428">
                  <c:v>40954</c:v>
                </c:pt>
                <c:pt idx="4429">
                  <c:v>40955</c:v>
                </c:pt>
                <c:pt idx="4430">
                  <c:v>40956</c:v>
                </c:pt>
                <c:pt idx="4431">
                  <c:v>40957</c:v>
                </c:pt>
                <c:pt idx="4432">
                  <c:v>40958</c:v>
                </c:pt>
                <c:pt idx="4433">
                  <c:v>40959</c:v>
                </c:pt>
                <c:pt idx="4434">
                  <c:v>40960</c:v>
                </c:pt>
                <c:pt idx="4435">
                  <c:v>40961</c:v>
                </c:pt>
                <c:pt idx="4436">
                  <c:v>40962</c:v>
                </c:pt>
                <c:pt idx="4437">
                  <c:v>40963</c:v>
                </c:pt>
                <c:pt idx="4438">
                  <c:v>40964</c:v>
                </c:pt>
                <c:pt idx="4439">
                  <c:v>40965</c:v>
                </c:pt>
                <c:pt idx="4440">
                  <c:v>40966</c:v>
                </c:pt>
                <c:pt idx="4441">
                  <c:v>40967</c:v>
                </c:pt>
                <c:pt idx="4442">
                  <c:v>40968</c:v>
                </c:pt>
                <c:pt idx="4443">
                  <c:v>40969</c:v>
                </c:pt>
                <c:pt idx="4444">
                  <c:v>40970</c:v>
                </c:pt>
                <c:pt idx="4445">
                  <c:v>40971</c:v>
                </c:pt>
                <c:pt idx="4446">
                  <c:v>40972</c:v>
                </c:pt>
                <c:pt idx="4447">
                  <c:v>40973</c:v>
                </c:pt>
                <c:pt idx="4448">
                  <c:v>40974</c:v>
                </c:pt>
                <c:pt idx="4449">
                  <c:v>40975</c:v>
                </c:pt>
                <c:pt idx="4450">
                  <c:v>40976</c:v>
                </c:pt>
                <c:pt idx="4451">
                  <c:v>40977</c:v>
                </c:pt>
                <c:pt idx="4452">
                  <c:v>40978</c:v>
                </c:pt>
                <c:pt idx="4453">
                  <c:v>40979</c:v>
                </c:pt>
                <c:pt idx="4454">
                  <c:v>40980</c:v>
                </c:pt>
                <c:pt idx="4455">
                  <c:v>40981</c:v>
                </c:pt>
                <c:pt idx="4456">
                  <c:v>40982</c:v>
                </c:pt>
                <c:pt idx="4457">
                  <c:v>40983</c:v>
                </c:pt>
                <c:pt idx="4458">
                  <c:v>40984</c:v>
                </c:pt>
                <c:pt idx="4459">
                  <c:v>40985</c:v>
                </c:pt>
                <c:pt idx="4460">
                  <c:v>40986</c:v>
                </c:pt>
                <c:pt idx="4461">
                  <c:v>40987</c:v>
                </c:pt>
                <c:pt idx="4462">
                  <c:v>40988</c:v>
                </c:pt>
                <c:pt idx="4463">
                  <c:v>40989</c:v>
                </c:pt>
                <c:pt idx="4464">
                  <c:v>40990</c:v>
                </c:pt>
                <c:pt idx="4465">
                  <c:v>40991</c:v>
                </c:pt>
                <c:pt idx="4466">
                  <c:v>40992</c:v>
                </c:pt>
                <c:pt idx="4467">
                  <c:v>40993</c:v>
                </c:pt>
                <c:pt idx="4468">
                  <c:v>40994</c:v>
                </c:pt>
                <c:pt idx="4469">
                  <c:v>40995</c:v>
                </c:pt>
                <c:pt idx="4470">
                  <c:v>40996</c:v>
                </c:pt>
                <c:pt idx="4471">
                  <c:v>40997</c:v>
                </c:pt>
                <c:pt idx="4472">
                  <c:v>40998</c:v>
                </c:pt>
                <c:pt idx="4473">
                  <c:v>40999</c:v>
                </c:pt>
                <c:pt idx="4474">
                  <c:v>41000</c:v>
                </c:pt>
                <c:pt idx="4475">
                  <c:v>41001</c:v>
                </c:pt>
                <c:pt idx="4476">
                  <c:v>41002</c:v>
                </c:pt>
                <c:pt idx="4477">
                  <c:v>41003</c:v>
                </c:pt>
                <c:pt idx="4478">
                  <c:v>41004</c:v>
                </c:pt>
                <c:pt idx="4479">
                  <c:v>41005</c:v>
                </c:pt>
                <c:pt idx="4480">
                  <c:v>41006</c:v>
                </c:pt>
                <c:pt idx="4481">
                  <c:v>41007</c:v>
                </c:pt>
                <c:pt idx="4482">
                  <c:v>41008</c:v>
                </c:pt>
                <c:pt idx="4483">
                  <c:v>41009</c:v>
                </c:pt>
                <c:pt idx="4484">
                  <c:v>41010</c:v>
                </c:pt>
                <c:pt idx="4485">
                  <c:v>41011</c:v>
                </c:pt>
                <c:pt idx="4486">
                  <c:v>41012</c:v>
                </c:pt>
                <c:pt idx="4487">
                  <c:v>41013</c:v>
                </c:pt>
                <c:pt idx="4488">
                  <c:v>41014</c:v>
                </c:pt>
                <c:pt idx="4489">
                  <c:v>41015</c:v>
                </c:pt>
                <c:pt idx="4490">
                  <c:v>41016</c:v>
                </c:pt>
                <c:pt idx="4491">
                  <c:v>41017</c:v>
                </c:pt>
                <c:pt idx="4492">
                  <c:v>41018</c:v>
                </c:pt>
                <c:pt idx="4493">
                  <c:v>41019</c:v>
                </c:pt>
                <c:pt idx="4494">
                  <c:v>41020</c:v>
                </c:pt>
                <c:pt idx="4495">
                  <c:v>41021</c:v>
                </c:pt>
                <c:pt idx="4496">
                  <c:v>41022</c:v>
                </c:pt>
                <c:pt idx="4497">
                  <c:v>41023</c:v>
                </c:pt>
                <c:pt idx="4498">
                  <c:v>41024</c:v>
                </c:pt>
                <c:pt idx="4499">
                  <c:v>41025</c:v>
                </c:pt>
                <c:pt idx="4500">
                  <c:v>41026</c:v>
                </c:pt>
                <c:pt idx="4501">
                  <c:v>41027</c:v>
                </c:pt>
                <c:pt idx="4502">
                  <c:v>41028</c:v>
                </c:pt>
                <c:pt idx="4503">
                  <c:v>41029</c:v>
                </c:pt>
                <c:pt idx="4504">
                  <c:v>41030</c:v>
                </c:pt>
                <c:pt idx="4505">
                  <c:v>41031</c:v>
                </c:pt>
                <c:pt idx="4506">
                  <c:v>41032</c:v>
                </c:pt>
                <c:pt idx="4507">
                  <c:v>41033</c:v>
                </c:pt>
                <c:pt idx="4508">
                  <c:v>41034</c:v>
                </c:pt>
                <c:pt idx="4509">
                  <c:v>41035</c:v>
                </c:pt>
                <c:pt idx="4510">
                  <c:v>41036</c:v>
                </c:pt>
                <c:pt idx="4511">
                  <c:v>41037</c:v>
                </c:pt>
                <c:pt idx="4512">
                  <c:v>41038</c:v>
                </c:pt>
                <c:pt idx="4513">
                  <c:v>41039</c:v>
                </c:pt>
                <c:pt idx="4514">
                  <c:v>41040</c:v>
                </c:pt>
                <c:pt idx="4515">
                  <c:v>41041</c:v>
                </c:pt>
                <c:pt idx="4516">
                  <c:v>41042</c:v>
                </c:pt>
                <c:pt idx="4517">
                  <c:v>41043</c:v>
                </c:pt>
                <c:pt idx="4518">
                  <c:v>41044</c:v>
                </c:pt>
                <c:pt idx="4519">
                  <c:v>41045</c:v>
                </c:pt>
                <c:pt idx="4520">
                  <c:v>41046</c:v>
                </c:pt>
                <c:pt idx="4521">
                  <c:v>41047</c:v>
                </c:pt>
                <c:pt idx="4522">
                  <c:v>41048</c:v>
                </c:pt>
                <c:pt idx="4523">
                  <c:v>41049</c:v>
                </c:pt>
                <c:pt idx="4524">
                  <c:v>41050</c:v>
                </c:pt>
                <c:pt idx="4525">
                  <c:v>41051</c:v>
                </c:pt>
                <c:pt idx="4526">
                  <c:v>41052</c:v>
                </c:pt>
                <c:pt idx="4527">
                  <c:v>41053</c:v>
                </c:pt>
                <c:pt idx="4528">
                  <c:v>41054</c:v>
                </c:pt>
                <c:pt idx="4529">
                  <c:v>41055</c:v>
                </c:pt>
                <c:pt idx="4530">
                  <c:v>41056</c:v>
                </c:pt>
                <c:pt idx="4531">
                  <c:v>41057</c:v>
                </c:pt>
                <c:pt idx="4532">
                  <c:v>41058</c:v>
                </c:pt>
                <c:pt idx="4533">
                  <c:v>41059</c:v>
                </c:pt>
                <c:pt idx="4534">
                  <c:v>41060</c:v>
                </c:pt>
                <c:pt idx="4535">
                  <c:v>41061</c:v>
                </c:pt>
                <c:pt idx="4536">
                  <c:v>41062</c:v>
                </c:pt>
                <c:pt idx="4537">
                  <c:v>41063</c:v>
                </c:pt>
                <c:pt idx="4538">
                  <c:v>41064</c:v>
                </c:pt>
                <c:pt idx="4539">
                  <c:v>41065</c:v>
                </c:pt>
                <c:pt idx="4540">
                  <c:v>41066</c:v>
                </c:pt>
                <c:pt idx="4541">
                  <c:v>41067</c:v>
                </c:pt>
                <c:pt idx="4542">
                  <c:v>41068</c:v>
                </c:pt>
                <c:pt idx="4543">
                  <c:v>41069</c:v>
                </c:pt>
                <c:pt idx="4544">
                  <c:v>41070</c:v>
                </c:pt>
                <c:pt idx="4545">
                  <c:v>41071</c:v>
                </c:pt>
                <c:pt idx="4546">
                  <c:v>41072</c:v>
                </c:pt>
                <c:pt idx="4547">
                  <c:v>41073</c:v>
                </c:pt>
                <c:pt idx="4548">
                  <c:v>41074</c:v>
                </c:pt>
                <c:pt idx="4549">
                  <c:v>41075</c:v>
                </c:pt>
                <c:pt idx="4550">
                  <c:v>41076</c:v>
                </c:pt>
                <c:pt idx="4551">
                  <c:v>41077</c:v>
                </c:pt>
                <c:pt idx="4552">
                  <c:v>41078</c:v>
                </c:pt>
                <c:pt idx="4553">
                  <c:v>41079</c:v>
                </c:pt>
                <c:pt idx="4554">
                  <c:v>41080</c:v>
                </c:pt>
                <c:pt idx="4555">
                  <c:v>41081</c:v>
                </c:pt>
                <c:pt idx="4556">
                  <c:v>41082</c:v>
                </c:pt>
                <c:pt idx="4557">
                  <c:v>41083</c:v>
                </c:pt>
                <c:pt idx="4558">
                  <c:v>41084</c:v>
                </c:pt>
                <c:pt idx="4559">
                  <c:v>41085</c:v>
                </c:pt>
                <c:pt idx="4560">
                  <c:v>41086</c:v>
                </c:pt>
                <c:pt idx="4561">
                  <c:v>41087</c:v>
                </c:pt>
                <c:pt idx="4562">
                  <c:v>41088</c:v>
                </c:pt>
                <c:pt idx="4563">
                  <c:v>41089</c:v>
                </c:pt>
                <c:pt idx="4564">
                  <c:v>41090</c:v>
                </c:pt>
                <c:pt idx="4565">
                  <c:v>41091</c:v>
                </c:pt>
                <c:pt idx="4566">
                  <c:v>41092</c:v>
                </c:pt>
                <c:pt idx="4567">
                  <c:v>41093</c:v>
                </c:pt>
                <c:pt idx="4568">
                  <c:v>41094</c:v>
                </c:pt>
                <c:pt idx="4569">
                  <c:v>41095</c:v>
                </c:pt>
                <c:pt idx="4570">
                  <c:v>41096</c:v>
                </c:pt>
                <c:pt idx="4571">
                  <c:v>41097</c:v>
                </c:pt>
                <c:pt idx="4572">
                  <c:v>41098</c:v>
                </c:pt>
                <c:pt idx="4573">
                  <c:v>41099</c:v>
                </c:pt>
                <c:pt idx="4574">
                  <c:v>41100</c:v>
                </c:pt>
                <c:pt idx="4575">
                  <c:v>41101</c:v>
                </c:pt>
                <c:pt idx="4576">
                  <c:v>41102</c:v>
                </c:pt>
                <c:pt idx="4577">
                  <c:v>41103</c:v>
                </c:pt>
                <c:pt idx="4578">
                  <c:v>41104</c:v>
                </c:pt>
                <c:pt idx="4579">
                  <c:v>41105</c:v>
                </c:pt>
                <c:pt idx="4580">
                  <c:v>41106</c:v>
                </c:pt>
                <c:pt idx="4581">
                  <c:v>41107</c:v>
                </c:pt>
                <c:pt idx="4582">
                  <c:v>41108</c:v>
                </c:pt>
                <c:pt idx="4583">
                  <c:v>41109</c:v>
                </c:pt>
                <c:pt idx="4584">
                  <c:v>41110</c:v>
                </c:pt>
                <c:pt idx="4585">
                  <c:v>41111</c:v>
                </c:pt>
                <c:pt idx="4586">
                  <c:v>41112</c:v>
                </c:pt>
                <c:pt idx="4587">
                  <c:v>41113</c:v>
                </c:pt>
                <c:pt idx="4588">
                  <c:v>41114</c:v>
                </c:pt>
                <c:pt idx="4589">
                  <c:v>41115</c:v>
                </c:pt>
                <c:pt idx="4590">
                  <c:v>41116</c:v>
                </c:pt>
                <c:pt idx="4591">
                  <c:v>41117</c:v>
                </c:pt>
                <c:pt idx="4592">
                  <c:v>41118</c:v>
                </c:pt>
                <c:pt idx="4593">
                  <c:v>41119</c:v>
                </c:pt>
                <c:pt idx="4594">
                  <c:v>41120</c:v>
                </c:pt>
                <c:pt idx="4595">
                  <c:v>41121</c:v>
                </c:pt>
                <c:pt idx="4596">
                  <c:v>41122</c:v>
                </c:pt>
                <c:pt idx="4597">
                  <c:v>41123</c:v>
                </c:pt>
                <c:pt idx="4598">
                  <c:v>41124</c:v>
                </c:pt>
                <c:pt idx="4599">
                  <c:v>41125</c:v>
                </c:pt>
                <c:pt idx="4600">
                  <c:v>41126</c:v>
                </c:pt>
                <c:pt idx="4601">
                  <c:v>41127</c:v>
                </c:pt>
                <c:pt idx="4602">
                  <c:v>41128</c:v>
                </c:pt>
                <c:pt idx="4603">
                  <c:v>41129</c:v>
                </c:pt>
                <c:pt idx="4604">
                  <c:v>41130</c:v>
                </c:pt>
                <c:pt idx="4605">
                  <c:v>41131</c:v>
                </c:pt>
                <c:pt idx="4606">
                  <c:v>41132</c:v>
                </c:pt>
                <c:pt idx="4607">
                  <c:v>41133</c:v>
                </c:pt>
                <c:pt idx="4608">
                  <c:v>41134</c:v>
                </c:pt>
                <c:pt idx="4609">
                  <c:v>41135</c:v>
                </c:pt>
                <c:pt idx="4610">
                  <c:v>41136</c:v>
                </c:pt>
                <c:pt idx="4611">
                  <c:v>41137</c:v>
                </c:pt>
                <c:pt idx="4612">
                  <c:v>41138</c:v>
                </c:pt>
                <c:pt idx="4613">
                  <c:v>41139</c:v>
                </c:pt>
                <c:pt idx="4614">
                  <c:v>41140</c:v>
                </c:pt>
                <c:pt idx="4615">
                  <c:v>41141</c:v>
                </c:pt>
                <c:pt idx="4616">
                  <c:v>41142</c:v>
                </c:pt>
                <c:pt idx="4617">
                  <c:v>41143</c:v>
                </c:pt>
                <c:pt idx="4618">
                  <c:v>41144</c:v>
                </c:pt>
                <c:pt idx="4619">
                  <c:v>41145</c:v>
                </c:pt>
                <c:pt idx="4620">
                  <c:v>41146</c:v>
                </c:pt>
                <c:pt idx="4621">
                  <c:v>41147</c:v>
                </c:pt>
                <c:pt idx="4622">
                  <c:v>41148</c:v>
                </c:pt>
                <c:pt idx="4623">
                  <c:v>41149</c:v>
                </c:pt>
                <c:pt idx="4624">
                  <c:v>41150</c:v>
                </c:pt>
                <c:pt idx="4625">
                  <c:v>41151</c:v>
                </c:pt>
                <c:pt idx="4626">
                  <c:v>41152</c:v>
                </c:pt>
                <c:pt idx="4627">
                  <c:v>41153</c:v>
                </c:pt>
                <c:pt idx="4628">
                  <c:v>41154</c:v>
                </c:pt>
                <c:pt idx="4629">
                  <c:v>41155</c:v>
                </c:pt>
                <c:pt idx="4630">
                  <c:v>41156</c:v>
                </c:pt>
                <c:pt idx="4631">
                  <c:v>41157</c:v>
                </c:pt>
                <c:pt idx="4632">
                  <c:v>41158</c:v>
                </c:pt>
                <c:pt idx="4633">
                  <c:v>41159</c:v>
                </c:pt>
                <c:pt idx="4634">
                  <c:v>41160</c:v>
                </c:pt>
                <c:pt idx="4635">
                  <c:v>41161</c:v>
                </c:pt>
                <c:pt idx="4636">
                  <c:v>41162</c:v>
                </c:pt>
                <c:pt idx="4637">
                  <c:v>41163</c:v>
                </c:pt>
                <c:pt idx="4638">
                  <c:v>41164</c:v>
                </c:pt>
                <c:pt idx="4639">
                  <c:v>41165</c:v>
                </c:pt>
                <c:pt idx="4640">
                  <c:v>41166</c:v>
                </c:pt>
                <c:pt idx="4641">
                  <c:v>41167</c:v>
                </c:pt>
                <c:pt idx="4642">
                  <c:v>41168</c:v>
                </c:pt>
                <c:pt idx="4643">
                  <c:v>41169</c:v>
                </c:pt>
                <c:pt idx="4644">
                  <c:v>41170</c:v>
                </c:pt>
                <c:pt idx="4645">
                  <c:v>41171</c:v>
                </c:pt>
                <c:pt idx="4646">
                  <c:v>41172</c:v>
                </c:pt>
                <c:pt idx="4647">
                  <c:v>41173</c:v>
                </c:pt>
                <c:pt idx="4648">
                  <c:v>41174</c:v>
                </c:pt>
                <c:pt idx="4649">
                  <c:v>41175</c:v>
                </c:pt>
                <c:pt idx="4650">
                  <c:v>41176</c:v>
                </c:pt>
                <c:pt idx="4651">
                  <c:v>41177</c:v>
                </c:pt>
                <c:pt idx="4652">
                  <c:v>41178</c:v>
                </c:pt>
                <c:pt idx="4653">
                  <c:v>41179</c:v>
                </c:pt>
                <c:pt idx="4654">
                  <c:v>41180</c:v>
                </c:pt>
                <c:pt idx="4655">
                  <c:v>41181</c:v>
                </c:pt>
                <c:pt idx="4656">
                  <c:v>41182</c:v>
                </c:pt>
                <c:pt idx="4657">
                  <c:v>41183</c:v>
                </c:pt>
                <c:pt idx="4658">
                  <c:v>41184</c:v>
                </c:pt>
                <c:pt idx="4659">
                  <c:v>41185</c:v>
                </c:pt>
                <c:pt idx="4660">
                  <c:v>41186</c:v>
                </c:pt>
                <c:pt idx="4661">
                  <c:v>41187</c:v>
                </c:pt>
                <c:pt idx="4662">
                  <c:v>41188</c:v>
                </c:pt>
                <c:pt idx="4663">
                  <c:v>41189</c:v>
                </c:pt>
                <c:pt idx="4664">
                  <c:v>41190</c:v>
                </c:pt>
                <c:pt idx="4665">
                  <c:v>41191</c:v>
                </c:pt>
                <c:pt idx="4666">
                  <c:v>41192</c:v>
                </c:pt>
                <c:pt idx="4667">
                  <c:v>41193</c:v>
                </c:pt>
                <c:pt idx="4668">
                  <c:v>41194</c:v>
                </c:pt>
                <c:pt idx="4669">
                  <c:v>41195</c:v>
                </c:pt>
                <c:pt idx="4670">
                  <c:v>41196</c:v>
                </c:pt>
                <c:pt idx="4671">
                  <c:v>41197</c:v>
                </c:pt>
                <c:pt idx="4672">
                  <c:v>41198</c:v>
                </c:pt>
                <c:pt idx="4673">
                  <c:v>41199</c:v>
                </c:pt>
                <c:pt idx="4674">
                  <c:v>41200</c:v>
                </c:pt>
                <c:pt idx="4675">
                  <c:v>41201</c:v>
                </c:pt>
                <c:pt idx="4676">
                  <c:v>41202</c:v>
                </c:pt>
                <c:pt idx="4677">
                  <c:v>41203</c:v>
                </c:pt>
                <c:pt idx="4678">
                  <c:v>41204</c:v>
                </c:pt>
                <c:pt idx="4679">
                  <c:v>41205</c:v>
                </c:pt>
                <c:pt idx="4680">
                  <c:v>41206</c:v>
                </c:pt>
                <c:pt idx="4681">
                  <c:v>41207</c:v>
                </c:pt>
                <c:pt idx="4682">
                  <c:v>41208</c:v>
                </c:pt>
                <c:pt idx="4683">
                  <c:v>41209</c:v>
                </c:pt>
                <c:pt idx="4684">
                  <c:v>41210</c:v>
                </c:pt>
                <c:pt idx="4685">
                  <c:v>41211</c:v>
                </c:pt>
                <c:pt idx="4686">
                  <c:v>41212</c:v>
                </c:pt>
                <c:pt idx="4687">
                  <c:v>41213</c:v>
                </c:pt>
                <c:pt idx="4688">
                  <c:v>41214</c:v>
                </c:pt>
                <c:pt idx="4689">
                  <c:v>41215</c:v>
                </c:pt>
                <c:pt idx="4690">
                  <c:v>41216</c:v>
                </c:pt>
                <c:pt idx="4691">
                  <c:v>41217</c:v>
                </c:pt>
                <c:pt idx="4692">
                  <c:v>41218</c:v>
                </c:pt>
                <c:pt idx="4693">
                  <c:v>41219</c:v>
                </c:pt>
                <c:pt idx="4694">
                  <c:v>41220</c:v>
                </c:pt>
                <c:pt idx="4695">
                  <c:v>41221</c:v>
                </c:pt>
                <c:pt idx="4696">
                  <c:v>41222</c:v>
                </c:pt>
                <c:pt idx="4697">
                  <c:v>41223</c:v>
                </c:pt>
                <c:pt idx="4698">
                  <c:v>41224</c:v>
                </c:pt>
                <c:pt idx="4699">
                  <c:v>41225</c:v>
                </c:pt>
                <c:pt idx="4700">
                  <c:v>41226</c:v>
                </c:pt>
                <c:pt idx="4701">
                  <c:v>41227</c:v>
                </c:pt>
                <c:pt idx="4702">
                  <c:v>41228</c:v>
                </c:pt>
                <c:pt idx="4703">
                  <c:v>41229</c:v>
                </c:pt>
                <c:pt idx="4704">
                  <c:v>41230</c:v>
                </c:pt>
                <c:pt idx="4705">
                  <c:v>41231</c:v>
                </c:pt>
                <c:pt idx="4706">
                  <c:v>41232</c:v>
                </c:pt>
                <c:pt idx="4707">
                  <c:v>41233</c:v>
                </c:pt>
                <c:pt idx="4708">
                  <c:v>41234</c:v>
                </c:pt>
                <c:pt idx="4709">
                  <c:v>41235</c:v>
                </c:pt>
                <c:pt idx="4710">
                  <c:v>41236</c:v>
                </c:pt>
                <c:pt idx="4711">
                  <c:v>41237</c:v>
                </c:pt>
                <c:pt idx="4712">
                  <c:v>41238</c:v>
                </c:pt>
                <c:pt idx="4713">
                  <c:v>41239</c:v>
                </c:pt>
                <c:pt idx="4714">
                  <c:v>41240</c:v>
                </c:pt>
                <c:pt idx="4715">
                  <c:v>41241</c:v>
                </c:pt>
                <c:pt idx="4716">
                  <c:v>41242</c:v>
                </c:pt>
                <c:pt idx="4717">
                  <c:v>41243</c:v>
                </c:pt>
                <c:pt idx="4718">
                  <c:v>41244</c:v>
                </c:pt>
                <c:pt idx="4719">
                  <c:v>41245</c:v>
                </c:pt>
                <c:pt idx="4720">
                  <c:v>41246</c:v>
                </c:pt>
                <c:pt idx="4721">
                  <c:v>41247</c:v>
                </c:pt>
                <c:pt idx="4722">
                  <c:v>41248</c:v>
                </c:pt>
                <c:pt idx="4723">
                  <c:v>41249</c:v>
                </c:pt>
                <c:pt idx="4724">
                  <c:v>41250</c:v>
                </c:pt>
                <c:pt idx="4725">
                  <c:v>41251</c:v>
                </c:pt>
                <c:pt idx="4726">
                  <c:v>41252</c:v>
                </c:pt>
                <c:pt idx="4727">
                  <c:v>41253</c:v>
                </c:pt>
                <c:pt idx="4728">
                  <c:v>41254</c:v>
                </c:pt>
                <c:pt idx="4729">
                  <c:v>41255</c:v>
                </c:pt>
                <c:pt idx="4730">
                  <c:v>41256</c:v>
                </c:pt>
                <c:pt idx="4731">
                  <c:v>41257</c:v>
                </c:pt>
                <c:pt idx="4732">
                  <c:v>41258</c:v>
                </c:pt>
                <c:pt idx="4733">
                  <c:v>41259</c:v>
                </c:pt>
                <c:pt idx="4734">
                  <c:v>41260</c:v>
                </c:pt>
                <c:pt idx="4735">
                  <c:v>41261</c:v>
                </c:pt>
                <c:pt idx="4736">
                  <c:v>41262</c:v>
                </c:pt>
                <c:pt idx="4737">
                  <c:v>41263</c:v>
                </c:pt>
                <c:pt idx="4738">
                  <c:v>41264</c:v>
                </c:pt>
                <c:pt idx="4739">
                  <c:v>41265</c:v>
                </c:pt>
                <c:pt idx="4740">
                  <c:v>41266</c:v>
                </c:pt>
                <c:pt idx="4741">
                  <c:v>41267</c:v>
                </c:pt>
                <c:pt idx="4742">
                  <c:v>41268</c:v>
                </c:pt>
                <c:pt idx="4743">
                  <c:v>41269</c:v>
                </c:pt>
                <c:pt idx="4744">
                  <c:v>41270</c:v>
                </c:pt>
                <c:pt idx="4745">
                  <c:v>41271</c:v>
                </c:pt>
                <c:pt idx="4746">
                  <c:v>41272</c:v>
                </c:pt>
                <c:pt idx="4747">
                  <c:v>41273</c:v>
                </c:pt>
                <c:pt idx="4748">
                  <c:v>41274</c:v>
                </c:pt>
                <c:pt idx="4749">
                  <c:v>41275</c:v>
                </c:pt>
                <c:pt idx="4750">
                  <c:v>41276</c:v>
                </c:pt>
                <c:pt idx="4751">
                  <c:v>41277</c:v>
                </c:pt>
                <c:pt idx="4752">
                  <c:v>41278</c:v>
                </c:pt>
                <c:pt idx="4753">
                  <c:v>41279</c:v>
                </c:pt>
                <c:pt idx="4754">
                  <c:v>41280</c:v>
                </c:pt>
                <c:pt idx="4755">
                  <c:v>41281</c:v>
                </c:pt>
                <c:pt idx="4756">
                  <c:v>41282</c:v>
                </c:pt>
                <c:pt idx="4757">
                  <c:v>41283</c:v>
                </c:pt>
                <c:pt idx="4758">
                  <c:v>41284</c:v>
                </c:pt>
                <c:pt idx="4759">
                  <c:v>41285</c:v>
                </c:pt>
                <c:pt idx="4760">
                  <c:v>41286</c:v>
                </c:pt>
                <c:pt idx="4761">
                  <c:v>41287</c:v>
                </c:pt>
                <c:pt idx="4762">
                  <c:v>41288</c:v>
                </c:pt>
                <c:pt idx="4763">
                  <c:v>41289</c:v>
                </c:pt>
                <c:pt idx="4764">
                  <c:v>41290</c:v>
                </c:pt>
                <c:pt idx="4765">
                  <c:v>41291</c:v>
                </c:pt>
                <c:pt idx="4766">
                  <c:v>41292</c:v>
                </c:pt>
                <c:pt idx="4767">
                  <c:v>41293</c:v>
                </c:pt>
                <c:pt idx="4768">
                  <c:v>41294</c:v>
                </c:pt>
                <c:pt idx="4769">
                  <c:v>41295</c:v>
                </c:pt>
                <c:pt idx="4770">
                  <c:v>41296</c:v>
                </c:pt>
                <c:pt idx="4771">
                  <c:v>41297</c:v>
                </c:pt>
                <c:pt idx="4772">
                  <c:v>41298</c:v>
                </c:pt>
                <c:pt idx="4773">
                  <c:v>41299</c:v>
                </c:pt>
                <c:pt idx="4774">
                  <c:v>41300</c:v>
                </c:pt>
                <c:pt idx="4775">
                  <c:v>41301</c:v>
                </c:pt>
                <c:pt idx="4776">
                  <c:v>41302</c:v>
                </c:pt>
                <c:pt idx="4777">
                  <c:v>41303</c:v>
                </c:pt>
                <c:pt idx="4778">
                  <c:v>41304</c:v>
                </c:pt>
                <c:pt idx="4779">
                  <c:v>41305</c:v>
                </c:pt>
                <c:pt idx="4780">
                  <c:v>41306</c:v>
                </c:pt>
                <c:pt idx="4781">
                  <c:v>41307</c:v>
                </c:pt>
                <c:pt idx="4782">
                  <c:v>41308</c:v>
                </c:pt>
                <c:pt idx="4783">
                  <c:v>41309</c:v>
                </c:pt>
                <c:pt idx="4784">
                  <c:v>41310</c:v>
                </c:pt>
                <c:pt idx="4785">
                  <c:v>41311</c:v>
                </c:pt>
                <c:pt idx="4786">
                  <c:v>41312</c:v>
                </c:pt>
                <c:pt idx="4787">
                  <c:v>41313</c:v>
                </c:pt>
                <c:pt idx="4788">
                  <c:v>41314</c:v>
                </c:pt>
                <c:pt idx="4789">
                  <c:v>41315</c:v>
                </c:pt>
                <c:pt idx="4790">
                  <c:v>41316</c:v>
                </c:pt>
                <c:pt idx="4791">
                  <c:v>41317</c:v>
                </c:pt>
                <c:pt idx="4792">
                  <c:v>41318</c:v>
                </c:pt>
                <c:pt idx="4793">
                  <c:v>41319</c:v>
                </c:pt>
                <c:pt idx="4794">
                  <c:v>41320</c:v>
                </c:pt>
                <c:pt idx="4795">
                  <c:v>41321</c:v>
                </c:pt>
                <c:pt idx="4796">
                  <c:v>41322</c:v>
                </c:pt>
                <c:pt idx="4797">
                  <c:v>41323</c:v>
                </c:pt>
                <c:pt idx="4798">
                  <c:v>41324</c:v>
                </c:pt>
                <c:pt idx="4799">
                  <c:v>41325</c:v>
                </c:pt>
                <c:pt idx="4800">
                  <c:v>41326</c:v>
                </c:pt>
                <c:pt idx="4801">
                  <c:v>41327</c:v>
                </c:pt>
                <c:pt idx="4802">
                  <c:v>41328</c:v>
                </c:pt>
                <c:pt idx="4803">
                  <c:v>41329</c:v>
                </c:pt>
                <c:pt idx="4804">
                  <c:v>41330</c:v>
                </c:pt>
                <c:pt idx="4805">
                  <c:v>41331</c:v>
                </c:pt>
                <c:pt idx="4806">
                  <c:v>41332</c:v>
                </c:pt>
                <c:pt idx="4807">
                  <c:v>41333</c:v>
                </c:pt>
                <c:pt idx="4808">
                  <c:v>41334</c:v>
                </c:pt>
                <c:pt idx="4809">
                  <c:v>41335</c:v>
                </c:pt>
                <c:pt idx="4810">
                  <c:v>41336</c:v>
                </c:pt>
                <c:pt idx="4811">
                  <c:v>41337</c:v>
                </c:pt>
                <c:pt idx="4812">
                  <c:v>41338</c:v>
                </c:pt>
                <c:pt idx="4813">
                  <c:v>41339</c:v>
                </c:pt>
                <c:pt idx="4814">
                  <c:v>41340</c:v>
                </c:pt>
                <c:pt idx="4815">
                  <c:v>41341</c:v>
                </c:pt>
                <c:pt idx="4816">
                  <c:v>41342</c:v>
                </c:pt>
                <c:pt idx="4817">
                  <c:v>41343</c:v>
                </c:pt>
                <c:pt idx="4818">
                  <c:v>41344</c:v>
                </c:pt>
                <c:pt idx="4819">
                  <c:v>41345</c:v>
                </c:pt>
                <c:pt idx="4820">
                  <c:v>41346</c:v>
                </c:pt>
                <c:pt idx="4821">
                  <c:v>41347</c:v>
                </c:pt>
                <c:pt idx="4822">
                  <c:v>41348</c:v>
                </c:pt>
                <c:pt idx="4823">
                  <c:v>41349</c:v>
                </c:pt>
                <c:pt idx="4824">
                  <c:v>41350</c:v>
                </c:pt>
                <c:pt idx="4825">
                  <c:v>41351</c:v>
                </c:pt>
                <c:pt idx="4826">
                  <c:v>41352</c:v>
                </c:pt>
                <c:pt idx="4827">
                  <c:v>41353</c:v>
                </c:pt>
                <c:pt idx="4828">
                  <c:v>41354</c:v>
                </c:pt>
                <c:pt idx="4829">
                  <c:v>41355</c:v>
                </c:pt>
                <c:pt idx="4830">
                  <c:v>41356</c:v>
                </c:pt>
                <c:pt idx="4831">
                  <c:v>41357</c:v>
                </c:pt>
                <c:pt idx="4832">
                  <c:v>41358</c:v>
                </c:pt>
                <c:pt idx="4833">
                  <c:v>41359</c:v>
                </c:pt>
                <c:pt idx="4834">
                  <c:v>41360</c:v>
                </c:pt>
                <c:pt idx="4835">
                  <c:v>41361</c:v>
                </c:pt>
                <c:pt idx="4836">
                  <c:v>41362</c:v>
                </c:pt>
                <c:pt idx="4837">
                  <c:v>41363</c:v>
                </c:pt>
                <c:pt idx="4838">
                  <c:v>41364</c:v>
                </c:pt>
                <c:pt idx="4839">
                  <c:v>41365</c:v>
                </c:pt>
                <c:pt idx="4840">
                  <c:v>41366</c:v>
                </c:pt>
                <c:pt idx="4841">
                  <c:v>41367</c:v>
                </c:pt>
                <c:pt idx="4842">
                  <c:v>41368</c:v>
                </c:pt>
                <c:pt idx="4843">
                  <c:v>41369</c:v>
                </c:pt>
                <c:pt idx="4844">
                  <c:v>41370</c:v>
                </c:pt>
                <c:pt idx="4845">
                  <c:v>41371</c:v>
                </c:pt>
                <c:pt idx="4846">
                  <c:v>41372</c:v>
                </c:pt>
                <c:pt idx="4847">
                  <c:v>41373</c:v>
                </c:pt>
                <c:pt idx="4848">
                  <c:v>41374</c:v>
                </c:pt>
                <c:pt idx="4849">
                  <c:v>41375</c:v>
                </c:pt>
                <c:pt idx="4850">
                  <c:v>41376</c:v>
                </c:pt>
                <c:pt idx="4851">
                  <c:v>41377</c:v>
                </c:pt>
                <c:pt idx="4852">
                  <c:v>41378</c:v>
                </c:pt>
                <c:pt idx="4853">
                  <c:v>41379</c:v>
                </c:pt>
                <c:pt idx="4854">
                  <c:v>41380</c:v>
                </c:pt>
                <c:pt idx="4855">
                  <c:v>41381</c:v>
                </c:pt>
                <c:pt idx="4856">
                  <c:v>41382</c:v>
                </c:pt>
                <c:pt idx="4857">
                  <c:v>41383</c:v>
                </c:pt>
                <c:pt idx="4858">
                  <c:v>41384</c:v>
                </c:pt>
                <c:pt idx="4859">
                  <c:v>41385</c:v>
                </c:pt>
                <c:pt idx="4860">
                  <c:v>41386</c:v>
                </c:pt>
                <c:pt idx="4861">
                  <c:v>41387</c:v>
                </c:pt>
                <c:pt idx="4862">
                  <c:v>41388</c:v>
                </c:pt>
                <c:pt idx="4863">
                  <c:v>41389</c:v>
                </c:pt>
                <c:pt idx="4864">
                  <c:v>41390</c:v>
                </c:pt>
                <c:pt idx="4865">
                  <c:v>41391</c:v>
                </c:pt>
                <c:pt idx="4866">
                  <c:v>41392</c:v>
                </c:pt>
                <c:pt idx="4867">
                  <c:v>41393</c:v>
                </c:pt>
                <c:pt idx="4868">
                  <c:v>41394</c:v>
                </c:pt>
                <c:pt idx="4869">
                  <c:v>41395</c:v>
                </c:pt>
                <c:pt idx="4870">
                  <c:v>41396</c:v>
                </c:pt>
                <c:pt idx="4871">
                  <c:v>41397</c:v>
                </c:pt>
                <c:pt idx="4872">
                  <c:v>41398</c:v>
                </c:pt>
                <c:pt idx="4873">
                  <c:v>41399</c:v>
                </c:pt>
                <c:pt idx="4874">
                  <c:v>41400</c:v>
                </c:pt>
                <c:pt idx="4875">
                  <c:v>41401</c:v>
                </c:pt>
                <c:pt idx="4876">
                  <c:v>41402</c:v>
                </c:pt>
                <c:pt idx="4877">
                  <c:v>41403</c:v>
                </c:pt>
                <c:pt idx="4878">
                  <c:v>41404</c:v>
                </c:pt>
                <c:pt idx="4879">
                  <c:v>41405</c:v>
                </c:pt>
                <c:pt idx="4880">
                  <c:v>41406</c:v>
                </c:pt>
                <c:pt idx="4881">
                  <c:v>41407</c:v>
                </c:pt>
                <c:pt idx="4882">
                  <c:v>41408</c:v>
                </c:pt>
                <c:pt idx="4883">
                  <c:v>41409</c:v>
                </c:pt>
                <c:pt idx="4884">
                  <c:v>41410</c:v>
                </c:pt>
                <c:pt idx="4885">
                  <c:v>41411</c:v>
                </c:pt>
                <c:pt idx="4886">
                  <c:v>41412</c:v>
                </c:pt>
                <c:pt idx="4887">
                  <c:v>41413</c:v>
                </c:pt>
                <c:pt idx="4888">
                  <c:v>41414</c:v>
                </c:pt>
                <c:pt idx="4889">
                  <c:v>41415</c:v>
                </c:pt>
                <c:pt idx="4890">
                  <c:v>41416</c:v>
                </c:pt>
                <c:pt idx="4891">
                  <c:v>41417</c:v>
                </c:pt>
                <c:pt idx="4892">
                  <c:v>41418</c:v>
                </c:pt>
                <c:pt idx="4893">
                  <c:v>41419</c:v>
                </c:pt>
                <c:pt idx="4894">
                  <c:v>41420</c:v>
                </c:pt>
                <c:pt idx="4895">
                  <c:v>41421</c:v>
                </c:pt>
                <c:pt idx="4896">
                  <c:v>41422</c:v>
                </c:pt>
                <c:pt idx="4897">
                  <c:v>41423</c:v>
                </c:pt>
                <c:pt idx="4898">
                  <c:v>41424</c:v>
                </c:pt>
                <c:pt idx="4899">
                  <c:v>41425</c:v>
                </c:pt>
                <c:pt idx="4900">
                  <c:v>41426</c:v>
                </c:pt>
                <c:pt idx="4901">
                  <c:v>41427</c:v>
                </c:pt>
                <c:pt idx="4902">
                  <c:v>41428</c:v>
                </c:pt>
                <c:pt idx="4903">
                  <c:v>41429</c:v>
                </c:pt>
                <c:pt idx="4904">
                  <c:v>41430</c:v>
                </c:pt>
                <c:pt idx="4905">
                  <c:v>41431</c:v>
                </c:pt>
                <c:pt idx="4906">
                  <c:v>41432</c:v>
                </c:pt>
                <c:pt idx="4907">
                  <c:v>41433</c:v>
                </c:pt>
                <c:pt idx="4908">
                  <c:v>41434</c:v>
                </c:pt>
                <c:pt idx="4909">
                  <c:v>41435</c:v>
                </c:pt>
                <c:pt idx="4910">
                  <c:v>41436</c:v>
                </c:pt>
                <c:pt idx="4911">
                  <c:v>41437</c:v>
                </c:pt>
                <c:pt idx="4912">
                  <c:v>41438</c:v>
                </c:pt>
                <c:pt idx="4913">
                  <c:v>41439</c:v>
                </c:pt>
                <c:pt idx="4914">
                  <c:v>41440</c:v>
                </c:pt>
                <c:pt idx="4915">
                  <c:v>41441</c:v>
                </c:pt>
                <c:pt idx="4916">
                  <c:v>41442</c:v>
                </c:pt>
                <c:pt idx="4917">
                  <c:v>41443</c:v>
                </c:pt>
                <c:pt idx="4918">
                  <c:v>41444</c:v>
                </c:pt>
                <c:pt idx="4919">
                  <c:v>41445</c:v>
                </c:pt>
                <c:pt idx="4920">
                  <c:v>41446</c:v>
                </c:pt>
                <c:pt idx="4921">
                  <c:v>41447</c:v>
                </c:pt>
                <c:pt idx="4922">
                  <c:v>41448</c:v>
                </c:pt>
                <c:pt idx="4923">
                  <c:v>41449</c:v>
                </c:pt>
                <c:pt idx="4924">
                  <c:v>41450</c:v>
                </c:pt>
                <c:pt idx="4925">
                  <c:v>41451</c:v>
                </c:pt>
                <c:pt idx="4926">
                  <c:v>41452</c:v>
                </c:pt>
                <c:pt idx="4927">
                  <c:v>41453</c:v>
                </c:pt>
                <c:pt idx="4928">
                  <c:v>41454</c:v>
                </c:pt>
                <c:pt idx="4929">
                  <c:v>41455</c:v>
                </c:pt>
                <c:pt idx="4930">
                  <c:v>41456</c:v>
                </c:pt>
                <c:pt idx="4931">
                  <c:v>41457</c:v>
                </c:pt>
                <c:pt idx="4932">
                  <c:v>41458</c:v>
                </c:pt>
                <c:pt idx="4933">
                  <c:v>41459</c:v>
                </c:pt>
                <c:pt idx="4934">
                  <c:v>41460</c:v>
                </c:pt>
                <c:pt idx="4935">
                  <c:v>41461</c:v>
                </c:pt>
                <c:pt idx="4936">
                  <c:v>41462</c:v>
                </c:pt>
                <c:pt idx="4937">
                  <c:v>41463</c:v>
                </c:pt>
                <c:pt idx="4938">
                  <c:v>41464</c:v>
                </c:pt>
                <c:pt idx="4939">
                  <c:v>41465</c:v>
                </c:pt>
                <c:pt idx="4940">
                  <c:v>41466</c:v>
                </c:pt>
                <c:pt idx="4941">
                  <c:v>41467</c:v>
                </c:pt>
                <c:pt idx="4942">
                  <c:v>41468</c:v>
                </c:pt>
                <c:pt idx="4943">
                  <c:v>41469</c:v>
                </c:pt>
                <c:pt idx="4944">
                  <c:v>41470</c:v>
                </c:pt>
                <c:pt idx="4945">
                  <c:v>41471</c:v>
                </c:pt>
                <c:pt idx="4946">
                  <c:v>41472</c:v>
                </c:pt>
                <c:pt idx="4947">
                  <c:v>41473</c:v>
                </c:pt>
                <c:pt idx="4948">
                  <c:v>41474</c:v>
                </c:pt>
                <c:pt idx="4949">
                  <c:v>41475</c:v>
                </c:pt>
                <c:pt idx="4950">
                  <c:v>41476</c:v>
                </c:pt>
                <c:pt idx="4951">
                  <c:v>41477</c:v>
                </c:pt>
                <c:pt idx="4952">
                  <c:v>41478</c:v>
                </c:pt>
                <c:pt idx="4953">
                  <c:v>41479</c:v>
                </c:pt>
                <c:pt idx="4954">
                  <c:v>41480</c:v>
                </c:pt>
                <c:pt idx="4955">
                  <c:v>41481</c:v>
                </c:pt>
                <c:pt idx="4956">
                  <c:v>41482</c:v>
                </c:pt>
                <c:pt idx="4957">
                  <c:v>41483</c:v>
                </c:pt>
                <c:pt idx="4958">
                  <c:v>41484</c:v>
                </c:pt>
                <c:pt idx="4959">
                  <c:v>41485</c:v>
                </c:pt>
                <c:pt idx="4960">
                  <c:v>41486</c:v>
                </c:pt>
                <c:pt idx="4961">
                  <c:v>41487</c:v>
                </c:pt>
                <c:pt idx="4962">
                  <c:v>41488</c:v>
                </c:pt>
                <c:pt idx="4963">
                  <c:v>41489</c:v>
                </c:pt>
                <c:pt idx="4964">
                  <c:v>41490</c:v>
                </c:pt>
                <c:pt idx="4965">
                  <c:v>41491</c:v>
                </c:pt>
                <c:pt idx="4966">
                  <c:v>41492</c:v>
                </c:pt>
                <c:pt idx="4967">
                  <c:v>41493</c:v>
                </c:pt>
                <c:pt idx="4968">
                  <c:v>41494</c:v>
                </c:pt>
                <c:pt idx="4969">
                  <c:v>41495</c:v>
                </c:pt>
                <c:pt idx="4970">
                  <c:v>41496</c:v>
                </c:pt>
                <c:pt idx="4971">
                  <c:v>41497</c:v>
                </c:pt>
                <c:pt idx="4972">
                  <c:v>41498</c:v>
                </c:pt>
                <c:pt idx="4973">
                  <c:v>41499</c:v>
                </c:pt>
                <c:pt idx="4974">
                  <c:v>41500</c:v>
                </c:pt>
                <c:pt idx="4975">
                  <c:v>41501</c:v>
                </c:pt>
                <c:pt idx="4976">
                  <c:v>41502</c:v>
                </c:pt>
                <c:pt idx="4977">
                  <c:v>41503</c:v>
                </c:pt>
                <c:pt idx="4978">
                  <c:v>41504</c:v>
                </c:pt>
                <c:pt idx="4979">
                  <c:v>41505</c:v>
                </c:pt>
                <c:pt idx="4980">
                  <c:v>41506</c:v>
                </c:pt>
                <c:pt idx="4981">
                  <c:v>41507</c:v>
                </c:pt>
                <c:pt idx="4982">
                  <c:v>41508</c:v>
                </c:pt>
                <c:pt idx="4983">
                  <c:v>41509</c:v>
                </c:pt>
                <c:pt idx="4984">
                  <c:v>41510</c:v>
                </c:pt>
                <c:pt idx="4985">
                  <c:v>41511</c:v>
                </c:pt>
                <c:pt idx="4986">
                  <c:v>41512</c:v>
                </c:pt>
                <c:pt idx="4987">
                  <c:v>41513</c:v>
                </c:pt>
                <c:pt idx="4988">
                  <c:v>41514</c:v>
                </c:pt>
                <c:pt idx="4989">
                  <c:v>41515</c:v>
                </c:pt>
                <c:pt idx="4990">
                  <c:v>41516</c:v>
                </c:pt>
                <c:pt idx="4991">
                  <c:v>41517</c:v>
                </c:pt>
                <c:pt idx="4992">
                  <c:v>41518</c:v>
                </c:pt>
                <c:pt idx="4993">
                  <c:v>41519</c:v>
                </c:pt>
                <c:pt idx="4994">
                  <c:v>41520</c:v>
                </c:pt>
                <c:pt idx="4995">
                  <c:v>41521</c:v>
                </c:pt>
                <c:pt idx="4996">
                  <c:v>41522</c:v>
                </c:pt>
                <c:pt idx="4997">
                  <c:v>41523</c:v>
                </c:pt>
                <c:pt idx="4998">
                  <c:v>41524</c:v>
                </c:pt>
                <c:pt idx="4999">
                  <c:v>41525</c:v>
                </c:pt>
                <c:pt idx="5000">
                  <c:v>41526</c:v>
                </c:pt>
                <c:pt idx="5001">
                  <c:v>41527</c:v>
                </c:pt>
                <c:pt idx="5002">
                  <c:v>41528</c:v>
                </c:pt>
                <c:pt idx="5003">
                  <c:v>41529</c:v>
                </c:pt>
                <c:pt idx="5004">
                  <c:v>41530</c:v>
                </c:pt>
                <c:pt idx="5005">
                  <c:v>41531</c:v>
                </c:pt>
                <c:pt idx="5006">
                  <c:v>41532</c:v>
                </c:pt>
                <c:pt idx="5007">
                  <c:v>41533</c:v>
                </c:pt>
                <c:pt idx="5008">
                  <c:v>41534</c:v>
                </c:pt>
                <c:pt idx="5009">
                  <c:v>41535</c:v>
                </c:pt>
                <c:pt idx="5010">
                  <c:v>41536</c:v>
                </c:pt>
                <c:pt idx="5011">
                  <c:v>41537</c:v>
                </c:pt>
                <c:pt idx="5012">
                  <c:v>41538</c:v>
                </c:pt>
                <c:pt idx="5013">
                  <c:v>41539</c:v>
                </c:pt>
                <c:pt idx="5014">
                  <c:v>41540</c:v>
                </c:pt>
                <c:pt idx="5015">
                  <c:v>41541</c:v>
                </c:pt>
                <c:pt idx="5016">
                  <c:v>41542</c:v>
                </c:pt>
                <c:pt idx="5017">
                  <c:v>41543</c:v>
                </c:pt>
                <c:pt idx="5018">
                  <c:v>41544</c:v>
                </c:pt>
                <c:pt idx="5019">
                  <c:v>41545</c:v>
                </c:pt>
                <c:pt idx="5020">
                  <c:v>41546</c:v>
                </c:pt>
                <c:pt idx="5021">
                  <c:v>41547</c:v>
                </c:pt>
                <c:pt idx="5022">
                  <c:v>41548</c:v>
                </c:pt>
                <c:pt idx="5023">
                  <c:v>41549</c:v>
                </c:pt>
                <c:pt idx="5024">
                  <c:v>41550</c:v>
                </c:pt>
                <c:pt idx="5025">
                  <c:v>41551</c:v>
                </c:pt>
                <c:pt idx="5026">
                  <c:v>41552</c:v>
                </c:pt>
                <c:pt idx="5027">
                  <c:v>41553</c:v>
                </c:pt>
                <c:pt idx="5028">
                  <c:v>41554</c:v>
                </c:pt>
                <c:pt idx="5029">
                  <c:v>41555</c:v>
                </c:pt>
                <c:pt idx="5030">
                  <c:v>41556</c:v>
                </c:pt>
                <c:pt idx="5031">
                  <c:v>41557</c:v>
                </c:pt>
                <c:pt idx="5032">
                  <c:v>41558</c:v>
                </c:pt>
                <c:pt idx="5033">
                  <c:v>41559</c:v>
                </c:pt>
                <c:pt idx="5034">
                  <c:v>41560</c:v>
                </c:pt>
                <c:pt idx="5035">
                  <c:v>41561</c:v>
                </c:pt>
                <c:pt idx="5036">
                  <c:v>41562</c:v>
                </c:pt>
                <c:pt idx="5037">
                  <c:v>41563</c:v>
                </c:pt>
                <c:pt idx="5038">
                  <c:v>41564</c:v>
                </c:pt>
                <c:pt idx="5039">
                  <c:v>41565</c:v>
                </c:pt>
                <c:pt idx="5040">
                  <c:v>41566</c:v>
                </c:pt>
                <c:pt idx="5041">
                  <c:v>41567</c:v>
                </c:pt>
                <c:pt idx="5042">
                  <c:v>41568</c:v>
                </c:pt>
                <c:pt idx="5043">
                  <c:v>41569</c:v>
                </c:pt>
                <c:pt idx="5044">
                  <c:v>41570</c:v>
                </c:pt>
                <c:pt idx="5045">
                  <c:v>41571</c:v>
                </c:pt>
                <c:pt idx="5046">
                  <c:v>41572</c:v>
                </c:pt>
                <c:pt idx="5047">
                  <c:v>41573</c:v>
                </c:pt>
                <c:pt idx="5048">
                  <c:v>41574</c:v>
                </c:pt>
                <c:pt idx="5049">
                  <c:v>41575</c:v>
                </c:pt>
                <c:pt idx="5050">
                  <c:v>41576</c:v>
                </c:pt>
                <c:pt idx="5051">
                  <c:v>41577</c:v>
                </c:pt>
                <c:pt idx="5052">
                  <c:v>41578</c:v>
                </c:pt>
                <c:pt idx="5053">
                  <c:v>41579</c:v>
                </c:pt>
                <c:pt idx="5054">
                  <c:v>41580</c:v>
                </c:pt>
                <c:pt idx="5055">
                  <c:v>41581</c:v>
                </c:pt>
                <c:pt idx="5056">
                  <c:v>41582</c:v>
                </c:pt>
                <c:pt idx="5057">
                  <c:v>41583</c:v>
                </c:pt>
                <c:pt idx="5058">
                  <c:v>41584</c:v>
                </c:pt>
                <c:pt idx="5059">
                  <c:v>41585</c:v>
                </c:pt>
                <c:pt idx="5060">
                  <c:v>41586</c:v>
                </c:pt>
                <c:pt idx="5061">
                  <c:v>41587</c:v>
                </c:pt>
                <c:pt idx="5062">
                  <c:v>41588</c:v>
                </c:pt>
                <c:pt idx="5063">
                  <c:v>41589</c:v>
                </c:pt>
                <c:pt idx="5064">
                  <c:v>41590</c:v>
                </c:pt>
                <c:pt idx="5065">
                  <c:v>41591</c:v>
                </c:pt>
                <c:pt idx="5066">
                  <c:v>41592</c:v>
                </c:pt>
                <c:pt idx="5067">
                  <c:v>41593</c:v>
                </c:pt>
                <c:pt idx="5068">
                  <c:v>41594</c:v>
                </c:pt>
                <c:pt idx="5069">
                  <c:v>41595</c:v>
                </c:pt>
                <c:pt idx="5070">
                  <c:v>41596</c:v>
                </c:pt>
                <c:pt idx="5071">
                  <c:v>41597</c:v>
                </c:pt>
                <c:pt idx="5072">
                  <c:v>41598</c:v>
                </c:pt>
                <c:pt idx="5073">
                  <c:v>41599</c:v>
                </c:pt>
                <c:pt idx="5074">
                  <c:v>41600</c:v>
                </c:pt>
                <c:pt idx="5075">
                  <c:v>41601</c:v>
                </c:pt>
                <c:pt idx="5076">
                  <c:v>41602</c:v>
                </c:pt>
                <c:pt idx="5077">
                  <c:v>41603</c:v>
                </c:pt>
                <c:pt idx="5078">
                  <c:v>41604</c:v>
                </c:pt>
                <c:pt idx="5079">
                  <c:v>41605</c:v>
                </c:pt>
                <c:pt idx="5080">
                  <c:v>41606</c:v>
                </c:pt>
                <c:pt idx="5081">
                  <c:v>41607</c:v>
                </c:pt>
                <c:pt idx="5082">
                  <c:v>41608</c:v>
                </c:pt>
                <c:pt idx="5083">
                  <c:v>41609</c:v>
                </c:pt>
                <c:pt idx="5084">
                  <c:v>41610</c:v>
                </c:pt>
                <c:pt idx="5085">
                  <c:v>41611</c:v>
                </c:pt>
                <c:pt idx="5086">
                  <c:v>41612</c:v>
                </c:pt>
                <c:pt idx="5087">
                  <c:v>41613</c:v>
                </c:pt>
                <c:pt idx="5088">
                  <c:v>41614</c:v>
                </c:pt>
                <c:pt idx="5089">
                  <c:v>41615</c:v>
                </c:pt>
                <c:pt idx="5090">
                  <c:v>41616</c:v>
                </c:pt>
                <c:pt idx="5091">
                  <c:v>41617</c:v>
                </c:pt>
                <c:pt idx="5092">
                  <c:v>41618</c:v>
                </c:pt>
                <c:pt idx="5093">
                  <c:v>41619</c:v>
                </c:pt>
                <c:pt idx="5094">
                  <c:v>41620</c:v>
                </c:pt>
                <c:pt idx="5095">
                  <c:v>41621</c:v>
                </c:pt>
                <c:pt idx="5096">
                  <c:v>41622</c:v>
                </c:pt>
                <c:pt idx="5097">
                  <c:v>41623</c:v>
                </c:pt>
                <c:pt idx="5098">
                  <c:v>41624</c:v>
                </c:pt>
                <c:pt idx="5099">
                  <c:v>41625</c:v>
                </c:pt>
                <c:pt idx="5100">
                  <c:v>41626</c:v>
                </c:pt>
                <c:pt idx="5101">
                  <c:v>41627</c:v>
                </c:pt>
                <c:pt idx="5102">
                  <c:v>41628</c:v>
                </c:pt>
                <c:pt idx="5103">
                  <c:v>41629</c:v>
                </c:pt>
                <c:pt idx="5104">
                  <c:v>41630</c:v>
                </c:pt>
                <c:pt idx="5105">
                  <c:v>41631</c:v>
                </c:pt>
                <c:pt idx="5106">
                  <c:v>41632</c:v>
                </c:pt>
                <c:pt idx="5107">
                  <c:v>41633</c:v>
                </c:pt>
                <c:pt idx="5108">
                  <c:v>41634</c:v>
                </c:pt>
                <c:pt idx="5109">
                  <c:v>41635</c:v>
                </c:pt>
                <c:pt idx="5110">
                  <c:v>41636</c:v>
                </c:pt>
                <c:pt idx="5111">
                  <c:v>41637</c:v>
                </c:pt>
                <c:pt idx="5112">
                  <c:v>41638</c:v>
                </c:pt>
                <c:pt idx="5113">
                  <c:v>41639</c:v>
                </c:pt>
                <c:pt idx="5114">
                  <c:v>41640</c:v>
                </c:pt>
                <c:pt idx="5115">
                  <c:v>41641</c:v>
                </c:pt>
                <c:pt idx="5116">
                  <c:v>41642</c:v>
                </c:pt>
                <c:pt idx="5117">
                  <c:v>41643</c:v>
                </c:pt>
                <c:pt idx="5118">
                  <c:v>41644</c:v>
                </c:pt>
                <c:pt idx="5119">
                  <c:v>41645</c:v>
                </c:pt>
                <c:pt idx="5120">
                  <c:v>41646</c:v>
                </c:pt>
                <c:pt idx="5121">
                  <c:v>41647</c:v>
                </c:pt>
                <c:pt idx="5122">
                  <c:v>41648</c:v>
                </c:pt>
                <c:pt idx="5123">
                  <c:v>41649</c:v>
                </c:pt>
                <c:pt idx="5124">
                  <c:v>41650</c:v>
                </c:pt>
                <c:pt idx="5125">
                  <c:v>41651</c:v>
                </c:pt>
                <c:pt idx="5126">
                  <c:v>41652</c:v>
                </c:pt>
                <c:pt idx="5127">
                  <c:v>41653</c:v>
                </c:pt>
                <c:pt idx="5128">
                  <c:v>41654</c:v>
                </c:pt>
                <c:pt idx="5129">
                  <c:v>41655</c:v>
                </c:pt>
                <c:pt idx="5130">
                  <c:v>41656</c:v>
                </c:pt>
                <c:pt idx="5131">
                  <c:v>41657</c:v>
                </c:pt>
                <c:pt idx="5132">
                  <c:v>41658</c:v>
                </c:pt>
                <c:pt idx="5133">
                  <c:v>41659</c:v>
                </c:pt>
                <c:pt idx="5134">
                  <c:v>41660</c:v>
                </c:pt>
                <c:pt idx="5135">
                  <c:v>41661</c:v>
                </c:pt>
                <c:pt idx="5136">
                  <c:v>41662</c:v>
                </c:pt>
                <c:pt idx="5137">
                  <c:v>41663</c:v>
                </c:pt>
                <c:pt idx="5138">
                  <c:v>41664</c:v>
                </c:pt>
                <c:pt idx="5139">
                  <c:v>41665</c:v>
                </c:pt>
                <c:pt idx="5140">
                  <c:v>41666</c:v>
                </c:pt>
                <c:pt idx="5141">
                  <c:v>41667</c:v>
                </c:pt>
                <c:pt idx="5142">
                  <c:v>41668</c:v>
                </c:pt>
                <c:pt idx="5143">
                  <c:v>41669</c:v>
                </c:pt>
                <c:pt idx="5144">
                  <c:v>41670</c:v>
                </c:pt>
                <c:pt idx="5145">
                  <c:v>41671</c:v>
                </c:pt>
                <c:pt idx="5146">
                  <c:v>41672</c:v>
                </c:pt>
                <c:pt idx="5147">
                  <c:v>41673</c:v>
                </c:pt>
                <c:pt idx="5148">
                  <c:v>41674</c:v>
                </c:pt>
                <c:pt idx="5149">
                  <c:v>41675</c:v>
                </c:pt>
                <c:pt idx="5150">
                  <c:v>41676</c:v>
                </c:pt>
                <c:pt idx="5151">
                  <c:v>41677</c:v>
                </c:pt>
                <c:pt idx="5152">
                  <c:v>41678</c:v>
                </c:pt>
                <c:pt idx="5153">
                  <c:v>41679</c:v>
                </c:pt>
                <c:pt idx="5154">
                  <c:v>41680</c:v>
                </c:pt>
                <c:pt idx="5155">
                  <c:v>41681</c:v>
                </c:pt>
                <c:pt idx="5156">
                  <c:v>41682</c:v>
                </c:pt>
                <c:pt idx="5157">
                  <c:v>41683</c:v>
                </c:pt>
                <c:pt idx="5158">
                  <c:v>41684</c:v>
                </c:pt>
                <c:pt idx="5159">
                  <c:v>41685</c:v>
                </c:pt>
                <c:pt idx="5160">
                  <c:v>41686</c:v>
                </c:pt>
                <c:pt idx="5161">
                  <c:v>41687</c:v>
                </c:pt>
                <c:pt idx="5162">
                  <c:v>41688</c:v>
                </c:pt>
                <c:pt idx="5163">
                  <c:v>41689</c:v>
                </c:pt>
                <c:pt idx="5164">
                  <c:v>41690</c:v>
                </c:pt>
                <c:pt idx="5165">
                  <c:v>41691</c:v>
                </c:pt>
                <c:pt idx="5166">
                  <c:v>41692</c:v>
                </c:pt>
                <c:pt idx="5167">
                  <c:v>41693</c:v>
                </c:pt>
                <c:pt idx="5168">
                  <c:v>41694</c:v>
                </c:pt>
                <c:pt idx="5169">
                  <c:v>41695</c:v>
                </c:pt>
                <c:pt idx="5170">
                  <c:v>41696</c:v>
                </c:pt>
                <c:pt idx="5171">
                  <c:v>41697</c:v>
                </c:pt>
                <c:pt idx="5172">
                  <c:v>41698</c:v>
                </c:pt>
                <c:pt idx="5173">
                  <c:v>41699</c:v>
                </c:pt>
                <c:pt idx="5174">
                  <c:v>41700</c:v>
                </c:pt>
                <c:pt idx="5175">
                  <c:v>41701</c:v>
                </c:pt>
                <c:pt idx="5176">
                  <c:v>41702</c:v>
                </c:pt>
                <c:pt idx="5177">
                  <c:v>41703</c:v>
                </c:pt>
                <c:pt idx="5178">
                  <c:v>41704</c:v>
                </c:pt>
                <c:pt idx="5179">
                  <c:v>41705</c:v>
                </c:pt>
                <c:pt idx="5180">
                  <c:v>41706</c:v>
                </c:pt>
                <c:pt idx="5181">
                  <c:v>41707</c:v>
                </c:pt>
                <c:pt idx="5182">
                  <c:v>41708</c:v>
                </c:pt>
                <c:pt idx="5183">
                  <c:v>41709</c:v>
                </c:pt>
                <c:pt idx="5184">
                  <c:v>41710</c:v>
                </c:pt>
                <c:pt idx="5185">
                  <c:v>41711</c:v>
                </c:pt>
                <c:pt idx="5186">
                  <c:v>41712</c:v>
                </c:pt>
                <c:pt idx="5187">
                  <c:v>41713</c:v>
                </c:pt>
                <c:pt idx="5188">
                  <c:v>41714</c:v>
                </c:pt>
                <c:pt idx="5189">
                  <c:v>41715</c:v>
                </c:pt>
                <c:pt idx="5190">
                  <c:v>41716</c:v>
                </c:pt>
                <c:pt idx="5191">
                  <c:v>41717</c:v>
                </c:pt>
                <c:pt idx="5192">
                  <c:v>41718</c:v>
                </c:pt>
                <c:pt idx="5193">
                  <c:v>41719</c:v>
                </c:pt>
                <c:pt idx="5194">
                  <c:v>41720</c:v>
                </c:pt>
                <c:pt idx="5195">
                  <c:v>41721</c:v>
                </c:pt>
                <c:pt idx="5196">
                  <c:v>41722</c:v>
                </c:pt>
                <c:pt idx="5197">
                  <c:v>41723</c:v>
                </c:pt>
                <c:pt idx="5198">
                  <c:v>41724</c:v>
                </c:pt>
                <c:pt idx="5199">
                  <c:v>41725</c:v>
                </c:pt>
                <c:pt idx="5200">
                  <c:v>41726</c:v>
                </c:pt>
                <c:pt idx="5201">
                  <c:v>41727</c:v>
                </c:pt>
                <c:pt idx="5202">
                  <c:v>41728</c:v>
                </c:pt>
                <c:pt idx="5203">
                  <c:v>41729</c:v>
                </c:pt>
                <c:pt idx="5204">
                  <c:v>41730</c:v>
                </c:pt>
                <c:pt idx="5205">
                  <c:v>41731</c:v>
                </c:pt>
                <c:pt idx="5206">
                  <c:v>41732</c:v>
                </c:pt>
                <c:pt idx="5207">
                  <c:v>41733</c:v>
                </c:pt>
                <c:pt idx="5208">
                  <c:v>41734</c:v>
                </c:pt>
                <c:pt idx="5209">
                  <c:v>41735</c:v>
                </c:pt>
                <c:pt idx="5210">
                  <c:v>41736</c:v>
                </c:pt>
                <c:pt idx="5211">
                  <c:v>41737</c:v>
                </c:pt>
                <c:pt idx="5212">
                  <c:v>41738</c:v>
                </c:pt>
                <c:pt idx="5213">
                  <c:v>41739</c:v>
                </c:pt>
                <c:pt idx="5214">
                  <c:v>41740</c:v>
                </c:pt>
                <c:pt idx="5215">
                  <c:v>41741</c:v>
                </c:pt>
                <c:pt idx="5216">
                  <c:v>41742</c:v>
                </c:pt>
                <c:pt idx="5217">
                  <c:v>41743</c:v>
                </c:pt>
                <c:pt idx="5218">
                  <c:v>41744</c:v>
                </c:pt>
                <c:pt idx="5219">
                  <c:v>41745</c:v>
                </c:pt>
                <c:pt idx="5220">
                  <c:v>41746</c:v>
                </c:pt>
                <c:pt idx="5221">
                  <c:v>41747</c:v>
                </c:pt>
                <c:pt idx="5222">
                  <c:v>41748</c:v>
                </c:pt>
                <c:pt idx="5223">
                  <c:v>41749</c:v>
                </c:pt>
                <c:pt idx="5224">
                  <c:v>41750</c:v>
                </c:pt>
                <c:pt idx="5225">
                  <c:v>41751</c:v>
                </c:pt>
                <c:pt idx="5226">
                  <c:v>41752</c:v>
                </c:pt>
                <c:pt idx="5227">
                  <c:v>41753</c:v>
                </c:pt>
                <c:pt idx="5228">
                  <c:v>41754</c:v>
                </c:pt>
                <c:pt idx="5229">
                  <c:v>41755</c:v>
                </c:pt>
                <c:pt idx="5230">
                  <c:v>41756</c:v>
                </c:pt>
                <c:pt idx="5231">
                  <c:v>41757</c:v>
                </c:pt>
                <c:pt idx="5232">
                  <c:v>41758</c:v>
                </c:pt>
                <c:pt idx="5233">
                  <c:v>41759</c:v>
                </c:pt>
                <c:pt idx="5234">
                  <c:v>41760</c:v>
                </c:pt>
                <c:pt idx="5235">
                  <c:v>41761</c:v>
                </c:pt>
                <c:pt idx="5236">
                  <c:v>41762</c:v>
                </c:pt>
                <c:pt idx="5237">
                  <c:v>41763</c:v>
                </c:pt>
                <c:pt idx="5238">
                  <c:v>41764</c:v>
                </c:pt>
                <c:pt idx="5239">
                  <c:v>41765</c:v>
                </c:pt>
                <c:pt idx="5240">
                  <c:v>41766</c:v>
                </c:pt>
                <c:pt idx="5241">
                  <c:v>41767</c:v>
                </c:pt>
                <c:pt idx="5242">
                  <c:v>41768</c:v>
                </c:pt>
                <c:pt idx="5243">
                  <c:v>41769</c:v>
                </c:pt>
                <c:pt idx="5244">
                  <c:v>41770</c:v>
                </c:pt>
                <c:pt idx="5245">
                  <c:v>41771</c:v>
                </c:pt>
                <c:pt idx="5246">
                  <c:v>41772</c:v>
                </c:pt>
                <c:pt idx="5247">
                  <c:v>41773</c:v>
                </c:pt>
                <c:pt idx="5248">
                  <c:v>41774</c:v>
                </c:pt>
                <c:pt idx="5249">
                  <c:v>41775</c:v>
                </c:pt>
                <c:pt idx="5250">
                  <c:v>41776</c:v>
                </c:pt>
                <c:pt idx="5251">
                  <c:v>41777</c:v>
                </c:pt>
                <c:pt idx="5252">
                  <c:v>41778</c:v>
                </c:pt>
                <c:pt idx="5253">
                  <c:v>41779</c:v>
                </c:pt>
                <c:pt idx="5254">
                  <c:v>41780</c:v>
                </c:pt>
                <c:pt idx="5255">
                  <c:v>41781</c:v>
                </c:pt>
                <c:pt idx="5256">
                  <c:v>41782</c:v>
                </c:pt>
                <c:pt idx="5257">
                  <c:v>41783</c:v>
                </c:pt>
                <c:pt idx="5258">
                  <c:v>41784</c:v>
                </c:pt>
                <c:pt idx="5259">
                  <c:v>41785</c:v>
                </c:pt>
                <c:pt idx="5260">
                  <c:v>41786</c:v>
                </c:pt>
                <c:pt idx="5261">
                  <c:v>41787</c:v>
                </c:pt>
                <c:pt idx="5262">
                  <c:v>41788</c:v>
                </c:pt>
                <c:pt idx="5263">
                  <c:v>41789</c:v>
                </c:pt>
                <c:pt idx="5264">
                  <c:v>41790</c:v>
                </c:pt>
                <c:pt idx="5265">
                  <c:v>41791</c:v>
                </c:pt>
                <c:pt idx="5266">
                  <c:v>41792</c:v>
                </c:pt>
                <c:pt idx="5267">
                  <c:v>41793</c:v>
                </c:pt>
                <c:pt idx="5268">
                  <c:v>41794</c:v>
                </c:pt>
                <c:pt idx="5269">
                  <c:v>41795</c:v>
                </c:pt>
                <c:pt idx="5270">
                  <c:v>41796</c:v>
                </c:pt>
                <c:pt idx="5271">
                  <c:v>41797</c:v>
                </c:pt>
                <c:pt idx="5272">
                  <c:v>41798</c:v>
                </c:pt>
                <c:pt idx="5273">
                  <c:v>41799</c:v>
                </c:pt>
                <c:pt idx="5274">
                  <c:v>41800</c:v>
                </c:pt>
                <c:pt idx="5275">
                  <c:v>41801</c:v>
                </c:pt>
                <c:pt idx="5276">
                  <c:v>41802</c:v>
                </c:pt>
                <c:pt idx="5277">
                  <c:v>41803</c:v>
                </c:pt>
                <c:pt idx="5278">
                  <c:v>41804</c:v>
                </c:pt>
                <c:pt idx="5279">
                  <c:v>41805</c:v>
                </c:pt>
                <c:pt idx="5280">
                  <c:v>41806</c:v>
                </c:pt>
                <c:pt idx="5281">
                  <c:v>41807</c:v>
                </c:pt>
                <c:pt idx="5282">
                  <c:v>41808</c:v>
                </c:pt>
                <c:pt idx="5283">
                  <c:v>41809</c:v>
                </c:pt>
                <c:pt idx="5284">
                  <c:v>41810</c:v>
                </c:pt>
                <c:pt idx="5285">
                  <c:v>41811</c:v>
                </c:pt>
                <c:pt idx="5286">
                  <c:v>41812</c:v>
                </c:pt>
                <c:pt idx="5287">
                  <c:v>41813</c:v>
                </c:pt>
                <c:pt idx="5288">
                  <c:v>41814</c:v>
                </c:pt>
                <c:pt idx="5289">
                  <c:v>41815</c:v>
                </c:pt>
                <c:pt idx="5290">
                  <c:v>41816</c:v>
                </c:pt>
                <c:pt idx="5291">
                  <c:v>41817</c:v>
                </c:pt>
                <c:pt idx="5292">
                  <c:v>41818</c:v>
                </c:pt>
                <c:pt idx="5293">
                  <c:v>41819</c:v>
                </c:pt>
                <c:pt idx="5294">
                  <c:v>41820</c:v>
                </c:pt>
                <c:pt idx="5295">
                  <c:v>41821</c:v>
                </c:pt>
                <c:pt idx="5296">
                  <c:v>41822</c:v>
                </c:pt>
                <c:pt idx="5297">
                  <c:v>41823</c:v>
                </c:pt>
                <c:pt idx="5298">
                  <c:v>41824</c:v>
                </c:pt>
                <c:pt idx="5299">
                  <c:v>41825</c:v>
                </c:pt>
                <c:pt idx="5300">
                  <c:v>41826</c:v>
                </c:pt>
                <c:pt idx="5301">
                  <c:v>41827</c:v>
                </c:pt>
                <c:pt idx="5302">
                  <c:v>41828</c:v>
                </c:pt>
                <c:pt idx="5303">
                  <c:v>41829</c:v>
                </c:pt>
                <c:pt idx="5304">
                  <c:v>41830</c:v>
                </c:pt>
                <c:pt idx="5305">
                  <c:v>41831</c:v>
                </c:pt>
                <c:pt idx="5306">
                  <c:v>41832</c:v>
                </c:pt>
                <c:pt idx="5307">
                  <c:v>41833</c:v>
                </c:pt>
                <c:pt idx="5308">
                  <c:v>41834</c:v>
                </c:pt>
                <c:pt idx="5309">
                  <c:v>41835</c:v>
                </c:pt>
                <c:pt idx="5310">
                  <c:v>41836</c:v>
                </c:pt>
                <c:pt idx="5311">
                  <c:v>41837</c:v>
                </c:pt>
                <c:pt idx="5312">
                  <c:v>41838</c:v>
                </c:pt>
                <c:pt idx="5313">
                  <c:v>41839</c:v>
                </c:pt>
                <c:pt idx="5314">
                  <c:v>41840</c:v>
                </c:pt>
                <c:pt idx="5315">
                  <c:v>41841</c:v>
                </c:pt>
                <c:pt idx="5316">
                  <c:v>41842</c:v>
                </c:pt>
                <c:pt idx="5317">
                  <c:v>41843</c:v>
                </c:pt>
                <c:pt idx="5318">
                  <c:v>41844</c:v>
                </c:pt>
                <c:pt idx="5319">
                  <c:v>41845</c:v>
                </c:pt>
                <c:pt idx="5320">
                  <c:v>41846</c:v>
                </c:pt>
                <c:pt idx="5321">
                  <c:v>41847</c:v>
                </c:pt>
                <c:pt idx="5322">
                  <c:v>41848</c:v>
                </c:pt>
                <c:pt idx="5323">
                  <c:v>41849</c:v>
                </c:pt>
                <c:pt idx="5324">
                  <c:v>41850</c:v>
                </c:pt>
                <c:pt idx="5325">
                  <c:v>41851</c:v>
                </c:pt>
                <c:pt idx="5326">
                  <c:v>41852</c:v>
                </c:pt>
                <c:pt idx="5327">
                  <c:v>41853</c:v>
                </c:pt>
                <c:pt idx="5328">
                  <c:v>41854</c:v>
                </c:pt>
                <c:pt idx="5329">
                  <c:v>41855</c:v>
                </c:pt>
                <c:pt idx="5330">
                  <c:v>41856</c:v>
                </c:pt>
                <c:pt idx="5331">
                  <c:v>41857</c:v>
                </c:pt>
                <c:pt idx="5332">
                  <c:v>41858</c:v>
                </c:pt>
                <c:pt idx="5333">
                  <c:v>41859</c:v>
                </c:pt>
                <c:pt idx="5334">
                  <c:v>41860</c:v>
                </c:pt>
                <c:pt idx="5335">
                  <c:v>41861</c:v>
                </c:pt>
                <c:pt idx="5336">
                  <c:v>41862</c:v>
                </c:pt>
                <c:pt idx="5337">
                  <c:v>41863</c:v>
                </c:pt>
                <c:pt idx="5338">
                  <c:v>41864</c:v>
                </c:pt>
                <c:pt idx="5339">
                  <c:v>41865</c:v>
                </c:pt>
                <c:pt idx="5340">
                  <c:v>41866</c:v>
                </c:pt>
                <c:pt idx="5341">
                  <c:v>41867</c:v>
                </c:pt>
                <c:pt idx="5342">
                  <c:v>41868</c:v>
                </c:pt>
                <c:pt idx="5343">
                  <c:v>41869</c:v>
                </c:pt>
                <c:pt idx="5344">
                  <c:v>41870</c:v>
                </c:pt>
                <c:pt idx="5345">
                  <c:v>41871</c:v>
                </c:pt>
                <c:pt idx="5346">
                  <c:v>41872</c:v>
                </c:pt>
                <c:pt idx="5347">
                  <c:v>41873</c:v>
                </c:pt>
                <c:pt idx="5348">
                  <c:v>41874</c:v>
                </c:pt>
                <c:pt idx="5349">
                  <c:v>41875</c:v>
                </c:pt>
                <c:pt idx="5350">
                  <c:v>41876</c:v>
                </c:pt>
                <c:pt idx="5351">
                  <c:v>41877</c:v>
                </c:pt>
                <c:pt idx="5352">
                  <c:v>41878</c:v>
                </c:pt>
                <c:pt idx="5353">
                  <c:v>41879</c:v>
                </c:pt>
                <c:pt idx="5354">
                  <c:v>41880</c:v>
                </c:pt>
                <c:pt idx="5355">
                  <c:v>41881</c:v>
                </c:pt>
                <c:pt idx="5356">
                  <c:v>41882</c:v>
                </c:pt>
                <c:pt idx="5357">
                  <c:v>41883</c:v>
                </c:pt>
                <c:pt idx="5358">
                  <c:v>41884</c:v>
                </c:pt>
                <c:pt idx="5359">
                  <c:v>41885</c:v>
                </c:pt>
                <c:pt idx="5360">
                  <c:v>41886</c:v>
                </c:pt>
                <c:pt idx="5361">
                  <c:v>41887</c:v>
                </c:pt>
                <c:pt idx="5362">
                  <c:v>41888</c:v>
                </c:pt>
                <c:pt idx="5363">
                  <c:v>41889</c:v>
                </c:pt>
                <c:pt idx="5364">
                  <c:v>41890</c:v>
                </c:pt>
                <c:pt idx="5365">
                  <c:v>41891</c:v>
                </c:pt>
                <c:pt idx="5366">
                  <c:v>41892</c:v>
                </c:pt>
                <c:pt idx="5367">
                  <c:v>41893</c:v>
                </c:pt>
                <c:pt idx="5368">
                  <c:v>41894</c:v>
                </c:pt>
                <c:pt idx="5369">
                  <c:v>41895</c:v>
                </c:pt>
                <c:pt idx="5370">
                  <c:v>41896</c:v>
                </c:pt>
                <c:pt idx="5371">
                  <c:v>41897</c:v>
                </c:pt>
                <c:pt idx="5372">
                  <c:v>41898</c:v>
                </c:pt>
                <c:pt idx="5373">
                  <c:v>41899</c:v>
                </c:pt>
                <c:pt idx="5374">
                  <c:v>41900</c:v>
                </c:pt>
                <c:pt idx="5375">
                  <c:v>41901</c:v>
                </c:pt>
                <c:pt idx="5376">
                  <c:v>41902</c:v>
                </c:pt>
                <c:pt idx="5377">
                  <c:v>41903</c:v>
                </c:pt>
                <c:pt idx="5378">
                  <c:v>41904</c:v>
                </c:pt>
                <c:pt idx="5379">
                  <c:v>41905</c:v>
                </c:pt>
                <c:pt idx="5380">
                  <c:v>41906</c:v>
                </c:pt>
                <c:pt idx="5381">
                  <c:v>41907</c:v>
                </c:pt>
                <c:pt idx="5382">
                  <c:v>41908</c:v>
                </c:pt>
                <c:pt idx="5383">
                  <c:v>41909</c:v>
                </c:pt>
                <c:pt idx="5384">
                  <c:v>41910</c:v>
                </c:pt>
                <c:pt idx="5385">
                  <c:v>41911</c:v>
                </c:pt>
                <c:pt idx="5386">
                  <c:v>41912</c:v>
                </c:pt>
                <c:pt idx="5387">
                  <c:v>41913</c:v>
                </c:pt>
                <c:pt idx="5388">
                  <c:v>41914</c:v>
                </c:pt>
                <c:pt idx="5389">
                  <c:v>41915</c:v>
                </c:pt>
                <c:pt idx="5390">
                  <c:v>41916</c:v>
                </c:pt>
                <c:pt idx="5391">
                  <c:v>41917</c:v>
                </c:pt>
                <c:pt idx="5392">
                  <c:v>41918</c:v>
                </c:pt>
                <c:pt idx="5393">
                  <c:v>41919</c:v>
                </c:pt>
                <c:pt idx="5394">
                  <c:v>41920</c:v>
                </c:pt>
                <c:pt idx="5395">
                  <c:v>41921</c:v>
                </c:pt>
                <c:pt idx="5396">
                  <c:v>41922</c:v>
                </c:pt>
                <c:pt idx="5397">
                  <c:v>41923</c:v>
                </c:pt>
                <c:pt idx="5398">
                  <c:v>41924</c:v>
                </c:pt>
                <c:pt idx="5399">
                  <c:v>41925</c:v>
                </c:pt>
                <c:pt idx="5400">
                  <c:v>41926</c:v>
                </c:pt>
                <c:pt idx="5401">
                  <c:v>41927</c:v>
                </c:pt>
                <c:pt idx="5402">
                  <c:v>41928</c:v>
                </c:pt>
                <c:pt idx="5403">
                  <c:v>41929</c:v>
                </c:pt>
                <c:pt idx="5404">
                  <c:v>41930</c:v>
                </c:pt>
                <c:pt idx="5405">
                  <c:v>41931</c:v>
                </c:pt>
                <c:pt idx="5406">
                  <c:v>41932</c:v>
                </c:pt>
                <c:pt idx="5407">
                  <c:v>41933</c:v>
                </c:pt>
                <c:pt idx="5408">
                  <c:v>41934</c:v>
                </c:pt>
                <c:pt idx="5409">
                  <c:v>41935</c:v>
                </c:pt>
                <c:pt idx="5410">
                  <c:v>41936</c:v>
                </c:pt>
                <c:pt idx="5411">
                  <c:v>41937</c:v>
                </c:pt>
                <c:pt idx="5412">
                  <c:v>41938</c:v>
                </c:pt>
                <c:pt idx="5413">
                  <c:v>41939</c:v>
                </c:pt>
                <c:pt idx="5414">
                  <c:v>41940</c:v>
                </c:pt>
                <c:pt idx="5415">
                  <c:v>41941</c:v>
                </c:pt>
                <c:pt idx="5416">
                  <c:v>41942</c:v>
                </c:pt>
                <c:pt idx="5417">
                  <c:v>41943</c:v>
                </c:pt>
                <c:pt idx="5418">
                  <c:v>41944</c:v>
                </c:pt>
                <c:pt idx="5419">
                  <c:v>41945</c:v>
                </c:pt>
                <c:pt idx="5420">
                  <c:v>41946</c:v>
                </c:pt>
                <c:pt idx="5421">
                  <c:v>41947</c:v>
                </c:pt>
                <c:pt idx="5422">
                  <c:v>41948</c:v>
                </c:pt>
                <c:pt idx="5423">
                  <c:v>41949</c:v>
                </c:pt>
                <c:pt idx="5424">
                  <c:v>41950</c:v>
                </c:pt>
                <c:pt idx="5425">
                  <c:v>41951</c:v>
                </c:pt>
                <c:pt idx="5426">
                  <c:v>41952</c:v>
                </c:pt>
                <c:pt idx="5427">
                  <c:v>41953</c:v>
                </c:pt>
                <c:pt idx="5428">
                  <c:v>41954</c:v>
                </c:pt>
                <c:pt idx="5429">
                  <c:v>41955</c:v>
                </c:pt>
                <c:pt idx="5430">
                  <c:v>41956</c:v>
                </c:pt>
                <c:pt idx="5431">
                  <c:v>41957</c:v>
                </c:pt>
                <c:pt idx="5432">
                  <c:v>41958</c:v>
                </c:pt>
                <c:pt idx="5433">
                  <c:v>41959</c:v>
                </c:pt>
                <c:pt idx="5434">
                  <c:v>41960</c:v>
                </c:pt>
                <c:pt idx="5435">
                  <c:v>41961</c:v>
                </c:pt>
                <c:pt idx="5436">
                  <c:v>41962</c:v>
                </c:pt>
                <c:pt idx="5437">
                  <c:v>41963</c:v>
                </c:pt>
                <c:pt idx="5438">
                  <c:v>41964</c:v>
                </c:pt>
                <c:pt idx="5439">
                  <c:v>41965</c:v>
                </c:pt>
                <c:pt idx="5440">
                  <c:v>41966</c:v>
                </c:pt>
                <c:pt idx="5441">
                  <c:v>41967</c:v>
                </c:pt>
                <c:pt idx="5442">
                  <c:v>41968</c:v>
                </c:pt>
                <c:pt idx="5443">
                  <c:v>41969</c:v>
                </c:pt>
                <c:pt idx="5444">
                  <c:v>41970</c:v>
                </c:pt>
                <c:pt idx="5445">
                  <c:v>41971</c:v>
                </c:pt>
                <c:pt idx="5446">
                  <c:v>41972</c:v>
                </c:pt>
                <c:pt idx="5447">
                  <c:v>41973</c:v>
                </c:pt>
                <c:pt idx="5448">
                  <c:v>41974</c:v>
                </c:pt>
                <c:pt idx="5449">
                  <c:v>41975</c:v>
                </c:pt>
                <c:pt idx="5450">
                  <c:v>41976</c:v>
                </c:pt>
                <c:pt idx="5451">
                  <c:v>41977</c:v>
                </c:pt>
                <c:pt idx="5452">
                  <c:v>41978</c:v>
                </c:pt>
                <c:pt idx="5453">
                  <c:v>41979</c:v>
                </c:pt>
                <c:pt idx="5454">
                  <c:v>41980</c:v>
                </c:pt>
                <c:pt idx="5455">
                  <c:v>41981</c:v>
                </c:pt>
                <c:pt idx="5456">
                  <c:v>41982</c:v>
                </c:pt>
                <c:pt idx="5457">
                  <c:v>41983</c:v>
                </c:pt>
                <c:pt idx="5458">
                  <c:v>41984</c:v>
                </c:pt>
                <c:pt idx="5459">
                  <c:v>41985</c:v>
                </c:pt>
                <c:pt idx="5460">
                  <c:v>41986</c:v>
                </c:pt>
                <c:pt idx="5461">
                  <c:v>41987</c:v>
                </c:pt>
                <c:pt idx="5462">
                  <c:v>41988</c:v>
                </c:pt>
                <c:pt idx="5463">
                  <c:v>41989</c:v>
                </c:pt>
                <c:pt idx="5464">
                  <c:v>41990</c:v>
                </c:pt>
                <c:pt idx="5465">
                  <c:v>41991</c:v>
                </c:pt>
                <c:pt idx="5466">
                  <c:v>41992</c:v>
                </c:pt>
                <c:pt idx="5467">
                  <c:v>41993</c:v>
                </c:pt>
                <c:pt idx="5468">
                  <c:v>41994</c:v>
                </c:pt>
                <c:pt idx="5469">
                  <c:v>41995</c:v>
                </c:pt>
                <c:pt idx="5470">
                  <c:v>41996</c:v>
                </c:pt>
                <c:pt idx="5471">
                  <c:v>41997</c:v>
                </c:pt>
                <c:pt idx="5472">
                  <c:v>41998</c:v>
                </c:pt>
                <c:pt idx="5473">
                  <c:v>41999</c:v>
                </c:pt>
                <c:pt idx="5474">
                  <c:v>42000</c:v>
                </c:pt>
                <c:pt idx="5475">
                  <c:v>42001</c:v>
                </c:pt>
                <c:pt idx="5476">
                  <c:v>42002</c:v>
                </c:pt>
                <c:pt idx="5477">
                  <c:v>42003</c:v>
                </c:pt>
                <c:pt idx="5478">
                  <c:v>42004</c:v>
                </c:pt>
                <c:pt idx="5479">
                  <c:v>42005</c:v>
                </c:pt>
                <c:pt idx="5480">
                  <c:v>42006</c:v>
                </c:pt>
                <c:pt idx="5481">
                  <c:v>42007</c:v>
                </c:pt>
                <c:pt idx="5482">
                  <c:v>42008</c:v>
                </c:pt>
                <c:pt idx="5483">
                  <c:v>42009</c:v>
                </c:pt>
                <c:pt idx="5484">
                  <c:v>42010</c:v>
                </c:pt>
                <c:pt idx="5485">
                  <c:v>42011</c:v>
                </c:pt>
                <c:pt idx="5486">
                  <c:v>42012</c:v>
                </c:pt>
                <c:pt idx="5487">
                  <c:v>42013</c:v>
                </c:pt>
                <c:pt idx="5488">
                  <c:v>42014</c:v>
                </c:pt>
                <c:pt idx="5489">
                  <c:v>42015</c:v>
                </c:pt>
                <c:pt idx="5490">
                  <c:v>42016</c:v>
                </c:pt>
                <c:pt idx="5491">
                  <c:v>42017</c:v>
                </c:pt>
                <c:pt idx="5492">
                  <c:v>42018</c:v>
                </c:pt>
                <c:pt idx="5493">
                  <c:v>42019</c:v>
                </c:pt>
                <c:pt idx="5494">
                  <c:v>42020</c:v>
                </c:pt>
                <c:pt idx="5495">
                  <c:v>42021</c:v>
                </c:pt>
                <c:pt idx="5496">
                  <c:v>42022</c:v>
                </c:pt>
                <c:pt idx="5497">
                  <c:v>42023</c:v>
                </c:pt>
                <c:pt idx="5498">
                  <c:v>42024</c:v>
                </c:pt>
                <c:pt idx="5499">
                  <c:v>42025</c:v>
                </c:pt>
                <c:pt idx="5500">
                  <c:v>42026</c:v>
                </c:pt>
                <c:pt idx="5501">
                  <c:v>42027</c:v>
                </c:pt>
                <c:pt idx="5502">
                  <c:v>42028</c:v>
                </c:pt>
                <c:pt idx="5503">
                  <c:v>42029</c:v>
                </c:pt>
                <c:pt idx="5504">
                  <c:v>42030</c:v>
                </c:pt>
                <c:pt idx="5505">
                  <c:v>42031</c:v>
                </c:pt>
                <c:pt idx="5506">
                  <c:v>42032</c:v>
                </c:pt>
                <c:pt idx="5507">
                  <c:v>42033</c:v>
                </c:pt>
                <c:pt idx="5508">
                  <c:v>42034</c:v>
                </c:pt>
                <c:pt idx="5509">
                  <c:v>42035</c:v>
                </c:pt>
                <c:pt idx="5510">
                  <c:v>42036</c:v>
                </c:pt>
                <c:pt idx="5511">
                  <c:v>42037</c:v>
                </c:pt>
                <c:pt idx="5512">
                  <c:v>42038</c:v>
                </c:pt>
                <c:pt idx="5513">
                  <c:v>42039</c:v>
                </c:pt>
                <c:pt idx="5514">
                  <c:v>42040</c:v>
                </c:pt>
                <c:pt idx="5515">
                  <c:v>42041</c:v>
                </c:pt>
                <c:pt idx="5516">
                  <c:v>42042</c:v>
                </c:pt>
                <c:pt idx="5517">
                  <c:v>42043</c:v>
                </c:pt>
                <c:pt idx="5518">
                  <c:v>42044</c:v>
                </c:pt>
                <c:pt idx="5519">
                  <c:v>42045</c:v>
                </c:pt>
                <c:pt idx="5520">
                  <c:v>42046</c:v>
                </c:pt>
                <c:pt idx="5521">
                  <c:v>42047</c:v>
                </c:pt>
                <c:pt idx="5522">
                  <c:v>42048</c:v>
                </c:pt>
                <c:pt idx="5523">
                  <c:v>42049</c:v>
                </c:pt>
                <c:pt idx="5524">
                  <c:v>42050</c:v>
                </c:pt>
                <c:pt idx="5525">
                  <c:v>42051</c:v>
                </c:pt>
                <c:pt idx="5526">
                  <c:v>42052</c:v>
                </c:pt>
                <c:pt idx="5527">
                  <c:v>42053</c:v>
                </c:pt>
                <c:pt idx="5528">
                  <c:v>42054</c:v>
                </c:pt>
                <c:pt idx="5529">
                  <c:v>42055</c:v>
                </c:pt>
                <c:pt idx="5530">
                  <c:v>42056</c:v>
                </c:pt>
                <c:pt idx="5531">
                  <c:v>42057</c:v>
                </c:pt>
                <c:pt idx="5532">
                  <c:v>42058</c:v>
                </c:pt>
                <c:pt idx="5533">
                  <c:v>42059</c:v>
                </c:pt>
                <c:pt idx="5534">
                  <c:v>42060</c:v>
                </c:pt>
                <c:pt idx="5535">
                  <c:v>42061</c:v>
                </c:pt>
                <c:pt idx="5536">
                  <c:v>42062</c:v>
                </c:pt>
                <c:pt idx="5537">
                  <c:v>42063</c:v>
                </c:pt>
                <c:pt idx="5538">
                  <c:v>42064</c:v>
                </c:pt>
                <c:pt idx="5539">
                  <c:v>42065</c:v>
                </c:pt>
                <c:pt idx="5540">
                  <c:v>42066</c:v>
                </c:pt>
                <c:pt idx="5541">
                  <c:v>42067</c:v>
                </c:pt>
                <c:pt idx="5542">
                  <c:v>42068</c:v>
                </c:pt>
                <c:pt idx="5543">
                  <c:v>42069</c:v>
                </c:pt>
                <c:pt idx="5544">
                  <c:v>42070</c:v>
                </c:pt>
                <c:pt idx="5545">
                  <c:v>42071</c:v>
                </c:pt>
                <c:pt idx="5546">
                  <c:v>42072</c:v>
                </c:pt>
                <c:pt idx="5547">
                  <c:v>42073</c:v>
                </c:pt>
                <c:pt idx="5548">
                  <c:v>42074</c:v>
                </c:pt>
                <c:pt idx="5549">
                  <c:v>42075</c:v>
                </c:pt>
                <c:pt idx="5550">
                  <c:v>42076</c:v>
                </c:pt>
                <c:pt idx="5551">
                  <c:v>42077</c:v>
                </c:pt>
                <c:pt idx="5552">
                  <c:v>42078</c:v>
                </c:pt>
                <c:pt idx="5553">
                  <c:v>42079</c:v>
                </c:pt>
                <c:pt idx="5554">
                  <c:v>42080</c:v>
                </c:pt>
                <c:pt idx="5555">
                  <c:v>42081</c:v>
                </c:pt>
                <c:pt idx="5556">
                  <c:v>42082</c:v>
                </c:pt>
                <c:pt idx="5557">
                  <c:v>42083</c:v>
                </c:pt>
                <c:pt idx="5558">
                  <c:v>42084</c:v>
                </c:pt>
                <c:pt idx="5559">
                  <c:v>42085</c:v>
                </c:pt>
                <c:pt idx="5560">
                  <c:v>42086</c:v>
                </c:pt>
                <c:pt idx="5561">
                  <c:v>42087</c:v>
                </c:pt>
                <c:pt idx="5562">
                  <c:v>42088</c:v>
                </c:pt>
                <c:pt idx="5563">
                  <c:v>42089</c:v>
                </c:pt>
                <c:pt idx="5564">
                  <c:v>42090</c:v>
                </c:pt>
                <c:pt idx="5565">
                  <c:v>42091</c:v>
                </c:pt>
                <c:pt idx="5566">
                  <c:v>42092</c:v>
                </c:pt>
                <c:pt idx="5567">
                  <c:v>42093</c:v>
                </c:pt>
                <c:pt idx="5568">
                  <c:v>42094</c:v>
                </c:pt>
                <c:pt idx="5569">
                  <c:v>42095</c:v>
                </c:pt>
                <c:pt idx="5570">
                  <c:v>42096</c:v>
                </c:pt>
                <c:pt idx="5571">
                  <c:v>42097</c:v>
                </c:pt>
                <c:pt idx="5572">
                  <c:v>42098</c:v>
                </c:pt>
                <c:pt idx="5573">
                  <c:v>42099</c:v>
                </c:pt>
                <c:pt idx="5574">
                  <c:v>42100</c:v>
                </c:pt>
                <c:pt idx="5575">
                  <c:v>42101</c:v>
                </c:pt>
                <c:pt idx="5576">
                  <c:v>42102</c:v>
                </c:pt>
                <c:pt idx="5577">
                  <c:v>42103</c:v>
                </c:pt>
                <c:pt idx="5578">
                  <c:v>42104</c:v>
                </c:pt>
                <c:pt idx="5579">
                  <c:v>42105</c:v>
                </c:pt>
                <c:pt idx="5580">
                  <c:v>42106</c:v>
                </c:pt>
                <c:pt idx="5581">
                  <c:v>42107</c:v>
                </c:pt>
                <c:pt idx="5582">
                  <c:v>42108</c:v>
                </c:pt>
                <c:pt idx="5583">
                  <c:v>42109</c:v>
                </c:pt>
                <c:pt idx="5584">
                  <c:v>42110</c:v>
                </c:pt>
                <c:pt idx="5585">
                  <c:v>42111</c:v>
                </c:pt>
                <c:pt idx="5586">
                  <c:v>42112</c:v>
                </c:pt>
                <c:pt idx="5587">
                  <c:v>42113</c:v>
                </c:pt>
                <c:pt idx="5588">
                  <c:v>42114</c:v>
                </c:pt>
                <c:pt idx="5589">
                  <c:v>42115</c:v>
                </c:pt>
                <c:pt idx="5590">
                  <c:v>42116</c:v>
                </c:pt>
                <c:pt idx="5591">
                  <c:v>42117</c:v>
                </c:pt>
                <c:pt idx="5592">
                  <c:v>42118</c:v>
                </c:pt>
                <c:pt idx="5593">
                  <c:v>42119</c:v>
                </c:pt>
                <c:pt idx="5594">
                  <c:v>42120</c:v>
                </c:pt>
                <c:pt idx="5595">
                  <c:v>42121</c:v>
                </c:pt>
                <c:pt idx="5596">
                  <c:v>42122</c:v>
                </c:pt>
                <c:pt idx="5597">
                  <c:v>42123</c:v>
                </c:pt>
                <c:pt idx="5598">
                  <c:v>42124</c:v>
                </c:pt>
                <c:pt idx="5599">
                  <c:v>42125</c:v>
                </c:pt>
                <c:pt idx="5600">
                  <c:v>42126</c:v>
                </c:pt>
                <c:pt idx="5601">
                  <c:v>42127</c:v>
                </c:pt>
                <c:pt idx="5602">
                  <c:v>42128</c:v>
                </c:pt>
                <c:pt idx="5603">
                  <c:v>42129</c:v>
                </c:pt>
                <c:pt idx="5604">
                  <c:v>42130</c:v>
                </c:pt>
                <c:pt idx="5605">
                  <c:v>42131</c:v>
                </c:pt>
                <c:pt idx="5606">
                  <c:v>42132</c:v>
                </c:pt>
                <c:pt idx="5607">
                  <c:v>42133</c:v>
                </c:pt>
                <c:pt idx="5608">
                  <c:v>42134</c:v>
                </c:pt>
                <c:pt idx="5609">
                  <c:v>42135</c:v>
                </c:pt>
                <c:pt idx="5610">
                  <c:v>42136</c:v>
                </c:pt>
                <c:pt idx="5611">
                  <c:v>42137</c:v>
                </c:pt>
                <c:pt idx="5612">
                  <c:v>42138</c:v>
                </c:pt>
                <c:pt idx="5613">
                  <c:v>42139</c:v>
                </c:pt>
                <c:pt idx="5614">
                  <c:v>42140</c:v>
                </c:pt>
                <c:pt idx="5615">
                  <c:v>42141</c:v>
                </c:pt>
                <c:pt idx="5616">
                  <c:v>42142</c:v>
                </c:pt>
                <c:pt idx="5617">
                  <c:v>42143</c:v>
                </c:pt>
                <c:pt idx="5618">
                  <c:v>42144</c:v>
                </c:pt>
                <c:pt idx="5619">
                  <c:v>42145</c:v>
                </c:pt>
                <c:pt idx="5620">
                  <c:v>42146</c:v>
                </c:pt>
                <c:pt idx="5621">
                  <c:v>42147</c:v>
                </c:pt>
                <c:pt idx="5622">
                  <c:v>42148</c:v>
                </c:pt>
                <c:pt idx="5623">
                  <c:v>42149</c:v>
                </c:pt>
                <c:pt idx="5624">
                  <c:v>42150</c:v>
                </c:pt>
                <c:pt idx="5625">
                  <c:v>42151</c:v>
                </c:pt>
                <c:pt idx="5626">
                  <c:v>42152</c:v>
                </c:pt>
                <c:pt idx="5627">
                  <c:v>42153</c:v>
                </c:pt>
                <c:pt idx="5628">
                  <c:v>42154</c:v>
                </c:pt>
                <c:pt idx="5629">
                  <c:v>42155</c:v>
                </c:pt>
                <c:pt idx="5630">
                  <c:v>42156</c:v>
                </c:pt>
                <c:pt idx="5631">
                  <c:v>42157</c:v>
                </c:pt>
                <c:pt idx="5632">
                  <c:v>42158</c:v>
                </c:pt>
                <c:pt idx="5633">
                  <c:v>42159</c:v>
                </c:pt>
                <c:pt idx="5634">
                  <c:v>42160</c:v>
                </c:pt>
                <c:pt idx="5635">
                  <c:v>42161</c:v>
                </c:pt>
                <c:pt idx="5636">
                  <c:v>42162</c:v>
                </c:pt>
                <c:pt idx="5637">
                  <c:v>42163</c:v>
                </c:pt>
                <c:pt idx="5638">
                  <c:v>42164</c:v>
                </c:pt>
                <c:pt idx="5639">
                  <c:v>42165</c:v>
                </c:pt>
                <c:pt idx="5640">
                  <c:v>42166</c:v>
                </c:pt>
                <c:pt idx="5641">
                  <c:v>42167</c:v>
                </c:pt>
                <c:pt idx="5642">
                  <c:v>42168</c:v>
                </c:pt>
                <c:pt idx="5643">
                  <c:v>42169</c:v>
                </c:pt>
                <c:pt idx="5644">
                  <c:v>42170</c:v>
                </c:pt>
                <c:pt idx="5645">
                  <c:v>42171</c:v>
                </c:pt>
                <c:pt idx="5646">
                  <c:v>42172</c:v>
                </c:pt>
                <c:pt idx="5647">
                  <c:v>42173</c:v>
                </c:pt>
                <c:pt idx="5648">
                  <c:v>42174</c:v>
                </c:pt>
                <c:pt idx="5649">
                  <c:v>42175</c:v>
                </c:pt>
                <c:pt idx="5650">
                  <c:v>42176</c:v>
                </c:pt>
                <c:pt idx="5651">
                  <c:v>42177</c:v>
                </c:pt>
                <c:pt idx="5652">
                  <c:v>42178</c:v>
                </c:pt>
                <c:pt idx="5653">
                  <c:v>42179</c:v>
                </c:pt>
                <c:pt idx="5654">
                  <c:v>42180</c:v>
                </c:pt>
                <c:pt idx="5655">
                  <c:v>42181</c:v>
                </c:pt>
                <c:pt idx="5656">
                  <c:v>42182</c:v>
                </c:pt>
                <c:pt idx="5657">
                  <c:v>42183</c:v>
                </c:pt>
                <c:pt idx="5658">
                  <c:v>42184</c:v>
                </c:pt>
                <c:pt idx="5659">
                  <c:v>42185</c:v>
                </c:pt>
                <c:pt idx="5660">
                  <c:v>42186</c:v>
                </c:pt>
                <c:pt idx="5661">
                  <c:v>42187</c:v>
                </c:pt>
                <c:pt idx="5662">
                  <c:v>42188</c:v>
                </c:pt>
                <c:pt idx="5663">
                  <c:v>42189</c:v>
                </c:pt>
                <c:pt idx="5664">
                  <c:v>42190</c:v>
                </c:pt>
                <c:pt idx="5665">
                  <c:v>42191</c:v>
                </c:pt>
                <c:pt idx="5666">
                  <c:v>42192</c:v>
                </c:pt>
                <c:pt idx="5667">
                  <c:v>42193</c:v>
                </c:pt>
                <c:pt idx="5668">
                  <c:v>42194</c:v>
                </c:pt>
                <c:pt idx="5669">
                  <c:v>42195</c:v>
                </c:pt>
                <c:pt idx="5670">
                  <c:v>42196</c:v>
                </c:pt>
                <c:pt idx="5671">
                  <c:v>42197</c:v>
                </c:pt>
                <c:pt idx="5672">
                  <c:v>42198</c:v>
                </c:pt>
                <c:pt idx="5673">
                  <c:v>42199</c:v>
                </c:pt>
                <c:pt idx="5674">
                  <c:v>42200</c:v>
                </c:pt>
                <c:pt idx="5675">
                  <c:v>42201</c:v>
                </c:pt>
                <c:pt idx="5676">
                  <c:v>42202</c:v>
                </c:pt>
                <c:pt idx="5677">
                  <c:v>42203</c:v>
                </c:pt>
                <c:pt idx="5678">
                  <c:v>42204</c:v>
                </c:pt>
                <c:pt idx="5679">
                  <c:v>42205</c:v>
                </c:pt>
                <c:pt idx="5680">
                  <c:v>42206</c:v>
                </c:pt>
                <c:pt idx="5681">
                  <c:v>42207</c:v>
                </c:pt>
                <c:pt idx="5682">
                  <c:v>42208</c:v>
                </c:pt>
                <c:pt idx="5683">
                  <c:v>42209</c:v>
                </c:pt>
                <c:pt idx="5684">
                  <c:v>42210</c:v>
                </c:pt>
                <c:pt idx="5685">
                  <c:v>42211</c:v>
                </c:pt>
                <c:pt idx="5686">
                  <c:v>42212</c:v>
                </c:pt>
                <c:pt idx="5687">
                  <c:v>42213</c:v>
                </c:pt>
                <c:pt idx="5688">
                  <c:v>42214</c:v>
                </c:pt>
                <c:pt idx="5689">
                  <c:v>42215</c:v>
                </c:pt>
                <c:pt idx="5690">
                  <c:v>42216</c:v>
                </c:pt>
                <c:pt idx="5691">
                  <c:v>42217</c:v>
                </c:pt>
                <c:pt idx="5692">
                  <c:v>42218</c:v>
                </c:pt>
                <c:pt idx="5693">
                  <c:v>42219</c:v>
                </c:pt>
                <c:pt idx="5694">
                  <c:v>42220</c:v>
                </c:pt>
                <c:pt idx="5695">
                  <c:v>42221</c:v>
                </c:pt>
                <c:pt idx="5696">
                  <c:v>42222</c:v>
                </c:pt>
                <c:pt idx="5697">
                  <c:v>42223</c:v>
                </c:pt>
                <c:pt idx="5698">
                  <c:v>42224</c:v>
                </c:pt>
                <c:pt idx="5699">
                  <c:v>42225</c:v>
                </c:pt>
                <c:pt idx="5700">
                  <c:v>42226</c:v>
                </c:pt>
                <c:pt idx="5701">
                  <c:v>42227</c:v>
                </c:pt>
                <c:pt idx="5702">
                  <c:v>42228</c:v>
                </c:pt>
                <c:pt idx="5703">
                  <c:v>42229</c:v>
                </c:pt>
                <c:pt idx="5704">
                  <c:v>42230</c:v>
                </c:pt>
                <c:pt idx="5705">
                  <c:v>42231</c:v>
                </c:pt>
                <c:pt idx="5706">
                  <c:v>42232</c:v>
                </c:pt>
                <c:pt idx="5707">
                  <c:v>42233</c:v>
                </c:pt>
                <c:pt idx="5708">
                  <c:v>42234</c:v>
                </c:pt>
                <c:pt idx="5709">
                  <c:v>42235</c:v>
                </c:pt>
                <c:pt idx="5710">
                  <c:v>42236</c:v>
                </c:pt>
                <c:pt idx="5711">
                  <c:v>42237</c:v>
                </c:pt>
                <c:pt idx="5712">
                  <c:v>42238</c:v>
                </c:pt>
                <c:pt idx="5713">
                  <c:v>42239</c:v>
                </c:pt>
                <c:pt idx="5714">
                  <c:v>42240</c:v>
                </c:pt>
                <c:pt idx="5715">
                  <c:v>42241</c:v>
                </c:pt>
                <c:pt idx="5716">
                  <c:v>42242</c:v>
                </c:pt>
                <c:pt idx="5717">
                  <c:v>42243</c:v>
                </c:pt>
                <c:pt idx="5718">
                  <c:v>42244</c:v>
                </c:pt>
                <c:pt idx="5719">
                  <c:v>42245</c:v>
                </c:pt>
                <c:pt idx="5720">
                  <c:v>42246</c:v>
                </c:pt>
                <c:pt idx="5721">
                  <c:v>42247</c:v>
                </c:pt>
                <c:pt idx="5722">
                  <c:v>42248</c:v>
                </c:pt>
                <c:pt idx="5723">
                  <c:v>42249</c:v>
                </c:pt>
                <c:pt idx="5724">
                  <c:v>42250</c:v>
                </c:pt>
                <c:pt idx="5725">
                  <c:v>42251</c:v>
                </c:pt>
                <c:pt idx="5726">
                  <c:v>42252</c:v>
                </c:pt>
                <c:pt idx="5727">
                  <c:v>42253</c:v>
                </c:pt>
                <c:pt idx="5728">
                  <c:v>42254</c:v>
                </c:pt>
                <c:pt idx="5729">
                  <c:v>42255</c:v>
                </c:pt>
                <c:pt idx="5730">
                  <c:v>42256</c:v>
                </c:pt>
                <c:pt idx="5731">
                  <c:v>42257</c:v>
                </c:pt>
                <c:pt idx="5732">
                  <c:v>42258</c:v>
                </c:pt>
                <c:pt idx="5733">
                  <c:v>42259</c:v>
                </c:pt>
                <c:pt idx="5734">
                  <c:v>42260</c:v>
                </c:pt>
                <c:pt idx="5735">
                  <c:v>42261</c:v>
                </c:pt>
                <c:pt idx="5736">
                  <c:v>42262</c:v>
                </c:pt>
                <c:pt idx="5737">
                  <c:v>42263</c:v>
                </c:pt>
                <c:pt idx="5738">
                  <c:v>42264</c:v>
                </c:pt>
                <c:pt idx="5739">
                  <c:v>42265</c:v>
                </c:pt>
                <c:pt idx="5740">
                  <c:v>42266</c:v>
                </c:pt>
                <c:pt idx="5741">
                  <c:v>42267</c:v>
                </c:pt>
                <c:pt idx="5742">
                  <c:v>42268</c:v>
                </c:pt>
                <c:pt idx="5743">
                  <c:v>42269</c:v>
                </c:pt>
                <c:pt idx="5744">
                  <c:v>42270</c:v>
                </c:pt>
                <c:pt idx="5745">
                  <c:v>42271</c:v>
                </c:pt>
                <c:pt idx="5746">
                  <c:v>42272</c:v>
                </c:pt>
                <c:pt idx="5747">
                  <c:v>42273</c:v>
                </c:pt>
                <c:pt idx="5748">
                  <c:v>42274</c:v>
                </c:pt>
                <c:pt idx="5749">
                  <c:v>42275</c:v>
                </c:pt>
                <c:pt idx="5750">
                  <c:v>42276</c:v>
                </c:pt>
                <c:pt idx="5751">
                  <c:v>42277</c:v>
                </c:pt>
                <c:pt idx="5752">
                  <c:v>42278</c:v>
                </c:pt>
                <c:pt idx="5753">
                  <c:v>42279</c:v>
                </c:pt>
                <c:pt idx="5754">
                  <c:v>42280</c:v>
                </c:pt>
                <c:pt idx="5755">
                  <c:v>42281</c:v>
                </c:pt>
                <c:pt idx="5756">
                  <c:v>42282</c:v>
                </c:pt>
                <c:pt idx="5757">
                  <c:v>42283</c:v>
                </c:pt>
                <c:pt idx="5758">
                  <c:v>42284</c:v>
                </c:pt>
                <c:pt idx="5759">
                  <c:v>42285</c:v>
                </c:pt>
                <c:pt idx="5760">
                  <c:v>42286</c:v>
                </c:pt>
                <c:pt idx="5761">
                  <c:v>42287</c:v>
                </c:pt>
                <c:pt idx="5762">
                  <c:v>42288</c:v>
                </c:pt>
                <c:pt idx="5763">
                  <c:v>42289</c:v>
                </c:pt>
                <c:pt idx="5764">
                  <c:v>42290</c:v>
                </c:pt>
                <c:pt idx="5765">
                  <c:v>42291</c:v>
                </c:pt>
                <c:pt idx="5766">
                  <c:v>42292</c:v>
                </c:pt>
                <c:pt idx="5767">
                  <c:v>42293</c:v>
                </c:pt>
                <c:pt idx="5768">
                  <c:v>42294</c:v>
                </c:pt>
                <c:pt idx="5769">
                  <c:v>42295</c:v>
                </c:pt>
                <c:pt idx="5770">
                  <c:v>42296</c:v>
                </c:pt>
                <c:pt idx="5771">
                  <c:v>42297</c:v>
                </c:pt>
                <c:pt idx="5772">
                  <c:v>42298</c:v>
                </c:pt>
                <c:pt idx="5773">
                  <c:v>42299</c:v>
                </c:pt>
                <c:pt idx="5774">
                  <c:v>42300</c:v>
                </c:pt>
                <c:pt idx="5775">
                  <c:v>42301</c:v>
                </c:pt>
                <c:pt idx="5776">
                  <c:v>42302</c:v>
                </c:pt>
                <c:pt idx="5777">
                  <c:v>42303</c:v>
                </c:pt>
                <c:pt idx="5778">
                  <c:v>42304</c:v>
                </c:pt>
                <c:pt idx="5779">
                  <c:v>42305</c:v>
                </c:pt>
                <c:pt idx="5780">
                  <c:v>42306</c:v>
                </c:pt>
                <c:pt idx="5781">
                  <c:v>42307</c:v>
                </c:pt>
                <c:pt idx="5782">
                  <c:v>42308</c:v>
                </c:pt>
                <c:pt idx="5783">
                  <c:v>42309</c:v>
                </c:pt>
                <c:pt idx="5784">
                  <c:v>42310</c:v>
                </c:pt>
                <c:pt idx="5785">
                  <c:v>42311</c:v>
                </c:pt>
                <c:pt idx="5786">
                  <c:v>42312</c:v>
                </c:pt>
                <c:pt idx="5787">
                  <c:v>42313</c:v>
                </c:pt>
                <c:pt idx="5788">
                  <c:v>42314</c:v>
                </c:pt>
                <c:pt idx="5789">
                  <c:v>42315</c:v>
                </c:pt>
                <c:pt idx="5790">
                  <c:v>42316</c:v>
                </c:pt>
                <c:pt idx="5791">
                  <c:v>42317</c:v>
                </c:pt>
                <c:pt idx="5792">
                  <c:v>42318</c:v>
                </c:pt>
                <c:pt idx="5793">
                  <c:v>42319</c:v>
                </c:pt>
                <c:pt idx="5794">
                  <c:v>42320</c:v>
                </c:pt>
                <c:pt idx="5795">
                  <c:v>42321</c:v>
                </c:pt>
                <c:pt idx="5796">
                  <c:v>42322</c:v>
                </c:pt>
                <c:pt idx="5797">
                  <c:v>42323</c:v>
                </c:pt>
                <c:pt idx="5798">
                  <c:v>42324</c:v>
                </c:pt>
                <c:pt idx="5799">
                  <c:v>42325</c:v>
                </c:pt>
                <c:pt idx="5800">
                  <c:v>42326</c:v>
                </c:pt>
                <c:pt idx="5801">
                  <c:v>42327</c:v>
                </c:pt>
                <c:pt idx="5802">
                  <c:v>42328</c:v>
                </c:pt>
                <c:pt idx="5803">
                  <c:v>42329</c:v>
                </c:pt>
                <c:pt idx="5804">
                  <c:v>42330</c:v>
                </c:pt>
                <c:pt idx="5805">
                  <c:v>42331</c:v>
                </c:pt>
                <c:pt idx="5806">
                  <c:v>42332</c:v>
                </c:pt>
                <c:pt idx="5807">
                  <c:v>42333</c:v>
                </c:pt>
                <c:pt idx="5808">
                  <c:v>42334</c:v>
                </c:pt>
                <c:pt idx="5809">
                  <c:v>42335</c:v>
                </c:pt>
                <c:pt idx="5810">
                  <c:v>42336</c:v>
                </c:pt>
                <c:pt idx="5811">
                  <c:v>42337</c:v>
                </c:pt>
                <c:pt idx="5812">
                  <c:v>42338</c:v>
                </c:pt>
                <c:pt idx="5813">
                  <c:v>42339</c:v>
                </c:pt>
                <c:pt idx="5814">
                  <c:v>42340</c:v>
                </c:pt>
                <c:pt idx="5815">
                  <c:v>42341</c:v>
                </c:pt>
                <c:pt idx="5816">
                  <c:v>42342</c:v>
                </c:pt>
                <c:pt idx="5817">
                  <c:v>42343</c:v>
                </c:pt>
                <c:pt idx="5818">
                  <c:v>42344</c:v>
                </c:pt>
                <c:pt idx="5819">
                  <c:v>42345</c:v>
                </c:pt>
                <c:pt idx="5820">
                  <c:v>42346</c:v>
                </c:pt>
                <c:pt idx="5821">
                  <c:v>42347</c:v>
                </c:pt>
                <c:pt idx="5822">
                  <c:v>42348</c:v>
                </c:pt>
                <c:pt idx="5823">
                  <c:v>42349</c:v>
                </c:pt>
                <c:pt idx="5824">
                  <c:v>42350</c:v>
                </c:pt>
                <c:pt idx="5825">
                  <c:v>42351</c:v>
                </c:pt>
                <c:pt idx="5826">
                  <c:v>42352</c:v>
                </c:pt>
                <c:pt idx="5827">
                  <c:v>42353</c:v>
                </c:pt>
                <c:pt idx="5828">
                  <c:v>42354</c:v>
                </c:pt>
                <c:pt idx="5829">
                  <c:v>42355</c:v>
                </c:pt>
                <c:pt idx="5830">
                  <c:v>42356</c:v>
                </c:pt>
                <c:pt idx="5831">
                  <c:v>42357</c:v>
                </c:pt>
                <c:pt idx="5832">
                  <c:v>42358</c:v>
                </c:pt>
                <c:pt idx="5833">
                  <c:v>42359</c:v>
                </c:pt>
                <c:pt idx="5834">
                  <c:v>42360</c:v>
                </c:pt>
                <c:pt idx="5835">
                  <c:v>42361</c:v>
                </c:pt>
                <c:pt idx="5836">
                  <c:v>42362</c:v>
                </c:pt>
                <c:pt idx="5837">
                  <c:v>42363</c:v>
                </c:pt>
                <c:pt idx="5838">
                  <c:v>42364</c:v>
                </c:pt>
                <c:pt idx="5839">
                  <c:v>42365</c:v>
                </c:pt>
                <c:pt idx="5840">
                  <c:v>42366</c:v>
                </c:pt>
                <c:pt idx="5841">
                  <c:v>42367</c:v>
                </c:pt>
                <c:pt idx="5842">
                  <c:v>42368</c:v>
                </c:pt>
                <c:pt idx="5843">
                  <c:v>42369</c:v>
                </c:pt>
                <c:pt idx="5844">
                  <c:v>42370</c:v>
                </c:pt>
                <c:pt idx="5845">
                  <c:v>42371</c:v>
                </c:pt>
                <c:pt idx="5846">
                  <c:v>42372</c:v>
                </c:pt>
                <c:pt idx="5847">
                  <c:v>42373</c:v>
                </c:pt>
                <c:pt idx="5848">
                  <c:v>42374</c:v>
                </c:pt>
                <c:pt idx="5849">
                  <c:v>42375</c:v>
                </c:pt>
                <c:pt idx="5850">
                  <c:v>42376</c:v>
                </c:pt>
                <c:pt idx="5851">
                  <c:v>42377</c:v>
                </c:pt>
                <c:pt idx="5852">
                  <c:v>42378</c:v>
                </c:pt>
                <c:pt idx="5853">
                  <c:v>42379</c:v>
                </c:pt>
                <c:pt idx="5854">
                  <c:v>42380</c:v>
                </c:pt>
                <c:pt idx="5855">
                  <c:v>42381</c:v>
                </c:pt>
                <c:pt idx="5856">
                  <c:v>42382</c:v>
                </c:pt>
                <c:pt idx="5857">
                  <c:v>42383</c:v>
                </c:pt>
                <c:pt idx="5858">
                  <c:v>42384</c:v>
                </c:pt>
                <c:pt idx="5859">
                  <c:v>42385</c:v>
                </c:pt>
                <c:pt idx="5860">
                  <c:v>42386</c:v>
                </c:pt>
                <c:pt idx="5861">
                  <c:v>42387</c:v>
                </c:pt>
                <c:pt idx="5862">
                  <c:v>42388</c:v>
                </c:pt>
                <c:pt idx="5863">
                  <c:v>42389</c:v>
                </c:pt>
                <c:pt idx="5864">
                  <c:v>42390</c:v>
                </c:pt>
                <c:pt idx="5865">
                  <c:v>42391</c:v>
                </c:pt>
                <c:pt idx="5866">
                  <c:v>42392</c:v>
                </c:pt>
                <c:pt idx="5867">
                  <c:v>42393</c:v>
                </c:pt>
                <c:pt idx="5868">
                  <c:v>42394</c:v>
                </c:pt>
                <c:pt idx="5869">
                  <c:v>42395</c:v>
                </c:pt>
                <c:pt idx="5870">
                  <c:v>42396</c:v>
                </c:pt>
                <c:pt idx="5871">
                  <c:v>42397</c:v>
                </c:pt>
                <c:pt idx="5872">
                  <c:v>42398</c:v>
                </c:pt>
                <c:pt idx="5873">
                  <c:v>42399</c:v>
                </c:pt>
                <c:pt idx="5874">
                  <c:v>42400</c:v>
                </c:pt>
                <c:pt idx="5875">
                  <c:v>42401</c:v>
                </c:pt>
                <c:pt idx="5876">
                  <c:v>42402</c:v>
                </c:pt>
                <c:pt idx="5877">
                  <c:v>42403</c:v>
                </c:pt>
                <c:pt idx="5878">
                  <c:v>42404</c:v>
                </c:pt>
                <c:pt idx="5879">
                  <c:v>42405</c:v>
                </c:pt>
                <c:pt idx="5880">
                  <c:v>42406</c:v>
                </c:pt>
                <c:pt idx="5881">
                  <c:v>42407</c:v>
                </c:pt>
                <c:pt idx="5882">
                  <c:v>42408</c:v>
                </c:pt>
                <c:pt idx="5883">
                  <c:v>42409</c:v>
                </c:pt>
                <c:pt idx="5884">
                  <c:v>42410</c:v>
                </c:pt>
                <c:pt idx="5885">
                  <c:v>42411</c:v>
                </c:pt>
                <c:pt idx="5886">
                  <c:v>42412</c:v>
                </c:pt>
                <c:pt idx="5887">
                  <c:v>42413</c:v>
                </c:pt>
                <c:pt idx="5888">
                  <c:v>42414</c:v>
                </c:pt>
                <c:pt idx="5889">
                  <c:v>42415</c:v>
                </c:pt>
                <c:pt idx="5890">
                  <c:v>42416</c:v>
                </c:pt>
                <c:pt idx="5891">
                  <c:v>42417</c:v>
                </c:pt>
                <c:pt idx="5892">
                  <c:v>42418</c:v>
                </c:pt>
                <c:pt idx="5893">
                  <c:v>42419</c:v>
                </c:pt>
                <c:pt idx="5894">
                  <c:v>42420</c:v>
                </c:pt>
                <c:pt idx="5895">
                  <c:v>42421</c:v>
                </c:pt>
                <c:pt idx="5896">
                  <c:v>42422</c:v>
                </c:pt>
                <c:pt idx="5897">
                  <c:v>42423</c:v>
                </c:pt>
                <c:pt idx="5898">
                  <c:v>42424</c:v>
                </c:pt>
                <c:pt idx="5899">
                  <c:v>42425</c:v>
                </c:pt>
                <c:pt idx="5900">
                  <c:v>42426</c:v>
                </c:pt>
                <c:pt idx="5901">
                  <c:v>42427</c:v>
                </c:pt>
                <c:pt idx="5902">
                  <c:v>42428</c:v>
                </c:pt>
                <c:pt idx="5903">
                  <c:v>42429</c:v>
                </c:pt>
                <c:pt idx="5904">
                  <c:v>42430</c:v>
                </c:pt>
                <c:pt idx="5905">
                  <c:v>42431</c:v>
                </c:pt>
                <c:pt idx="5906">
                  <c:v>42432</c:v>
                </c:pt>
                <c:pt idx="5907">
                  <c:v>42433</c:v>
                </c:pt>
                <c:pt idx="5908">
                  <c:v>42434</c:v>
                </c:pt>
                <c:pt idx="5909">
                  <c:v>42435</c:v>
                </c:pt>
                <c:pt idx="5910">
                  <c:v>42436</c:v>
                </c:pt>
                <c:pt idx="5911">
                  <c:v>42437</c:v>
                </c:pt>
                <c:pt idx="5912">
                  <c:v>42438</c:v>
                </c:pt>
                <c:pt idx="5913">
                  <c:v>42439</c:v>
                </c:pt>
                <c:pt idx="5914">
                  <c:v>42440</c:v>
                </c:pt>
                <c:pt idx="5915">
                  <c:v>42441</c:v>
                </c:pt>
                <c:pt idx="5916">
                  <c:v>42442</c:v>
                </c:pt>
                <c:pt idx="5917">
                  <c:v>42443</c:v>
                </c:pt>
                <c:pt idx="5918">
                  <c:v>42444</c:v>
                </c:pt>
                <c:pt idx="5919">
                  <c:v>42445</c:v>
                </c:pt>
                <c:pt idx="5920">
                  <c:v>42446</c:v>
                </c:pt>
                <c:pt idx="5921">
                  <c:v>42447</c:v>
                </c:pt>
                <c:pt idx="5922">
                  <c:v>42448</c:v>
                </c:pt>
                <c:pt idx="5923">
                  <c:v>42449</c:v>
                </c:pt>
                <c:pt idx="5924">
                  <c:v>42450</c:v>
                </c:pt>
                <c:pt idx="5925">
                  <c:v>42451</c:v>
                </c:pt>
                <c:pt idx="5926">
                  <c:v>42452</c:v>
                </c:pt>
                <c:pt idx="5927">
                  <c:v>42453</c:v>
                </c:pt>
                <c:pt idx="5928">
                  <c:v>42454</c:v>
                </c:pt>
                <c:pt idx="5929">
                  <c:v>42455</c:v>
                </c:pt>
                <c:pt idx="5930">
                  <c:v>42456</c:v>
                </c:pt>
                <c:pt idx="5931">
                  <c:v>42457</c:v>
                </c:pt>
                <c:pt idx="5932">
                  <c:v>42458</c:v>
                </c:pt>
                <c:pt idx="5933">
                  <c:v>42459</c:v>
                </c:pt>
                <c:pt idx="5934">
                  <c:v>42460</c:v>
                </c:pt>
                <c:pt idx="5935">
                  <c:v>42461</c:v>
                </c:pt>
                <c:pt idx="5936">
                  <c:v>42462</c:v>
                </c:pt>
                <c:pt idx="5937">
                  <c:v>42463</c:v>
                </c:pt>
                <c:pt idx="5938">
                  <c:v>42464</c:v>
                </c:pt>
                <c:pt idx="5939">
                  <c:v>42465</c:v>
                </c:pt>
                <c:pt idx="5940">
                  <c:v>42466</c:v>
                </c:pt>
                <c:pt idx="5941">
                  <c:v>42467</c:v>
                </c:pt>
                <c:pt idx="5942">
                  <c:v>42468</c:v>
                </c:pt>
                <c:pt idx="5943">
                  <c:v>42469</c:v>
                </c:pt>
                <c:pt idx="5944">
                  <c:v>42470</c:v>
                </c:pt>
                <c:pt idx="5945">
                  <c:v>42471</c:v>
                </c:pt>
                <c:pt idx="5946">
                  <c:v>42472</c:v>
                </c:pt>
                <c:pt idx="5947">
                  <c:v>42473</c:v>
                </c:pt>
                <c:pt idx="5948">
                  <c:v>42474</c:v>
                </c:pt>
                <c:pt idx="5949">
                  <c:v>42475</c:v>
                </c:pt>
                <c:pt idx="5950">
                  <c:v>42476</c:v>
                </c:pt>
                <c:pt idx="5951">
                  <c:v>42477</c:v>
                </c:pt>
                <c:pt idx="5952">
                  <c:v>42478</c:v>
                </c:pt>
                <c:pt idx="5953">
                  <c:v>42479</c:v>
                </c:pt>
                <c:pt idx="5954">
                  <c:v>42480</c:v>
                </c:pt>
                <c:pt idx="5955">
                  <c:v>42481</c:v>
                </c:pt>
                <c:pt idx="5956">
                  <c:v>42482</c:v>
                </c:pt>
                <c:pt idx="5957">
                  <c:v>42483</c:v>
                </c:pt>
                <c:pt idx="5958">
                  <c:v>42484</c:v>
                </c:pt>
                <c:pt idx="5959">
                  <c:v>42485</c:v>
                </c:pt>
                <c:pt idx="5960">
                  <c:v>42486</c:v>
                </c:pt>
                <c:pt idx="5961">
                  <c:v>42487</c:v>
                </c:pt>
                <c:pt idx="5962">
                  <c:v>42488</c:v>
                </c:pt>
                <c:pt idx="5963">
                  <c:v>42489</c:v>
                </c:pt>
                <c:pt idx="5964">
                  <c:v>42490</c:v>
                </c:pt>
                <c:pt idx="5965">
                  <c:v>42491</c:v>
                </c:pt>
                <c:pt idx="5966">
                  <c:v>42492</c:v>
                </c:pt>
                <c:pt idx="5967">
                  <c:v>42493</c:v>
                </c:pt>
                <c:pt idx="5968">
                  <c:v>42494</c:v>
                </c:pt>
                <c:pt idx="5969">
                  <c:v>42495</c:v>
                </c:pt>
                <c:pt idx="5970">
                  <c:v>42496</c:v>
                </c:pt>
                <c:pt idx="5971">
                  <c:v>42497</c:v>
                </c:pt>
                <c:pt idx="5972">
                  <c:v>42498</c:v>
                </c:pt>
                <c:pt idx="5973">
                  <c:v>42499</c:v>
                </c:pt>
                <c:pt idx="5974">
                  <c:v>42500</c:v>
                </c:pt>
                <c:pt idx="5975">
                  <c:v>42501</c:v>
                </c:pt>
                <c:pt idx="5976">
                  <c:v>42502</c:v>
                </c:pt>
                <c:pt idx="5977">
                  <c:v>42503</c:v>
                </c:pt>
                <c:pt idx="5978">
                  <c:v>42504</c:v>
                </c:pt>
                <c:pt idx="5979">
                  <c:v>42505</c:v>
                </c:pt>
                <c:pt idx="5980">
                  <c:v>42506</c:v>
                </c:pt>
                <c:pt idx="5981">
                  <c:v>42507</c:v>
                </c:pt>
                <c:pt idx="5982">
                  <c:v>42508</c:v>
                </c:pt>
                <c:pt idx="5983">
                  <c:v>42509</c:v>
                </c:pt>
                <c:pt idx="5984">
                  <c:v>42510</c:v>
                </c:pt>
                <c:pt idx="5985">
                  <c:v>42511</c:v>
                </c:pt>
                <c:pt idx="5986">
                  <c:v>42512</c:v>
                </c:pt>
                <c:pt idx="5987">
                  <c:v>42513</c:v>
                </c:pt>
                <c:pt idx="5988">
                  <c:v>42514</c:v>
                </c:pt>
                <c:pt idx="5989">
                  <c:v>42515</c:v>
                </c:pt>
                <c:pt idx="5990">
                  <c:v>42516</c:v>
                </c:pt>
                <c:pt idx="5991">
                  <c:v>42517</c:v>
                </c:pt>
                <c:pt idx="5992">
                  <c:v>42518</c:v>
                </c:pt>
                <c:pt idx="5993">
                  <c:v>42519</c:v>
                </c:pt>
                <c:pt idx="5994">
                  <c:v>42520</c:v>
                </c:pt>
                <c:pt idx="5995">
                  <c:v>42521</c:v>
                </c:pt>
                <c:pt idx="5996">
                  <c:v>42522</c:v>
                </c:pt>
                <c:pt idx="5997">
                  <c:v>42523</c:v>
                </c:pt>
                <c:pt idx="5998">
                  <c:v>42524</c:v>
                </c:pt>
                <c:pt idx="5999">
                  <c:v>42525</c:v>
                </c:pt>
                <c:pt idx="6000">
                  <c:v>42526</c:v>
                </c:pt>
                <c:pt idx="6001">
                  <c:v>42527</c:v>
                </c:pt>
                <c:pt idx="6002">
                  <c:v>42528</c:v>
                </c:pt>
                <c:pt idx="6003">
                  <c:v>42529</c:v>
                </c:pt>
                <c:pt idx="6004">
                  <c:v>42530</c:v>
                </c:pt>
                <c:pt idx="6005">
                  <c:v>42531</c:v>
                </c:pt>
                <c:pt idx="6006">
                  <c:v>42532</c:v>
                </c:pt>
                <c:pt idx="6007">
                  <c:v>42533</c:v>
                </c:pt>
                <c:pt idx="6008">
                  <c:v>42534</c:v>
                </c:pt>
                <c:pt idx="6009">
                  <c:v>42535</c:v>
                </c:pt>
                <c:pt idx="6010">
                  <c:v>42536</c:v>
                </c:pt>
                <c:pt idx="6011">
                  <c:v>42537</c:v>
                </c:pt>
                <c:pt idx="6012">
                  <c:v>42538</c:v>
                </c:pt>
                <c:pt idx="6013">
                  <c:v>42539</c:v>
                </c:pt>
                <c:pt idx="6014">
                  <c:v>42540</c:v>
                </c:pt>
                <c:pt idx="6015">
                  <c:v>42541</c:v>
                </c:pt>
                <c:pt idx="6016">
                  <c:v>42542</c:v>
                </c:pt>
                <c:pt idx="6017">
                  <c:v>42543</c:v>
                </c:pt>
                <c:pt idx="6018">
                  <c:v>42544</c:v>
                </c:pt>
                <c:pt idx="6019">
                  <c:v>42545</c:v>
                </c:pt>
                <c:pt idx="6020">
                  <c:v>42546</c:v>
                </c:pt>
                <c:pt idx="6021">
                  <c:v>42547</c:v>
                </c:pt>
                <c:pt idx="6022">
                  <c:v>42548</c:v>
                </c:pt>
                <c:pt idx="6023">
                  <c:v>42549</c:v>
                </c:pt>
                <c:pt idx="6024">
                  <c:v>42550</c:v>
                </c:pt>
                <c:pt idx="6025">
                  <c:v>42551</c:v>
                </c:pt>
                <c:pt idx="6026">
                  <c:v>42552</c:v>
                </c:pt>
                <c:pt idx="6027">
                  <c:v>42553</c:v>
                </c:pt>
                <c:pt idx="6028">
                  <c:v>42554</c:v>
                </c:pt>
                <c:pt idx="6029">
                  <c:v>42555</c:v>
                </c:pt>
                <c:pt idx="6030">
                  <c:v>42556</c:v>
                </c:pt>
                <c:pt idx="6031">
                  <c:v>42557</c:v>
                </c:pt>
                <c:pt idx="6032">
                  <c:v>42558</c:v>
                </c:pt>
                <c:pt idx="6033">
                  <c:v>42559</c:v>
                </c:pt>
                <c:pt idx="6034">
                  <c:v>42560</c:v>
                </c:pt>
                <c:pt idx="6035">
                  <c:v>42561</c:v>
                </c:pt>
                <c:pt idx="6036">
                  <c:v>42562</c:v>
                </c:pt>
                <c:pt idx="6037">
                  <c:v>42563</c:v>
                </c:pt>
                <c:pt idx="6038">
                  <c:v>42564</c:v>
                </c:pt>
                <c:pt idx="6039">
                  <c:v>42565</c:v>
                </c:pt>
                <c:pt idx="6040">
                  <c:v>42566</c:v>
                </c:pt>
                <c:pt idx="6041">
                  <c:v>42567</c:v>
                </c:pt>
                <c:pt idx="6042">
                  <c:v>42568</c:v>
                </c:pt>
                <c:pt idx="6043">
                  <c:v>42569</c:v>
                </c:pt>
                <c:pt idx="6044">
                  <c:v>42570</c:v>
                </c:pt>
                <c:pt idx="6045">
                  <c:v>42571</c:v>
                </c:pt>
                <c:pt idx="6046">
                  <c:v>42572</c:v>
                </c:pt>
                <c:pt idx="6047">
                  <c:v>42573</c:v>
                </c:pt>
                <c:pt idx="6048">
                  <c:v>42574</c:v>
                </c:pt>
                <c:pt idx="6049">
                  <c:v>42575</c:v>
                </c:pt>
                <c:pt idx="6050">
                  <c:v>42576</c:v>
                </c:pt>
                <c:pt idx="6051">
                  <c:v>42577</c:v>
                </c:pt>
                <c:pt idx="6052">
                  <c:v>42578</c:v>
                </c:pt>
                <c:pt idx="6053">
                  <c:v>42579</c:v>
                </c:pt>
                <c:pt idx="6054">
                  <c:v>42580</c:v>
                </c:pt>
                <c:pt idx="6055">
                  <c:v>42581</c:v>
                </c:pt>
                <c:pt idx="6056">
                  <c:v>42582</c:v>
                </c:pt>
                <c:pt idx="6057">
                  <c:v>42583</c:v>
                </c:pt>
                <c:pt idx="6058">
                  <c:v>42584</c:v>
                </c:pt>
                <c:pt idx="6059">
                  <c:v>42585</c:v>
                </c:pt>
                <c:pt idx="6060">
                  <c:v>42586</c:v>
                </c:pt>
                <c:pt idx="6061">
                  <c:v>42587</c:v>
                </c:pt>
                <c:pt idx="6062">
                  <c:v>42588</c:v>
                </c:pt>
                <c:pt idx="6063">
                  <c:v>42589</c:v>
                </c:pt>
                <c:pt idx="6064">
                  <c:v>42590</c:v>
                </c:pt>
                <c:pt idx="6065">
                  <c:v>42591</c:v>
                </c:pt>
                <c:pt idx="6066">
                  <c:v>42592</c:v>
                </c:pt>
                <c:pt idx="6067">
                  <c:v>42593</c:v>
                </c:pt>
                <c:pt idx="6068">
                  <c:v>42594</c:v>
                </c:pt>
                <c:pt idx="6069">
                  <c:v>42595</c:v>
                </c:pt>
                <c:pt idx="6070">
                  <c:v>42596</c:v>
                </c:pt>
                <c:pt idx="6071">
                  <c:v>42597</c:v>
                </c:pt>
                <c:pt idx="6072">
                  <c:v>42598</c:v>
                </c:pt>
                <c:pt idx="6073">
                  <c:v>42599</c:v>
                </c:pt>
                <c:pt idx="6074">
                  <c:v>42600</c:v>
                </c:pt>
                <c:pt idx="6075">
                  <c:v>42601</c:v>
                </c:pt>
                <c:pt idx="6076">
                  <c:v>42602</c:v>
                </c:pt>
                <c:pt idx="6077">
                  <c:v>42603</c:v>
                </c:pt>
                <c:pt idx="6078">
                  <c:v>42604</c:v>
                </c:pt>
                <c:pt idx="6079">
                  <c:v>42605</c:v>
                </c:pt>
                <c:pt idx="6080">
                  <c:v>42606</c:v>
                </c:pt>
                <c:pt idx="6081">
                  <c:v>42607</c:v>
                </c:pt>
                <c:pt idx="6082">
                  <c:v>42608</c:v>
                </c:pt>
                <c:pt idx="6083">
                  <c:v>42609</c:v>
                </c:pt>
                <c:pt idx="6084">
                  <c:v>42610</c:v>
                </c:pt>
                <c:pt idx="6085">
                  <c:v>42611</c:v>
                </c:pt>
                <c:pt idx="6086">
                  <c:v>42612</c:v>
                </c:pt>
                <c:pt idx="6087">
                  <c:v>42613</c:v>
                </c:pt>
                <c:pt idx="6088">
                  <c:v>42614</c:v>
                </c:pt>
                <c:pt idx="6089">
                  <c:v>42615</c:v>
                </c:pt>
                <c:pt idx="6090">
                  <c:v>42616</c:v>
                </c:pt>
                <c:pt idx="6091">
                  <c:v>42617</c:v>
                </c:pt>
                <c:pt idx="6092">
                  <c:v>42618</c:v>
                </c:pt>
                <c:pt idx="6093">
                  <c:v>42619</c:v>
                </c:pt>
                <c:pt idx="6094">
                  <c:v>42620</c:v>
                </c:pt>
                <c:pt idx="6095">
                  <c:v>42621</c:v>
                </c:pt>
                <c:pt idx="6096">
                  <c:v>42622</c:v>
                </c:pt>
                <c:pt idx="6097">
                  <c:v>42623</c:v>
                </c:pt>
                <c:pt idx="6098">
                  <c:v>42624</c:v>
                </c:pt>
                <c:pt idx="6099">
                  <c:v>42625</c:v>
                </c:pt>
                <c:pt idx="6100">
                  <c:v>42626</c:v>
                </c:pt>
                <c:pt idx="6101">
                  <c:v>42627</c:v>
                </c:pt>
                <c:pt idx="6102">
                  <c:v>42628</c:v>
                </c:pt>
                <c:pt idx="6103">
                  <c:v>42629</c:v>
                </c:pt>
                <c:pt idx="6104">
                  <c:v>42630</c:v>
                </c:pt>
                <c:pt idx="6105">
                  <c:v>42631</c:v>
                </c:pt>
                <c:pt idx="6106">
                  <c:v>42632</c:v>
                </c:pt>
                <c:pt idx="6107">
                  <c:v>42633</c:v>
                </c:pt>
                <c:pt idx="6108">
                  <c:v>42634</c:v>
                </c:pt>
                <c:pt idx="6109">
                  <c:v>42635</c:v>
                </c:pt>
                <c:pt idx="6110">
                  <c:v>42636</c:v>
                </c:pt>
                <c:pt idx="6111">
                  <c:v>42637</c:v>
                </c:pt>
                <c:pt idx="6112">
                  <c:v>42638</c:v>
                </c:pt>
                <c:pt idx="6113">
                  <c:v>42639</c:v>
                </c:pt>
                <c:pt idx="6114">
                  <c:v>42640</c:v>
                </c:pt>
                <c:pt idx="6115">
                  <c:v>42641</c:v>
                </c:pt>
                <c:pt idx="6116">
                  <c:v>42642</c:v>
                </c:pt>
                <c:pt idx="6117">
                  <c:v>42643</c:v>
                </c:pt>
                <c:pt idx="6118">
                  <c:v>42644</c:v>
                </c:pt>
                <c:pt idx="6119">
                  <c:v>42645</c:v>
                </c:pt>
                <c:pt idx="6120">
                  <c:v>42646</c:v>
                </c:pt>
                <c:pt idx="6121">
                  <c:v>42647</c:v>
                </c:pt>
                <c:pt idx="6122">
                  <c:v>42648</c:v>
                </c:pt>
                <c:pt idx="6123">
                  <c:v>42649</c:v>
                </c:pt>
                <c:pt idx="6124">
                  <c:v>42650</c:v>
                </c:pt>
                <c:pt idx="6125">
                  <c:v>42651</c:v>
                </c:pt>
                <c:pt idx="6126">
                  <c:v>42652</c:v>
                </c:pt>
                <c:pt idx="6127">
                  <c:v>42653</c:v>
                </c:pt>
                <c:pt idx="6128">
                  <c:v>42654</c:v>
                </c:pt>
                <c:pt idx="6129">
                  <c:v>42655</c:v>
                </c:pt>
                <c:pt idx="6130">
                  <c:v>42656</c:v>
                </c:pt>
                <c:pt idx="6131">
                  <c:v>42657</c:v>
                </c:pt>
                <c:pt idx="6132">
                  <c:v>42658</c:v>
                </c:pt>
                <c:pt idx="6133">
                  <c:v>42659</c:v>
                </c:pt>
                <c:pt idx="6134">
                  <c:v>42660</c:v>
                </c:pt>
                <c:pt idx="6135">
                  <c:v>42661</c:v>
                </c:pt>
                <c:pt idx="6136">
                  <c:v>42662</c:v>
                </c:pt>
                <c:pt idx="6137">
                  <c:v>42663</c:v>
                </c:pt>
                <c:pt idx="6138">
                  <c:v>42664</c:v>
                </c:pt>
                <c:pt idx="6139">
                  <c:v>42665</c:v>
                </c:pt>
                <c:pt idx="6140">
                  <c:v>42666</c:v>
                </c:pt>
                <c:pt idx="6141">
                  <c:v>42667</c:v>
                </c:pt>
                <c:pt idx="6142">
                  <c:v>42668</c:v>
                </c:pt>
                <c:pt idx="6143">
                  <c:v>42669</c:v>
                </c:pt>
                <c:pt idx="6144">
                  <c:v>42670</c:v>
                </c:pt>
                <c:pt idx="6145">
                  <c:v>42671</c:v>
                </c:pt>
                <c:pt idx="6146">
                  <c:v>42672</c:v>
                </c:pt>
                <c:pt idx="6147">
                  <c:v>42673</c:v>
                </c:pt>
                <c:pt idx="6148">
                  <c:v>42674</c:v>
                </c:pt>
                <c:pt idx="6149">
                  <c:v>42675</c:v>
                </c:pt>
                <c:pt idx="6150">
                  <c:v>42676</c:v>
                </c:pt>
                <c:pt idx="6151">
                  <c:v>42677</c:v>
                </c:pt>
                <c:pt idx="6152">
                  <c:v>42678</c:v>
                </c:pt>
                <c:pt idx="6153">
                  <c:v>42679</c:v>
                </c:pt>
                <c:pt idx="6154">
                  <c:v>42680</c:v>
                </c:pt>
                <c:pt idx="6155">
                  <c:v>42681</c:v>
                </c:pt>
                <c:pt idx="6156">
                  <c:v>42682</c:v>
                </c:pt>
                <c:pt idx="6157">
                  <c:v>42683</c:v>
                </c:pt>
                <c:pt idx="6158">
                  <c:v>42684</c:v>
                </c:pt>
                <c:pt idx="6159">
                  <c:v>42685</c:v>
                </c:pt>
                <c:pt idx="6160">
                  <c:v>42686</c:v>
                </c:pt>
                <c:pt idx="6161">
                  <c:v>42687</c:v>
                </c:pt>
                <c:pt idx="6162">
                  <c:v>42688</c:v>
                </c:pt>
                <c:pt idx="6163">
                  <c:v>42689</c:v>
                </c:pt>
                <c:pt idx="6164">
                  <c:v>42690</c:v>
                </c:pt>
                <c:pt idx="6165">
                  <c:v>42691</c:v>
                </c:pt>
                <c:pt idx="6166">
                  <c:v>42692</c:v>
                </c:pt>
                <c:pt idx="6167">
                  <c:v>42693</c:v>
                </c:pt>
                <c:pt idx="6168">
                  <c:v>42694</c:v>
                </c:pt>
                <c:pt idx="6169">
                  <c:v>42695</c:v>
                </c:pt>
                <c:pt idx="6170">
                  <c:v>42696</c:v>
                </c:pt>
                <c:pt idx="6171">
                  <c:v>42697</c:v>
                </c:pt>
                <c:pt idx="6172">
                  <c:v>42698</c:v>
                </c:pt>
                <c:pt idx="6173">
                  <c:v>42699</c:v>
                </c:pt>
                <c:pt idx="6174">
                  <c:v>42700</c:v>
                </c:pt>
                <c:pt idx="6175">
                  <c:v>42701</c:v>
                </c:pt>
                <c:pt idx="6176">
                  <c:v>42702</c:v>
                </c:pt>
                <c:pt idx="6177">
                  <c:v>42703</c:v>
                </c:pt>
                <c:pt idx="6178">
                  <c:v>42704</c:v>
                </c:pt>
                <c:pt idx="6179">
                  <c:v>42705</c:v>
                </c:pt>
                <c:pt idx="6180">
                  <c:v>42706</c:v>
                </c:pt>
                <c:pt idx="6181">
                  <c:v>42707</c:v>
                </c:pt>
                <c:pt idx="6182">
                  <c:v>42708</c:v>
                </c:pt>
                <c:pt idx="6183">
                  <c:v>42709</c:v>
                </c:pt>
                <c:pt idx="6184">
                  <c:v>42710</c:v>
                </c:pt>
                <c:pt idx="6185">
                  <c:v>42711</c:v>
                </c:pt>
                <c:pt idx="6186">
                  <c:v>42712</c:v>
                </c:pt>
                <c:pt idx="6187">
                  <c:v>42713</c:v>
                </c:pt>
                <c:pt idx="6188">
                  <c:v>42714</c:v>
                </c:pt>
                <c:pt idx="6189">
                  <c:v>42715</c:v>
                </c:pt>
                <c:pt idx="6190">
                  <c:v>42716</c:v>
                </c:pt>
                <c:pt idx="6191">
                  <c:v>42717</c:v>
                </c:pt>
                <c:pt idx="6192">
                  <c:v>42718</c:v>
                </c:pt>
                <c:pt idx="6193">
                  <c:v>42719</c:v>
                </c:pt>
                <c:pt idx="6194">
                  <c:v>42720</c:v>
                </c:pt>
                <c:pt idx="6195">
                  <c:v>42721</c:v>
                </c:pt>
                <c:pt idx="6196">
                  <c:v>42722</c:v>
                </c:pt>
                <c:pt idx="6197">
                  <c:v>42723</c:v>
                </c:pt>
                <c:pt idx="6198">
                  <c:v>42724</c:v>
                </c:pt>
                <c:pt idx="6199">
                  <c:v>42725</c:v>
                </c:pt>
                <c:pt idx="6200">
                  <c:v>42726</c:v>
                </c:pt>
                <c:pt idx="6201">
                  <c:v>42727</c:v>
                </c:pt>
                <c:pt idx="6202">
                  <c:v>42728</c:v>
                </c:pt>
                <c:pt idx="6203">
                  <c:v>42729</c:v>
                </c:pt>
                <c:pt idx="6204">
                  <c:v>42730</c:v>
                </c:pt>
                <c:pt idx="6205">
                  <c:v>42731</c:v>
                </c:pt>
                <c:pt idx="6206">
                  <c:v>42732</c:v>
                </c:pt>
                <c:pt idx="6207">
                  <c:v>42733</c:v>
                </c:pt>
                <c:pt idx="6208">
                  <c:v>42734</c:v>
                </c:pt>
                <c:pt idx="6209">
                  <c:v>42735</c:v>
                </c:pt>
                <c:pt idx="6210">
                  <c:v>42736</c:v>
                </c:pt>
                <c:pt idx="6211">
                  <c:v>42737</c:v>
                </c:pt>
                <c:pt idx="6212">
                  <c:v>42738</c:v>
                </c:pt>
                <c:pt idx="6213">
                  <c:v>42739</c:v>
                </c:pt>
                <c:pt idx="6214">
                  <c:v>42740</c:v>
                </c:pt>
                <c:pt idx="6215">
                  <c:v>42741</c:v>
                </c:pt>
                <c:pt idx="6216">
                  <c:v>42742</c:v>
                </c:pt>
                <c:pt idx="6217">
                  <c:v>42743</c:v>
                </c:pt>
                <c:pt idx="6218">
                  <c:v>42744</c:v>
                </c:pt>
                <c:pt idx="6219">
                  <c:v>42745</c:v>
                </c:pt>
                <c:pt idx="6220">
                  <c:v>42746</c:v>
                </c:pt>
                <c:pt idx="6221">
                  <c:v>42747</c:v>
                </c:pt>
                <c:pt idx="6222">
                  <c:v>42748</c:v>
                </c:pt>
                <c:pt idx="6223">
                  <c:v>42749</c:v>
                </c:pt>
                <c:pt idx="6224">
                  <c:v>42750</c:v>
                </c:pt>
                <c:pt idx="6225">
                  <c:v>42751</c:v>
                </c:pt>
                <c:pt idx="6226">
                  <c:v>42752</c:v>
                </c:pt>
                <c:pt idx="6227">
                  <c:v>42753</c:v>
                </c:pt>
                <c:pt idx="6228">
                  <c:v>42754</c:v>
                </c:pt>
                <c:pt idx="6229">
                  <c:v>42755</c:v>
                </c:pt>
                <c:pt idx="6230">
                  <c:v>42756</c:v>
                </c:pt>
                <c:pt idx="6231">
                  <c:v>42757</c:v>
                </c:pt>
                <c:pt idx="6232">
                  <c:v>42758</c:v>
                </c:pt>
                <c:pt idx="6233">
                  <c:v>42759</c:v>
                </c:pt>
                <c:pt idx="6234">
                  <c:v>42760</c:v>
                </c:pt>
                <c:pt idx="6235">
                  <c:v>42761</c:v>
                </c:pt>
                <c:pt idx="6236">
                  <c:v>42762</c:v>
                </c:pt>
                <c:pt idx="6237">
                  <c:v>42763</c:v>
                </c:pt>
                <c:pt idx="6238">
                  <c:v>42764</c:v>
                </c:pt>
                <c:pt idx="6239">
                  <c:v>42765</c:v>
                </c:pt>
                <c:pt idx="6240">
                  <c:v>42766</c:v>
                </c:pt>
                <c:pt idx="6241">
                  <c:v>42767</c:v>
                </c:pt>
                <c:pt idx="6242">
                  <c:v>42768</c:v>
                </c:pt>
                <c:pt idx="6243">
                  <c:v>42769</c:v>
                </c:pt>
                <c:pt idx="6244">
                  <c:v>42770</c:v>
                </c:pt>
                <c:pt idx="6245">
                  <c:v>42771</c:v>
                </c:pt>
                <c:pt idx="6246">
                  <c:v>42772</c:v>
                </c:pt>
                <c:pt idx="6247">
                  <c:v>42773</c:v>
                </c:pt>
                <c:pt idx="6248">
                  <c:v>42774</c:v>
                </c:pt>
                <c:pt idx="6249">
                  <c:v>42775</c:v>
                </c:pt>
                <c:pt idx="6250">
                  <c:v>42776</c:v>
                </c:pt>
                <c:pt idx="6251">
                  <c:v>42777</c:v>
                </c:pt>
                <c:pt idx="6252">
                  <c:v>42778</c:v>
                </c:pt>
                <c:pt idx="6253">
                  <c:v>42779</c:v>
                </c:pt>
                <c:pt idx="6254">
                  <c:v>42780</c:v>
                </c:pt>
                <c:pt idx="6255">
                  <c:v>42781</c:v>
                </c:pt>
                <c:pt idx="6256">
                  <c:v>42782</c:v>
                </c:pt>
                <c:pt idx="6257">
                  <c:v>42783</c:v>
                </c:pt>
                <c:pt idx="6258">
                  <c:v>42784</c:v>
                </c:pt>
                <c:pt idx="6259">
                  <c:v>42785</c:v>
                </c:pt>
                <c:pt idx="6260">
                  <c:v>42786</c:v>
                </c:pt>
                <c:pt idx="6261">
                  <c:v>42787</c:v>
                </c:pt>
                <c:pt idx="6262">
                  <c:v>42788</c:v>
                </c:pt>
                <c:pt idx="6263">
                  <c:v>42789</c:v>
                </c:pt>
                <c:pt idx="6264">
                  <c:v>42790</c:v>
                </c:pt>
                <c:pt idx="6265">
                  <c:v>42791</c:v>
                </c:pt>
                <c:pt idx="6266">
                  <c:v>42792</c:v>
                </c:pt>
                <c:pt idx="6267">
                  <c:v>42793</c:v>
                </c:pt>
                <c:pt idx="6268">
                  <c:v>42794</c:v>
                </c:pt>
                <c:pt idx="6269">
                  <c:v>42795</c:v>
                </c:pt>
                <c:pt idx="6270">
                  <c:v>42796</c:v>
                </c:pt>
                <c:pt idx="6271">
                  <c:v>42797</c:v>
                </c:pt>
                <c:pt idx="6272">
                  <c:v>42798</c:v>
                </c:pt>
                <c:pt idx="6273">
                  <c:v>42799</c:v>
                </c:pt>
                <c:pt idx="6274">
                  <c:v>42800</c:v>
                </c:pt>
                <c:pt idx="6275">
                  <c:v>42801</c:v>
                </c:pt>
                <c:pt idx="6276">
                  <c:v>42802</c:v>
                </c:pt>
                <c:pt idx="6277">
                  <c:v>42803</c:v>
                </c:pt>
                <c:pt idx="6278">
                  <c:v>42804</c:v>
                </c:pt>
                <c:pt idx="6279">
                  <c:v>42805</c:v>
                </c:pt>
                <c:pt idx="6280">
                  <c:v>42806</c:v>
                </c:pt>
                <c:pt idx="6281">
                  <c:v>42807</c:v>
                </c:pt>
                <c:pt idx="6282">
                  <c:v>42808</c:v>
                </c:pt>
                <c:pt idx="6283">
                  <c:v>42809</c:v>
                </c:pt>
                <c:pt idx="6284">
                  <c:v>42810</c:v>
                </c:pt>
                <c:pt idx="6285">
                  <c:v>42811</c:v>
                </c:pt>
                <c:pt idx="6286">
                  <c:v>42812</c:v>
                </c:pt>
                <c:pt idx="6287">
                  <c:v>42813</c:v>
                </c:pt>
                <c:pt idx="6288">
                  <c:v>42814</c:v>
                </c:pt>
                <c:pt idx="6289">
                  <c:v>42815</c:v>
                </c:pt>
                <c:pt idx="6290">
                  <c:v>42816</c:v>
                </c:pt>
                <c:pt idx="6291">
                  <c:v>42817</c:v>
                </c:pt>
                <c:pt idx="6292">
                  <c:v>42818</c:v>
                </c:pt>
                <c:pt idx="6293">
                  <c:v>42819</c:v>
                </c:pt>
                <c:pt idx="6294">
                  <c:v>42820</c:v>
                </c:pt>
                <c:pt idx="6295">
                  <c:v>42821</c:v>
                </c:pt>
                <c:pt idx="6296">
                  <c:v>42822</c:v>
                </c:pt>
                <c:pt idx="6297">
                  <c:v>42823</c:v>
                </c:pt>
                <c:pt idx="6298">
                  <c:v>42824</c:v>
                </c:pt>
                <c:pt idx="6299">
                  <c:v>42825</c:v>
                </c:pt>
                <c:pt idx="6300">
                  <c:v>42826</c:v>
                </c:pt>
                <c:pt idx="6301">
                  <c:v>42827</c:v>
                </c:pt>
                <c:pt idx="6302">
                  <c:v>42828</c:v>
                </c:pt>
                <c:pt idx="6303">
                  <c:v>42829</c:v>
                </c:pt>
                <c:pt idx="6304">
                  <c:v>42830</c:v>
                </c:pt>
                <c:pt idx="6305">
                  <c:v>42831</c:v>
                </c:pt>
                <c:pt idx="6306">
                  <c:v>42832</c:v>
                </c:pt>
                <c:pt idx="6307">
                  <c:v>42833</c:v>
                </c:pt>
                <c:pt idx="6308">
                  <c:v>42834</c:v>
                </c:pt>
                <c:pt idx="6309">
                  <c:v>42835</c:v>
                </c:pt>
                <c:pt idx="6310">
                  <c:v>42836</c:v>
                </c:pt>
                <c:pt idx="6311">
                  <c:v>42837</c:v>
                </c:pt>
                <c:pt idx="6312">
                  <c:v>42838</c:v>
                </c:pt>
                <c:pt idx="6313">
                  <c:v>42839</c:v>
                </c:pt>
                <c:pt idx="6314">
                  <c:v>42840</c:v>
                </c:pt>
                <c:pt idx="6315">
                  <c:v>42841</c:v>
                </c:pt>
                <c:pt idx="6316">
                  <c:v>42842</c:v>
                </c:pt>
                <c:pt idx="6317">
                  <c:v>42843</c:v>
                </c:pt>
                <c:pt idx="6318">
                  <c:v>42844</c:v>
                </c:pt>
                <c:pt idx="6319">
                  <c:v>42845</c:v>
                </c:pt>
                <c:pt idx="6320">
                  <c:v>42846</c:v>
                </c:pt>
                <c:pt idx="6321">
                  <c:v>42847</c:v>
                </c:pt>
                <c:pt idx="6322">
                  <c:v>42848</c:v>
                </c:pt>
                <c:pt idx="6323">
                  <c:v>42849</c:v>
                </c:pt>
                <c:pt idx="6324">
                  <c:v>42850</c:v>
                </c:pt>
                <c:pt idx="6325">
                  <c:v>42851</c:v>
                </c:pt>
                <c:pt idx="6326">
                  <c:v>42852</c:v>
                </c:pt>
                <c:pt idx="6327">
                  <c:v>42853</c:v>
                </c:pt>
                <c:pt idx="6328">
                  <c:v>42854</c:v>
                </c:pt>
                <c:pt idx="6329">
                  <c:v>42855</c:v>
                </c:pt>
                <c:pt idx="6330">
                  <c:v>42856</c:v>
                </c:pt>
                <c:pt idx="6331">
                  <c:v>42857</c:v>
                </c:pt>
                <c:pt idx="6332">
                  <c:v>42858</c:v>
                </c:pt>
                <c:pt idx="6333">
                  <c:v>42859</c:v>
                </c:pt>
                <c:pt idx="6334">
                  <c:v>42860</c:v>
                </c:pt>
                <c:pt idx="6335">
                  <c:v>42861</c:v>
                </c:pt>
                <c:pt idx="6336">
                  <c:v>42862</c:v>
                </c:pt>
                <c:pt idx="6337">
                  <c:v>42863</c:v>
                </c:pt>
                <c:pt idx="6338">
                  <c:v>42864</c:v>
                </c:pt>
                <c:pt idx="6339">
                  <c:v>42865</c:v>
                </c:pt>
                <c:pt idx="6340">
                  <c:v>42866</c:v>
                </c:pt>
                <c:pt idx="6341">
                  <c:v>42867</c:v>
                </c:pt>
                <c:pt idx="6342">
                  <c:v>42868</c:v>
                </c:pt>
                <c:pt idx="6343">
                  <c:v>42869</c:v>
                </c:pt>
                <c:pt idx="6344">
                  <c:v>42870</c:v>
                </c:pt>
                <c:pt idx="6345">
                  <c:v>42871</c:v>
                </c:pt>
                <c:pt idx="6346">
                  <c:v>42872</c:v>
                </c:pt>
                <c:pt idx="6347">
                  <c:v>42873</c:v>
                </c:pt>
                <c:pt idx="6348">
                  <c:v>42874</c:v>
                </c:pt>
                <c:pt idx="6349">
                  <c:v>42875</c:v>
                </c:pt>
                <c:pt idx="6350">
                  <c:v>42876</c:v>
                </c:pt>
                <c:pt idx="6351">
                  <c:v>42877</c:v>
                </c:pt>
                <c:pt idx="6352">
                  <c:v>42878</c:v>
                </c:pt>
                <c:pt idx="6353">
                  <c:v>42879</c:v>
                </c:pt>
                <c:pt idx="6354">
                  <c:v>42880</c:v>
                </c:pt>
                <c:pt idx="6355">
                  <c:v>42881</c:v>
                </c:pt>
                <c:pt idx="6356">
                  <c:v>42882</c:v>
                </c:pt>
                <c:pt idx="6357">
                  <c:v>42883</c:v>
                </c:pt>
                <c:pt idx="6358">
                  <c:v>42884</c:v>
                </c:pt>
                <c:pt idx="6359">
                  <c:v>42885</c:v>
                </c:pt>
                <c:pt idx="6360">
                  <c:v>42886</c:v>
                </c:pt>
                <c:pt idx="6361">
                  <c:v>42887</c:v>
                </c:pt>
                <c:pt idx="6362">
                  <c:v>42888</c:v>
                </c:pt>
                <c:pt idx="6363">
                  <c:v>42889</c:v>
                </c:pt>
                <c:pt idx="6364">
                  <c:v>42890</c:v>
                </c:pt>
                <c:pt idx="6365">
                  <c:v>42891</c:v>
                </c:pt>
                <c:pt idx="6366">
                  <c:v>42892</c:v>
                </c:pt>
                <c:pt idx="6367">
                  <c:v>42893</c:v>
                </c:pt>
                <c:pt idx="6368">
                  <c:v>42894</c:v>
                </c:pt>
                <c:pt idx="6369">
                  <c:v>42895</c:v>
                </c:pt>
                <c:pt idx="6370">
                  <c:v>42896</c:v>
                </c:pt>
                <c:pt idx="6371">
                  <c:v>42897</c:v>
                </c:pt>
                <c:pt idx="6372">
                  <c:v>42898</c:v>
                </c:pt>
                <c:pt idx="6373">
                  <c:v>42899</c:v>
                </c:pt>
                <c:pt idx="6374">
                  <c:v>42900</c:v>
                </c:pt>
                <c:pt idx="6375">
                  <c:v>42901</c:v>
                </c:pt>
                <c:pt idx="6376">
                  <c:v>42902</c:v>
                </c:pt>
                <c:pt idx="6377">
                  <c:v>42903</c:v>
                </c:pt>
                <c:pt idx="6378">
                  <c:v>42904</c:v>
                </c:pt>
                <c:pt idx="6379">
                  <c:v>42905</c:v>
                </c:pt>
                <c:pt idx="6380">
                  <c:v>42906</c:v>
                </c:pt>
                <c:pt idx="6381">
                  <c:v>42907</c:v>
                </c:pt>
                <c:pt idx="6382">
                  <c:v>42908</c:v>
                </c:pt>
                <c:pt idx="6383">
                  <c:v>42909</c:v>
                </c:pt>
                <c:pt idx="6384">
                  <c:v>42910</c:v>
                </c:pt>
                <c:pt idx="6385">
                  <c:v>42911</c:v>
                </c:pt>
                <c:pt idx="6386">
                  <c:v>42912</c:v>
                </c:pt>
                <c:pt idx="6387">
                  <c:v>42913</c:v>
                </c:pt>
                <c:pt idx="6388">
                  <c:v>42914</c:v>
                </c:pt>
                <c:pt idx="6389">
                  <c:v>42915</c:v>
                </c:pt>
                <c:pt idx="6390">
                  <c:v>42916</c:v>
                </c:pt>
                <c:pt idx="6391">
                  <c:v>42917</c:v>
                </c:pt>
                <c:pt idx="6392">
                  <c:v>42918</c:v>
                </c:pt>
                <c:pt idx="6393">
                  <c:v>42919</c:v>
                </c:pt>
                <c:pt idx="6394">
                  <c:v>42920</c:v>
                </c:pt>
                <c:pt idx="6395">
                  <c:v>42921</c:v>
                </c:pt>
                <c:pt idx="6396">
                  <c:v>42922</c:v>
                </c:pt>
                <c:pt idx="6397">
                  <c:v>42923</c:v>
                </c:pt>
                <c:pt idx="6398">
                  <c:v>42924</c:v>
                </c:pt>
                <c:pt idx="6399">
                  <c:v>42925</c:v>
                </c:pt>
                <c:pt idx="6400">
                  <c:v>42926</c:v>
                </c:pt>
                <c:pt idx="6401">
                  <c:v>42927</c:v>
                </c:pt>
                <c:pt idx="6402">
                  <c:v>42928</c:v>
                </c:pt>
                <c:pt idx="6403">
                  <c:v>42929</c:v>
                </c:pt>
                <c:pt idx="6404">
                  <c:v>42930</c:v>
                </c:pt>
                <c:pt idx="6405">
                  <c:v>42931</c:v>
                </c:pt>
                <c:pt idx="6406">
                  <c:v>42932</c:v>
                </c:pt>
                <c:pt idx="6407">
                  <c:v>42933</c:v>
                </c:pt>
                <c:pt idx="6408">
                  <c:v>42934</c:v>
                </c:pt>
                <c:pt idx="6409">
                  <c:v>42935</c:v>
                </c:pt>
                <c:pt idx="6410">
                  <c:v>42936</c:v>
                </c:pt>
                <c:pt idx="6411">
                  <c:v>42937</c:v>
                </c:pt>
                <c:pt idx="6412">
                  <c:v>42938</c:v>
                </c:pt>
                <c:pt idx="6413">
                  <c:v>42939</c:v>
                </c:pt>
                <c:pt idx="6414">
                  <c:v>42940</c:v>
                </c:pt>
                <c:pt idx="6415">
                  <c:v>42941</c:v>
                </c:pt>
                <c:pt idx="6416">
                  <c:v>42942</c:v>
                </c:pt>
                <c:pt idx="6417">
                  <c:v>42943</c:v>
                </c:pt>
                <c:pt idx="6418">
                  <c:v>42944</c:v>
                </c:pt>
                <c:pt idx="6419">
                  <c:v>42945</c:v>
                </c:pt>
                <c:pt idx="6420">
                  <c:v>42946</c:v>
                </c:pt>
                <c:pt idx="6421">
                  <c:v>42947</c:v>
                </c:pt>
                <c:pt idx="6422">
                  <c:v>42948</c:v>
                </c:pt>
                <c:pt idx="6423">
                  <c:v>42949</c:v>
                </c:pt>
                <c:pt idx="6424">
                  <c:v>42950</c:v>
                </c:pt>
                <c:pt idx="6425">
                  <c:v>42951</c:v>
                </c:pt>
                <c:pt idx="6426">
                  <c:v>42952</c:v>
                </c:pt>
                <c:pt idx="6427">
                  <c:v>42953</c:v>
                </c:pt>
                <c:pt idx="6428">
                  <c:v>42954</c:v>
                </c:pt>
                <c:pt idx="6429">
                  <c:v>42955</c:v>
                </c:pt>
                <c:pt idx="6430">
                  <c:v>42956</c:v>
                </c:pt>
                <c:pt idx="6431">
                  <c:v>42957</c:v>
                </c:pt>
                <c:pt idx="6432">
                  <c:v>42958</c:v>
                </c:pt>
                <c:pt idx="6433">
                  <c:v>42959</c:v>
                </c:pt>
                <c:pt idx="6434">
                  <c:v>42960</c:v>
                </c:pt>
                <c:pt idx="6435">
                  <c:v>42961</c:v>
                </c:pt>
                <c:pt idx="6436">
                  <c:v>42962</c:v>
                </c:pt>
                <c:pt idx="6437">
                  <c:v>42963</c:v>
                </c:pt>
                <c:pt idx="6438">
                  <c:v>42964</c:v>
                </c:pt>
                <c:pt idx="6439">
                  <c:v>42965</c:v>
                </c:pt>
                <c:pt idx="6440">
                  <c:v>42966</c:v>
                </c:pt>
                <c:pt idx="6441">
                  <c:v>42967</c:v>
                </c:pt>
                <c:pt idx="6442">
                  <c:v>42968</c:v>
                </c:pt>
                <c:pt idx="6443">
                  <c:v>42969</c:v>
                </c:pt>
                <c:pt idx="6444">
                  <c:v>42970</c:v>
                </c:pt>
                <c:pt idx="6445">
                  <c:v>42971</c:v>
                </c:pt>
                <c:pt idx="6446">
                  <c:v>42972</c:v>
                </c:pt>
                <c:pt idx="6447">
                  <c:v>42973</c:v>
                </c:pt>
                <c:pt idx="6448">
                  <c:v>42974</c:v>
                </c:pt>
                <c:pt idx="6449">
                  <c:v>42975</c:v>
                </c:pt>
                <c:pt idx="6450">
                  <c:v>42976</c:v>
                </c:pt>
                <c:pt idx="6451">
                  <c:v>42977</c:v>
                </c:pt>
                <c:pt idx="6452">
                  <c:v>42978</c:v>
                </c:pt>
                <c:pt idx="6453">
                  <c:v>42979</c:v>
                </c:pt>
                <c:pt idx="6454">
                  <c:v>42980</c:v>
                </c:pt>
                <c:pt idx="6455">
                  <c:v>42981</c:v>
                </c:pt>
                <c:pt idx="6456">
                  <c:v>42982</c:v>
                </c:pt>
                <c:pt idx="6457">
                  <c:v>42983</c:v>
                </c:pt>
                <c:pt idx="6458">
                  <c:v>42984</c:v>
                </c:pt>
                <c:pt idx="6459">
                  <c:v>42985</c:v>
                </c:pt>
                <c:pt idx="6460">
                  <c:v>42986</c:v>
                </c:pt>
                <c:pt idx="6461">
                  <c:v>42987</c:v>
                </c:pt>
                <c:pt idx="6462">
                  <c:v>42988</c:v>
                </c:pt>
                <c:pt idx="6463">
                  <c:v>42989</c:v>
                </c:pt>
                <c:pt idx="6464">
                  <c:v>42990</c:v>
                </c:pt>
                <c:pt idx="6465">
                  <c:v>42991</c:v>
                </c:pt>
                <c:pt idx="6466">
                  <c:v>42992</c:v>
                </c:pt>
                <c:pt idx="6467">
                  <c:v>42993</c:v>
                </c:pt>
                <c:pt idx="6468">
                  <c:v>42994</c:v>
                </c:pt>
                <c:pt idx="6469">
                  <c:v>42995</c:v>
                </c:pt>
                <c:pt idx="6470">
                  <c:v>42996</c:v>
                </c:pt>
                <c:pt idx="6471">
                  <c:v>42997</c:v>
                </c:pt>
                <c:pt idx="6472">
                  <c:v>42998</c:v>
                </c:pt>
                <c:pt idx="6473">
                  <c:v>42999</c:v>
                </c:pt>
                <c:pt idx="6474">
                  <c:v>43000</c:v>
                </c:pt>
                <c:pt idx="6475">
                  <c:v>43001</c:v>
                </c:pt>
                <c:pt idx="6476">
                  <c:v>43002</c:v>
                </c:pt>
                <c:pt idx="6477">
                  <c:v>43003</c:v>
                </c:pt>
                <c:pt idx="6478">
                  <c:v>43004</c:v>
                </c:pt>
                <c:pt idx="6479">
                  <c:v>43005</c:v>
                </c:pt>
                <c:pt idx="6480">
                  <c:v>43006</c:v>
                </c:pt>
                <c:pt idx="6481">
                  <c:v>43007</c:v>
                </c:pt>
                <c:pt idx="6482">
                  <c:v>43008</c:v>
                </c:pt>
                <c:pt idx="6483">
                  <c:v>43009</c:v>
                </c:pt>
                <c:pt idx="6484">
                  <c:v>43010</c:v>
                </c:pt>
                <c:pt idx="6485">
                  <c:v>43011</c:v>
                </c:pt>
                <c:pt idx="6486">
                  <c:v>43012</c:v>
                </c:pt>
                <c:pt idx="6487">
                  <c:v>43013</c:v>
                </c:pt>
                <c:pt idx="6488">
                  <c:v>43014</c:v>
                </c:pt>
                <c:pt idx="6489">
                  <c:v>43015</c:v>
                </c:pt>
                <c:pt idx="6490">
                  <c:v>43016</c:v>
                </c:pt>
                <c:pt idx="6491">
                  <c:v>43017</c:v>
                </c:pt>
                <c:pt idx="6492">
                  <c:v>43018</c:v>
                </c:pt>
                <c:pt idx="6493">
                  <c:v>43019</c:v>
                </c:pt>
                <c:pt idx="6494">
                  <c:v>43020</c:v>
                </c:pt>
                <c:pt idx="6495">
                  <c:v>43021</c:v>
                </c:pt>
                <c:pt idx="6496">
                  <c:v>43022</c:v>
                </c:pt>
                <c:pt idx="6497">
                  <c:v>43023</c:v>
                </c:pt>
                <c:pt idx="6498">
                  <c:v>43024</c:v>
                </c:pt>
                <c:pt idx="6499">
                  <c:v>43025</c:v>
                </c:pt>
                <c:pt idx="6500">
                  <c:v>43026</c:v>
                </c:pt>
                <c:pt idx="6501">
                  <c:v>43027</c:v>
                </c:pt>
                <c:pt idx="6502">
                  <c:v>43028</c:v>
                </c:pt>
                <c:pt idx="6503">
                  <c:v>43029</c:v>
                </c:pt>
                <c:pt idx="6504">
                  <c:v>43030</c:v>
                </c:pt>
                <c:pt idx="6505">
                  <c:v>43031</c:v>
                </c:pt>
                <c:pt idx="6506">
                  <c:v>43032</c:v>
                </c:pt>
                <c:pt idx="6507">
                  <c:v>43033</c:v>
                </c:pt>
                <c:pt idx="6508">
                  <c:v>43034</c:v>
                </c:pt>
                <c:pt idx="6509">
                  <c:v>43035</c:v>
                </c:pt>
                <c:pt idx="6510">
                  <c:v>43036</c:v>
                </c:pt>
                <c:pt idx="6511">
                  <c:v>43037</c:v>
                </c:pt>
                <c:pt idx="6512">
                  <c:v>43038</c:v>
                </c:pt>
                <c:pt idx="6513">
                  <c:v>43039</c:v>
                </c:pt>
                <c:pt idx="6514">
                  <c:v>43040</c:v>
                </c:pt>
                <c:pt idx="6515">
                  <c:v>43041</c:v>
                </c:pt>
                <c:pt idx="6516">
                  <c:v>43042</c:v>
                </c:pt>
                <c:pt idx="6517">
                  <c:v>43043</c:v>
                </c:pt>
                <c:pt idx="6518">
                  <c:v>43044</c:v>
                </c:pt>
                <c:pt idx="6519">
                  <c:v>43045</c:v>
                </c:pt>
                <c:pt idx="6520">
                  <c:v>43046</c:v>
                </c:pt>
                <c:pt idx="6521">
                  <c:v>43047</c:v>
                </c:pt>
                <c:pt idx="6522">
                  <c:v>43048</c:v>
                </c:pt>
                <c:pt idx="6523">
                  <c:v>43049</c:v>
                </c:pt>
                <c:pt idx="6524">
                  <c:v>43050</c:v>
                </c:pt>
                <c:pt idx="6525">
                  <c:v>43051</c:v>
                </c:pt>
                <c:pt idx="6526">
                  <c:v>43052</c:v>
                </c:pt>
                <c:pt idx="6527">
                  <c:v>43053</c:v>
                </c:pt>
                <c:pt idx="6528">
                  <c:v>43054</c:v>
                </c:pt>
                <c:pt idx="6529">
                  <c:v>43055</c:v>
                </c:pt>
                <c:pt idx="6530">
                  <c:v>43056</c:v>
                </c:pt>
                <c:pt idx="6531">
                  <c:v>43057</c:v>
                </c:pt>
                <c:pt idx="6532">
                  <c:v>43058</c:v>
                </c:pt>
                <c:pt idx="6533">
                  <c:v>43059</c:v>
                </c:pt>
                <c:pt idx="6534">
                  <c:v>43060</c:v>
                </c:pt>
                <c:pt idx="6535">
                  <c:v>43061</c:v>
                </c:pt>
                <c:pt idx="6536">
                  <c:v>43062</c:v>
                </c:pt>
                <c:pt idx="6537">
                  <c:v>43063</c:v>
                </c:pt>
                <c:pt idx="6538">
                  <c:v>43064</c:v>
                </c:pt>
                <c:pt idx="6539">
                  <c:v>43065</c:v>
                </c:pt>
                <c:pt idx="6540">
                  <c:v>43066</c:v>
                </c:pt>
                <c:pt idx="6541">
                  <c:v>43067</c:v>
                </c:pt>
                <c:pt idx="6542">
                  <c:v>43068</c:v>
                </c:pt>
                <c:pt idx="6543">
                  <c:v>43069</c:v>
                </c:pt>
                <c:pt idx="6544">
                  <c:v>43070</c:v>
                </c:pt>
                <c:pt idx="6545">
                  <c:v>43071</c:v>
                </c:pt>
                <c:pt idx="6546">
                  <c:v>43072</c:v>
                </c:pt>
                <c:pt idx="6547">
                  <c:v>43073</c:v>
                </c:pt>
                <c:pt idx="6548">
                  <c:v>43074</c:v>
                </c:pt>
                <c:pt idx="6549">
                  <c:v>43075</c:v>
                </c:pt>
                <c:pt idx="6550">
                  <c:v>43076</c:v>
                </c:pt>
                <c:pt idx="6551">
                  <c:v>43077</c:v>
                </c:pt>
                <c:pt idx="6552">
                  <c:v>43078</c:v>
                </c:pt>
                <c:pt idx="6553">
                  <c:v>43079</c:v>
                </c:pt>
                <c:pt idx="6554">
                  <c:v>43080</c:v>
                </c:pt>
                <c:pt idx="6555">
                  <c:v>43081</c:v>
                </c:pt>
                <c:pt idx="6556">
                  <c:v>43082</c:v>
                </c:pt>
                <c:pt idx="6557">
                  <c:v>43083</c:v>
                </c:pt>
                <c:pt idx="6558">
                  <c:v>43084</c:v>
                </c:pt>
                <c:pt idx="6559">
                  <c:v>43085</c:v>
                </c:pt>
                <c:pt idx="6560">
                  <c:v>43086</c:v>
                </c:pt>
                <c:pt idx="6561">
                  <c:v>43087</c:v>
                </c:pt>
                <c:pt idx="6562">
                  <c:v>43088</c:v>
                </c:pt>
                <c:pt idx="6563">
                  <c:v>43089</c:v>
                </c:pt>
                <c:pt idx="6564">
                  <c:v>43090</c:v>
                </c:pt>
                <c:pt idx="6565">
                  <c:v>43091</c:v>
                </c:pt>
                <c:pt idx="6566">
                  <c:v>43092</c:v>
                </c:pt>
                <c:pt idx="6567">
                  <c:v>43093</c:v>
                </c:pt>
                <c:pt idx="6568">
                  <c:v>43094</c:v>
                </c:pt>
                <c:pt idx="6569">
                  <c:v>43095</c:v>
                </c:pt>
                <c:pt idx="6570">
                  <c:v>43096</c:v>
                </c:pt>
                <c:pt idx="6571">
                  <c:v>43097</c:v>
                </c:pt>
                <c:pt idx="6572">
                  <c:v>43098</c:v>
                </c:pt>
                <c:pt idx="6573">
                  <c:v>43099</c:v>
                </c:pt>
                <c:pt idx="6574">
                  <c:v>43100</c:v>
                </c:pt>
                <c:pt idx="6575">
                  <c:v>43101</c:v>
                </c:pt>
                <c:pt idx="6576">
                  <c:v>43102</c:v>
                </c:pt>
                <c:pt idx="6577">
                  <c:v>43103</c:v>
                </c:pt>
                <c:pt idx="6578">
                  <c:v>43104</c:v>
                </c:pt>
                <c:pt idx="6579">
                  <c:v>43105</c:v>
                </c:pt>
                <c:pt idx="6580">
                  <c:v>43106</c:v>
                </c:pt>
                <c:pt idx="6581">
                  <c:v>43107</c:v>
                </c:pt>
                <c:pt idx="6582">
                  <c:v>43108</c:v>
                </c:pt>
                <c:pt idx="6583">
                  <c:v>43109</c:v>
                </c:pt>
                <c:pt idx="6584">
                  <c:v>43110</c:v>
                </c:pt>
                <c:pt idx="6585">
                  <c:v>43111</c:v>
                </c:pt>
                <c:pt idx="6586">
                  <c:v>43112</c:v>
                </c:pt>
                <c:pt idx="6587">
                  <c:v>43113</c:v>
                </c:pt>
                <c:pt idx="6588">
                  <c:v>43114</c:v>
                </c:pt>
                <c:pt idx="6589">
                  <c:v>43115</c:v>
                </c:pt>
                <c:pt idx="6590">
                  <c:v>43116</c:v>
                </c:pt>
                <c:pt idx="6591">
                  <c:v>43117</c:v>
                </c:pt>
                <c:pt idx="6592">
                  <c:v>43118</c:v>
                </c:pt>
                <c:pt idx="6593">
                  <c:v>43119</c:v>
                </c:pt>
                <c:pt idx="6594">
                  <c:v>43120</c:v>
                </c:pt>
                <c:pt idx="6595">
                  <c:v>43121</c:v>
                </c:pt>
                <c:pt idx="6596">
                  <c:v>43122</c:v>
                </c:pt>
                <c:pt idx="6597">
                  <c:v>43123</c:v>
                </c:pt>
                <c:pt idx="6598">
                  <c:v>43124</c:v>
                </c:pt>
                <c:pt idx="6599">
                  <c:v>43125</c:v>
                </c:pt>
                <c:pt idx="6600">
                  <c:v>43126</c:v>
                </c:pt>
                <c:pt idx="6601">
                  <c:v>43127</c:v>
                </c:pt>
                <c:pt idx="6602">
                  <c:v>43128</c:v>
                </c:pt>
                <c:pt idx="6603">
                  <c:v>43129</c:v>
                </c:pt>
                <c:pt idx="6604">
                  <c:v>43130</c:v>
                </c:pt>
                <c:pt idx="6605">
                  <c:v>43131</c:v>
                </c:pt>
                <c:pt idx="6606">
                  <c:v>43132</c:v>
                </c:pt>
                <c:pt idx="6607">
                  <c:v>43133</c:v>
                </c:pt>
                <c:pt idx="6608">
                  <c:v>43134</c:v>
                </c:pt>
                <c:pt idx="6609">
                  <c:v>43135</c:v>
                </c:pt>
                <c:pt idx="6610">
                  <c:v>43136</c:v>
                </c:pt>
                <c:pt idx="6611">
                  <c:v>43137</c:v>
                </c:pt>
                <c:pt idx="6612">
                  <c:v>43138</c:v>
                </c:pt>
                <c:pt idx="6613">
                  <c:v>43139</c:v>
                </c:pt>
                <c:pt idx="6614">
                  <c:v>43140</c:v>
                </c:pt>
                <c:pt idx="6615">
                  <c:v>43141</c:v>
                </c:pt>
                <c:pt idx="6616">
                  <c:v>43142</c:v>
                </c:pt>
                <c:pt idx="6617">
                  <c:v>43143</c:v>
                </c:pt>
                <c:pt idx="6618">
                  <c:v>43144</c:v>
                </c:pt>
                <c:pt idx="6619">
                  <c:v>43145</c:v>
                </c:pt>
                <c:pt idx="6620">
                  <c:v>43146</c:v>
                </c:pt>
                <c:pt idx="6621">
                  <c:v>43147</c:v>
                </c:pt>
                <c:pt idx="6622">
                  <c:v>43148</c:v>
                </c:pt>
                <c:pt idx="6623">
                  <c:v>43149</c:v>
                </c:pt>
                <c:pt idx="6624">
                  <c:v>43150</c:v>
                </c:pt>
                <c:pt idx="6625">
                  <c:v>43151</c:v>
                </c:pt>
                <c:pt idx="6626">
                  <c:v>43152</c:v>
                </c:pt>
                <c:pt idx="6627">
                  <c:v>43153</c:v>
                </c:pt>
                <c:pt idx="6628">
                  <c:v>43154</c:v>
                </c:pt>
                <c:pt idx="6629">
                  <c:v>43155</c:v>
                </c:pt>
                <c:pt idx="6630">
                  <c:v>43156</c:v>
                </c:pt>
                <c:pt idx="6631">
                  <c:v>43157</c:v>
                </c:pt>
                <c:pt idx="6632">
                  <c:v>43158</c:v>
                </c:pt>
                <c:pt idx="6633">
                  <c:v>43159</c:v>
                </c:pt>
                <c:pt idx="6634">
                  <c:v>43160</c:v>
                </c:pt>
                <c:pt idx="6635">
                  <c:v>43161</c:v>
                </c:pt>
                <c:pt idx="6636">
                  <c:v>43162</c:v>
                </c:pt>
                <c:pt idx="6637">
                  <c:v>43163</c:v>
                </c:pt>
                <c:pt idx="6638">
                  <c:v>43164</c:v>
                </c:pt>
                <c:pt idx="6639">
                  <c:v>43165</c:v>
                </c:pt>
                <c:pt idx="6640">
                  <c:v>43166</c:v>
                </c:pt>
                <c:pt idx="6641">
                  <c:v>43167</c:v>
                </c:pt>
                <c:pt idx="6642">
                  <c:v>43168</c:v>
                </c:pt>
                <c:pt idx="6643">
                  <c:v>43169</c:v>
                </c:pt>
                <c:pt idx="6644">
                  <c:v>43170</c:v>
                </c:pt>
                <c:pt idx="6645">
                  <c:v>43171</c:v>
                </c:pt>
                <c:pt idx="6646">
                  <c:v>43172</c:v>
                </c:pt>
                <c:pt idx="6647">
                  <c:v>43173</c:v>
                </c:pt>
                <c:pt idx="6648">
                  <c:v>43174</c:v>
                </c:pt>
                <c:pt idx="6649">
                  <c:v>43175</c:v>
                </c:pt>
                <c:pt idx="6650">
                  <c:v>43176</c:v>
                </c:pt>
                <c:pt idx="6651">
                  <c:v>43177</c:v>
                </c:pt>
                <c:pt idx="6652">
                  <c:v>43178</c:v>
                </c:pt>
                <c:pt idx="6653">
                  <c:v>43179</c:v>
                </c:pt>
                <c:pt idx="6654">
                  <c:v>43180</c:v>
                </c:pt>
                <c:pt idx="6655">
                  <c:v>43181</c:v>
                </c:pt>
                <c:pt idx="6656">
                  <c:v>43182</c:v>
                </c:pt>
                <c:pt idx="6657">
                  <c:v>43183</c:v>
                </c:pt>
                <c:pt idx="6658">
                  <c:v>43184</c:v>
                </c:pt>
                <c:pt idx="6659">
                  <c:v>43185</c:v>
                </c:pt>
                <c:pt idx="6660">
                  <c:v>43186</c:v>
                </c:pt>
                <c:pt idx="6661">
                  <c:v>43187</c:v>
                </c:pt>
                <c:pt idx="6662">
                  <c:v>43188</c:v>
                </c:pt>
                <c:pt idx="6663">
                  <c:v>43189</c:v>
                </c:pt>
                <c:pt idx="6664">
                  <c:v>43190</c:v>
                </c:pt>
                <c:pt idx="6665">
                  <c:v>43191</c:v>
                </c:pt>
                <c:pt idx="6666">
                  <c:v>43192</c:v>
                </c:pt>
                <c:pt idx="6667">
                  <c:v>43193</c:v>
                </c:pt>
                <c:pt idx="6668">
                  <c:v>43194</c:v>
                </c:pt>
                <c:pt idx="6669">
                  <c:v>43195</c:v>
                </c:pt>
                <c:pt idx="6670">
                  <c:v>43196</c:v>
                </c:pt>
                <c:pt idx="6671">
                  <c:v>43197</c:v>
                </c:pt>
                <c:pt idx="6672">
                  <c:v>43198</c:v>
                </c:pt>
                <c:pt idx="6673">
                  <c:v>43199</c:v>
                </c:pt>
                <c:pt idx="6674">
                  <c:v>43200</c:v>
                </c:pt>
                <c:pt idx="6675">
                  <c:v>43201</c:v>
                </c:pt>
                <c:pt idx="6676">
                  <c:v>43202</c:v>
                </c:pt>
                <c:pt idx="6677">
                  <c:v>43203</c:v>
                </c:pt>
                <c:pt idx="6678">
                  <c:v>43204</c:v>
                </c:pt>
                <c:pt idx="6679">
                  <c:v>43205</c:v>
                </c:pt>
                <c:pt idx="6680">
                  <c:v>43206</c:v>
                </c:pt>
                <c:pt idx="6681">
                  <c:v>43207</c:v>
                </c:pt>
                <c:pt idx="6682">
                  <c:v>43208</c:v>
                </c:pt>
                <c:pt idx="6683">
                  <c:v>43209</c:v>
                </c:pt>
                <c:pt idx="6684">
                  <c:v>43210</c:v>
                </c:pt>
                <c:pt idx="6685">
                  <c:v>43211</c:v>
                </c:pt>
                <c:pt idx="6686">
                  <c:v>43212</c:v>
                </c:pt>
                <c:pt idx="6687">
                  <c:v>43213</c:v>
                </c:pt>
                <c:pt idx="6688">
                  <c:v>43214</c:v>
                </c:pt>
                <c:pt idx="6689">
                  <c:v>43215</c:v>
                </c:pt>
                <c:pt idx="6690">
                  <c:v>43216</c:v>
                </c:pt>
                <c:pt idx="6691">
                  <c:v>43217</c:v>
                </c:pt>
                <c:pt idx="6692">
                  <c:v>43218</c:v>
                </c:pt>
                <c:pt idx="6693">
                  <c:v>43219</c:v>
                </c:pt>
                <c:pt idx="6694">
                  <c:v>43220</c:v>
                </c:pt>
                <c:pt idx="6695">
                  <c:v>43221</c:v>
                </c:pt>
                <c:pt idx="6696">
                  <c:v>43222</c:v>
                </c:pt>
                <c:pt idx="6697">
                  <c:v>43223</c:v>
                </c:pt>
                <c:pt idx="6698">
                  <c:v>43224</c:v>
                </c:pt>
                <c:pt idx="6699">
                  <c:v>43225</c:v>
                </c:pt>
                <c:pt idx="6700">
                  <c:v>43226</c:v>
                </c:pt>
                <c:pt idx="6701">
                  <c:v>43227</c:v>
                </c:pt>
                <c:pt idx="6702">
                  <c:v>43228</c:v>
                </c:pt>
                <c:pt idx="6703">
                  <c:v>43229</c:v>
                </c:pt>
                <c:pt idx="6704">
                  <c:v>43230</c:v>
                </c:pt>
                <c:pt idx="6705">
                  <c:v>43231</c:v>
                </c:pt>
                <c:pt idx="6706">
                  <c:v>43232</c:v>
                </c:pt>
                <c:pt idx="6707">
                  <c:v>43233</c:v>
                </c:pt>
                <c:pt idx="6708">
                  <c:v>43234</c:v>
                </c:pt>
                <c:pt idx="6709">
                  <c:v>43235</c:v>
                </c:pt>
                <c:pt idx="6710">
                  <c:v>43236</c:v>
                </c:pt>
                <c:pt idx="6711">
                  <c:v>43237</c:v>
                </c:pt>
                <c:pt idx="6712">
                  <c:v>43238</c:v>
                </c:pt>
                <c:pt idx="6713">
                  <c:v>43239</c:v>
                </c:pt>
                <c:pt idx="6714">
                  <c:v>43240</c:v>
                </c:pt>
                <c:pt idx="6715">
                  <c:v>43241</c:v>
                </c:pt>
                <c:pt idx="6716">
                  <c:v>43242</c:v>
                </c:pt>
                <c:pt idx="6717">
                  <c:v>43243</c:v>
                </c:pt>
                <c:pt idx="6718">
                  <c:v>43244</c:v>
                </c:pt>
                <c:pt idx="6719">
                  <c:v>43245</c:v>
                </c:pt>
                <c:pt idx="6720">
                  <c:v>43246</c:v>
                </c:pt>
                <c:pt idx="6721">
                  <c:v>43247</c:v>
                </c:pt>
                <c:pt idx="6722">
                  <c:v>43248</c:v>
                </c:pt>
                <c:pt idx="6723">
                  <c:v>43249</c:v>
                </c:pt>
                <c:pt idx="6724">
                  <c:v>43250</c:v>
                </c:pt>
                <c:pt idx="6725">
                  <c:v>43251</c:v>
                </c:pt>
                <c:pt idx="6726">
                  <c:v>43252</c:v>
                </c:pt>
                <c:pt idx="6727">
                  <c:v>43253</c:v>
                </c:pt>
                <c:pt idx="6728">
                  <c:v>43254</c:v>
                </c:pt>
                <c:pt idx="6729">
                  <c:v>43255</c:v>
                </c:pt>
                <c:pt idx="6730">
                  <c:v>43256</c:v>
                </c:pt>
                <c:pt idx="6731">
                  <c:v>43257</c:v>
                </c:pt>
                <c:pt idx="6732">
                  <c:v>43258</c:v>
                </c:pt>
                <c:pt idx="6733">
                  <c:v>43259</c:v>
                </c:pt>
                <c:pt idx="6734">
                  <c:v>43260</c:v>
                </c:pt>
                <c:pt idx="6735">
                  <c:v>43261</c:v>
                </c:pt>
                <c:pt idx="6736">
                  <c:v>43262</c:v>
                </c:pt>
                <c:pt idx="6737">
                  <c:v>43263</c:v>
                </c:pt>
                <c:pt idx="6738">
                  <c:v>43264</c:v>
                </c:pt>
                <c:pt idx="6739">
                  <c:v>43265</c:v>
                </c:pt>
                <c:pt idx="6740">
                  <c:v>43266</c:v>
                </c:pt>
                <c:pt idx="6741">
                  <c:v>43267</c:v>
                </c:pt>
                <c:pt idx="6742">
                  <c:v>43268</c:v>
                </c:pt>
                <c:pt idx="6743">
                  <c:v>43269</c:v>
                </c:pt>
                <c:pt idx="6744">
                  <c:v>43270</c:v>
                </c:pt>
                <c:pt idx="6745">
                  <c:v>43271</c:v>
                </c:pt>
                <c:pt idx="6746">
                  <c:v>43272</c:v>
                </c:pt>
                <c:pt idx="6747">
                  <c:v>43273</c:v>
                </c:pt>
                <c:pt idx="6748">
                  <c:v>43274</c:v>
                </c:pt>
                <c:pt idx="6749">
                  <c:v>43275</c:v>
                </c:pt>
                <c:pt idx="6750">
                  <c:v>43276</c:v>
                </c:pt>
                <c:pt idx="6751">
                  <c:v>43277</c:v>
                </c:pt>
                <c:pt idx="6752">
                  <c:v>43278</c:v>
                </c:pt>
                <c:pt idx="6753">
                  <c:v>43279</c:v>
                </c:pt>
                <c:pt idx="6754">
                  <c:v>43280</c:v>
                </c:pt>
                <c:pt idx="6755">
                  <c:v>43281</c:v>
                </c:pt>
                <c:pt idx="6756">
                  <c:v>43282</c:v>
                </c:pt>
                <c:pt idx="6757">
                  <c:v>43283</c:v>
                </c:pt>
                <c:pt idx="6758">
                  <c:v>43284</c:v>
                </c:pt>
                <c:pt idx="6759">
                  <c:v>43285</c:v>
                </c:pt>
                <c:pt idx="6760">
                  <c:v>43286</c:v>
                </c:pt>
                <c:pt idx="6761">
                  <c:v>43287</c:v>
                </c:pt>
                <c:pt idx="6762">
                  <c:v>43288</c:v>
                </c:pt>
                <c:pt idx="6763">
                  <c:v>43289</c:v>
                </c:pt>
                <c:pt idx="6764">
                  <c:v>43290</c:v>
                </c:pt>
                <c:pt idx="6765">
                  <c:v>43291</c:v>
                </c:pt>
                <c:pt idx="6766">
                  <c:v>43292</c:v>
                </c:pt>
                <c:pt idx="6767">
                  <c:v>43293</c:v>
                </c:pt>
                <c:pt idx="6768">
                  <c:v>43294</c:v>
                </c:pt>
                <c:pt idx="6769">
                  <c:v>43295</c:v>
                </c:pt>
                <c:pt idx="6770">
                  <c:v>43296</c:v>
                </c:pt>
                <c:pt idx="6771">
                  <c:v>43297</c:v>
                </c:pt>
                <c:pt idx="6772">
                  <c:v>43298</c:v>
                </c:pt>
                <c:pt idx="6773">
                  <c:v>43299</c:v>
                </c:pt>
                <c:pt idx="6774">
                  <c:v>43300</c:v>
                </c:pt>
                <c:pt idx="6775">
                  <c:v>43301</c:v>
                </c:pt>
                <c:pt idx="6776">
                  <c:v>43302</c:v>
                </c:pt>
                <c:pt idx="6777">
                  <c:v>43303</c:v>
                </c:pt>
                <c:pt idx="6778">
                  <c:v>43304</c:v>
                </c:pt>
                <c:pt idx="6779">
                  <c:v>43305</c:v>
                </c:pt>
                <c:pt idx="6780">
                  <c:v>43306</c:v>
                </c:pt>
                <c:pt idx="6781">
                  <c:v>43307</c:v>
                </c:pt>
                <c:pt idx="6782">
                  <c:v>43308</c:v>
                </c:pt>
                <c:pt idx="6783">
                  <c:v>43309</c:v>
                </c:pt>
                <c:pt idx="6784">
                  <c:v>43310</c:v>
                </c:pt>
                <c:pt idx="6785">
                  <c:v>43311</c:v>
                </c:pt>
                <c:pt idx="6786">
                  <c:v>43312</c:v>
                </c:pt>
                <c:pt idx="6787">
                  <c:v>43313</c:v>
                </c:pt>
                <c:pt idx="6788">
                  <c:v>43314</c:v>
                </c:pt>
                <c:pt idx="6789">
                  <c:v>43315</c:v>
                </c:pt>
                <c:pt idx="6790">
                  <c:v>43316</c:v>
                </c:pt>
                <c:pt idx="6791">
                  <c:v>43317</c:v>
                </c:pt>
                <c:pt idx="6792">
                  <c:v>43318</c:v>
                </c:pt>
                <c:pt idx="6793">
                  <c:v>43319</c:v>
                </c:pt>
                <c:pt idx="6794">
                  <c:v>43320</c:v>
                </c:pt>
                <c:pt idx="6795">
                  <c:v>43321</c:v>
                </c:pt>
                <c:pt idx="6796">
                  <c:v>43322</c:v>
                </c:pt>
                <c:pt idx="6797">
                  <c:v>43323</c:v>
                </c:pt>
                <c:pt idx="6798">
                  <c:v>43324</c:v>
                </c:pt>
                <c:pt idx="6799">
                  <c:v>43325</c:v>
                </c:pt>
                <c:pt idx="6800">
                  <c:v>43326</c:v>
                </c:pt>
                <c:pt idx="6801">
                  <c:v>43327</c:v>
                </c:pt>
                <c:pt idx="6802">
                  <c:v>43328</c:v>
                </c:pt>
                <c:pt idx="6803">
                  <c:v>43329</c:v>
                </c:pt>
                <c:pt idx="6804">
                  <c:v>43330</c:v>
                </c:pt>
                <c:pt idx="6805">
                  <c:v>43331</c:v>
                </c:pt>
                <c:pt idx="6806">
                  <c:v>43332</c:v>
                </c:pt>
                <c:pt idx="6807">
                  <c:v>43333</c:v>
                </c:pt>
                <c:pt idx="6808">
                  <c:v>43334</c:v>
                </c:pt>
                <c:pt idx="6809">
                  <c:v>43335</c:v>
                </c:pt>
                <c:pt idx="6810">
                  <c:v>43336</c:v>
                </c:pt>
                <c:pt idx="6811">
                  <c:v>43337</c:v>
                </c:pt>
                <c:pt idx="6812">
                  <c:v>43338</c:v>
                </c:pt>
                <c:pt idx="6813">
                  <c:v>43339</c:v>
                </c:pt>
                <c:pt idx="6814">
                  <c:v>43340</c:v>
                </c:pt>
                <c:pt idx="6815">
                  <c:v>43341</c:v>
                </c:pt>
                <c:pt idx="6816">
                  <c:v>43342</c:v>
                </c:pt>
                <c:pt idx="6817">
                  <c:v>43343</c:v>
                </c:pt>
                <c:pt idx="6818">
                  <c:v>43344</c:v>
                </c:pt>
                <c:pt idx="6819">
                  <c:v>43345</c:v>
                </c:pt>
                <c:pt idx="6820">
                  <c:v>43346</c:v>
                </c:pt>
                <c:pt idx="6821">
                  <c:v>43347</c:v>
                </c:pt>
                <c:pt idx="6822">
                  <c:v>43348</c:v>
                </c:pt>
                <c:pt idx="6823">
                  <c:v>43349</c:v>
                </c:pt>
                <c:pt idx="6824">
                  <c:v>43350</c:v>
                </c:pt>
                <c:pt idx="6825">
                  <c:v>43351</c:v>
                </c:pt>
                <c:pt idx="6826">
                  <c:v>43352</c:v>
                </c:pt>
                <c:pt idx="6827">
                  <c:v>43353</c:v>
                </c:pt>
                <c:pt idx="6828">
                  <c:v>43354</c:v>
                </c:pt>
                <c:pt idx="6829">
                  <c:v>43355</c:v>
                </c:pt>
                <c:pt idx="6830">
                  <c:v>43356</c:v>
                </c:pt>
                <c:pt idx="6831">
                  <c:v>43357</c:v>
                </c:pt>
                <c:pt idx="6832">
                  <c:v>43358</c:v>
                </c:pt>
                <c:pt idx="6833">
                  <c:v>43359</c:v>
                </c:pt>
                <c:pt idx="6834">
                  <c:v>43360</c:v>
                </c:pt>
                <c:pt idx="6835">
                  <c:v>43361</c:v>
                </c:pt>
                <c:pt idx="6836">
                  <c:v>43362</c:v>
                </c:pt>
                <c:pt idx="6837">
                  <c:v>43363</c:v>
                </c:pt>
                <c:pt idx="6838">
                  <c:v>43364</c:v>
                </c:pt>
                <c:pt idx="6839">
                  <c:v>43365</c:v>
                </c:pt>
                <c:pt idx="6840">
                  <c:v>43366</c:v>
                </c:pt>
                <c:pt idx="6841">
                  <c:v>43367</c:v>
                </c:pt>
                <c:pt idx="6842">
                  <c:v>43368</c:v>
                </c:pt>
                <c:pt idx="6843">
                  <c:v>43369</c:v>
                </c:pt>
                <c:pt idx="6844">
                  <c:v>43370</c:v>
                </c:pt>
                <c:pt idx="6845">
                  <c:v>43371</c:v>
                </c:pt>
                <c:pt idx="6846">
                  <c:v>43372</c:v>
                </c:pt>
                <c:pt idx="6847">
                  <c:v>43373</c:v>
                </c:pt>
                <c:pt idx="6848">
                  <c:v>43374</c:v>
                </c:pt>
                <c:pt idx="6849">
                  <c:v>43375</c:v>
                </c:pt>
                <c:pt idx="6850">
                  <c:v>43376</c:v>
                </c:pt>
                <c:pt idx="6851">
                  <c:v>43377</c:v>
                </c:pt>
                <c:pt idx="6852">
                  <c:v>43378</c:v>
                </c:pt>
                <c:pt idx="6853">
                  <c:v>43379</c:v>
                </c:pt>
                <c:pt idx="6854">
                  <c:v>43380</c:v>
                </c:pt>
                <c:pt idx="6855">
                  <c:v>43381</c:v>
                </c:pt>
                <c:pt idx="6856">
                  <c:v>43382</c:v>
                </c:pt>
                <c:pt idx="6857">
                  <c:v>43383</c:v>
                </c:pt>
                <c:pt idx="6858">
                  <c:v>43384</c:v>
                </c:pt>
                <c:pt idx="6859">
                  <c:v>43385</c:v>
                </c:pt>
                <c:pt idx="6860">
                  <c:v>43386</c:v>
                </c:pt>
                <c:pt idx="6861">
                  <c:v>43387</c:v>
                </c:pt>
                <c:pt idx="6862">
                  <c:v>43388</c:v>
                </c:pt>
                <c:pt idx="6863">
                  <c:v>43389</c:v>
                </c:pt>
                <c:pt idx="6864">
                  <c:v>43390</c:v>
                </c:pt>
                <c:pt idx="6865">
                  <c:v>43391</c:v>
                </c:pt>
                <c:pt idx="6866">
                  <c:v>43392</c:v>
                </c:pt>
                <c:pt idx="6867">
                  <c:v>43393</c:v>
                </c:pt>
                <c:pt idx="6868">
                  <c:v>43394</c:v>
                </c:pt>
                <c:pt idx="6869">
                  <c:v>43395</c:v>
                </c:pt>
                <c:pt idx="6870">
                  <c:v>43396</c:v>
                </c:pt>
                <c:pt idx="6871">
                  <c:v>43397</c:v>
                </c:pt>
                <c:pt idx="6872">
                  <c:v>43398</c:v>
                </c:pt>
                <c:pt idx="6873">
                  <c:v>43399</c:v>
                </c:pt>
                <c:pt idx="6874">
                  <c:v>43400</c:v>
                </c:pt>
                <c:pt idx="6875">
                  <c:v>43401</c:v>
                </c:pt>
                <c:pt idx="6876">
                  <c:v>43402</c:v>
                </c:pt>
                <c:pt idx="6877">
                  <c:v>43403</c:v>
                </c:pt>
                <c:pt idx="6878">
                  <c:v>43404</c:v>
                </c:pt>
                <c:pt idx="6879">
                  <c:v>43405</c:v>
                </c:pt>
                <c:pt idx="6880">
                  <c:v>43406</c:v>
                </c:pt>
                <c:pt idx="6881">
                  <c:v>43407</c:v>
                </c:pt>
                <c:pt idx="6882">
                  <c:v>43408</c:v>
                </c:pt>
                <c:pt idx="6883">
                  <c:v>43409</c:v>
                </c:pt>
                <c:pt idx="6884">
                  <c:v>43410</c:v>
                </c:pt>
                <c:pt idx="6885">
                  <c:v>43411</c:v>
                </c:pt>
                <c:pt idx="6886">
                  <c:v>43412</c:v>
                </c:pt>
                <c:pt idx="6887">
                  <c:v>43413</c:v>
                </c:pt>
                <c:pt idx="6888">
                  <c:v>43414</c:v>
                </c:pt>
                <c:pt idx="6889">
                  <c:v>43415</c:v>
                </c:pt>
                <c:pt idx="6890">
                  <c:v>43416</c:v>
                </c:pt>
                <c:pt idx="6891">
                  <c:v>43417</c:v>
                </c:pt>
                <c:pt idx="6892">
                  <c:v>43418</c:v>
                </c:pt>
                <c:pt idx="6893">
                  <c:v>43419</c:v>
                </c:pt>
                <c:pt idx="6894">
                  <c:v>43420</c:v>
                </c:pt>
                <c:pt idx="6895">
                  <c:v>43421</c:v>
                </c:pt>
                <c:pt idx="6896">
                  <c:v>43422</c:v>
                </c:pt>
                <c:pt idx="6897">
                  <c:v>43423</c:v>
                </c:pt>
                <c:pt idx="6898">
                  <c:v>43424</c:v>
                </c:pt>
                <c:pt idx="6899">
                  <c:v>43425</c:v>
                </c:pt>
                <c:pt idx="6900">
                  <c:v>43426</c:v>
                </c:pt>
                <c:pt idx="6901">
                  <c:v>43427</c:v>
                </c:pt>
                <c:pt idx="6902">
                  <c:v>43428</c:v>
                </c:pt>
                <c:pt idx="6903">
                  <c:v>43429</c:v>
                </c:pt>
                <c:pt idx="6904">
                  <c:v>43430</c:v>
                </c:pt>
                <c:pt idx="6905">
                  <c:v>43431</c:v>
                </c:pt>
                <c:pt idx="6906">
                  <c:v>43432</c:v>
                </c:pt>
                <c:pt idx="6907">
                  <c:v>43433</c:v>
                </c:pt>
                <c:pt idx="6908">
                  <c:v>43434</c:v>
                </c:pt>
                <c:pt idx="6909">
                  <c:v>43435</c:v>
                </c:pt>
                <c:pt idx="6910">
                  <c:v>43436</c:v>
                </c:pt>
                <c:pt idx="6911">
                  <c:v>43437</c:v>
                </c:pt>
                <c:pt idx="6912">
                  <c:v>43438</c:v>
                </c:pt>
                <c:pt idx="6913">
                  <c:v>43439</c:v>
                </c:pt>
                <c:pt idx="6914">
                  <c:v>43440</c:v>
                </c:pt>
                <c:pt idx="6915">
                  <c:v>43441</c:v>
                </c:pt>
                <c:pt idx="6916">
                  <c:v>43442</c:v>
                </c:pt>
                <c:pt idx="6917">
                  <c:v>43443</c:v>
                </c:pt>
                <c:pt idx="6918">
                  <c:v>43444</c:v>
                </c:pt>
                <c:pt idx="6919">
                  <c:v>43445</c:v>
                </c:pt>
                <c:pt idx="6920">
                  <c:v>43446</c:v>
                </c:pt>
                <c:pt idx="6921">
                  <c:v>43447</c:v>
                </c:pt>
                <c:pt idx="6922">
                  <c:v>43448</c:v>
                </c:pt>
                <c:pt idx="6923">
                  <c:v>43449</c:v>
                </c:pt>
                <c:pt idx="6924">
                  <c:v>43450</c:v>
                </c:pt>
                <c:pt idx="6925">
                  <c:v>43451</c:v>
                </c:pt>
                <c:pt idx="6926">
                  <c:v>43452</c:v>
                </c:pt>
                <c:pt idx="6927">
                  <c:v>43453</c:v>
                </c:pt>
                <c:pt idx="6928">
                  <c:v>43454</c:v>
                </c:pt>
                <c:pt idx="6929">
                  <c:v>43455</c:v>
                </c:pt>
                <c:pt idx="6930">
                  <c:v>43456</c:v>
                </c:pt>
                <c:pt idx="6931">
                  <c:v>43457</c:v>
                </c:pt>
                <c:pt idx="6932">
                  <c:v>43458</c:v>
                </c:pt>
                <c:pt idx="6933">
                  <c:v>43459</c:v>
                </c:pt>
                <c:pt idx="6934">
                  <c:v>43460</c:v>
                </c:pt>
                <c:pt idx="6935">
                  <c:v>43461</c:v>
                </c:pt>
                <c:pt idx="6936">
                  <c:v>43462</c:v>
                </c:pt>
                <c:pt idx="6937">
                  <c:v>43463</c:v>
                </c:pt>
                <c:pt idx="6938">
                  <c:v>43464</c:v>
                </c:pt>
                <c:pt idx="6939">
                  <c:v>43465</c:v>
                </c:pt>
                <c:pt idx="6940">
                  <c:v>43466</c:v>
                </c:pt>
                <c:pt idx="6941">
                  <c:v>43467</c:v>
                </c:pt>
                <c:pt idx="6942">
                  <c:v>43468</c:v>
                </c:pt>
                <c:pt idx="6943">
                  <c:v>43469</c:v>
                </c:pt>
                <c:pt idx="6944">
                  <c:v>43470</c:v>
                </c:pt>
                <c:pt idx="6945">
                  <c:v>43471</c:v>
                </c:pt>
                <c:pt idx="6946">
                  <c:v>43472</c:v>
                </c:pt>
                <c:pt idx="6947">
                  <c:v>43473</c:v>
                </c:pt>
                <c:pt idx="6948">
                  <c:v>43474</c:v>
                </c:pt>
                <c:pt idx="6949">
                  <c:v>43475</c:v>
                </c:pt>
                <c:pt idx="6950">
                  <c:v>43476</c:v>
                </c:pt>
                <c:pt idx="6951">
                  <c:v>43477</c:v>
                </c:pt>
                <c:pt idx="6952">
                  <c:v>43478</c:v>
                </c:pt>
                <c:pt idx="6953">
                  <c:v>43479</c:v>
                </c:pt>
                <c:pt idx="6954">
                  <c:v>43480</c:v>
                </c:pt>
                <c:pt idx="6955">
                  <c:v>43481</c:v>
                </c:pt>
                <c:pt idx="6956">
                  <c:v>43482</c:v>
                </c:pt>
                <c:pt idx="6957">
                  <c:v>43483</c:v>
                </c:pt>
                <c:pt idx="6958">
                  <c:v>43484</c:v>
                </c:pt>
                <c:pt idx="6959">
                  <c:v>43485</c:v>
                </c:pt>
                <c:pt idx="6960">
                  <c:v>43486</c:v>
                </c:pt>
                <c:pt idx="6961">
                  <c:v>43487</c:v>
                </c:pt>
                <c:pt idx="6962">
                  <c:v>43488</c:v>
                </c:pt>
                <c:pt idx="6963">
                  <c:v>43489</c:v>
                </c:pt>
                <c:pt idx="6964">
                  <c:v>43490</c:v>
                </c:pt>
                <c:pt idx="6965">
                  <c:v>43491</c:v>
                </c:pt>
                <c:pt idx="6966">
                  <c:v>43492</c:v>
                </c:pt>
                <c:pt idx="6967">
                  <c:v>43493</c:v>
                </c:pt>
                <c:pt idx="6968">
                  <c:v>43494</c:v>
                </c:pt>
                <c:pt idx="6969">
                  <c:v>43495</c:v>
                </c:pt>
                <c:pt idx="6970">
                  <c:v>43496</c:v>
                </c:pt>
                <c:pt idx="6971">
                  <c:v>43497</c:v>
                </c:pt>
                <c:pt idx="6972">
                  <c:v>43498</c:v>
                </c:pt>
                <c:pt idx="6973">
                  <c:v>43499</c:v>
                </c:pt>
                <c:pt idx="6974">
                  <c:v>43500</c:v>
                </c:pt>
                <c:pt idx="6975">
                  <c:v>43501</c:v>
                </c:pt>
                <c:pt idx="6976">
                  <c:v>43502</c:v>
                </c:pt>
                <c:pt idx="6977">
                  <c:v>43503</c:v>
                </c:pt>
                <c:pt idx="6978">
                  <c:v>43504</c:v>
                </c:pt>
                <c:pt idx="6979">
                  <c:v>43505</c:v>
                </c:pt>
                <c:pt idx="6980">
                  <c:v>43506</c:v>
                </c:pt>
                <c:pt idx="6981">
                  <c:v>43507</c:v>
                </c:pt>
                <c:pt idx="6982">
                  <c:v>43508</c:v>
                </c:pt>
                <c:pt idx="6983">
                  <c:v>43509</c:v>
                </c:pt>
                <c:pt idx="6984">
                  <c:v>43510</c:v>
                </c:pt>
                <c:pt idx="6985">
                  <c:v>43511</c:v>
                </c:pt>
                <c:pt idx="6986">
                  <c:v>43512</c:v>
                </c:pt>
                <c:pt idx="6987">
                  <c:v>43513</c:v>
                </c:pt>
                <c:pt idx="6988">
                  <c:v>43514</c:v>
                </c:pt>
                <c:pt idx="6989">
                  <c:v>43515</c:v>
                </c:pt>
                <c:pt idx="6990">
                  <c:v>43516</c:v>
                </c:pt>
                <c:pt idx="6991">
                  <c:v>43517</c:v>
                </c:pt>
                <c:pt idx="6992">
                  <c:v>43518</c:v>
                </c:pt>
                <c:pt idx="6993">
                  <c:v>43519</c:v>
                </c:pt>
                <c:pt idx="6994">
                  <c:v>43520</c:v>
                </c:pt>
                <c:pt idx="6995">
                  <c:v>43521</c:v>
                </c:pt>
                <c:pt idx="6996">
                  <c:v>43522</c:v>
                </c:pt>
                <c:pt idx="6997">
                  <c:v>43523</c:v>
                </c:pt>
                <c:pt idx="6998">
                  <c:v>43524</c:v>
                </c:pt>
                <c:pt idx="6999">
                  <c:v>43525</c:v>
                </c:pt>
                <c:pt idx="7000">
                  <c:v>43526</c:v>
                </c:pt>
                <c:pt idx="7001">
                  <c:v>43527</c:v>
                </c:pt>
                <c:pt idx="7002">
                  <c:v>43528</c:v>
                </c:pt>
                <c:pt idx="7003">
                  <c:v>43529</c:v>
                </c:pt>
                <c:pt idx="7004">
                  <c:v>43530</c:v>
                </c:pt>
                <c:pt idx="7005">
                  <c:v>43531</c:v>
                </c:pt>
                <c:pt idx="7006">
                  <c:v>43532</c:v>
                </c:pt>
                <c:pt idx="7007">
                  <c:v>43533</c:v>
                </c:pt>
                <c:pt idx="7008">
                  <c:v>43534</c:v>
                </c:pt>
                <c:pt idx="7009">
                  <c:v>43535</c:v>
                </c:pt>
                <c:pt idx="7010">
                  <c:v>43536</c:v>
                </c:pt>
                <c:pt idx="7011">
                  <c:v>43537</c:v>
                </c:pt>
                <c:pt idx="7012">
                  <c:v>43538</c:v>
                </c:pt>
                <c:pt idx="7013">
                  <c:v>43539</c:v>
                </c:pt>
                <c:pt idx="7014">
                  <c:v>43540</c:v>
                </c:pt>
                <c:pt idx="7015">
                  <c:v>43541</c:v>
                </c:pt>
                <c:pt idx="7016">
                  <c:v>43542</c:v>
                </c:pt>
                <c:pt idx="7017">
                  <c:v>43543</c:v>
                </c:pt>
                <c:pt idx="7018">
                  <c:v>43544</c:v>
                </c:pt>
                <c:pt idx="7019">
                  <c:v>43545</c:v>
                </c:pt>
                <c:pt idx="7020">
                  <c:v>43546</c:v>
                </c:pt>
                <c:pt idx="7021">
                  <c:v>43547</c:v>
                </c:pt>
                <c:pt idx="7022">
                  <c:v>43548</c:v>
                </c:pt>
                <c:pt idx="7023">
                  <c:v>43549</c:v>
                </c:pt>
                <c:pt idx="7024">
                  <c:v>43550</c:v>
                </c:pt>
                <c:pt idx="7025">
                  <c:v>43551</c:v>
                </c:pt>
                <c:pt idx="7026">
                  <c:v>43552</c:v>
                </c:pt>
                <c:pt idx="7027">
                  <c:v>43553</c:v>
                </c:pt>
                <c:pt idx="7028">
                  <c:v>43554</c:v>
                </c:pt>
                <c:pt idx="7029">
                  <c:v>43555</c:v>
                </c:pt>
                <c:pt idx="7030">
                  <c:v>43556</c:v>
                </c:pt>
                <c:pt idx="7031">
                  <c:v>43557</c:v>
                </c:pt>
                <c:pt idx="7032">
                  <c:v>43558</c:v>
                </c:pt>
                <c:pt idx="7033">
                  <c:v>43559</c:v>
                </c:pt>
                <c:pt idx="7034">
                  <c:v>43560</c:v>
                </c:pt>
                <c:pt idx="7035">
                  <c:v>43561</c:v>
                </c:pt>
                <c:pt idx="7036">
                  <c:v>43562</c:v>
                </c:pt>
                <c:pt idx="7037">
                  <c:v>43563</c:v>
                </c:pt>
                <c:pt idx="7038">
                  <c:v>43564</c:v>
                </c:pt>
                <c:pt idx="7039">
                  <c:v>43565</c:v>
                </c:pt>
                <c:pt idx="7040">
                  <c:v>43566</c:v>
                </c:pt>
                <c:pt idx="7041">
                  <c:v>43567</c:v>
                </c:pt>
                <c:pt idx="7042">
                  <c:v>43568</c:v>
                </c:pt>
                <c:pt idx="7043">
                  <c:v>43569</c:v>
                </c:pt>
                <c:pt idx="7044">
                  <c:v>43570</c:v>
                </c:pt>
                <c:pt idx="7045">
                  <c:v>43571</c:v>
                </c:pt>
                <c:pt idx="7046">
                  <c:v>43572</c:v>
                </c:pt>
                <c:pt idx="7047">
                  <c:v>43573</c:v>
                </c:pt>
                <c:pt idx="7048">
                  <c:v>43574</c:v>
                </c:pt>
                <c:pt idx="7049">
                  <c:v>43575</c:v>
                </c:pt>
                <c:pt idx="7050">
                  <c:v>43576</c:v>
                </c:pt>
                <c:pt idx="7051">
                  <c:v>43577</c:v>
                </c:pt>
                <c:pt idx="7052">
                  <c:v>43578</c:v>
                </c:pt>
                <c:pt idx="7053">
                  <c:v>43579</c:v>
                </c:pt>
                <c:pt idx="7054">
                  <c:v>43580</c:v>
                </c:pt>
                <c:pt idx="7055">
                  <c:v>43581</c:v>
                </c:pt>
                <c:pt idx="7056">
                  <c:v>43582</c:v>
                </c:pt>
                <c:pt idx="7057">
                  <c:v>43583</c:v>
                </c:pt>
                <c:pt idx="7058">
                  <c:v>43584</c:v>
                </c:pt>
                <c:pt idx="7059">
                  <c:v>43585</c:v>
                </c:pt>
                <c:pt idx="7060">
                  <c:v>43586</c:v>
                </c:pt>
                <c:pt idx="7061">
                  <c:v>43587</c:v>
                </c:pt>
                <c:pt idx="7062">
                  <c:v>43588</c:v>
                </c:pt>
                <c:pt idx="7063">
                  <c:v>43589</c:v>
                </c:pt>
                <c:pt idx="7064">
                  <c:v>43590</c:v>
                </c:pt>
                <c:pt idx="7065">
                  <c:v>43591</c:v>
                </c:pt>
                <c:pt idx="7066">
                  <c:v>43592</c:v>
                </c:pt>
                <c:pt idx="7067">
                  <c:v>43593</c:v>
                </c:pt>
                <c:pt idx="7068">
                  <c:v>43594</c:v>
                </c:pt>
                <c:pt idx="7069">
                  <c:v>43595</c:v>
                </c:pt>
                <c:pt idx="7070">
                  <c:v>43596</c:v>
                </c:pt>
                <c:pt idx="7071">
                  <c:v>43597</c:v>
                </c:pt>
                <c:pt idx="7072">
                  <c:v>43598</c:v>
                </c:pt>
                <c:pt idx="7073">
                  <c:v>43599</c:v>
                </c:pt>
                <c:pt idx="7074">
                  <c:v>43600</c:v>
                </c:pt>
                <c:pt idx="7075">
                  <c:v>43601</c:v>
                </c:pt>
                <c:pt idx="7076">
                  <c:v>43602</c:v>
                </c:pt>
                <c:pt idx="7077">
                  <c:v>43603</c:v>
                </c:pt>
                <c:pt idx="7078">
                  <c:v>43604</c:v>
                </c:pt>
                <c:pt idx="7079">
                  <c:v>43605</c:v>
                </c:pt>
                <c:pt idx="7080">
                  <c:v>43606</c:v>
                </c:pt>
                <c:pt idx="7081">
                  <c:v>43607</c:v>
                </c:pt>
                <c:pt idx="7082">
                  <c:v>43608</c:v>
                </c:pt>
                <c:pt idx="7083">
                  <c:v>43609</c:v>
                </c:pt>
                <c:pt idx="7084">
                  <c:v>43610</c:v>
                </c:pt>
                <c:pt idx="7085">
                  <c:v>43611</c:v>
                </c:pt>
                <c:pt idx="7086">
                  <c:v>43612</c:v>
                </c:pt>
                <c:pt idx="7087">
                  <c:v>43613</c:v>
                </c:pt>
                <c:pt idx="7088">
                  <c:v>43614</c:v>
                </c:pt>
                <c:pt idx="7089">
                  <c:v>43615</c:v>
                </c:pt>
                <c:pt idx="7090">
                  <c:v>43616</c:v>
                </c:pt>
                <c:pt idx="7091">
                  <c:v>43617</c:v>
                </c:pt>
                <c:pt idx="7092">
                  <c:v>43618</c:v>
                </c:pt>
                <c:pt idx="7093">
                  <c:v>43619</c:v>
                </c:pt>
                <c:pt idx="7094">
                  <c:v>43620</c:v>
                </c:pt>
                <c:pt idx="7095">
                  <c:v>43621</c:v>
                </c:pt>
                <c:pt idx="7096">
                  <c:v>43622</c:v>
                </c:pt>
                <c:pt idx="7097">
                  <c:v>43623</c:v>
                </c:pt>
                <c:pt idx="7098">
                  <c:v>43624</c:v>
                </c:pt>
                <c:pt idx="7099">
                  <c:v>43625</c:v>
                </c:pt>
                <c:pt idx="7100">
                  <c:v>43626</c:v>
                </c:pt>
                <c:pt idx="7101">
                  <c:v>43627</c:v>
                </c:pt>
                <c:pt idx="7102">
                  <c:v>43628</c:v>
                </c:pt>
                <c:pt idx="7103">
                  <c:v>43629</c:v>
                </c:pt>
                <c:pt idx="7104">
                  <c:v>43630</c:v>
                </c:pt>
                <c:pt idx="7105">
                  <c:v>43631</c:v>
                </c:pt>
                <c:pt idx="7106">
                  <c:v>43632</c:v>
                </c:pt>
                <c:pt idx="7107">
                  <c:v>43633</c:v>
                </c:pt>
                <c:pt idx="7108">
                  <c:v>43634</c:v>
                </c:pt>
                <c:pt idx="7109">
                  <c:v>43635</c:v>
                </c:pt>
                <c:pt idx="7110">
                  <c:v>43636</c:v>
                </c:pt>
                <c:pt idx="7111">
                  <c:v>43637</c:v>
                </c:pt>
                <c:pt idx="7112">
                  <c:v>43638</c:v>
                </c:pt>
                <c:pt idx="7113">
                  <c:v>43639</c:v>
                </c:pt>
                <c:pt idx="7114">
                  <c:v>43640</c:v>
                </c:pt>
                <c:pt idx="7115">
                  <c:v>43641</c:v>
                </c:pt>
                <c:pt idx="7116">
                  <c:v>43642</c:v>
                </c:pt>
                <c:pt idx="7117">
                  <c:v>43643</c:v>
                </c:pt>
                <c:pt idx="7118">
                  <c:v>43644</c:v>
                </c:pt>
                <c:pt idx="7119">
                  <c:v>43645</c:v>
                </c:pt>
                <c:pt idx="7120">
                  <c:v>43646</c:v>
                </c:pt>
                <c:pt idx="7121">
                  <c:v>43647</c:v>
                </c:pt>
                <c:pt idx="7122">
                  <c:v>43648</c:v>
                </c:pt>
                <c:pt idx="7123">
                  <c:v>43649</c:v>
                </c:pt>
                <c:pt idx="7124">
                  <c:v>43650</c:v>
                </c:pt>
                <c:pt idx="7125">
                  <c:v>43651</c:v>
                </c:pt>
                <c:pt idx="7126">
                  <c:v>43652</c:v>
                </c:pt>
                <c:pt idx="7127">
                  <c:v>43653</c:v>
                </c:pt>
                <c:pt idx="7128">
                  <c:v>43654</c:v>
                </c:pt>
                <c:pt idx="7129">
                  <c:v>43655</c:v>
                </c:pt>
                <c:pt idx="7130">
                  <c:v>43656</c:v>
                </c:pt>
                <c:pt idx="7131">
                  <c:v>43657</c:v>
                </c:pt>
                <c:pt idx="7132">
                  <c:v>43658</c:v>
                </c:pt>
                <c:pt idx="7133">
                  <c:v>43659</c:v>
                </c:pt>
                <c:pt idx="7134">
                  <c:v>43660</c:v>
                </c:pt>
                <c:pt idx="7135">
                  <c:v>43661</c:v>
                </c:pt>
                <c:pt idx="7136">
                  <c:v>43662</c:v>
                </c:pt>
                <c:pt idx="7137">
                  <c:v>43663</c:v>
                </c:pt>
                <c:pt idx="7138">
                  <c:v>43664</c:v>
                </c:pt>
                <c:pt idx="7139">
                  <c:v>43665</c:v>
                </c:pt>
                <c:pt idx="7140">
                  <c:v>43666</c:v>
                </c:pt>
                <c:pt idx="7141">
                  <c:v>43667</c:v>
                </c:pt>
                <c:pt idx="7142">
                  <c:v>43668</c:v>
                </c:pt>
                <c:pt idx="7143">
                  <c:v>43669</c:v>
                </c:pt>
                <c:pt idx="7144">
                  <c:v>43670</c:v>
                </c:pt>
                <c:pt idx="7145">
                  <c:v>43671</c:v>
                </c:pt>
                <c:pt idx="7146">
                  <c:v>43672</c:v>
                </c:pt>
                <c:pt idx="7147">
                  <c:v>43673</c:v>
                </c:pt>
                <c:pt idx="7148">
                  <c:v>43674</c:v>
                </c:pt>
                <c:pt idx="7149">
                  <c:v>43675</c:v>
                </c:pt>
                <c:pt idx="7150">
                  <c:v>43676</c:v>
                </c:pt>
                <c:pt idx="7151">
                  <c:v>43677</c:v>
                </c:pt>
                <c:pt idx="7152">
                  <c:v>43678</c:v>
                </c:pt>
                <c:pt idx="7153">
                  <c:v>43679</c:v>
                </c:pt>
                <c:pt idx="7154">
                  <c:v>43680</c:v>
                </c:pt>
                <c:pt idx="7155">
                  <c:v>43681</c:v>
                </c:pt>
                <c:pt idx="7156">
                  <c:v>43682</c:v>
                </c:pt>
                <c:pt idx="7157">
                  <c:v>43683</c:v>
                </c:pt>
                <c:pt idx="7158">
                  <c:v>43684</c:v>
                </c:pt>
                <c:pt idx="7159">
                  <c:v>43685</c:v>
                </c:pt>
                <c:pt idx="7160">
                  <c:v>43686</c:v>
                </c:pt>
                <c:pt idx="7161">
                  <c:v>43687</c:v>
                </c:pt>
                <c:pt idx="7162">
                  <c:v>43688</c:v>
                </c:pt>
                <c:pt idx="7163">
                  <c:v>43689</c:v>
                </c:pt>
                <c:pt idx="7164">
                  <c:v>43690</c:v>
                </c:pt>
                <c:pt idx="7165">
                  <c:v>43691</c:v>
                </c:pt>
                <c:pt idx="7166">
                  <c:v>43692</c:v>
                </c:pt>
                <c:pt idx="7167">
                  <c:v>43693</c:v>
                </c:pt>
                <c:pt idx="7168">
                  <c:v>43694</c:v>
                </c:pt>
                <c:pt idx="7169">
                  <c:v>43695</c:v>
                </c:pt>
                <c:pt idx="7170">
                  <c:v>43696</c:v>
                </c:pt>
                <c:pt idx="7171">
                  <c:v>43697</c:v>
                </c:pt>
                <c:pt idx="7172">
                  <c:v>43698</c:v>
                </c:pt>
                <c:pt idx="7173">
                  <c:v>43699</c:v>
                </c:pt>
                <c:pt idx="7174">
                  <c:v>43700</c:v>
                </c:pt>
                <c:pt idx="7175">
                  <c:v>43701</c:v>
                </c:pt>
                <c:pt idx="7176">
                  <c:v>43702</c:v>
                </c:pt>
                <c:pt idx="7177">
                  <c:v>43703</c:v>
                </c:pt>
                <c:pt idx="7178">
                  <c:v>43704</c:v>
                </c:pt>
                <c:pt idx="7179">
                  <c:v>43705</c:v>
                </c:pt>
                <c:pt idx="7180">
                  <c:v>43706</c:v>
                </c:pt>
                <c:pt idx="7181">
                  <c:v>43707</c:v>
                </c:pt>
                <c:pt idx="7182">
                  <c:v>43708</c:v>
                </c:pt>
                <c:pt idx="7183">
                  <c:v>43709</c:v>
                </c:pt>
                <c:pt idx="7184">
                  <c:v>43710</c:v>
                </c:pt>
                <c:pt idx="7185">
                  <c:v>43711</c:v>
                </c:pt>
                <c:pt idx="7186">
                  <c:v>43712</c:v>
                </c:pt>
                <c:pt idx="7187">
                  <c:v>43713</c:v>
                </c:pt>
                <c:pt idx="7188">
                  <c:v>43714</c:v>
                </c:pt>
                <c:pt idx="7189">
                  <c:v>43715</c:v>
                </c:pt>
                <c:pt idx="7190">
                  <c:v>43716</c:v>
                </c:pt>
                <c:pt idx="7191">
                  <c:v>43717</c:v>
                </c:pt>
                <c:pt idx="7192">
                  <c:v>43718</c:v>
                </c:pt>
                <c:pt idx="7193">
                  <c:v>43719</c:v>
                </c:pt>
                <c:pt idx="7194">
                  <c:v>43720</c:v>
                </c:pt>
                <c:pt idx="7195">
                  <c:v>43721</c:v>
                </c:pt>
                <c:pt idx="7196">
                  <c:v>43722</c:v>
                </c:pt>
                <c:pt idx="7197">
                  <c:v>43723</c:v>
                </c:pt>
                <c:pt idx="7198">
                  <c:v>43724</c:v>
                </c:pt>
                <c:pt idx="7199">
                  <c:v>43725</c:v>
                </c:pt>
                <c:pt idx="7200">
                  <c:v>43726</c:v>
                </c:pt>
                <c:pt idx="7201">
                  <c:v>43727</c:v>
                </c:pt>
                <c:pt idx="7202">
                  <c:v>43728</c:v>
                </c:pt>
                <c:pt idx="7203">
                  <c:v>43729</c:v>
                </c:pt>
                <c:pt idx="7204">
                  <c:v>43730</c:v>
                </c:pt>
                <c:pt idx="7205">
                  <c:v>43731</c:v>
                </c:pt>
                <c:pt idx="7206">
                  <c:v>43732</c:v>
                </c:pt>
                <c:pt idx="7207">
                  <c:v>43733</c:v>
                </c:pt>
                <c:pt idx="7208">
                  <c:v>43734</c:v>
                </c:pt>
                <c:pt idx="7209">
                  <c:v>43735</c:v>
                </c:pt>
                <c:pt idx="7210">
                  <c:v>43736</c:v>
                </c:pt>
                <c:pt idx="7211">
                  <c:v>43737</c:v>
                </c:pt>
                <c:pt idx="7212">
                  <c:v>43738</c:v>
                </c:pt>
                <c:pt idx="7213">
                  <c:v>43739</c:v>
                </c:pt>
                <c:pt idx="7214">
                  <c:v>43740</c:v>
                </c:pt>
                <c:pt idx="7215">
                  <c:v>43741</c:v>
                </c:pt>
                <c:pt idx="7216">
                  <c:v>43742</c:v>
                </c:pt>
                <c:pt idx="7217">
                  <c:v>43743</c:v>
                </c:pt>
                <c:pt idx="7218">
                  <c:v>43744</c:v>
                </c:pt>
                <c:pt idx="7219">
                  <c:v>43745</c:v>
                </c:pt>
                <c:pt idx="7220">
                  <c:v>43746</c:v>
                </c:pt>
                <c:pt idx="7221">
                  <c:v>43747</c:v>
                </c:pt>
                <c:pt idx="7222">
                  <c:v>43748</c:v>
                </c:pt>
                <c:pt idx="7223">
                  <c:v>43749</c:v>
                </c:pt>
                <c:pt idx="7224">
                  <c:v>43750</c:v>
                </c:pt>
                <c:pt idx="7225">
                  <c:v>43751</c:v>
                </c:pt>
                <c:pt idx="7226">
                  <c:v>43752</c:v>
                </c:pt>
                <c:pt idx="7227">
                  <c:v>43753</c:v>
                </c:pt>
                <c:pt idx="7228">
                  <c:v>43754</c:v>
                </c:pt>
                <c:pt idx="7229">
                  <c:v>43755</c:v>
                </c:pt>
                <c:pt idx="7230">
                  <c:v>43756</c:v>
                </c:pt>
                <c:pt idx="7231">
                  <c:v>43757</c:v>
                </c:pt>
                <c:pt idx="7232">
                  <c:v>43758</c:v>
                </c:pt>
                <c:pt idx="7233">
                  <c:v>43759</c:v>
                </c:pt>
                <c:pt idx="7234">
                  <c:v>43760</c:v>
                </c:pt>
                <c:pt idx="7235">
                  <c:v>43761</c:v>
                </c:pt>
                <c:pt idx="7236">
                  <c:v>43762</c:v>
                </c:pt>
                <c:pt idx="7237">
                  <c:v>43763</c:v>
                </c:pt>
                <c:pt idx="7238">
                  <c:v>43764</c:v>
                </c:pt>
                <c:pt idx="7239">
                  <c:v>43765</c:v>
                </c:pt>
                <c:pt idx="7240">
                  <c:v>43766</c:v>
                </c:pt>
                <c:pt idx="7241">
                  <c:v>43767</c:v>
                </c:pt>
                <c:pt idx="7242">
                  <c:v>43768</c:v>
                </c:pt>
                <c:pt idx="7243">
                  <c:v>43769</c:v>
                </c:pt>
                <c:pt idx="7244">
                  <c:v>43770</c:v>
                </c:pt>
                <c:pt idx="7245">
                  <c:v>43771</c:v>
                </c:pt>
                <c:pt idx="7246">
                  <c:v>43772</c:v>
                </c:pt>
                <c:pt idx="7247">
                  <c:v>43773</c:v>
                </c:pt>
                <c:pt idx="7248">
                  <c:v>43774</c:v>
                </c:pt>
                <c:pt idx="7249">
                  <c:v>43775</c:v>
                </c:pt>
                <c:pt idx="7250">
                  <c:v>43776</c:v>
                </c:pt>
                <c:pt idx="7251">
                  <c:v>43777</c:v>
                </c:pt>
                <c:pt idx="7252">
                  <c:v>43778</c:v>
                </c:pt>
                <c:pt idx="7253">
                  <c:v>43779</c:v>
                </c:pt>
                <c:pt idx="7254">
                  <c:v>43780</c:v>
                </c:pt>
                <c:pt idx="7255">
                  <c:v>43781</c:v>
                </c:pt>
                <c:pt idx="7256">
                  <c:v>43782</c:v>
                </c:pt>
                <c:pt idx="7257">
                  <c:v>43783</c:v>
                </c:pt>
                <c:pt idx="7258">
                  <c:v>43784</c:v>
                </c:pt>
                <c:pt idx="7259">
                  <c:v>43785</c:v>
                </c:pt>
                <c:pt idx="7260">
                  <c:v>43786</c:v>
                </c:pt>
                <c:pt idx="7261">
                  <c:v>43787</c:v>
                </c:pt>
                <c:pt idx="7262">
                  <c:v>43788</c:v>
                </c:pt>
                <c:pt idx="7263">
                  <c:v>43789</c:v>
                </c:pt>
                <c:pt idx="7264">
                  <c:v>43790</c:v>
                </c:pt>
                <c:pt idx="7265">
                  <c:v>43791</c:v>
                </c:pt>
                <c:pt idx="7266">
                  <c:v>43792</c:v>
                </c:pt>
                <c:pt idx="7267">
                  <c:v>43793</c:v>
                </c:pt>
                <c:pt idx="7268">
                  <c:v>43794</c:v>
                </c:pt>
                <c:pt idx="7269">
                  <c:v>43795</c:v>
                </c:pt>
                <c:pt idx="7270">
                  <c:v>43796</c:v>
                </c:pt>
                <c:pt idx="7271">
                  <c:v>43797</c:v>
                </c:pt>
                <c:pt idx="7272">
                  <c:v>43798</c:v>
                </c:pt>
                <c:pt idx="7273">
                  <c:v>43799</c:v>
                </c:pt>
                <c:pt idx="7274">
                  <c:v>43800</c:v>
                </c:pt>
                <c:pt idx="7275">
                  <c:v>43801</c:v>
                </c:pt>
                <c:pt idx="7276">
                  <c:v>43802</c:v>
                </c:pt>
                <c:pt idx="7277">
                  <c:v>43803</c:v>
                </c:pt>
                <c:pt idx="7278">
                  <c:v>43804</c:v>
                </c:pt>
                <c:pt idx="7279">
                  <c:v>43805</c:v>
                </c:pt>
                <c:pt idx="7280">
                  <c:v>43806</c:v>
                </c:pt>
                <c:pt idx="7281">
                  <c:v>43807</c:v>
                </c:pt>
                <c:pt idx="7282">
                  <c:v>43808</c:v>
                </c:pt>
                <c:pt idx="7283">
                  <c:v>43809</c:v>
                </c:pt>
                <c:pt idx="7284">
                  <c:v>43810</c:v>
                </c:pt>
                <c:pt idx="7285">
                  <c:v>43811</c:v>
                </c:pt>
                <c:pt idx="7286">
                  <c:v>43812</c:v>
                </c:pt>
                <c:pt idx="7287">
                  <c:v>43813</c:v>
                </c:pt>
                <c:pt idx="7288">
                  <c:v>43814</c:v>
                </c:pt>
                <c:pt idx="7289">
                  <c:v>43815</c:v>
                </c:pt>
                <c:pt idx="7290">
                  <c:v>43816</c:v>
                </c:pt>
                <c:pt idx="7291">
                  <c:v>43817</c:v>
                </c:pt>
                <c:pt idx="7292">
                  <c:v>43818</c:v>
                </c:pt>
                <c:pt idx="7293">
                  <c:v>43819</c:v>
                </c:pt>
                <c:pt idx="7294">
                  <c:v>43820</c:v>
                </c:pt>
                <c:pt idx="7295">
                  <c:v>43821</c:v>
                </c:pt>
                <c:pt idx="7296">
                  <c:v>43822</c:v>
                </c:pt>
                <c:pt idx="7297">
                  <c:v>43823</c:v>
                </c:pt>
                <c:pt idx="7298">
                  <c:v>43824</c:v>
                </c:pt>
                <c:pt idx="7299">
                  <c:v>43825</c:v>
                </c:pt>
                <c:pt idx="7300">
                  <c:v>43826</c:v>
                </c:pt>
                <c:pt idx="7301">
                  <c:v>43827</c:v>
                </c:pt>
                <c:pt idx="7302">
                  <c:v>43828</c:v>
                </c:pt>
                <c:pt idx="7303">
                  <c:v>43829</c:v>
                </c:pt>
                <c:pt idx="7304">
                  <c:v>43830</c:v>
                </c:pt>
                <c:pt idx="7305">
                  <c:v>43831</c:v>
                </c:pt>
                <c:pt idx="7306">
                  <c:v>43832</c:v>
                </c:pt>
                <c:pt idx="7307">
                  <c:v>43833</c:v>
                </c:pt>
                <c:pt idx="7308">
                  <c:v>43834</c:v>
                </c:pt>
                <c:pt idx="7309">
                  <c:v>43835</c:v>
                </c:pt>
                <c:pt idx="7310">
                  <c:v>43836</c:v>
                </c:pt>
                <c:pt idx="7311">
                  <c:v>43837</c:v>
                </c:pt>
                <c:pt idx="7312">
                  <c:v>43838</c:v>
                </c:pt>
                <c:pt idx="7313">
                  <c:v>43839</c:v>
                </c:pt>
                <c:pt idx="7314">
                  <c:v>43840</c:v>
                </c:pt>
                <c:pt idx="7315">
                  <c:v>43841</c:v>
                </c:pt>
                <c:pt idx="7316">
                  <c:v>43842</c:v>
                </c:pt>
                <c:pt idx="7317">
                  <c:v>43843</c:v>
                </c:pt>
                <c:pt idx="7318">
                  <c:v>43844</c:v>
                </c:pt>
                <c:pt idx="7319">
                  <c:v>43845</c:v>
                </c:pt>
                <c:pt idx="7320">
                  <c:v>43846</c:v>
                </c:pt>
                <c:pt idx="7321">
                  <c:v>43847</c:v>
                </c:pt>
                <c:pt idx="7322">
                  <c:v>43848</c:v>
                </c:pt>
                <c:pt idx="7323">
                  <c:v>43849</c:v>
                </c:pt>
                <c:pt idx="7324">
                  <c:v>43850</c:v>
                </c:pt>
                <c:pt idx="7325">
                  <c:v>43851</c:v>
                </c:pt>
                <c:pt idx="7326">
                  <c:v>43852</c:v>
                </c:pt>
                <c:pt idx="7327">
                  <c:v>43853</c:v>
                </c:pt>
                <c:pt idx="7328">
                  <c:v>43854</c:v>
                </c:pt>
                <c:pt idx="7329">
                  <c:v>43855</c:v>
                </c:pt>
                <c:pt idx="7330">
                  <c:v>43856</c:v>
                </c:pt>
                <c:pt idx="7331">
                  <c:v>43857</c:v>
                </c:pt>
                <c:pt idx="7332">
                  <c:v>43858</c:v>
                </c:pt>
                <c:pt idx="7333">
                  <c:v>43859</c:v>
                </c:pt>
                <c:pt idx="7334">
                  <c:v>43860</c:v>
                </c:pt>
                <c:pt idx="7335">
                  <c:v>43861</c:v>
                </c:pt>
                <c:pt idx="7336">
                  <c:v>43862</c:v>
                </c:pt>
                <c:pt idx="7337">
                  <c:v>43863</c:v>
                </c:pt>
                <c:pt idx="7338">
                  <c:v>43864</c:v>
                </c:pt>
                <c:pt idx="7339">
                  <c:v>43865</c:v>
                </c:pt>
                <c:pt idx="7340">
                  <c:v>43866</c:v>
                </c:pt>
                <c:pt idx="7341">
                  <c:v>43867</c:v>
                </c:pt>
                <c:pt idx="7342">
                  <c:v>43868</c:v>
                </c:pt>
                <c:pt idx="7343">
                  <c:v>43869</c:v>
                </c:pt>
                <c:pt idx="7344">
                  <c:v>43870</c:v>
                </c:pt>
                <c:pt idx="7345">
                  <c:v>43871</c:v>
                </c:pt>
                <c:pt idx="7346">
                  <c:v>43872</c:v>
                </c:pt>
                <c:pt idx="7347">
                  <c:v>43873</c:v>
                </c:pt>
                <c:pt idx="7348">
                  <c:v>43874</c:v>
                </c:pt>
                <c:pt idx="7349">
                  <c:v>43875</c:v>
                </c:pt>
                <c:pt idx="7350">
                  <c:v>43876</c:v>
                </c:pt>
                <c:pt idx="7351">
                  <c:v>43877</c:v>
                </c:pt>
                <c:pt idx="7352">
                  <c:v>43878</c:v>
                </c:pt>
                <c:pt idx="7353">
                  <c:v>43879</c:v>
                </c:pt>
                <c:pt idx="7354">
                  <c:v>43880</c:v>
                </c:pt>
                <c:pt idx="7355">
                  <c:v>43881</c:v>
                </c:pt>
                <c:pt idx="7356">
                  <c:v>43882</c:v>
                </c:pt>
                <c:pt idx="7357">
                  <c:v>43883</c:v>
                </c:pt>
                <c:pt idx="7358">
                  <c:v>43884</c:v>
                </c:pt>
                <c:pt idx="7359">
                  <c:v>43885</c:v>
                </c:pt>
                <c:pt idx="7360">
                  <c:v>43886</c:v>
                </c:pt>
                <c:pt idx="7361">
                  <c:v>43887</c:v>
                </c:pt>
                <c:pt idx="7362">
                  <c:v>43888</c:v>
                </c:pt>
                <c:pt idx="7363">
                  <c:v>43889</c:v>
                </c:pt>
                <c:pt idx="7364">
                  <c:v>43890</c:v>
                </c:pt>
                <c:pt idx="7365">
                  <c:v>43891</c:v>
                </c:pt>
                <c:pt idx="7366">
                  <c:v>43892</c:v>
                </c:pt>
                <c:pt idx="7367">
                  <c:v>43893</c:v>
                </c:pt>
                <c:pt idx="7368">
                  <c:v>43894</c:v>
                </c:pt>
                <c:pt idx="7369">
                  <c:v>43895</c:v>
                </c:pt>
                <c:pt idx="7370">
                  <c:v>43896</c:v>
                </c:pt>
                <c:pt idx="7371">
                  <c:v>43897</c:v>
                </c:pt>
                <c:pt idx="7372">
                  <c:v>43898</c:v>
                </c:pt>
                <c:pt idx="7373">
                  <c:v>43899</c:v>
                </c:pt>
                <c:pt idx="7374">
                  <c:v>43900</c:v>
                </c:pt>
                <c:pt idx="7375">
                  <c:v>43901</c:v>
                </c:pt>
                <c:pt idx="7376">
                  <c:v>43902</c:v>
                </c:pt>
                <c:pt idx="7377">
                  <c:v>43903</c:v>
                </c:pt>
                <c:pt idx="7378">
                  <c:v>43904</c:v>
                </c:pt>
                <c:pt idx="7379">
                  <c:v>43905</c:v>
                </c:pt>
                <c:pt idx="7380">
                  <c:v>43906</c:v>
                </c:pt>
                <c:pt idx="7381">
                  <c:v>43907</c:v>
                </c:pt>
                <c:pt idx="7382">
                  <c:v>43908</c:v>
                </c:pt>
                <c:pt idx="7383">
                  <c:v>43909</c:v>
                </c:pt>
                <c:pt idx="7384">
                  <c:v>43910</c:v>
                </c:pt>
                <c:pt idx="7385">
                  <c:v>43911</c:v>
                </c:pt>
                <c:pt idx="7386">
                  <c:v>43912</c:v>
                </c:pt>
                <c:pt idx="7387">
                  <c:v>43913</c:v>
                </c:pt>
                <c:pt idx="7388">
                  <c:v>43914</c:v>
                </c:pt>
                <c:pt idx="7389">
                  <c:v>43915</c:v>
                </c:pt>
                <c:pt idx="7390">
                  <c:v>43916</c:v>
                </c:pt>
                <c:pt idx="7391">
                  <c:v>43917</c:v>
                </c:pt>
                <c:pt idx="7392">
                  <c:v>43918</c:v>
                </c:pt>
                <c:pt idx="7393">
                  <c:v>43919</c:v>
                </c:pt>
                <c:pt idx="7394">
                  <c:v>43920</c:v>
                </c:pt>
                <c:pt idx="7395">
                  <c:v>43921</c:v>
                </c:pt>
                <c:pt idx="7396">
                  <c:v>43922</c:v>
                </c:pt>
                <c:pt idx="7397">
                  <c:v>43923</c:v>
                </c:pt>
                <c:pt idx="7398">
                  <c:v>43924</c:v>
                </c:pt>
                <c:pt idx="7399">
                  <c:v>43925</c:v>
                </c:pt>
                <c:pt idx="7400">
                  <c:v>43926</c:v>
                </c:pt>
                <c:pt idx="7401">
                  <c:v>43927</c:v>
                </c:pt>
                <c:pt idx="7402">
                  <c:v>43928</c:v>
                </c:pt>
                <c:pt idx="7403">
                  <c:v>43929</c:v>
                </c:pt>
                <c:pt idx="7404">
                  <c:v>43930</c:v>
                </c:pt>
                <c:pt idx="7405">
                  <c:v>43931</c:v>
                </c:pt>
                <c:pt idx="7406">
                  <c:v>43932</c:v>
                </c:pt>
                <c:pt idx="7407">
                  <c:v>43933</c:v>
                </c:pt>
                <c:pt idx="7408">
                  <c:v>43934</c:v>
                </c:pt>
                <c:pt idx="7409">
                  <c:v>43935</c:v>
                </c:pt>
                <c:pt idx="7410">
                  <c:v>43936</c:v>
                </c:pt>
                <c:pt idx="7411">
                  <c:v>43937</c:v>
                </c:pt>
                <c:pt idx="7412">
                  <c:v>43938</c:v>
                </c:pt>
                <c:pt idx="7413">
                  <c:v>43939</c:v>
                </c:pt>
                <c:pt idx="7414">
                  <c:v>43940</c:v>
                </c:pt>
                <c:pt idx="7415">
                  <c:v>43941</c:v>
                </c:pt>
                <c:pt idx="7416">
                  <c:v>43942</c:v>
                </c:pt>
                <c:pt idx="7417">
                  <c:v>43943</c:v>
                </c:pt>
                <c:pt idx="7418">
                  <c:v>43944</c:v>
                </c:pt>
                <c:pt idx="7419">
                  <c:v>43945</c:v>
                </c:pt>
                <c:pt idx="7420">
                  <c:v>43946</c:v>
                </c:pt>
                <c:pt idx="7421">
                  <c:v>43947</c:v>
                </c:pt>
                <c:pt idx="7422">
                  <c:v>43948</c:v>
                </c:pt>
                <c:pt idx="7423">
                  <c:v>43949</c:v>
                </c:pt>
                <c:pt idx="7424">
                  <c:v>43950</c:v>
                </c:pt>
                <c:pt idx="7425">
                  <c:v>43951</c:v>
                </c:pt>
                <c:pt idx="7426">
                  <c:v>43952</c:v>
                </c:pt>
                <c:pt idx="7427">
                  <c:v>43953</c:v>
                </c:pt>
                <c:pt idx="7428">
                  <c:v>43954</c:v>
                </c:pt>
                <c:pt idx="7429">
                  <c:v>43955</c:v>
                </c:pt>
                <c:pt idx="7430">
                  <c:v>43956</c:v>
                </c:pt>
                <c:pt idx="7431">
                  <c:v>43957</c:v>
                </c:pt>
                <c:pt idx="7432">
                  <c:v>43958</c:v>
                </c:pt>
                <c:pt idx="7433">
                  <c:v>43959</c:v>
                </c:pt>
                <c:pt idx="7434">
                  <c:v>43960</c:v>
                </c:pt>
                <c:pt idx="7435">
                  <c:v>43961</c:v>
                </c:pt>
                <c:pt idx="7436">
                  <c:v>43962</c:v>
                </c:pt>
                <c:pt idx="7437">
                  <c:v>43963</c:v>
                </c:pt>
                <c:pt idx="7438">
                  <c:v>43964</c:v>
                </c:pt>
                <c:pt idx="7439">
                  <c:v>43965</c:v>
                </c:pt>
                <c:pt idx="7440">
                  <c:v>43966</c:v>
                </c:pt>
                <c:pt idx="7441">
                  <c:v>43967</c:v>
                </c:pt>
                <c:pt idx="7442">
                  <c:v>43968</c:v>
                </c:pt>
                <c:pt idx="7443">
                  <c:v>43969</c:v>
                </c:pt>
                <c:pt idx="7444">
                  <c:v>43970</c:v>
                </c:pt>
                <c:pt idx="7445">
                  <c:v>43971</c:v>
                </c:pt>
                <c:pt idx="7446">
                  <c:v>43972</c:v>
                </c:pt>
                <c:pt idx="7447">
                  <c:v>43973</c:v>
                </c:pt>
                <c:pt idx="7448">
                  <c:v>43974</c:v>
                </c:pt>
                <c:pt idx="7449">
                  <c:v>43975</c:v>
                </c:pt>
                <c:pt idx="7450">
                  <c:v>43976</c:v>
                </c:pt>
                <c:pt idx="7451">
                  <c:v>43977</c:v>
                </c:pt>
                <c:pt idx="7452">
                  <c:v>43978</c:v>
                </c:pt>
                <c:pt idx="7453">
                  <c:v>43979</c:v>
                </c:pt>
                <c:pt idx="7454">
                  <c:v>43980</c:v>
                </c:pt>
                <c:pt idx="7455">
                  <c:v>43981</c:v>
                </c:pt>
                <c:pt idx="7456">
                  <c:v>43982</c:v>
                </c:pt>
                <c:pt idx="7457">
                  <c:v>43983</c:v>
                </c:pt>
                <c:pt idx="7458">
                  <c:v>43984</c:v>
                </c:pt>
                <c:pt idx="7459">
                  <c:v>43985</c:v>
                </c:pt>
                <c:pt idx="7460">
                  <c:v>43986</c:v>
                </c:pt>
                <c:pt idx="7461">
                  <c:v>43987</c:v>
                </c:pt>
                <c:pt idx="7462">
                  <c:v>43988</c:v>
                </c:pt>
                <c:pt idx="7463">
                  <c:v>43989</c:v>
                </c:pt>
                <c:pt idx="7464">
                  <c:v>43990</c:v>
                </c:pt>
                <c:pt idx="7465">
                  <c:v>43991</c:v>
                </c:pt>
                <c:pt idx="7466">
                  <c:v>43992</c:v>
                </c:pt>
                <c:pt idx="7467">
                  <c:v>43993</c:v>
                </c:pt>
                <c:pt idx="7468">
                  <c:v>43994</c:v>
                </c:pt>
                <c:pt idx="7469">
                  <c:v>43995</c:v>
                </c:pt>
                <c:pt idx="7470">
                  <c:v>43996</c:v>
                </c:pt>
                <c:pt idx="7471">
                  <c:v>43997</c:v>
                </c:pt>
                <c:pt idx="7472">
                  <c:v>43998</c:v>
                </c:pt>
                <c:pt idx="7473">
                  <c:v>43999</c:v>
                </c:pt>
                <c:pt idx="7474">
                  <c:v>44000</c:v>
                </c:pt>
                <c:pt idx="7475">
                  <c:v>44001</c:v>
                </c:pt>
                <c:pt idx="7476">
                  <c:v>44002</c:v>
                </c:pt>
                <c:pt idx="7477">
                  <c:v>44003</c:v>
                </c:pt>
                <c:pt idx="7478">
                  <c:v>44004</c:v>
                </c:pt>
                <c:pt idx="7479">
                  <c:v>44005</c:v>
                </c:pt>
                <c:pt idx="7480">
                  <c:v>44006</c:v>
                </c:pt>
                <c:pt idx="7481">
                  <c:v>44007</c:v>
                </c:pt>
                <c:pt idx="7482">
                  <c:v>44008</c:v>
                </c:pt>
                <c:pt idx="7483">
                  <c:v>44009</c:v>
                </c:pt>
                <c:pt idx="7484">
                  <c:v>44010</c:v>
                </c:pt>
                <c:pt idx="7485">
                  <c:v>44011</c:v>
                </c:pt>
                <c:pt idx="7486">
                  <c:v>44012</c:v>
                </c:pt>
                <c:pt idx="7487">
                  <c:v>44013</c:v>
                </c:pt>
                <c:pt idx="7488">
                  <c:v>44014</c:v>
                </c:pt>
                <c:pt idx="7489">
                  <c:v>44015</c:v>
                </c:pt>
                <c:pt idx="7490">
                  <c:v>44016</c:v>
                </c:pt>
                <c:pt idx="7491">
                  <c:v>44017</c:v>
                </c:pt>
                <c:pt idx="7492">
                  <c:v>44018</c:v>
                </c:pt>
                <c:pt idx="7493">
                  <c:v>44019</c:v>
                </c:pt>
                <c:pt idx="7494">
                  <c:v>44020</c:v>
                </c:pt>
                <c:pt idx="7495">
                  <c:v>44021</c:v>
                </c:pt>
                <c:pt idx="7496">
                  <c:v>44022</c:v>
                </c:pt>
                <c:pt idx="7497">
                  <c:v>44023</c:v>
                </c:pt>
                <c:pt idx="7498">
                  <c:v>44024</c:v>
                </c:pt>
                <c:pt idx="7499">
                  <c:v>44025</c:v>
                </c:pt>
                <c:pt idx="7500">
                  <c:v>44026</c:v>
                </c:pt>
                <c:pt idx="7501">
                  <c:v>44027</c:v>
                </c:pt>
                <c:pt idx="7502">
                  <c:v>44028</c:v>
                </c:pt>
                <c:pt idx="7503">
                  <c:v>44029</c:v>
                </c:pt>
                <c:pt idx="7504">
                  <c:v>44030</c:v>
                </c:pt>
                <c:pt idx="7505">
                  <c:v>44031</c:v>
                </c:pt>
                <c:pt idx="7506">
                  <c:v>44032</c:v>
                </c:pt>
                <c:pt idx="7507">
                  <c:v>44033</c:v>
                </c:pt>
                <c:pt idx="7508">
                  <c:v>44034</c:v>
                </c:pt>
                <c:pt idx="7509">
                  <c:v>44035</c:v>
                </c:pt>
                <c:pt idx="7510">
                  <c:v>44036</c:v>
                </c:pt>
                <c:pt idx="7511">
                  <c:v>44037</c:v>
                </c:pt>
                <c:pt idx="7512">
                  <c:v>44038</c:v>
                </c:pt>
                <c:pt idx="7513">
                  <c:v>44039</c:v>
                </c:pt>
                <c:pt idx="7514">
                  <c:v>44040</c:v>
                </c:pt>
                <c:pt idx="7515">
                  <c:v>44041</c:v>
                </c:pt>
                <c:pt idx="7516">
                  <c:v>44042</c:v>
                </c:pt>
                <c:pt idx="7517">
                  <c:v>44043</c:v>
                </c:pt>
                <c:pt idx="7518">
                  <c:v>44044</c:v>
                </c:pt>
                <c:pt idx="7519">
                  <c:v>44045</c:v>
                </c:pt>
                <c:pt idx="7520">
                  <c:v>44046</c:v>
                </c:pt>
                <c:pt idx="7521">
                  <c:v>44047</c:v>
                </c:pt>
                <c:pt idx="7522">
                  <c:v>44048</c:v>
                </c:pt>
                <c:pt idx="7523">
                  <c:v>44049</c:v>
                </c:pt>
                <c:pt idx="7524">
                  <c:v>44050</c:v>
                </c:pt>
                <c:pt idx="7525">
                  <c:v>44051</c:v>
                </c:pt>
                <c:pt idx="7526">
                  <c:v>44052</c:v>
                </c:pt>
                <c:pt idx="7527">
                  <c:v>44053</c:v>
                </c:pt>
                <c:pt idx="7528">
                  <c:v>44054</c:v>
                </c:pt>
                <c:pt idx="7529">
                  <c:v>44055</c:v>
                </c:pt>
                <c:pt idx="7530">
                  <c:v>44056</c:v>
                </c:pt>
                <c:pt idx="7531">
                  <c:v>44057</c:v>
                </c:pt>
                <c:pt idx="7532">
                  <c:v>44058</c:v>
                </c:pt>
                <c:pt idx="7533">
                  <c:v>44059</c:v>
                </c:pt>
                <c:pt idx="7534">
                  <c:v>44060</c:v>
                </c:pt>
                <c:pt idx="7535">
                  <c:v>44061</c:v>
                </c:pt>
                <c:pt idx="7536">
                  <c:v>44062</c:v>
                </c:pt>
                <c:pt idx="7537">
                  <c:v>44063</c:v>
                </c:pt>
                <c:pt idx="7538">
                  <c:v>44064</c:v>
                </c:pt>
                <c:pt idx="7539">
                  <c:v>44065</c:v>
                </c:pt>
                <c:pt idx="7540">
                  <c:v>44066</c:v>
                </c:pt>
                <c:pt idx="7541">
                  <c:v>44067</c:v>
                </c:pt>
                <c:pt idx="7542">
                  <c:v>44068</c:v>
                </c:pt>
                <c:pt idx="7543">
                  <c:v>44069</c:v>
                </c:pt>
                <c:pt idx="7544">
                  <c:v>44070</c:v>
                </c:pt>
                <c:pt idx="7545">
                  <c:v>44071</c:v>
                </c:pt>
                <c:pt idx="7546">
                  <c:v>44072</c:v>
                </c:pt>
                <c:pt idx="7547">
                  <c:v>44073</c:v>
                </c:pt>
                <c:pt idx="7548">
                  <c:v>44074</c:v>
                </c:pt>
                <c:pt idx="7549">
                  <c:v>44075</c:v>
                </c:pt>
                <c:pt idx="7550">
                  <c:v>44076</c:v>
                </c:pt>
                <c:pt idx="7551">
                  <c:v>44077</c:v>
                </c:pt>
                <c:pt idx="7552">
                  <c:v>44078</c:v>
                </c:pt>
                <c:pt idx="7553">
                  <c:v>44079</c:v>
                </c:pt>
                <c:pt idx="7554">
                  <c:v>44080</c:v>
                </c:pt>
                <c:pt idx="7555">
                  <c:v>44081</c:v>
                </c:pt>
                <c:pt idx="7556">
                  <c:v>44082</c:v>
                </c:pt>
                <c:pt idx="7557">
                  <c:v>44083</c:v>
                </c:pt>
                <c:pt idx="7558">
                  <c:v>44084</c:v>
                </c:pt>
                <c:pt idx="7559">
                  <c:v>44085</c:v>
                </c:pt>
                <c:pt idx="7560">
                  <c:v>44086</c:v>
                </c:pt>
                <c:pt idx="7561">
                  <c:v>44087</c:v>
                </c:pt>
                <c:pt idx="7562">
                  <c:v>44088</c:v>
                </c:pt>
                <c:pt idx="7563">
                  <c:v>44089</c:v>
                </c:pt>
                <c:pt idx="7564">
                  <c:v>44090</c:v>
                </c:pt>
                <c:pt idx="7565">
                  <c:v>44091</c:v>
                </c:pt>
                <c:pt idx="7566">
                  <c:v>44092</c:v>
                </c:pt>
                <c:pt idx="7567">
                  <c:v>44093</c:v>
                </c:pt>
                <c:pt idx="7568">
                  <c:v>44094</c:v>
                </c:pt>
                <c:pt idx="7569">
                  <c:v>44095</c:v>
                </c:pt>
                <c:pt idx="7570">
                  <c:v>44096</c:v>
                </c:pt>
                <c:pt idx="7571">
                  <c:v>44097</c:v>
                </c:pt>
                <c:pt idx="7572">
                  <c:v>44098</c:v>
                </c:pt>
                <c:pt idx="7573">
                  <c:v>44099</c:v>
                </c:pt>
                <c:pt idx="7574">
                  <c:v>44100</c:v>
                </c:pt>
                <c:pt idx="7575">
                  <c:v>44101</c:v>
                </c:pt>
                <c:pt idx="7576">
                  <c:v>44102</c:v>
                </c:pt>
                <c:pt idx="7577">
                  <c:v>44103</c:v>
                </c:pt>
                <c:pt idx="7578">
                  <c:v>44104</c:v>
                </c:pt>
                <c:pt idx="7579">
                  <c:v>44105</c:v>
                </c:pt>
                <c:pt idx="7580">
                  <c:v>44106</c:v>
                </c:pt>
                <c:pt idx="7581">
                  <c:v>44107</c:v>
                </c:pt>
                <c:pt idx="7582">
                  <c:v>44108</c:v>
                </c:pt>
                <c:pt idx="7583">
                  <c:v>44109</c:v>
                </c:pt>
                <c:pt idx="7584">
                  <c:v>44110</c:v>
                </c:pt>
                <c:pt idx="7585">
                  <c:v>44111</c:v>
                </c:pt>
                <c:pt idx="7586">
                  <c:v>44112</c:v>
                </c:pt>
                <c:pt idx="7587">
                  <c:v>44113</c:v>
                </c:pt>
                <c:pt idx="7588">
                  <c:v>44114</c:v>
                </c:pt>
                <c:pt idx="7589">
                  <c:v>44115</c:v>
                </c:pt>
                <c:pt idx="7590">
                  <c:v>44116</c:v>
                </c:pt>
                <c:pt idx="7591">
                  <c:v>44117</c:v>
                </c:pt>
                <c:pt idx="7592">
                  <c:v>44118</c:v>
                </c:pt>
                <c:pt idx="7593">
                  <c:v>44119</c:v>
                </c:pt>
                <c:pt idx="7594">
                  <c:v>44120</c:v>
                </c:pt>
                <c:pt idx="7595">
                  <c:v>44121</c:v>
                </c:pt>
                <c:pt idx="7596">
                  <c:v>44122</c:v>
                </c:pt>
                <c:pt idx="7597">
                  <c:v>44123</c:v>
                </c:pt>
                <c:pt idx="7598">
                  <c:v>44124</c:v>
                </c:pt>
                <c:pt idx="7599">
                  <c:v>44125</c:v>
                </c:pt>
                <c:pt idx="7600">
                  <c:v>44126</c:v>
                </c:pt>
                <c:pt idx="7601">
                  <c:v>44127</c:v>
                </c:pt>
                <c:pt idx="7602">
                  <c:v>44128</c:v>
                </c:pt>
                <c:pt idx="7603">
                  <c:v>44129</c:v>
                </c:pt>
                <c:pt idx="7604">
                  <c:v>44130</c:v>
                </c:pt>
                <c:pt idx="7605">
                  <c:v>44131</c:v>
                </c:pt>
                <c:pt idx="7606">
                  <c:v>44132</c:v>
                </c:pt>
                <c:pt idx="7607">
                  <c:v>44133</c:v>
                </c:pt>
                <c:pt idx="7608">
                  <c:v>44134</c:v>
                </c:pt>
                <c:pt idx="7609">
                  <c:v>44135</c:v>
                </c:pt>
                <c:pt idx="7610">
                  <c:v>44136</c:v>
                </c:pt>
                <c:pt idx="7611">
                  <c:v>44137</c:v>
                </c:pt>
                <c:pt idx="7612">
                  <c:v>44138</c:v>
                </c:pt>
                <c:pt idx="7613">
                  <c:v>44139</c:v>
                </c:pt>
                <c:pt idx="7614">
                  <c:v>44140</c:v>
                </c:pt>
                <c:pt idx="7615">
                  <c:v>44141</c:v>
                </c:pt>
                <c:pt idx="7616">
                  <c:v>44142</c:v>
                </c:pt>
                <c:pt idx="7617">
                  <c:v>44143</c:v>
                </c:pt>
                <c:pt idx="7618">
                  <c:v>44144</c:v>
                </c:pt>
                <c:pt idx="7619">
                  <c:v>44145</c:v>
                </c:pt>
                <c:pt idx="7620">
                  <c:v>44146</c:v>
                </c:pt>
                <c:pt idx="7621">
                  <c:v>44147</c:v>
                </c:pt>
                <c:pt idx="7622">
                  <c:v>44148</c:v>
                </c:pt>
                <c:pt idx="7623">
                  <c:v>44149</c:v>
                </c:pt>
                <c:pt idx="7624">
                  <c:v>44150</c:v>
                </c:pt>
                <c:pt idx="7625">
                  <c:v>44151</c:v>
                </c:pt>
                <c:pt idx="7626">
                  <c:v>44152</c:v>
                </c:pt>
                <c:pt idx="7627">
                  <c:v>44153</c:v>
                </c:pt>
                <c:pt idx="7628">
                  <c:v>44154</c:v>
                </c:pt>
                <c:pt idx="7629">
                  <c:v>44155</c:v>
                </c:pt>
                <c:pt idx="7630">
                  <c:v>44156</c:v>
                </c:pt>
                <c:pt idx="7631">
                  <c:v>44157</c:v>
                </c:pt>
                <c:pt idx="7632">
                  <c:v>44158</c:v>
                </c:pt>
                <c:pt idx="7633">
                  <c:v>44159</c:v>
                </c:pt>
                <c:pt idx="7634">
                  <c:v>44160</c:v>
                </c:pt>
                <c:pt idx="7635">
                  <c:v>44161</c:v>
                </c:pt>
                <c:pt idx="7636">
                  <c:v>44162</c:v>
                </c:pt>
                <c:pt idx="7637">
                  <c:v>44163</c:v>
                </c:pt>
                <c:pt idx="7638">
                  <c:v>44164</c:v>
                </c:pt>
                <c:pt idx="7639">
                  <c:v>44165</c:v>
                </c:pt>
                <c:pt idx="7640">
                  <c:v>44166</c:v>
                </c:pt>
                <c:pt idx="7641">
                  <c:v>44167</c:v>
                </c:pt>
                <c:pt idx="7642">
                  <c:v>44168</c:v>
                </c:pt>
                <c:pt idx="7643">
                  <c:v>44169</c:v>
                </c:pt>
                <c:pt idx="7644">
                  <c:v>44170</c:v>
                </c:pt>
                <c:pt idx="7645">
                  <c:v>44171</c:v>
                </c:pt>
                <c:pt idx="7646">
                  <c:v>44172</c:v>
                </c:pt>
                <c:pt idx="7647">
                  <c:v>44173</c:v>
                </c:pt>
                <c:pt idx="7648">
                  <c:v>44174</c:v>
                </c:pt>
                <c:pt idx="7649">
                  <c:v>44175</c:v>
                </c:pt>
                <c:pt idx="7650">
                  <c:v>44176</c:v>
                </c:pt>
                <c:pt idx="7651">
                  <c:v>44177</c:v>
                </c:pt>
                <c:pt idx="7652">
                  <c:v>44178</c:v>
                </c:pt>
                <c:pt idx="7653">
                  <c:v>44179</c:v>
                </c:pt>
                <c:pt idx="7654">
                  <c:v>44180</c:v>
                </c:pt>
                <c:pt idx="7655">
                  <c:v>44181</c:v>
                </c:pt>
                <c:pt idx="7656">
                  <c:v>44182</c:v>
                </c:pt>
                <c:pt idx="7657">
                  <c:v>44183</c:v>
                </c:pt>
                <c:pt idx="7658">
                  <c:v>44184</c:v>
                </c:pt>
                <c:pt idx="7659">
                  <c:v>44185</c:v>
                </c:pt>
                <c:pt idx="7660">
                  <c:v>44186</c:v>
                </c:pt>
                <c:pt idx="7661">
                  <c:v>44187</c:v>
                </c:pt>
                <c:pt idx="7662">
                  <c:v>44188</c:v>
                </c:pt>
                <c:pt idx="7663">
                  <c:v>44189</c:v>
                </c:pt>
                <c:pt idx="7664">
                  <c:v>44190</c:v>
                </c:pt>
                <c:pt idx="7665">
                  <c:v>44191</c:v>
                </c:pt>
                <c:pt idx="7666">
                  <c:v>44192</c:v>
                </c:pt>
                <c:pt idx="7667">
                  <c:v>44193</c:v>
                </c:pt>
                <c:pt idx="7668">
                  <c:v>44194</c:v>
                </c:pt>
                <c:pt idx="7669">
                  <c:v>44195</c:v>
                </c:pt>
                <c:pt idx="7670">
                  <c:v>44196</c:v>
                </c:pt>
                <c:pt idx="7671">
                  <c:v>44197</c:v>
                </c:pt>
                <c:pt idx="7672">
                  <c:v>44198</c:v>
                </c:pt>
                <c:pt idx="7673">
                  <c:v>44199</c:v>
                </c:pt>
                <c:pt idx="7674">
                  <c:v>44200</c:v>
                </c:pt>
                <c:pt idx="7675">
                  <c:v>44201</c:v>
                </c:pt>
                <c:pt idx="7676">
                  <c:v>44202</c:v>
                </c:pt>
                <c:pt idx="7677">
                  <c:v>44203</c:v>
                </c:pt>
                <c:pt idx="7678">
                  <c:v>44204</c:v>
                </c:pt>
                <c:pt idx="7679">
                  <c:v>44205</c:v>
                </c:pt>
                <c:pt idx="7680">
                  <c:v>44206</c:v>
                </c:pt>
                <c:pt idx="7681">
                  <c:v>44207</c:v>
                </c:pt>
                <c:pt idx="7682">
                  <c:v>44208</c:v>
                </c:pt>
                <c:pt idx="7683">
                  <c:v>44209</c:v>
                </c:pt>
                <c:pt idx="7684">
                  <c:v>44210</c:v>
                </c:pt>
                <c:pt idx="7685">
                  <c:v>44211</c:v>
                </c:pt>
                <c:pt idx="7686">
                  <c:v>44212</c:v>
                </c:pt>
                <c:pt idx="7687">
                  <c:v>44213</c:v>
                </c:pt>
                <c:pt idx="7688">
                  <c:v>44214</c:v>
                </c:pt>
                <c:pt idx="7689">
                  <c:v>44215</c:v>
                </c:pt>
                <c:pt idx="7690">
                  <c:v>44216</c:v>
                </c:pt>
                <c:pt idx="7691">
                  <c:v>44217</c:v>
                </c:pt>
                <c:pt idx="7692">
                  <c:v>44218</c:v>
                </c:pt>
                <c:pt idx="7693">
                  <c:v>44219</c:v>
                </c:pt>
                <c:pt idx="7694">
                  <c:v>44220</c:v>
                </c:pt>
                <c:pt idx="7695">
                  <c:v>44221</c:v>
                </c:pt>
                <c:pt idx="7696">
                  <c:v>44222</c:v>
                </c:pt>
                <c:pt idx="7697">
                  <c:v>44223</c:v>
                </c:pt>
                <c:pt idx="7698">
                  <c:v>44224</c:v>
                </c:pt>
                <c:pt idx="7699">
                  <c:v>44225</c:v>
                </c:pt>
                <c:pt idx="7700">
                  <c:v>44226</c:v>
                </c:pt>
                <c:pt idx="7701">
                  <c:v>44227</c:v>
                </c:pt>
                <c:pt idx="7702">
                  <c:v>44228</c:v>
                </c:pt>
                <c:pt idx="7703">
                  <c:v>44229</c:v>
                </c:pt>
                <c:pt idx="7704">
                  <c:v>44230</c:v>
                </c:pt>
                <c:pt idx="7705">
                  <c:v>44231</c:v>
                </c:pt>
                <c:pt idx="7706">
                  <c:v>44232</c:v>
                </c:pt>
                <c:pt idx="7707">
                  <c:v>44233</c:v>
                </c:pt>
                <c:pt idx="7708">
                  <c:v>44234</c:v>
                </c:pt>
                <c:pt idx="7709">
                  <c:v>44235</c:v>
                </c:pt>
                <c:pt idx="7710">
                  <c:v>44236</c:v>
                </c:pt>
                <c:pt idx="7711">
                  <c:v>44237</c:v>
                </c:pt>
                <c:pt idx="7712">
                  <c:v>44238</c:v>
                </c:pt>
                <c:pt idx="7713">
                  <c:v>44239</c:v>
                </c:pt>
                <c:pt idx="7714">
                  <c:v>44240</c:v>
                </c:pt>
                <c:pt idx="7715">
                  <c:v>44241</c:v>
                </c:pt>
                <c:pt idx="7716">
                  <c:v>44242</c:v>
                </c:pt>
                <c:pt idx="7717">
                  <c:v>44243</c:v>
                </c:pt>
                <c:pt idx="7718">
                  <c:v>44244</c:v>
                </c:pt>
                <c:pt idx="7719">
                  <c:v>44245</c:v>
                </c:pt>
                <c:pt idx="7720">
                  <c:v>44246</c:v>
                </c:pt>
                <c:pt idx="7721">
                  <c:v>44247</c:v>
                </c:pt>
                <c:pt idx="7722">
                  <c:v>44248</c:v>
                </c:pt>
                <c:pt idx="7723">
                  <c:v>44249</c:v>
                </c:pt>
                <c:pt idx="7724">
                  <c:v>44250</c:v>
                </c:pt>
                <c:pt idx="7725">
                  <c:v>44251</c:v>
                </c:pt>
                <c:pt idx="7726">
                  <c:v>44252</c:v>
                </c:pt>
                <c:pt idx="7727">
                  <c:v>44253</c:v>
                </c:pt>
                <c:pt idx="7728">
                  <c:v>44254</c:v>
                </c:pt>
                <c:pt idx="7729">
                  <c:v>44255</c:v>
                </c:pt>
                <c:pt idx="7730">
                  <c:v>44256</c:v>
                </c:pt>
                <c:pt idx="7731">
                  <c:v>44257</c:v>
                </c:pt>
                <c:pt idx="7732">
                  <c:v>44258</c:v>
                </c:pt>
                <c:pt idx="7733">
                  <c:v>44259</c:v>
                </c:pt>
                <c:pt idx="7734">
                  <c:v>44260</c:v>
                </c:pt>
                <c:pt idx="7735">
                  <c:v>44261</c:v>
                </c:pt>
                <c:pt idx="7736">
                  <c:v>44262</c:v>
                </c:pt>
                <c:pt idx="7737">
                  <c:v>44263</c:v>
                </c:pt>
                <c:pt idx="7738">
                  <c:v>44264</c:v>
                </c:pt>
                <c:pt idx="7739">
                  <c:v>44265</c:v>
                </c:pt>
                <c:pt idx="7740">
                  <c:v>44266</c:v>
                </c:pt>
                <c:pt idx="7741">
                  <c:v>44267</c:v>
                </c:pt>
                <c:pt idx="7742">
                  <c:v>44268</c:v>
                </c:pt>
                <c:pt idx="7743">
                  <c:v>44269</c:v>
                </c:pt>
                <c:pt idx="7744">
                  <c:v>44270</c:v>
                </c:pt>
                <c:pt idx="7745">
                  <c:v>44271</c:v>
                </c:pt>
                <c:pt idx="7746">
                  <c:v>44272</c:v>
                </c:pt>
                <c:pt idx="7747">
                  <c:v>44273</c:v>
                </c:pt>
                <c:pt idx="7748">
                  <c:v>44274</c:v>
                </c:pt>
                <c:pt idx="7749">
                  <c:v>44275</c:v>
                </c:pt>
                <c:pt idx="7750">
                  <c:v>44276</c:v>
                </c:pt>
                <c:pt idx="7751">
                  <c:v>44277</c:v>
                </c:pt>
                <c:pt idx="7752">
                  <c:v>44278</c:v>
                </c:pt>
                <c:pt idx="7753">
                  <c:v>44279</c:v>
                </c:pt>
                <c:pt idx="7754">
                  <c:v>44280</c:v>
                </c:pt>
                <c:pt idx="7755">
                  <c:v>44281</c:v>
                </c:pt>
                <c:pt idx="7756">
                  <c:v>44282</c:v>
                </c:pt>
                <c:pt idx="7757">
                  <c:v>44283</c:v>
                </c:pt>
                <c:pt idx="7758">
                  <c:v>44284</c:v>
                </c:pt>
                <c:pt idx="7759">
                  <c:v>44285</c:v>
                </c:pt>
                <c:pt idx="7760">
                  <c:v>44286</c:v>
                </c:pt>
                <c:pt idx="7761">
                  <c:v>44287</c:v>
                </c:pt>
                <c:pt idx="7762">
                  <c:v>44288</c:v>
                </c:pt>
                <c:pt idx="7763">
                  <c:v>44289</c:v>
                </c:pt>
                <c:pt idx="7764">
                  <c:v>44290</c:v>
                </c:pt>
                <c:pt idx="7765">
                  <c:v>44291</c:v>
                </c:pt>
                <c:pt idx="7766">
                  <c:v>44292</c:v>
                </c:pt>
                <c:pt idx="7767">
                  <c:v>44293</c:v>
                </c:pt>
                <c:pt idx="7768">
                  <c:v>44294</c:v>
                </c:pt>
                <c:pt idx="7769">
                  <c:v>44295</c:v>
                </c:pt>
                <c:pt idx="7770">
                  <c:v>44296</c:v>
                </c:pt>
                <c:pt idx="7771">
                  <c:v>44297</c:v>
                </c:pt>
                <c:pt idx="7772">
                  <c:v>44298</c:v>
                </c:pt>
                <c:pt idx="7773">
                  <c:v>44299</c:v>
                </c:pt>
                <c:pt idx="7774">
                  <c:v>44300</c:v>
                </c:pt>
                <c:pt idx="7775">
                  <c:v>44301</c:v>
                </c:pt>
                <c:pt idx="7776">
                  <c:v>44302</c:v>
                </c:pt>
                <c:pt idx="7777">
                  <c:v>44303</c:v>
                </c:pt>
                <c:pt idx="7778">
                  <c:v>44304</c:v>
                </c:pt>
                <c:pt idx="7779">
                  <c:v>44305</c:v>
                </c:pt>
                <c:pt idx="7780">
                  <c:v>44306</c:v>
                </c:pt>
                <c:pt idx="7781">
                  <c:v>44307</c:v>
                </c:pt>
                <c:pt idx="7782">
                  <c:v>44308</c:v>
                </c:pt>
                <c:pt idx="7783">
                  <c:v>44309</c:v>
                </c:pt>
                <c:pt idx="7784">
                  <c:v>44310</c:v>
                </c:pt>
                <c:pt idx="7785">
                  <c:v>44311</c:v>
                </c:pt>
                <c:pt idx="7786">
                  <c:v>44312</c:v>
                </c:pt>
                <c:pt idx="7787">
                  <c:v>44313</c:v>
                </c:pt>
                <c:pt idx="7788">
                  <c:v>44314</c:v>
                </c:pt>
                <c:pt idx="7789">
                  <c:v>44315</c:v>
                </c:pt>
                <c:pt idx="7790">
                  <c:v>44316</c:v>
                </c:pt>
                <c:pt idx="7791">
                  <c:v>44317</c:v>
                </c:pt>
                <c:pt idx="7792">
                  <c:v>44318</c:v>
                </c:pt>
                <c:pt idx="7793">
                  <c:v>44319</c:v>
                </c:pt>
                <c:pt idx="7794">
                  <c:v>44320</c:v>
                </c:pt>
                <c:pt idx="7795">
                  <c:v>44321</c:v>
                </c:pt>
                <c:pt idx="7796">
                  <c:v>44322</c:v>
                </c:pt>
                <c:pt idx="7797">
                  <c:v>44323</c:v>
                </c:pt>
                <c:pt idx="7798">
                  <c:v>44324</c:v>
                </c:pt>
                <c:pt idx="7799">
                  <c:v>44325</c:v>
                </c:pt>
                <c:pt idx="7800">
                  <c:v>44326</c:v>
                </c:pt>
                <c:pt idx="7801">
                  <c:v>44327</c:v>
                </c:pt>
                <c:pt idx="7802">
                  <c:v>44328</c:v>
                </c:pt>
                <c:pt idx="7803">
                  <c:v>44329</c:v>
                </c:pt>
                <c:pt idx="7804">
                  <c:v>44330</c:v>
                </c:pt>
                <c:pt idx="7805">
                  <c:v>44331</c:v>
                </c:pt>
                <c:pt idx="7806">
                  <c:v>44332</c:v>
                </c:pt>
                <c:pt idx="7807">
                  <c:v>44333</c:v>
                </c:pt>
                <c:pt idx="7808">
                  <c:v>44334</c:v>
                </c:pt>
                <c:pt idx="7809">
                  <c:v>44335</c:v>
                </c:pt>
                <c:pt idx="7810">
                  <c:v>44336</c:v>
                </c:pt>
                <c:pt idx="7811">
                  <c:v>44337</c:v>
                </c:pt>
                <c:pt idx="7812">
                  <c:v>44338</c:v>
                </c:pt>
                <c:pt idx="7813">
                  <c:v>44339</c:v>
                </c:pt>
                <c:pt idx="7814">
                  <c:v>44340</c:v>
                </c:pt>
                <c:pt idx="7815">
                  <c:v>44341</c:v>
                </c:pt>
                <c:pt idx="7816">
                  <c:v>44342</c:v>
                </c:pt>
                <c:pt idx="7817">
                  <c:v>44343</c:v>
                </c:pt>
                <c:pt idx="7818">
                  <c:v>44344</c:v>
                </c:pt>
                <c:pt idx="7819">
                  <c:v>44345</c:v>
                </c:pt>
                <c:pt idx="7820">
                  <c:v>44346</c:v>
                </c:pt>
                <c:pt idx="7821">
                  <c:v>44347</c:v>
                </c:pt>
                <c:pt idx="7822">
                  <c:v>44348</c:v>
                </c:pt>
                <c:pt idx="7823">
                  <c:v>44349</c:v>
                </c:pt>
                <c:pt idx="7824">
                  <c:v>44350</c:v>
                </c:pt>
                <c:pt idx="7825">
                  <c:v>44351</c:v>
                </c:pt>
                <c:pt idx="7826">
                  <c:v>44352</c:v>
                </c:pt>
                <c:pt idx="7827">
                  <c:v>44353</c:v>
                </c:pt>
                <c:pt idx="7828">
                  <c:v>44354</c:v>
                </c:pt>
                <c:pt idx="7829">
                  <c:v>44355</c:v>
                </c:pt>
                <c:pt idx="7830">
                  <c:v>44356</c:v>
                </c:pt>
                <c:pt idx="7831">
                  <c:v>44357</c:v>
                </c:pt>
                <c:pt idx="7832">
                  <c:v>44358</c:v>
                </c:pt>
                <c:pt idx="7833">
                  <c:v>44359</c:v>
                </c:pt>
                <c:pt idx="7834">
                  <c:v>44360</c:v>
                </c:pt>
                <c:pt idx="7835">
                  <c:v>44361</c:v>
                </c:pt>
                <c:pt idx="7836">
                  <c:v>44362</c:v>
                </c:pt>
                <c:pt idx="7837">
                  <c:v>44363</c:v>
                </c:pt>
                <c:pt idx="7838">
                  <c:v>44364</c:v>
                </c:pt>
                <c:pt idx="7839">
                  <c:v>44365</c:v>
                </c:pt>
                <c:pt idx="7840">
                  <c:v>44366</c:v>
                </c:pt>
                <c:pt idx="7841">
                  <c:v>44367</c:v>
                </c:pt>
                <c:pt idx="7842">
                  <c:v>44368</c:v>
                </c:pt>
                <c:pt idx="7843">
                  <c:v>44369</c:v>
                </c:pt>
                <c:pt idx="7844">
                  <c:v>44370</c:v>
                </c:pt>
                <c:pt idx="7845">
                  <c:v>44371</c:v>
                </c:pt>
                <c:pt idx="7846">
                  <c:v>44372</c:v>
                </c:pt>
                <c:pt idx="7847">
                  <c:v>44373</c:v>
                </c:pt>
                <c:pt idx="7848">
                  <c:v>44374</c:v>
                </c:pt>
                <c:pt idx="7849">
                  <c:v>44375</c:v>
                </c:pt>
                <c:pt idx="7850">
                  <c:v>44376</c:v>
                </c:pt>
                <c:pt idx="7851">
                  <c:v>44377</c:v>
                </c:pt>
                <c:pt idx="7852">
                  <c:v>44378</c:v>
                </c:pt>
                <c:pt idx="7853">
                  <c:v>44379</c:v>
                </c:pt>
                <c:pt idx="7854">
                  <c:v>44380</c:v>
                </c:pt>
                <c:pt idx="7855">
                  <c:v>44381</c:v>
                </c:pt>
                <c:pt idx="7856">
                  <c:v>44382</c:v>
                </c:pt>
                <c:pt idx="7857">
                  <c:v>44383</c:v>
                </c:pt>
                <c:pt idx="7858">
                  <c:v>44384</c:v>
                </c:pt>
                <c:pt idx="7859">
                  <c:v>44385</c:v>
                </c:pt>
                <c:pt idx="7860">
                  <c:v>44386</c:v>
                </c:pt>
                <c:pt idx="7861">
                  <c:v>44387</c:v>
                </c:pt>
                <c:pt idx="7862">
                  <c:v>44388</c:v>
                </c:pt>
                <c:pt idx="7863">
                  <c:v>44389</c:v>
                </c:pt>
                <c:pt idx="7864">
                  <c:v>44390</c:v>
                </c:pt>
                <c:pt idx="7865">
                  <c:v>44391</c:v>
                </c:pt>
                <c:pt idx="7866">
                  <c:v>44392</c:v>
                </c:pt>
                <c:pt idx="7867">
                  <c:v>44393</c:v>
                </c:pt>
                <c:pt idx="7868">
                  <c:v>44394</c:v>
                </c:pt>
                <c:pt idx="7869">
                  <c:v>44395</c:v>
                </c:pt>
                <c:pt idx="7870">
                  <c:v>44396</c:v>
                </c:pt>
                <c:pt idx="7871">
                  <c:v>44397</c:v>
                </c:pt>
                <c:pt idx="7872">
                  <c:v>44398</c:v>
                </c:pt>
                <c:pt idx="7873">
                  <c:v>44399</c:v>
                </c:pt>
                <c:pt idx="7874">
                  <c:v>44400</c:v>
                </c:pt>
                <c:pt idx="7875">
                  <c:v>44401</c:v>
                </c:pt>
                <c:pt idx="7876">
                  <c:v>44402</c:v>
                </c:pt>
                <c:pt idx="7877">
                  <c:v>44403</c:v>
                </c:pt>
                <c:pt idx="7878">
                  <c:v>44404</c:v>
                </c:pt>
                <c:pt idx="7879">
                  <c:v>44405</c:v>
                </c:pt>
                <c:pt idx="7880">
                  <c:v>44406</c:v>
                </c:pt>
                <c:pt idx="7881">
                  <c:v>44407</c:v>
                </c:pt>
                <c:pt idx="7882">
                  <c:v>44408</c:v>
                </c:pt>
                <c:pt idx="7883">
                  <c:v>44409</c:v>
                </c:pt>
                <c:pt idx="7884">
                  <c:v>44410</c:v>
                </c:pt>
                <c:pt idx="7885">
                  <c:v>44411</c:v>
                </c:pt>
                <c:pt idx="7886">
                  <c:v>44412</c:v>
                </c:pt>
                <c:pt idx="7887">
                  <c:v>44413</c:v>
                </c:pt>
                <c:pt idx="7888">
                  <c:v>44414</c:v>
                </c:pt>
                <c:pt idx="7889">
                  <c:v>44415</c:v>
                </c:pt>
                <c:pt idx="7890">
                  <c:v>44416</c:v>
                </c:pt>
                <c:pt idx="7891">
                  <c:v>44417</c:v>
                </c:pt>
                <c:pt idx="7892">
                  <c:v>44418</c:v>
                </c:pt>
                <c:pt idx="7893">
                  <c:v>44419</c:v>
                </c:pt>
                <c:pt idx="7894">
                  <c:v>44420</c:v>
                </c:pt>
                <c:pt idx="7895">
                  <c:v>44421</c:v>
                </c:pt>
                <c:pt idx="7896">
                  <c:v>44422</c:v>
                </c:pt>
                <c:pt idx="7897">
                  <c:v>44423</c:v>
                </c:pt>
                <c:pt idx="7898">
                  <c:v>44424</c:v>
                </c:pt>
                <c:pt idx="7899">
                  <c:v>44425</c:v>
                </c:pt>
                <c:pt idx="7900">
                  <c:v>44426</c:v>
                </c:pt>
                <c:pt idx="7901">
                  <c:v>44427</c:v>
                </c:pt>
                <c:pt idx="7902">
                  <c:v>44428</c:v>
                </c:pt>
                <c:pt idx="7903">
                  <c:v>44429</c:v>
                </c:pt>
                <c:pt idx="7904">
                  <c:v>44430</c:v>
                </c:pt>
                <c:pt idx="7905">
                  <c:v>44431</c:v>
                </c:pt>
                <c:pt idx="7906">
                  <c:v>44432</c:v>
                </c:pt>
                <c:pt idx="7907">
                  <c:v>44433</c:v>
                </c:pt>
                <c:pt idx="7908">
                  <c:v>44434</c:v>
                </c:pt>
                <c:pt idx="7909">
                  <c:v>44435</c:v>
                </c:pt>
                <c:pt idx="7910">
                  <c:v>44436</c:v>
                </c:pt>
                <c:pt idx="7911">
                  <c:v>44437</c:v>
                </c:pt>
                <c:pt idx="7912">
                  <c:v>44438</c:v>
                </c:pt>
                <c:pt idx="7913">
                  <c:v>44439</c:v>
                </c:pt>
                <c:pt idx="7914">
                  <c:v>44440</c:v>
                </c:pt>
                <c:pt idx="7915">
                  <c:v>44441</c:v>
                </c:pt>
                <c:pt idx="7916">
                  <c:v>44442</c:v>
                </c:pt>
                <c:pt idx="7917">
                  <c:v>44443</c:v>
                </c:pt>
                <c:pt idx="7918">
                  <c:v>44444</c:v>
                </c:pt>
                <c:pt idx="7919">
                  <c:v>44445</c:v>
                </c:pt>
                <c:pt idx="7920">
                  <c:v>44446</c:v>
                </c:pt>
                <c:pt idx="7921">
                  <c:v>44447</c:v>
                </c:pt>
                <c:pt idx="7922">
                  <c:v>44448</c:v>
                </c:pt>
                <c:pt idx="7923">
                  <c:v>44449</c:v>
                </c:pt>
                <c:pt idx="7924">
                  <c:v>44450</c:v>
                </c:pt>
                <c:pt idx="7925">
                  <c:v>44451</c:v>
                </c:pt>
                <c:pt idx="7926">
                  <c:v>44452</c:v>
                </c:pt>
                <c:pt idx="7927">
                  <c:v>44453</c:v>
                </c:pt>
                <c:pt idx="7928">
                  <c:v>44454</c:v>
                </c:pt>
                <c:pt idx="7929">
                  <c:v>44455</c:v>
                </c:pt>
                <c:pt idx="7930">
                  <c:v>44456</c:v>
                </c:pt>
                <c:pt idx="7931">
                  <c:v>44457</c:v>
                </c:pt>
                <c:pt idx="7932">
                  <c:v>44458</c:v>
                </c:pt>
                <c:pt idx="7933">
                  <c:v>44459</c:v>
                </c:pt>
                <c:pt idx="7934">
                  <c:v>44460</c:v>
                </c:pt>
                <c:pt idx="7935">
                  <c:v>44461</c:v>
                </c:pt>
                <c:pt idx="7936">
                  <c:v>44462</c:v>
                </c:pt>
                <c:pt idx="7937">
                  <c:v>44463</c:v>
                </c:pt>
                <c:pt idx="7938">
                  <c:v>44464</c:v>
                </c:pt>
                <c:pt idx="7939">
                  <c:v>44465</c:v>
                </c:pt>
                <c:pt idx="7940">
                  <c:v>44466</c:v>
                </c:pt>
                <c:pt idx="7941">
                  <c:v>44467</c:v>
                </c:pt>
                <c:pt idx="7942">
                  <c:v>44468</c:v>
                </c:pt>
                <c:pt idx="7943">
                  <c:v>44469</c:v>
                </c:pt>
                <c:pt idx="7944">
                  <c:v>44470</c:v>
                </c:pt>
                <c:pt idx="7945">
                  <c:v>44471</c:v>
                </c:pt>
                <c:pt idx="7946">
                  <c:v>44472</c:v>
                </c:pt>
                <c:pt idx="7947">
                  <c:v>44473</c:v>
                </c:pt>
                <c:pt idx="7948">
                  <c:v>44474</c:v>
                </c:pt>
                <c:pt idx="7949">
                  <c:v>44475</c:v>
                </c:pt>
                <c:pt idx="7950">
                  <c:v>44476</c:v>
                </c:pt>
                <c:pt idx="7951">
                  <c:v>44477</c:v>
                </c:pt>
                <c:pt idx="7952">
                  <c:v>44478</c:v>
                </c:pt>
                <c:pt idx="7953">
                  <c:v>44479</c:v>
                </c:pt>
                <c:pt idx="7954">
                  <c:v>44480</c:v>
                </c:pt>
                <c:pt idx="7955">
                  <c:v>44481</c:v>
                </c:pt>
                <c:pt idx="7956">
                  <c:v>44482</c:v>
                </c:pt>
                <c:pt idx="7957">
                  <c:v>44483</c:v>
                </c:pt>
                <c:pt idx="7958">
                  <c:v>44484</c:v>
                </c:pt>
                <c:pt idx="7959">
                  <c:v>44485</c:v>
                </c:pt>
                <c:pt idx="7960">
                  <c:v>44486</c:v>
                </c:pt>
                <c:pt idx="7961">
                  <c:v>44487</c:v>
                </c:pt>
                <c:pt idx="7962">
                  <c:v>44488</c:v>
                </c:pt>
                <c:pt idx="7963">
                  <c:v>44489</c:v>
                </c:pt>
                <c:pt idx="7964">
                  <c:v>44490</c:v>
                </c:pt>
                <c:pt idx="7965">
                  <c:v>44491</c:v>
                </c:pt>
                <c:pt idx="7966">
                  <c:v>44492</c:v>
                </c:pt>
                <c:pt idx="7967">
                  <c:v>44493</c:v>
                </c:pt>
                <c:pt idx="7968">
                  <c:v>44494</c:v>
                </c:pt>
                <c:pt idx="7969">
                  <c:v>44495</c:v>
                </c:pt>
                <c:pt idx="7970">
                  <c:v>44496</c:v>
                </c:pt>
                <c:pt idx="7971">
                  <c:v>44497</c:v>
                </c:pt>
                <c:pt idx="7972">
                  <c:v>44498</c:v>
                </c:pt>
                <c:pt idx="7973">
                  <c:v>44499</c:v>
                </c:pt>
                <c:pt idx="7974">
                  <c:v>44500</c:v>
                </c:pt>
                <c:pt idx="7975">
                  <c:v>44501</c:v>
                </c:pt>
                <c:pt idx="7976">
                  <c:v>44502</c:v>
                </c:pt>
                <c:pt idx="7977">
                  <c:v>44503</c:v>
                </c:pt>
                <c:pt idx="7978">
                  <c:v>44504</c:v>
                </c:pt>
                <c:pt idx="7979">
                  <c:v>44505</c:v>
                </c:pt>
                <c:pt idx="7980">
                  <c:v>44506</c:v>
                </c:pt>
                <c:pt idx="7981">
                  <c:v>44507</c:v>
                </c:pt>
                <c:pt idx="7982">
                  <c:v>44508</c:v>
                </c:pt>
                <c:pt idx="7983">
                  <c:v>44509</c:v>
                </c:pt>
                <c:pt idx="7984">
                  <c:v>44510</c:v>
                </c:pt>
                <c:pt idx="7985">
                  <c:v>44511</c:v>
                </c:pt>
                <c:pt idx="7986">
                  <c:v>44512</c:v>
                </c:pt>
                <c:pt idx="7987">
                  <c:v>44513</c:v>
                </c:pt>
                <c:pt idx="7988">
                  <c:v>44514</c:v>
                </c:pt>
                <c:pt idx="7989">
                  <c:v>44515</c:v>
                </c:pt>
                <c:pt idx="7990">
                  <c:v>44516</c:v>
                </c:pt>
                <c:pt idx="7991">
                  <c:v>44517</c:v>
                </c:pt>
                <c:pt idx="7992">
                  <c:v>44518</c:v>
                </c:pt>
                <c:pt idx="7993">
                  <c:v>44519</c:v>
                </c:pt>
                <c:pt idx="7994">
                  <c:v>44520</c:v>
                </c:pt>
                <c:pt idx="7995">
                  <c:v>44521</c:v>
                </c:pt>
                <c:pt idx="7996">
                  <c:v>44522</c:v>
                </c:pt>
                <c:pt idx="7997">
                  <c:v>44523</c:v>
                </c:pt>
                <c:pt idx="7998">
                  <c:v>44524</c:v>
                </c:pt>
                <c:pt idx="7999">
                  <c:v>44525</c:v>
                </c:pt>
                <c:pt idx="8000">
                  <c:v>44526</c:v>
                </c:pt>
                <c:pt idx="8001">
                  <c:v>44527</c:v>
                </c:pt>
                <c:pt idx="8002">
                  <c:v>44528</c:v>
                </c:pt>
                <c:pt idx="8003">
                  <c:v>44529</c:v>
                </c:pt>
                <c:pt idx="8004">
                  <c:v>44530</c:v>
                </c:pt>
                <c:pt idx="8005">
                  <c:v>44531</c:v>
                </c:pt>
                <c:pt idx="8006">
                  <c:v>44532</c:v>
                </c:pt>
                <c:pt idx="8007">
                  <c:v>44533</c:v>
                </c:pt>
                <c:pt idx="8008">
                  <c:v>44534</c:v>
                </c:pt>
                <c:pt idx="8009">
                  <c:v>44535</c:v>
                </c:pt>
                <c:pt idx="8010">
                  <c:v>44536</c:v>
                </c:pt>
                <c:pt idx="8011">
                  <c:v>44537</c:v>
                </c:pt>
                <c:pt idx="8012">
                  <c:v>44538</c:v>
                </c:pt>
                <c:pt idx="8013">
                  <c:v>44539</c:v>
                </c:pt>
                <c:pt idx="8014">
                  <c:v>44540</c:v>
                </c:pt>
                <c:pt idx="8015">
                  <c:v>44541</c:v>
                </c:pt>
                <c:pt idx="8016">
                  <c:v>44542</c:v>
                </c:pt>
                <c:pt idx="8017">
                  <c:v>44543</c:v>
                </c:pt>
                <c:pt idx="8018">
                  <c:v>44544</c:v>
                </c:pt>
                <c:pt idx="8019">
                  <c:v>44545</c:v>
                </c:pt>
                <c:pt idx="8020">
                  <c:v>44546</c:v>
                </c:pt>
                <c:pt idx="8021">
                  <c:v>44547</c:v>
                </c:pt>
                <c:pt idx="8022">
                  <c:v>44548</c:v>
                </c:pt>
                <c:pt idx="8023">
                  <c:v>44549</c:v>
                </c:pt>
                <c:pt idx="8024">
                  <c:v>44550</c:v>
                </c:pt>
                <c:pt idx="8025">
                  <c:v>44551</c:v>
                </c:pt>
                <c:pt idx="8026">
                  <c:v>44552</c:v>
                </c:pt>
                <c:pt idx="8027">
                  <c:v>44553</c:v>
                </c:pt>
                <c:pt idx="8028">
                  <c:v>44554</c:v>
                </c:pt>
                <c:pt idx="8029">
                  <c:v>44555</c:v>
                </c:pt>
                <c:pt idx="8030">
                  <c:v>44556</c:v>
                </c:pt>
                <c:pt idx="8031">
                  <c:v>44557</c:v>
                </c:pt>
                <c:pt idx="8032">
                  <c:v>44558</c:v>
                </c:pt>
                <c:pt idx="8033">
                  <c:v>44559</c:v>
                </c:pt>
                <c:pt idx="8034">
                  <c:v>44560</c:v>
                </c:pt>
                <c:pt idx="8035">
                  <c:v>44561</c:v>
                </c:pt>
                <c:pt idx="8036">
                  <c:v>44562</c:v>
                </c:pt>
                <c:pt idx="8037">
                  <c:v>44563</c:v>
                </c:pt>
                <c:pt idx="8038">
                  <c:v>44564</c:v>
                </c:pt>
                <c:pt idx="8039">
                  <c:v>44565</c:v>
                </c:pt>
                <c:pt idx="8040">
                  <c:v>44566</c:v>
                </c:pt>
                <c:pt idx="8041">
                  <c:v>44567</c:v>
                </c:pt>
                <c:pt idx="8042">
                  <c:v>44568</c:v>
                </c:pt>
                <c:pt idx="8043">
                  <c:v>44569</c:v>
                </c:pt>
                <c:pt idx="8044">
                  <c:v>44570</c:v>
                </c:pt>
                <c:pt idx="8045">
                  <c:v>44571</c:v>
                </c:pt>
                <c:pt idx="8046">
                  <c:v>44572</c:v>
                </c:pt>
                <c:pt idx="8047">
                  <c:v>44573</c:v>
                </c:pt>
                <c:pt idx="8048">
                  <c:v>44574</c:v>
                </c:pt>
                <c:pt idx="8049">
                  <c:v>44575</c:v>
                </c:pt>
                <c:pt idx="8050">
                  <c:v>44576</c:v>
                </c:pt>
                <c:pt idx="8051">
                  <c:v>44577</c:v>
                </c:pt>
                <c:pt idx="8052">
                  <c:v>44578</c:v>
                </c:pt>
                <c:pt idx="8053">
                  <c:v>44579</c:v>
                </c:pt>
                <c:pt idx="8054">
                  <c:v>44580</c:v>
                </c:pt>
                <c:pt idx="8055">
                  <c:v>44581</c:v>
                </c:pt>
                <c:pt idx="8056">
                  <c:v>44582</c:v>
                </c:pt>
                <c:pt idx="8057">
                  <c:v>44583</c:v>
                </c:pt>
                <c:pt idx="8058">
                  <c:v>44584</c:v>
                </c:pt>
                <c:pt idx="8059">
                  <c:v>44585</c:v>
                </c:pt>
                <c:pt idx="8060">
                  <c:v>44586</c:v>
                </c:pt>
                <c:pt idx="8061">
                  <c:v>44587</c:v>
                </c:pt>
                <c:pt idx="8062">
                  <c:v>44588</c:v>
                </c:pt>
                <c:pt idx="8063">
                  <c:v>44589</c:v>
                </c:pt>
                <c:pt idx="8064">
                  <c:v>44590</c:v>
                </c:pt>
                <c:pt idx="8065">
                  <c:v>44591</c:v>
                </c:pt>
                <c:pt idx="8066">
                  <c:v>44592</c:v>
                </c:pt>
                <c:pt idx="8067">
                  <c:v>44593</c:v>
                </c:pt>
                <c:pt idx="8068">
                  <c:v>44594</c:v>
                </c:pt>
                <c:pt idx="8069">
                  <c:v>44595</c:v>
                </c:pt>
                <c:pt idx="8070">
                  <c:v>44596</c:v>
                </c:pt>
                <c:pt idx="8071">
                  <c:v>44597</c:v>
                </c:pt>
                <c:pt idx="8072">
                  <c:v>44598</c:v>
                </c:pt>
                <c:pt idx="8073">
                  <c:v>44599</c:v>
                </c:pt>
                <c:pt idx="8074">
                  <c:v>44600</c:v>
                </c:pt>
                <c:pt idx="8075">
                  <c:v>44601</c:v>
                </c:pt>
                <c:pt idx="8076">
                  <c:v>44602</c:v>
                </c:pt>
                <c:pt idx="8077">
                  <c:v>44603</c:v>
                </c:pt>
                <c:pt idx="8078">
                  <c:v>44604</c:v>
                </c:pt>
                <c:pt idx="8079">
                  <c:v>44605</c:v>
                </c:pt>
                <c:pt idx="8080">
                  <c:v>44606</c:v>
                </c:pt>
                <c:pt idx="8081">
                  <c:v>44607</c:v>
                </c:pt>
                <c:pt idx="8082">
                  <c:v>44608</c:v>
                </c:pt>
                <c:pt idx="8083">
                  <c:v>44609</c:v>
                </c:pt>
                <c:pt idx="8084">
                  <c:v>44610</c:v>
                </c:pt>
                <c:pt idx="8085">
                  <c:v>44611</c:v>
                </c:pt>
                <c:pt idx="8086">
                  <c:v>44612</c:v>
                </c:pt>
                <c:pt idx="8087">
                  <c:v>44613</c:v>
                </c:pt>
                <c:pt idx="8088">
                  <c:v>44614</c:v>
                </c:pt>
                <c:pt idx="8089">
                  <c:v>44615</c:v>
                </c:pt>
                <c:pt idx="8090">
                  <c:v>44616</c:v>
                </c:pt>
                <c:pt idx="8091">
                  <c:v>44617</c:v>
                </c:pt>
                <c:pt idx="8092">
                  <c:v>44618</c:v>
                </c:pt>
                <c:pt idx="8093">
                  <c:v>44619</c:v>
                </c:pt>
                <c:pt idx="8094">
                  <c:v>44620</c:v>
                </c:pt>
                <c:pt idx="8095">
                  <c:v>44621</c:v>
                </c:pt>
                <c:pt idx="8096">
                  <c:v>44622</c:v>
                </c:pt>
                <c:pt idx="8097">
                  <c:v>44623</c:v>
                </c:pt>
                <c:pt idx="8098">
                  <c:v>44624</c:v>
                </c:pt>
                <c:pt idx="8099">
                  <c:v>44625</c:v>
                </c:pt>
                <c:pt idx="8100">
                  <c:v>44626</c:v>
                </c:pt>
                <c:pt idx="8101">
                  <c:v>44627</c:v>
                </c:pt>
                <c:pt idx="8102">
                  <c:v>44628</c:v>
                </c:pt>
                <c:pt idx="8103">
                  <c:v>44629</c:v>
                </c:pt>
                <c:pt idx="8104">
                  <c:v>44630</c:v>
                </c:pt>
                <c:pt idx="8105">
                  <c:v>44631</c:v>
                </c:pt>
                <c:pt idx="8106">
                  <c:v>44632</c:v>
                </c:pt>
                <c:pt idx="8107">
                  <c:v>44633</c:v>
                </c:pt>
                <c:pt idx="8108">
                  <c:v>44634</c:v>
                </c:pt>
                <c:pt idx="8109">
                  <c:v>44635</c:v>
                </c:pt>
                <c:pt idx="8110">
                  <c:v>44636</c:v>
                </c:pt>
                <c:pt idx="8111">
                  <c:v>44637</c:v>
                </c:pt>
                <c:pt idx="8112">
                  <c:v>44638</c:v>
                </c:pt>
                <c:pt idx="8113">
                  <c:v>44639</c:v>
                </c:pt>
                <c:pt idx="8114">
                  <c:v>44640</c:v>
                </c:pt>
                <c:pt idx="8115">
                  <c:v>44641</c:v>
                </c:pt>
                <c:pt idx="8116">
                  <c:v>44642</c:v>
                </c:pt>
                <c:pt idx="8117">
                  <c:v>44643</c:v>
                </c:pt>
                <c:pt idx="8118">
                  <c:v>44644</c:v>
                </c:pt>
                <c:pt idx="8119">
                  <c:v>44645</c:v>
                </c:pt>
                <c:pt idx="8120">
                  <c:v>44646</c:v>
                </c:pt>
                <c:pt idx="8121">
                  <c:v>44647</c:v>
                </c:pt>
                <c:pt idx="8122">
                  <c:v>44648</c:v>
                </c:pt>
                <c:pt idx="8123">
                  <c:v>44649</c:v>
                </c:pt>
                <c:pt idx="8124">
                  <c:v>44650</c:v>
                </c:pt>
                <c:pt idx="8125">
                  <c:v>44651</c:v>
                </c:pt>
                <c:pt idx="8126">
                  <c:v>44652</c:v>
                </c:pt>
                <c:pt idx="8127">
                  <c:v>44653</c:v>
                </c:pt>
                <c:pt idx="8128">
                  <c:v>44654</c:v>
                </c:pt>
                <c:pt idx="8129">
                  <c:v>44655</c:v>
                </c:pt>
                <c:pt idx="8130">
                  <c:v>44656</c:v>
                </c:pt>
                <c:pt idx="8131">
                  <c:v>44657</c:v>
                </c:pt>
                <c:pt idx="8132">
                  <c:v>44658</c:v>
                </c:pt>
                <c:pt idx="8133">
                  <c:v>44659</c:v>
                </c:pt>
                <c:pt idx="8134">
                  <c:v>44660</c:v>
                </c:pt>
                <c:pt idx="8135">
                  <c:v>44661</c:v>
                </c:pt>
                <c:pt idx="8136">
                  <c:v>44662</c:v>
                </c:pt>
                <c:pt idx="8137">
                  <c:v>44663</c:v>
                </c:pt>
                <c:pt idx="8138">
                  <c:v>44664</c:v>
                </c:pt>
                <c:pt idx="8139">
                  <c:v>44665</c:v>
                </c:pt>
                <c:pt idx="8140">
                  <c:v>44666</c:v>
                </c:pt>
                <c:pt idx="8141">
                  <c:v>44667</c:v>
                </c:pt>
                <c:pt idx="8142">
                  <c:v>44668</c:v>
                </c:pt>
                <c:pt idx="8143">
                  <c:v>44669</c:v>
                </c:pt>
                <c:pt idx="8144">
                  <c:v>44670</c:v>
                </c:pt>
                <c:pt idx="8145">
                  <c:v>44671</c:v>
                </c:pt>
                <c:pt idx="8146">
                  <c:v>44672</c:v>
                </c:pt>
                <c:pt idx="8147">
                  <c:v>44673</c:v>
                </c:pt>
                <c:pt idx="8148">
                  <c:v>44674</c:v>
                </c:pt>
                <c:pt idx="8149">
                  <c:v>44675</c:v>
                </c:pt>
                <c:pt idx="8150">
                  <c:v>44676</c:v>
                </c:pt>
                <c:pt idx="8151">
                  <c:v>44677</c:v>
                </c:pt>
                <c:pt idx="8152">
                  <c:v>44678</c:v>
                </c:pt>
                <c:pt idx="8153">
                  <c:v>44679</c:v>
                </c:pt>
                <c:pt idx="8154">
                  <c:v>44680</c:v>
                </c:pt>
                <c:pt idx="8155">
                  <c:v>44681</c:v>
                </c:pt>
                <c:pt idx="8156">
                  <c:v>44682</c:v>
                </c:pt>
                <c:pt idx="8157">
                  <c:v>44683</c:v>
                </c:pt>
                <c:pt idx="8158">
                  <c:v>44684</c:v>
                </c:pt>
                <c:pt idx="8159">
                  <c:v>44685</c:v>
                </c:pt>
                <c:pt idx="8160">
                  <c:v>44686</c:v>
                </c:pt>
                <c:pt idx="8161">
                  <c:v>44687</c:v>
                </c:pt>
                <c:pt idx="8162">
                  <c:v>44688</c:v>
                </c:pt>
                <c:pt idx="8163">
                  <c:v>44689</c:v>
                </c:pt>
                <c:pt idx="8164">
                  <c:v>44690</c:v>
                </c:pt>
                <c:pt idx="8165">
                  <c:v>44691</c:v>
                </c:pt>
                <c:pt idx="8166">
                  <c:v>44692</c:v>
                </c:pt>
                <c:pt idx="8167">
                  <c:v>44693</c:v>
                </c:pt>
                <c:pt idx="8168">
                  <c:v>44694</c:v>
                </c:pt>
                <c:pt idx="8169">
                  <c:v>44695</c:v>
                </c:pt>
                <c:pt idx="8170">
                  <c:v>44696</c:v>
                </c:pt>
                <c:pt idx="8171">
                  <c:v>44697</c:v>
                </c:pt>
                <c:pt idx="8172">
                  <c:v>44698</c:v>
                </c:pt>
                <c:pt idx="8173">
                  <c:v>44699</c:v>
                </c:pt>
                <c:pt idx="8174">
                  <c:v>44700</c:v>
                </c:pt>
                <c:pt idx="8175">
                  <c:v>44701</c:v>
                </c:pt>
                <c:pt idx="8176">
                  <c:v>44702</c:v>
                </c:pt>
                <c:pt idx="8177">
                  <c:v>44703</c:v>
                </c:pt>
                <c:pt idx="8178">
                  <c:v>44704</c:v>
                </c:pt>
                <c:pt idx="8179">
                  <c:v>44705</c:v>
                </c:pt>
                <c:pt idx="8180">
                  <c:v>44706</c:v>
                </c:pt>
                <c:pt idx="8181">
                  <c:v>44707</c:v>
                </c:pt>
                <c:pt idx="8182">
                  <c:v>44708</c:v>
                </c:pt>
                <c:pt idx="8183">
                  <c:v>44709</c:v>
                </c:pt>
                <c:pt idx="8184">
                  <c:v>44710</c:v>
                </c:pt>
                <c:pt idx="8185">
                  <c:v>44711</c:v>
                </c:pt>
                <c:pt idx="8186">
                  <c:v>44712</c:v>
                </c:pt>
                <c:pt idx="8187">
                  <c:v>44713</c:v>
                </c:pt>
                <c:pt idx="8188">
                  <c:v>44714</c:v>
                </c:pt>
                <c:pt idx="8189">
                  <c:v>44715</c:v>
                </c:pt>
                <c:pt idx="8190">
                  <c:v>44716</c:v>
                </c:pt>
                <c:pt idx="8191">
                  <c:v>44717</c:v>
                </c:pt>
                <c:pt idx="8192">
                  <c:v>44718</c:v>
                </c:pt>
                <c:pt idx="8193">
                  <c:v>44719</c:v>
                </c:pt>
                <c:pt idx="8194">
                  <c:v>44720</c:v>
                </c:pt>
                <c:pt idx="8195">
                  <c:v>44721</c:v>
                </c:pt>
                <c:pt idx="8196">
                  <c:v>44722</c:v>
                </c:pt>
                <c:pt idx="8197">
                  <c:v>44723</c:v>
                </c:pt>
                <c:pt idx="8198">
                  <c:v>44724</c:v>
                </c:pt>
                <c:pt idx="8199">
                  <c:v>44725</c:v>
                </c:pt>
                <c:pt idx="8200">
                  <c:v>44726</c:v>
                </c:pt>
                <c:pt idx="8201">
                  <c:v>44727</c:v>
                </c:pt>
                <c:pt idx="8202">
                  <c:v>44728</c:v>
                </c:pt>
                <c:pt idx="8203">
                  <c:v>44729</c:v>
                </c:pt>
                <c:pt idx="8204">
                  <c:v>44730</c:v>
                </c:pt>
                <c:pt idx="8205">
                  <c:v>44731</c:v>
                </c:pt>
                <c:pt idx="8206">
                  <c:v>44732</c:v>
                </c:pt>
                <c:pt idx="8207">
                  <c:v>44733</c:v>
                </c:pt>
                <c:pt idx="8208">
                  <c:v>44734</c:v>
                </c:pt>
                <c:pt idx="8209">
                  <c:v>44735</c:v>
                </c:pt>
                <c:pt idx="8210">
                  <c:v>44736</c:v>
                </c:pt>
                <c:pt idx="8211">
                  <c:v>44737</c:v>
                </c:pt>
                <c:pt idx="8212">
                  <c:v>44738</c:v>
                </c:pt>
                <c:pt idx="8213">
                  <c:v>44739</c:v>
                </c:pt>
                <c:pt idx="8214">
                  <c:v>44740</c:v>
                </c:pt>
                <c:pt idx="8215">
                  <c:v>44741</c:v>
                </c:pt>
                <c:pt idx="8216">
                  <c:v>44742</c:v>
                </c:pt>
                <c:pt idx="8217">
                  <c:v>44743</c:v>
                </c:pt>
                <c:pt idx="8218">
                  <c:v>44744</c:v>
                </c:pt>
                <c:pt idx="8219">
                  <c:v>44745</c:v>
                </c:pt>
                <c:pt idx="8220">
                  <c:v>44746</c:v>
                </c:pt>
                <c:pt idx="8221">
                  <c:v>44747</c:v>
                </c:pt>
                <c:pt idx="8222">
                  <c:v>44748</c:v>
                </c:pt>
                <c:pt idx="8223">
                  <c:v>44749</c:v>
                </c:pt>
                <c:pt idx="8224">
                  <c:v>44750</c:v>
                </c:pt>
                <c:pt idx="8225">
                  <c:v>44751</c:v>
                </c:pt>
                <c:pt idx="8226">
                  <c:v>44752</c:v>
                </c:pt>
                <c:pt idx="8227">
                  <c:v>44753</c:v>
                </c:pt>
                <c:pt idx="8228">
                  <c:v>44754</c:v>
                </c:pt>
                <c:pt idx="8229">
                  <c:v>44755</c:v>
                </c:pt>
                <c:pt idx="8230">
                  <c:v>44756</c:v>
                </c:pt>
                <c:pt idx="8231">
                  <c:v>44757</c:v>
                </c:pt>
                <c:pt idx="8232">
                  <c:v>44758</c:v>
                </c:pt>
                <c:pt idx="8233">
                  <c:v>44759</c:v>
                </c:pt>
                <c:pt idx="8234">
                  <c:v>44760</c:v>
                </c:pt>
                <c:pt idx="8235">
                  <c:v>44761</c:v>
                </c:pt>
                <c:pt idx="8236">
                  <c:v>44762</c:v>
                </c:pt>
                <c:pt idx="8237">
                  <c:v>44763</c:v>
                </c:pt>
                <c:pt idx="8238">
                  <c:v>44764</c:v>
                </c:pt>
                <c:pt idx="8239">
                  <c:v>44765</c:v>
                </c:pt>
                <c:pt idx="8240">
                  <c:v>44766</c:v>
                </c:pt>
                <c:pt idx="8241">
                  <c:v>44767</c:v>
                </c:pt>
                <c:pt idx="8242">
                  <c:v>44768</c:v>
                </c:pt>
                <c:pt idx="8243">
                  <c:v>44769</c:v>
                </c:pt>
                <c:pt idx="8244">
                  <c:v>44770</c:v>
                </c:pt>
                <c:pt idx="8245">
                  <c:v>44771</c:v>
                </c:pt>
                <c:pt idx="8246">
                  <c:v>44772</c:v>
                </c:pt>
                <c:pt idx="8247">
                  <c:v>44773</c:v>
                </c:pt>
                <c:pt idx="8248">
                  <c:v>44774</c:v>
                </c:pt>
                <c:pt idx="8249">
                  <c:v>44775</c:v>
                </c:pt>
                <c:pt idx="8250">
                  <c:v>44776</c:v>
                </c:pt>
                <c:pt idx="8251">
                  <c:v>44777</c:v>
                </c:pt>
                <c:pt idx="8252">
                  <c:v>44778</c:v>
                </c:pt>
                <c:pt idx="8253">
                  <c:v>44779</c:v>
                </c:pt>
                <c:pt idx="8254">
                  <c:v>44780</c:v>
                </c:pt>
                <c:pt idx="8255">
                  <c:v>44781</c:v>
                </c:pt>
                <c:pt idx="8256">
                  <c:v>44782</c:v>
                </c:pt>
                <c:pt idx="8257">
                  <c:v>44783</c:v>
                </c:pt>
                <c:pt idx="8258">
                  <c:v>44784</c:v>
                </c:pt>
                <c:pt idx="8259">
                  <c:v>44785</c:v>
                </c:pt>
                <c:pt idx="8260">
                  <c:v>44786</c:v>
                </c:pt>
                <c:pt idx="8261">
                  <c:v>44787</c:v>
                </c:pt>
                <c:pt idx="8262">
                  <c:v>44788</c:v>
                </c:pt>
                <c:pt idx="8263">
                  <c:v>44789</c:v>
                </c:pt>
                <c:pt idx="8264">
                  <c:v>44790</c:v>
                </c:pt>
                <c:pt idx="8265">
                  <c:v>44791</c:v>
                </c:pt>
                <c:pt idx="8266">
                  <c:v>44792</c:v>
                </c:pt>
                <c:pt idx="8267">
                  <c:v>44793</c:v>
                </c:pt>
                <c:pt idx="8268">
                  <c:v>44794</c:v>
                </c:pt>
                <c:pt idx="8269">
                  <c:v>44795</c:v>
                </c:pt>
                <c:pt idx="8270">
                  <c:v>44796</c:v>
                </c:pt>
                <c:pt idx="8271">
                  <c:v>44797</c:v>
                </c:pt>
                <c:pt idx="8272">
                  <c:v>44798</c:v>
                </c:pt>
                <c:pt idx="8273">
                  <c:v>44799</c:v>
                </c:pt>
                <c:pt idx="8274">
                  <c:v>44800</c:v>
                </c:pt>
                <c:pt idx="8275">
                  <c:v>44801</c:v>
                </c:pt>
                <c:pt idx="8276">
                  <c:v>44802</c:v>
                </c:pt>
                <c:pt idx="8277">
                  <c:v>44803</c:v>
                </c:pt>
                <c:pt idx="8278">
                  <c:v>44804</c:v>
                </c:pt>
                <c:pt idx="8279">
                  <c:v>44805</c:v>
                </c:pt>
                <c:pt idx="8280">
                  <c:v>44806</c:v>
                </c:pt>
                <c:pt idx="8281">
                  <c:v>44807</c:v>
                </c:pt>
                <c:pt idx="8282">
                  <c:v>44808</c:v>
                </c:pt>
                <c:pt idx="8283">
                  <c:v>44809</c:v>
                </c:pt>
                <c:pt idx="8284">
                  <c:v>44810</c:v>
                </c:pt>
                <c:pt idx="8285">
                  <c:v>44811</c:v>
                </c:pt>
                <c:pt idx="8286">
                  <c:v>44812</c:v>
                </c:pt>
                <c:pt idx="8287">
                  <c:v>44813</c:v>
                </c:pt>
                <c:pt idx="8288">
                  <c:v>44814</c:v>
                </c:pt>
                <c:pt idx="8289">
                  <c:v>44815</c:v>
                </c:pt>
                <c:pt idx="8290">
                  <c:v>44816</c:v>
                </c:pt>
                <c:pt idx="8291">
                  <c:v>44817</c:v>
                </c:pt>
                <c:pt idx="8292">
                  <c:v>44818</c:v>
                </c:pt>
                <c:pt idx="8293">
                  <c:v>44819</c:v>
                </c:pt>
                <c:pt idx="8294">
                  <c:v>44820</c:v>
                </c:pt>
                <c:pt idx="8295">
                  <c:v>44821</c:v>
                </c:pt>
                <c:pt idx="8296">
                  <c:v>44822</c:v>
                </c:pt>
                <c:pt idx="8297">
                  <c:v>44823</c:v>
                </c:pt>
                <c:pt idx="8298">
                  <c:v>44824</c:v>
                </c:pt>
                <c:pt idx="8299">
                  <c:v>44825</c:v>
                </c:pt>
                <c:pt idx="8300">
                  <c:v>44826</c:v>
                </c:pt>
                <c:pt idx="8301">
                  <c:v>44827</c:v>
                </c:pt>
                <c:pt idx="8302">
                  <c:v>44828</c:v>
                </c:pt>
                <c:pt idx="8303">
                  <c:v>44829</c:v>
                </c:pt>
                <c:pt idx="8304">
                  <c:v>44830</c:v>
                </c:pt>
                <c:pt idx="8305">
                  <c:v>44831</c:v>
                </c:pt>
                <c:pt idx="8306">
                  <c:v>44832</c:v>
                </c:pt>
                <c:pt idx="8307">
                  <c:v>44833</c:v>
                </c:pt>
                <c:pt idx="8308">
                  <c:v>44834</c:v>
                </c:pt>
                <c:pt idx="8309">
                  <c:v>44835</c:v>
                </c:pt>
                <c:pt idx="8310">
                  <c:v>44836</c:v>
                </c:pt>
                <c:pt idx="8311">
                  <c:v>44837</c:v>
                </c:pt>
                <c:pt idx="8312">
                  <c:v>44838</c:v>
                </c:pt>
                <c:pt idx="8313">
                  <c:v>44839</c:v>
                </c:pt>
                <c:pt idx="8314">
                  <c:v>44840</c:v>
                </c:pt>
                <c:pt idx="8315">
                  <c:v>44841</c:v>
                </c:pt>
                <c:pt idx="8316">
                  <c:v>44842</c:v>
                </c:pt>
                <c:pt idx="8317">
                  <c:v>44843</c:v>
                </c:pt>
                <c:pt idx="8318">
                  <c:v>44844</c:v>
                </c:pt>
                <c:pt idx="8319">
                  <c:v>44845</c:v>
                </c:pt>
                <c:pt idx="8320">
                  <c:v>44846</c:v>
                </c:pt>
                <c:pt idx="8321">
                  <c:v>44847</c:v>
                </c:pt>
                <c:pt idx="8322">
                  <c:v>44848</c:v>
                </c:pt>
                <c:pt idx="8323">
                  <c:v>44849</c:v>
                </c:pt>
                <c:pt idx="8324">
                  <c:v>44850</c:v>
                </c:pt>
                <c:pt idx="8325">
                  <c:v>44851</c:v>
                </c:pt>
                <c:pt idx="8326">
                  <c:v>44852</c:v>
                </c:pt>
                <c:pt idx="8327">
                  <c:v>44853</c:v>
                </c:pt>
                <c:pt idx="8328">
                  <c:v>44854</c:v>
                </c:pt>
                <c:pt idx="8329">
                  <c:v>44855</c:v>
                </c:pt>
                <c:pt idx="8330">
                  <c:v>44856</c:v>
                </c:pt>
                <c:pt idx="8331">
                  <c:v>44857</c:v>
                </c:pt>
                <c:pt idx="8332">
                  <c:v>44858</c:v>
                </c:pt>
                <c:pt idx="8333">
                  <c:v>44859</c:v>
                </c:pt>
                <c:pt idx="8334">
                  <c:v>44860</c:v>
                </c:pt>
                <c:pt idx="8335">
                  <c:v>44861</c:v>
                </c:pt>
                <c:pt idx="8336">
                  <c:v>44862</c:v>
                </c:pt>
                <c:pt idx="8337">
                  <c:v>44863</c:v>
                </c:pt>
                <c:pt idx="8338">
                  <c:v>44864</c:v>
                </c:pt>
                <c:pt idx="8339">
                  <c:v>44865</c:v>
                </c:pt>
                <c:pt idx="8340">
                  <c:v>44866</c:v>
                </c:pt>
                <c:pt idx="8341">
                  <c:v>44867</c:v>
                </c:pt>
                <c:pt idx="8342">
                  <c:v>44868</c:v>
                </c:pt>
                <c:pt idx="8343">
                  <c:v>44869</c:v>
                </c:pt>
                <c:pt idx="8344">
                  <c:v>44870</c:v>
                </c:pt>
                <c:pt idx="8345">
                  <c:v>44871</c:v>
                </c:pt>
                <c:pt idx="8346">
                  <c:v>44872</c:v>
                </c:pt>
                <c:pt idx="8347">
                  <c:v>44873</c:v>
                </c:pt>
                <c:pt idx="8348">
                  <c:v>44874</c:v>
                </c:pt>
                <c:pt idx="8349">
                  <c:v>44875</c:v>
                </c:pt>
                <c:pt idx="8350">
                  <c:v>44876</c:v>
                </c:pt>
                <c:pt idx="8351">
                  <c:v>44877</c:v>
                </c:pt>
                <c:pt idx="8352">
                  <c:v>44878</c:v>
                </c:pt>
                <c:pt idx="8353">
                  <c:v>44879</c:v>
                </c:pt>
                <c:pt idx="8354">
                  <c:v>44880</c:v>
                </c:pt>
                <c:pt idx="8355">
                  <c:v>44881</c:v>
                </c:pt>
                <c:pt idx="8356">
                  <c:v>44882</c:v>
                </c:pt>
                <c:pt idx="8357">
                  <c:v>44883</c:v>
                </c:pt>
                <c:pt idx="8358">
                  <c:v>44884</c:v>
                </c:pt>
                <c:pt idx="8359">
                  <c:v>44885</c:v>
                </c:pt>
                <c:pt idx="8360">
                  <c:v>44886</c:v>
                </c:pt>
                <c:pt idx="8361">
                  <c:v>44887</c:v>
                </c:pt>
                <c:pt idx="8362">
                  <c:v>44888</c:v>
                </c:pt>
                <c:pt idx="8363">
                  <c:v>44889</c:v>
                </c:pt>
                <c:pt idx="8364">
                  <c:v>44890</c:v>
                </c:pt>
                <c:pt idx="8365">
                  <c:v>44891</c:v>
                </c:pt>
                <c:pt idx="8366">
                  <c:v>44892</c:v>
                </c:pt>
                <c:pt idx="8367">
                  <c:v>44893</c:v>
                </c:pt>
                <c:pt idx="8368">
                  <c:v>44894</c:v>
                </c:pt>
                <c:pt idx="8369">
                  <c:v>44895</c:v>
                </c:pt>
                <c:pt idx="8370">
                  <c:v>44896</c:v>
                </c:pt>
                <c:pt idx="8371">
                  <c:v>44897</c:v>
                </c:pt>
                <c:pt idx="8372">
                  <c:v>44898</c:v>
                </c:pt>
                <c:pt idx="8373">
                  <c:v>44899</c:v>
                </c:pt>
                <c:pt idx="8374">
                  <c:v>44900</c:v>
                </c:pt>
                <c:pt idx="8375">
                  <c:v>44901</c:v>
                </c:pt>
                <c:pt idx="8376">
                  <c:v>44902</c:v>
                </c:pt>
                <c:pt idx="8377">
                  <c:v>44903</c:v>
                </c:pt>
                <c:pt idx="8378">
                  <c:v>44904</c:v>
                </c:pt>
                <c:pt idx="8379">
                  <c:v>44905</c:v>
                </c:pt>
                <c:pt idx="8380">
                  <c:v>44906</c:v>
                </c:pt>
                <c:pt idx="8381">
                  <c:v>44907</c:v>
                </c:pt>
                <c:pt idx="8382">
                  <c:v>44908</c:v>
                </c:pt>
                <c:pt idx="8383">
                  <c:v>44909</c:v>
                </c:pt>
                <c:pt idx="8384">
                  <c:v>44910</c:v>
                </c:pt>
                <c:pt idx="8385">
                  <c:v>44911</c:v>
                </c:pt>
                <c:pt idx="8386">
                  <c:v>44912</c:v>
                </c:pt>
                <c:pt idx="8387">
                  <c:v>44913</c:v>
                </c:pt>
                <c:pt idx="8388">
                  <c:v>44914</c:v>
                </c:pt>
                <c:pt idx="8389">
                  <c:v>44915</c:v>
                </c:pt>
                <c:pt idx="8390">
                  <c:v>44916</c:v>
                </c:pt>
                <c:pt idx="8391">
                  <c:v>44917</c:v>
                </c:pt>
                <c:pt idx="8392">
                  <c:v>44918</c:v>
                </c:pt>
                <c:pt idx="8393">
                  <c:v>44919</c:v>
                </c:pt>
                <c:pt idx="8394">
                  <c:v>44920</c:v>
                </c:pt>
                <c:pt idx="8395">
                  <c:v>44921</c:v>
                </c:pt>
                <c:pt idx="8396">
                  <c:v>44922</c:v>
                </c:pt>
                <c:pt idx="8397">
                  <c:v>44923</c:v>
                </c:pt>
                <c:pt idx="8398">
                  <c:v>44924</c:v>
                </c:pt>
                <c:pt idx="8399">
                  <c:v>44925</c:v>
                </c:pt>
                <c:pt idx="8400">
                  <c:v>44926</c:v>
                </c:pt>
                <c:pt idx="8401">
                  <c:v>44927</c:v>
                </c:pt>
                <c:pt idx="8402">
                  <c:v>44928</c:v>
                </c:pt>
                <c:pt idx="8403">
                  <c:v>44929</c:v>
                </c:pt>
                <c:pt idx="8404">
                  <c:v>44930</c:v>
                </c:pt>
                <c:pt idx="8405">
                  <c:v>44931</c:v>
                </c:pt>
                <c:pt idx="8406">
                  <c:v>44932</c:v>
                </c:pt>
                <c:pt idx="8407">
                  <c:v>44933</c:v>
                </c:pt>
                <c:pt idx="8408">
                  <c:v>44934</c:v>
                </c:pt>
                <c:pt idx="8409">
                  <c:v>44935</c:v>
                </c:pt>
                <c:pt idx="8410">
                  <c:v>44936</c:v>
                </c:pt>
                <c:pt idx="8411">
                  <c:v>44937</c:v>
                </c:pt>
                <c:pt idx="8412">
                  <c:v>44938</c:v>
                </c:pt>
                <c:pt idx="8413">
                  <c:v>44939</c:v>
                </c:pt>
                <c:pt idx="8414">
                  <c:v>44940</c:v>
                </c:pt>
                <c:pt idx="8415">
                  <c:v>44941</c:v>
                </c:pt>
                <c:pt idx="8416">
                  <c:v>44942</c:v>
                </c:pt>
                <c:pt idx="8417">
                  <c:v>44943</c:v>
                </c:pt>
                <c:pt idx="8418">
                  <c:v>44944</c:v>
                </c:pt>
                <c:pt idx="8419">
                  <c:v>44945</c:v>
                </c:pt>
                <c:pt idx="8420">
                  <c:v>44946</c:v>
                </c:pt>
                <c:pt idx="8421">
                  <c:v>44947</c:v>
                </c:pt>
                <c:pt idx="8422">
                  <c:v>44948</c:v>
                </c:pt>
                <c:pt idx="8423">
                  <c:v>44949</c:v>
                </c:pt>
                <c:pt idx="8424">
                  <c:v>44950</c:v>
                </c:pt>
                <c:pt idx="8425">
                  <c:v>44951</c:v>
                </c:pt>
                <c:pt idx="8426">
                  <c:v>44952</c:v>
                </c:pt>
                <c:pt idx="8427">
                  <c:v>44953</c:v>
                </c:pt>
                <c:pt idx="8428">
                  <c:v>44954</c:v>
                </c:pt>
                <c:pt idx="8429">
                  <c:v>44955</c:v>
                </c:pt>
                <c:pt idx="8430">
                  <c:v>44956</c:v>
                </c:pt>
                <c:pt idx="8431">
                  <c:v>44957</c:v>
                </c:pt>
                <c:pt idx="8432">
                  <c:v>44958</c:v>
                </c:pt>
                <c:pt idx="8433">
                  <c:v>44959</c:v>
                </c:pt>
                <c:pt idx="8434">
                  <c:v>44960</c:v>
                </c:pt>
                <c:pt idx="8435">
                  <c:v>44961</c:v>
                </c:pt>
                <c:pt idx="8436">
                  <c:v>44962</c:v>
                </c:pt>
                <c:pt idx="8437">
                  <c:v>44963</c:v>
                </c:pt>
                <c:pt idx="8438">
                  <c:v>44964</c:v>
                </c:pt>
                <c:pt idx="8439">
                  <c:v>44965</c:v>
                </c:pt>
                <c:pt idx="8440">
                  <c:v>44966</c:v>
                </c:pt>
                <c:pt idx="8441">
                  <c:v>44967</c:v>
                </c:pt>
                <c:pt idx="8442">
                  <c:v>44968</c:v>
                </c:pt>
                <c:pt idx="8443">
                  <c:v>44969</c:v>
                </c:pt>
                <c:pt idx="8444">
                  <c:v>44970</c:v>
                </c:pt>
                <c:pt idx="8445">
                  <c:v>44971</c:v>
                </c:pt>
                <c:pt idx="8446">
                  <c:v>44972</c:v>
                </c:pt>
                <c:pt idx="8447">
                  <c:v>44973</c:v>
                </c:pt>
                <c:pt idx="8448">
                  <c:v>44974</c:v>
                </c:pt>
                <c:pt idx="8449">
                  <c:v>44975</c:v>
                </c:pt>
                <c:pt idx="8450">
                  <c:v>44976</c:v>
                </c:pt>
                <c:pt idx="8451">
                  <c:v>44977</c:v>
                </c:pt>
                <c:pt idx="8452">
                  <c:v>44978</c:v>
                </c:pt>
                <c:pt idx="8453">
                  <c:v>44979</c:v>
                </c:pt>
                <c:pt idx="8454">
                  <c:v>44980</c:v>
                </c:pt>
                <c:pt idx="8455">
                  <c:v>44981</c:v>
                </c:pt>
                <c:pt idx="8456">
                  <c:v>44982</c:v>
                </c:pt>
                <c:pt idx="8457">
                  <c:v>44983</c:v>
                </c:pt>
                <c:pt idx="8458">
                  <c:v>44984</c:v>
                </c:pt>
                <c:pt idx="8459">
                  <c:v>44985</c:v>
                </c:pt>
                <c:pt idx="8460">
                  <c:v>44986</c:v>
                </c:pt>
                <c:pt idx="8461">
                  <c:v>44987</c:v>
                </c:pt>
                <c:pt idx="8462">
                  <c:v>44988</c:v>
                </c:pt>
                <c:pt idx="8463">
                  <c:v>44989</c:v>
                </c:pt>
                <c:pt idx="8464">
                  <c:v>44990</c:v>
                </c:pt>
                <c:pt idx="8465">
                  <c:v>44991</c:v>
                </c:pt>
                <c:pt idx="8466">
                  <c:v>44992</c:v>
                </c:pt>
                <c:pt idx="8467">
                  <c:v>44993</c:v>
                </c:pt>
                <c:pt idx="8468">
                  <c:v>44994</c:v>
                </c:pt>
                <c:pt idx="8469">
                  <c:v>44995</c:v>
                </c:pt>
                <c:pt idx="8470">
                  <c:v>44996</c:v>
                </c:pt>
                <c:pt idx="8471">
                  <c:v>44997</c:v>
                </c:pt>
                <c:pt idx="8472">
                  <c:v>44998</c:v>
                </c:pt>
                <c:pt idx="8473">
                  <c:v>44999</c:v>
                </c:pt>
                <c:pt idx="8474">
                  <c:v>45000</c:v>
                </c:pt>
                <c:pt idx="8475">
                  <c:v>45001</c:v>
                </c:pt>
                <c:pt idx="8476">
                  <c:v>45002</c:v>
                </c:pt>
                <c:pt idx="8477">
                  <c:v>45003</c:v>
                </c:pt>
                <c:pt idx="8478">
                  <c:v>45004</c:v>
                </c:pt>
                <c:pt idx="8479">
                  <c:v>45005</c:v>
                </c:pt>
                <c:pt idx="8480">
                  <c:v>45006</c:v>
                </c:pt>
                <c:pt idx="8481">
                  <c:v>45007</c:v>
                </c:pt>
                <c:pt idx="8482">
                  <c:v>45008</c:v>
                </c:pt>
                <c:pt idx="8483">
                  <c:v>45009</c:v>
                </c:pt>
                <c:pt idx="8484">
                  <c:v>45010</c:v>
                </c:pt>
                <c:pt idx="8485">
                  <c:v>45011</c:v>
                </c:pt>
                <c:pt idx="8486">
                  <c:v>45012</c:v>
                </c:pt>
                <c:pt idx="8487">
                  <c:v>45013</c:v>
                </c:pt>
                <c:pt idx="8488">
                  <c:v>45014</c:v>
                </c:pt>
                <c:pt idx="8489">
                  <c:v>45015</c:v>
                </c:pt>
                <c:pt idx="8490">
                  <c:v>45016</c:v>
                </c:pt>
                <c:pt idx="8491">
                  <c:v>45017</c:v>
                </c:pt>
                <c:pt idx="8492">
                  <c:v>45018</c:v>
                </c:pt>
                <c:pt idx="8493">
                  <c:v>45019</c:v>
                </c:pt>
                <c:pt idx="8494">
                  <c:v>45020</c:v>
                </c:pt>
                <c:pt idx="8495">
                  <c:v>45021</c:v>
                </c:pt>
                <c:pt idx="8496">
                  <c:v>45022</c:v>
                </c:pt>
                <c:pt idx="8497">
                  <c:v>45023</c:v>
                </c:pt>
                <c:pt idx="8498">
                  <c:v>45024</c:v>
                </c:pt>
                <c:pt idx="8499">
                  <c:v>45025</c:v>
                </c:pt>
                <c:pt idx="8500">
                  <c:v>45026</c:v>
                </c:pt>
                <c:pt idx="8501">
                  <c:v>45027</c:v>
                </c:pt>
                <c:pt idx="8502">
                  <c:v>45028</c:v>
                </c:pt>
                <c:pt idx="8503">
                  <c:v>45029</c:v>
                </c:pt>
                <c:pt idx="8504">
                  <c:v>45030</c:v>
                </c:pt>
                <c:pt idx="8505">
                  <c:v>45031</c:v>
                </c:pt>
                <c:pt idx="8506">
                  <c:v>45032</c:v>
                </c:pt>
                <c:pt idx="8507">
                  <c:v>45033</c:v>
                </c:pt>
                <c:pt idx="8508">
                  <c:v>45034</c:v>
                </c:pt>
                <c:pt idx="8509">
                  <c:v>45035</c:v>
                </c:pt>
                <c:pt idx="8510">
                  <c:v>45036</c:v>
                </c:pt>
                <c:pt idx="8511">
                  <c:v>45037</c:v>
                </c:pt>
                <c:pt idx="8512">
                  <c:v>45038</c:v>
                </c:pt>
                <c:pt idx="8513">
                  <c:v>45039</c:v>
                </c:pt>
                <c:pt idx="8514">
                  <c:v>45040</c:v>
                </c:pt>
                <c:pt idx="8515">
                  <c:v>45041</c:v>
                </c:pt>
                <c:pt idx="8516">
                  <c:v>45042</c:v>
                </c:pt>
                <c:pt idx="8517">
                  <c:v>45043</c:v>
                </c:pt>
                <c:pt idx="8518">
                  <c:v>45044</c:v>
                </c:pt>
                <c:pt idx="8519">
                  <c:v>45045</c:v>
                </c:pt>
                <c:pt idx="8520">
                  <c:v>45046</c:v>
                </c:pt>
                <c:pt idx="8521">
                  <c:v>45047</c:v>
                </c:pt>
                <c:pt idx="8522">
                  <c:v>45048</c:v>
                </c:pt>
                <c:pt idx="8523">
                  <c:v>45049</c:v>
                </c:pt>
                <c:pt idx="8524">
                  <c:v>45050</c:v>
                </c:pt>
                <c:pt idx="8525">
                  <c:v>45051</c:v>
                </c:pt>
                <c:pt idx="8526">
                  <c:v>45052</c:v>
                </c:pt>
                <c:pt idx="8527">
                  <c:v>45053</c:v>
                </c:pt>
                <c:pt idx="8528">
                  <c:v>45054</c:v>
                </c:pt>
                <c:pt idx="8529">
                  <c:v>45055</c:v>
                </c:pt>
                <c:pt idx="8530">
                  <c:v>45056</c:v>
                </c:pt>
                <c:pt idx="8531">
                  <c:v>45057</c:v>
                </c:pt>
                <c:pt idx="8532">
                  <c:v>45058</c:v>
                </c:pt>
                <c:pt idx="8533">
                  <c:v>45059</c:v>
                </c:pt>
                <c:pt idx="8534">
                  <c:v>45060</c:v>
                </c:pt>
                <c:pt idx="8535">
                  <c:v>45061</c:v>
                </c:pt>
                <c:pt idx="8536">
                  <c:v>45062</c:v>
                </c:pt>
                <c:pt idx="8537">
                  <c:v>45063</c:v>
                </c:pt>
                <c:pt idx="8538">
                  <c:v>45064</c:v>
                </c:pt>
                <c:pt idx="8539">
                  <c:v>45065</c:v>
                </c:pt>
                <c:pt idx="8540">
                  <c:v>45066</c:v>
                </c:pt>
                <c:pt idx="8541">
                  <c:v>45067</c:v>
                </c:pt>
                <c:pt idx="8542">
                  <c:v>45068</c:v>
                </c:pt>
                <c:pt idx="8543">
                  <c:v>45069</c:v>
                </c:pt>
                <c:pt idx="8544">
                  <c:v>45070</c:v>
                </c:pt>
                <c:pt idx="8545">
                  <c:v>45071</c:v>
                </c:pt>
                <c:pt idx="8546">
                  <c:v>45072</c:v>
                </c:pt>
                <c:pt idx="8547">
                  <c:v>45073</c:v>
                </c:pt>
                <c:pt idx="8548">
                  <c:v>45074</c:v>
                </c:pt>
                <c:pt idx="8549">
                  <c:v>45075</c:v>
                </c:pt>
                <c:pt idx="8550">
                  <c:v>45076</c:v>
                </c:pt>
                <c:pt idx="8551">
                  <c:v>45077</c:v>
                </c:pt>
                <c:pt idx="8552">
                  <c:v>45078</c:v>
                </c:pt>
                <c:pt idx="8553">
                  <c:v>45079</c:v>
                </c:pt>
                <c:pt idx="8554">
                  <c:v>45080</c:v>
                </c:pt>
                <c:pt idx="8555">
                  <c:v>45081</c:v>
                </c:pt>
                <c:pt idx="8556">
                  <c:v>45082</c:v>
                </c:pt>
                <c:pt idx="8557">
                  <c:v>45083</c:v>
                </c:pt>
                <c:pt idx="8558">
                  <c:v>45084</c:v>
                </c:pt>
                <c:pt idx="8559">
                  <c:v>45085</c:v>
                </c:pt>
                <c:pt idx="8560">
                  <c:v>45086</c:v>
                </c:pt>
                <c:pt idx="8561">
                  <c:v>45087</c:v>
                </c:pt>
                <c:pt idx="8562">
                  <c:v>45088</c:v>
                </c:pt>
                <c:pt idx="8563">
                  <c:v>45089</c:v>
                </c:pt>
                <c:pt idx="8564">
                  <c:v>45090</c:v>
                </c:pt>
                <c:pt idx="8565">
                  <c:v>45091</c:v>
                </c:pt>
                <c:pt idx="8566">
                  <c:v>45092</c:v>
                </c:pt>
                <c:pt idx="8567">
                  <c:v>45093</c:v>
                </c:pt>
                <c:pt idx="8568">
                  <c:v>45094</c:v>
                </c:pt>
                <c:pt idx="8569">
                  <c:v>45095</c:v>
                </c:pt>
                <c:pt idx="8570">
                  <c:v>45096</c:v>
                </c:pt>
                <c:pt idx="8571">
                  <c:v>45097</c:v>
                </c:pt>
                <c:pt idx="8572">
                  <c:v>45098</c:v>
                </c:pt>
                <c:pt idx="8573">
                  <c:v>45099</c:v>
                </c:pt>
                <c:pt idx="8574">
                  <c:v>45100</c:v>
                </c:pt>
                <c:pt idx="8575">
                  <c:v>45101</c:v>
                </c:pt>
                <c:pt idx="8576">
                  <c:v>45102</c:v>
                </c:pt>
                <c:pt idx="8577">
                  <c:v>45103</c:v>
                </c:pt>
                <c:pt idx="8578">
                  <c:v>45104</c:v>
                </c:pt>
                <c:pt idx="8579">
                  <c:v>45105</c:v>
                </c:pt>
                <c:pt idx="8580">
                  <c:v>45106</c:v>
                </c:pt>
                <c:pt idx="8581">
                  <c:v>45107</c:v>
                </c:pt>
                <c:pt idx="8582">
                  <c:v>45108</c:v>
                </c:pt>
                <c:pt idx="8583">
                  <c:v>45109</c:v>
                </c:pt>
                <c:pt idx="8584">
                  <c:v>45110</c:v>
                </c:pt>
                <c:pt idx="8585">
                  <c:v>45111</c:v>
                </c:pt>
                <c:pt idx="8586">
                  <c:v>45112</c:v>
                </c:pt>
                <c:pt idx="8587">
                  <c:v>45113</c:v>
                </c:pt>
                <c:pt idx="8588">
                  <c:v>45114</c:v>
                </c:pt>
                <c:pt idx="8589">
                  <c:v>45115</c:v>
                </c:pt>
                <c:pt idx="8590">
                  <c:v>45116</c:v>
                </c:pt>
                <c:pt idx="8591">
                  <c:v>45117</c:v>
                </c:pt>
                <c:pt idx="8592">
                  <c:v>45118</c:v>
                </c:pt>
                <c:pt idx="8593">
                  <c:v>45119</c:v>
                </c:pt>
                <c:pt idx="8594">
                  <c:v>45120</c:v>
                </c:pt>
                <c:pt idx="8595">
                  <c:v>45121</c:v>
                </c:pt>
                <c:pt idx="8596">
                  <c:v>45122</c:v>
                </c:pt>
                <c:pt idx="8597">
                  <c:v>45123</c:v>
                </c:pt>
                <c:pt idx="8598">
                  <c:v>45124</c:v>
                </c:pt>
                <c:pt idx="8599">
                  <c:v>45125</c:v>
                </c:pt>
                <c:pt idx="8600">
                  <c:v>45126</c:v>
                </c:pt>
                <c:pt idx="8601">
                  <c:v>45127</c:v>
                </c:pt>
                <c:pt idx="8602">
                  <c:v>45128</c:v>
                </c:pt>
                <c:pt idx="8603">
                  <c:v>45129</c:v>
                </c:pt>
                <c:pt idx="8604">
                  <c:v>45130</c:v>
                </c:pt>
                <c:pt idx="8605">
                  <c:v>45131</c:v>
                </c:pt>
                <c:pt idx="8606">
                  <c:v>45132</c:v>
                </c:pt>
                <c:pt idx="8607">
                  <c:v>45133</c:v>
                </c:pt>
                <c:pt idx="8608">
                  <c:v>45134</c:v>
                </c:pt>
                <c:pt idx="8609">
                  <c:v>45135</c:v>
                </c:pt>
                <c:pt idx="8610">
                  <c:v>45136</c:v>
                </c:pt>
                <c:pt idx="8611">
                  <c:v>45137</c:v>
                </c:pt>
                <c:pt idx="8612">
                  <c:v>45138</c:v>
                </c:pt>
                <c:pt idx="8613">
                  <c:v>45139</c:v>
                </c:pt>
                <c:pt idx="8614">
                  <c:v>45140</c:v>
                </c:pt>
                <c:pt idx="8615">
                  <c:v>45141</c:v>
                </c:pt>
                <c:pt idx="8616">
                  <c:v>45142</c:v>
                </c:pt>
                <c:pt idx="8617">
                  <c:v>45143</c:v>
                </c:pt>
                <c:pt idx="8618">
                  <c:v>45144</c:v>
                </c:pt>
                <c:pt idx="8619">
                  <c:v>45145</c:v>
                </c:pt>
                <c:pt idx="8620">
                  <c:v>45146</c:v>
                </c:pt>
                <c:pt idx="8621">
                  <c:v>45147</c:v>
                </c:pt>
                <c:pt idx="8622">
                  <c:v>45148</c:v>
                </c:pt>
                <c:pt idx="8623">
                  <c:v>45149</c:v>
                </c:pt>
                <c:pt idx="8624">
                  <c:v>45150</c:v>
                </c:pt>
                <c:pt idx="8625">
                  <c:v>45151</c:v>
                </c:pt>
                <c:pt idx="8626">
                  <c:v>45152</c:v>
                </c:pt>
                <c:pt idx="8627">
                  <c:v>45153</c:v>
                </c:pt>
                <c:pt idx="8628">
                  <c:v>45154</c:v>
                </c:pt>
                <c:pt idx="8629">
                  <c:v>45155</c:v>
                </c:pt>
                <c:pt idx="8630">
                  <c:v>45156</c:v>
                </c:pt>
                <c:pt idx="8631">
                  <c:v>45157</c:v>
                </c:pt>
                <c:pt idx="8632">
                  <c:v>45158</c:v>
                </c:pt>
                <c:pt idx="8633">
                  <c:v>45159</c:v>
                </c:pt>
                <c:pt idx="8634">
                  <c:v>45160</c:v>
                </c:pt>
                <c:pt idx="8635">
                  <c:v>45161</c:v>
                </c:pt>
                <c:pt idx="8636">
                  <c:v>45162</c:v>
                </c:pt>
                <c:pt idx="8637">
                  <c:v>45163</c:v>
                </c:pt>
                <c:pt idx="8638">
                  <c:v>45164</c:v>
                </c:pt>
                <c:pt idx="8639">
                  <c:v>45165</c:v>
                </c:pt>
                <c:pt idx="8640">
                  <c:v>45166</c:v>
                </c:pt>
                <c:pt idx="8641">
                  <c:v>45167</c:v>
                </c:pt>
                <c:pt idx="8642">
                  <c:v>45168</c:v>
                </c:pt>
                <c:pt idx="8643">
                  <c:v>45169</c:v>
                </c:pt>
                <c:pt idx="8644">
                  <c:v>45170</c:v>
                </c:pt>
                <c:pt idx="8645">
                  <c:v>45171</c:v>
                </c:pt>
                <c:pt idx="8646">
                  <c:v>45172</c:v>
                </c:pt>
                <c:pt idx="8647">
                  <c:v>45173</c:v>
                </c:pt>
                <c:pt idx="8648">
                  <c:v>45174</c:v>
                </c:pt>
                <c:pt idx="8649">
                  <c:v>45175</c:v>
                </c:pt>
                <c:pt idx="8650">
                  <c:v>45176</c:v>
                </c:pt>
                <c:pt idx="8651">
                  <c:v>45177</c:v>
                </c:pt>
                <c:pt idx="8652">
                  <c:v>45178</c:v>
                </c:pt>
                <c:pt idx="8653">
                  <c:v>45179</c:v>
                </c:pt>
                <c:pt idx="8654">
                  <c:v>45180</c:v>
                </c:pt>
                <c:pt idx="8655">
                  <c:v>45181</c:v>
                </c:pt>
                <c:pt idx="8656">
                  <c:v>45182</c:v>
                </c:pt>
                <c:pt idx="8657">
                  <c:v>45183</c:v>
                </c:pt>
                <c:pt idx="8658">
                  <c:v>45184</c:v>
                </c:pt>
                <c:pt idx="8659">
                  <c:v>45185</c:v>
                </c:pt>
                <c:pt idx="8660">
                  <c:v>45186</c:v>
                </c:pt>
                <c:pt idx="8661">
                  <c:v>45187</c:v>
                </c:pt>
                <c:pt idx="8662">
                  <c:v>45188</c:v>
                </c:pt>
                <c:pt idx="8663">
                  <c:v>45189</c:v>
                </c:pt>
                <c:pt idx="8664">
                  <c:v>45190</c:v>
                </c:pt>
                <c:pt idx="8665">
                  <c:v>45191</c:v>
                </c:pt>
                <c:pt idx="8666">
                  <c:v>45192</c:v>
                </c:pt>
                <c:pt idx="8667">
                  <c:v>45193</c:v>
                </c:pt>
                <c:pt idx="8668">
                  <c:v>45194</c:v>
                </c:pt>
                <c:pt idx="8669">
                  <c:v>45195</c:v>
                </c:pt>
                <c:pt idx="8670">
                  <c:v>45196</c:v>
                </c:pt>
                <c:pt idx="8671">
                  <c:v>45197</c:v>
                </c:pt>
                <c:pt idx="8672">
                  <c:v>45198</c:v>
                </c:pt>
                <c:pt idx="8673">
                  <c:v>45199</c:v>
                </c:pt>
                <c:pt idx="8674">
                  <c:v>45200</c:v>
                </c:pt>
                <c:pt idx="8675">
                  <c:v>45201</c:v>
                </c:pt>
                <c:pt idx="8676">
                  <c:v>45202</c:v>
                </c:pt>
                <c:pt idx="8677">
                  <c:v>45203</c:v>
                </c:pt>
                <c:pt idx="8678">
                  <c:v>45204</c:v>
                </c:pt>
                <c:pt idx="8679">
                  <c:v>45205</c:v>
                </c:pt>
                <c:pt idx="8680">
                  <c:v>45206</c:v>
                </c:pt>
                <c:pt idx="8681">
                  <c:v>45207</c:v>
                </c:pt>
                <c:pt idx="8682">
                  <c:v>45208</c:v>
                </c:pt>
                <c:pt idx="8683">
                  <c:v>45209</c:v>
                </c:pt>
                <c:pt idx="8684">
                  <c:v>45210</c:v>
                </c:pt>
                <c:pt idx="8685">
                  <c:v>45211</c:v>
                </c:pt>
                <c:pt idx="8686">
                  <c:v>45212</c:v>
                </c:pt>
                <c:pt idx="8687">
                  <c:v>45213</c:v>
                </c:pt>
                <c:pt idx="8688">
                  <c:v>45214</c:v>
                </c:pt>
                <c:pt idx="8689">
                  <c:v>45215</c:v>
                </c:pt>
                <c:pt idx="8690">
                  <c:v>45216</c:v>
                </c:pt>
                <c:pt idx="8691">
                  <c:v>45217</c:v>
                </c:pt>
                <c:pt idx="8692">
                  <c:v>45218</c:v>
                </c:pt>
                <c:pt idx="8693">
                  <c:v>45219</c:v>
                </c:pt>
                <c:pt idx="8694">
                  <c:v>45220</c:v>
                </c:pt>
                <c:pt idx="8695">
                  <c:v>45221</c:v>
                </c:pt>
                <c:pt idx="8696">
                  <c:v>45222</c:v>
                </c:pt>
                <c:pt idx="8697">
                  <c:v>45223</c:v>
                </c:pt>
                <c:pt idx="8698">
                  <c:v>45224</c:v>
                </c:pt>
                <c:pt idx="8699">
                  <c:v>45225</c:v>
                </c:pt>
                <c:pt idx="8700">
                  <c:v>45226</c:v>
                </c:pt>
                <c:pt idx="8701">
                  <c:v>45227</c:v>
                </c:pt>
                <c:pt idx="8702">
                  <c:v>45228</c:v>
                </c:pt>
                <c:pt idx="8703">
                  <c:v>45229</c:v>
                </c:pt>
                <c:pt idx="8704">
                  <c:v>45230</c:v>
                </c:pt>
                <c:pt idx="8705">
                  <c:v>45231</c:v>
                </c:pt>
                <c:pt idx="8706">
                  <c:v>45232</c:v>
                </c:pt>
                <c:pt idx="8707">
                  <c:v>45233</c:v>
                </c:pt>
                <c:pt idx="8708">
                  <c:v>45234</c:v>
                </c:pt>
                <c:pt idx="8709">
                  <c:v>45235</c:v>
                </c:pt>
                <c:pt idx="8710">
                  <c:v>45236</c:v>
                </c:pt>
                <c:pt idx="8711">
                  <c:v>45237</c:v>
                </c:pt>
                <c:pt idx="8712">
                  <c:v>45238</c:v>
                </c:pt>
                <c:pt idx="8713">
                  <c:v>45239</c:v>
                </c:pt>
                <c:pt idx="8714">
                  <c:v>45240</c:v>
                </c:pt>
                <c:pt idx="8715">
                  <c:v>45241</c:v>
                </c:pt>
                <c:pt idx="8716">
                  <c:v>45242</c:v>
                </c:pt>
                <c:pt idx="8717">
                  <c:v>45243</c:v>
                </c:pt>
                <c:pt idx="8718">
                  <c:v>45244</c:v>
                </c:pt>
                <c:pt idx="8719">
                  <c:v>45245</c:v>
                </c:pt>
                <c:pt idx="8720">
                  <c:v>45246</c:v>
                </c:pt>
                <c:pt idx="8721">
                  <c:v>45247</c:v>
                </c:pt>
                <c:pt idx="8722">
                  <c:v>45248</c:v>
                </c:pt>
                <c:pt idx="8723">
                  <c:v>45249</c:v>
                </c:pt>
                <c:pt idx="8724">
                  <c:v>45250</c:v>
                </c:pt>
                <c:pt idx="8725">
                  <c:v>45251</c:v>
                </c:pt>
                <c:pt idx="8726">
                  <c:v>45252</c:v>
                </c:pt>
                <c:pt idx="8727">
                  <c:v>45253</c:v>
                </c:pt>
                <c:pt idx="8728">
                  <c:v>45254</c:v>
                </c:pt>
                <c:pt idx="8729">
                  <c:v>45255</c:v>
                </c:pt>
                <c:pt idx="8730">
                  <c:v>45256</c:v>
                </c:pt>
                <c:pt idx="8731">
                  <c:v>45257</c:v>
                </c:pt>
                <c:pt idx="8732">
                  <c:v>45258</c:v>
                </c:pt>
                <c:pt idx="8733">
                  <c:v>45259</c:v>
                </c:pt>
                <c:pt idx="8734">
                  <c:v>45260</c:v>
                </c:pt>
                <c:pt idx="8735">
                  <c:v>45261</c:v>
                </c:pt>
                <c:pt idx="8736">
                  <c:v>45262</c:v>
                </c:pt>
                <c:pt idx="8737">
                  <c:v>45263</c:v>
                </c:pt>
                <c:pt idx="8738">
                  <c:v>45264</c:v>
                </c:pt>
                <c:pt idx="8739">
                  <c:v>45265</c:v>
                </c:pt>
                <c:pt idx="8740">
                  <c:v>45266</c:v>
                </c:pt>
                <c:pt idx="8741">
                  <c:v>45267</c:v>
                </c:pt>
                <c:pt idx="8742">
                  <c:v>45268</c:v>
                </c:pt>
                <c:pt idx="8743">
                  <c:v>45269</c:v>
                </c:pt>
                <c:pt idx="8744">
                  <c:v>45270</c:v>
                </c:pt>
                <c:pt idx="8745">
                  <c:v>45271</c:v>
                </c:pt>
                <c:pt idx="8746">
                  <c:v>45272</c:v>
                </c:pt>
                <c:pt idx="8747">
                  <c:v>45273</c:v>
                </c:pt>
                <c:pt idx="8748">
                  <c:v>45274</c:v>
                </c:pt>
                <c:pt idx="8749">
                  <c:v>45275</c:v>
                </c:pt>
                <c:pt idx="8750">
                  <c:v>45276</c:v>
                </c:pt>
                <c:pt idx="8751">
                  <c:v>45277</c:v>
                </c:pt>
                <c:pt idx="8752">
                  <c:v>45278</c:v>
                </c:pt>
                <c:pt idx="8753">
                  <c:v>45279</c:v>
                </c:pt>
                <c:pt idx="8754">
                  <c:v>45280</c:v>
                </c:pt>
                <c:pt idx="8755">
                  <c:v>45281</c:v>
                </c:pt>
                <c:pt idx="8756">
                  <c:v>45282</c:v>
                </c:pt>
                <c:pt idx="8757">
                  <c:v>45283</c:v>
                </c:pt>
                <c:pt idx="8758">
                  <c:v>45284</c:v>
                </c:pt>
                <c:pt idx="8759">
                  <c:v>45285</c:v>
                </c:pt>
                <c:pt idx="8760">
                  <c:v>45286</c:v>
                </c:pt>
                <c:pt idx="8761">
                  <c:v>45287</c:v>
                </c:pt>
                <c:pt idx="8762">
                  <c:v>45288</c:v>
                </c:pt>
                <c:pt idx="8763">
                  <c:v>45289</c:v>
                </c:pt>
                <c:pt idx="8764">
                  <c:v>45290</c:v>
                </c:pt>
                <c:pt idx="8765">
                  <c:v>45291</c:v>
                </c:pt>
                <c:pt idx="8766">
                  <c:v>45292</c:v>
                </c:pt>
                <c:pt idx="8767">
                  <c:v>45293</c:v>
                </c:pt>
                <c:pt idx="8768">
                  <c:v>45294</c:v>
                </c:pt>
                <c:pt idx="8769">
                  <c:v>45295</c:v>
                </c:pt>
                <c:pt idx="8770">
                  <c:v>45296</c:v>
                </c:pt>
                <c:pt idx="8771">
                  <c:v>45297</c:v>
                </c:pt>
                <c:pt idx="8772">
                  <c:v>45298</c:v>
                </c:pt>
                <c:pt idx="8773">
                  <c:v>45299</c:v>
                </c:pt>
                <c:pt idx="8774">
                  <c:v>45300</c:v>
                </c:pt>
                <c:pt idx="8775">
                  <c:v>45301</c:v>
                </c:pt>
                <c:pt idx="8776">
                  <c:v>45302</c:v>
                </c:pt>
                <c:pt idx="8777">
                  <c:v>45303</c:v>
                </c:pt>
                <c:pt idx="8778">
                  <c:v>45304</c:v>
                </c:pt>
                <c:pt idx="8779">
                  <c:v>45305</c:v>
                </c:pt>
                <c:pt idx="8780">
                  <c:v>45306</c:v>
                </c:pt>
                <c:pt idx="8781">
                  <c:v>45307</c:v>
                </c:pt>
                <c:pt idx="8782">
                  <c:v>45308</c:v>
                </c:pt>
                <c:pt idx="8783">
                  <c:v>45309</c:v>
                </c:pt>
                <c:pt idx="8784">
                  <c:v>45310</c:v>
                </c:pt>
                <c:pt idx="8785">
                  <c:v>45311</c:v>
                </c:pt>
                <c:pt idx="8786">
                  <c:v>45312</c:v>
                </c:pt>
                <c:pt idx="8787">
                  <c:v>45313</c:v>
                </c:pt>
                <c:pt idx="8788">
                  <c:v>45314</c:v>
                </c:pt>
                <c:pt idx="8789">
                  <c:v>45315</c:v>
                </c:pt>
                <c:pt idx="8790">
                  <c:v>45316</c:v>
                </c:pt>
                <c:pt idx="8791">
                  <c:v>45317</c:v>
                </c:pt>
                <c:pt idx="8792">
                  <c:v>45318</c:v>
                </c:pt>
                <c:pt idx="8793">
                  <c:v>45319</c:v>
                </c:pt>
                <c:pt idx="8794">
                  <c:v>45320</c:v>
                </c:pt>
                <c:pt idx="8795">
                  <c:v>45321</c:v>
                </c:pt>
                <c:pt idx="8796">
                  <c:v>45322</c:v>
                </c:pt>
                <c:pt idx="8797">
                  <c:v>45323</c:v>
                </c:pt>
                <c:pt idx="8798">
                  <c:v>45324</c:v>
                </c:pt>
                <c:pt idx="8799">
                  <c:v>45325</c:v>
                </c:pt>
                <c:pt idx="8800">
                  <c:v>45326</c:v>
                </c:pt>
                <c:pt idx="8801">
                  <c:v>45327</c:v>
                </c:pt>
                <c:pt idx="8802">
                  <c:v>45328</c:v>
                </c:pt>
                <c:pt idx="8803">
                  <c:v>45329</c:v>
                </c:pt>
                <c:pt idx="8804">
                  <c:v>45330</c:v>
                </c:pt>
                <c:pt idx="8805">
                  <c:v>45331</c:v>
                </c:pt>
                <c:pt idx="8806">
                  <c:v>45332</c:v>
                </c:pt>
                <c:pt idx="8807">
                  <c:v>45333</c:v>
                </c:pt>
                <c:pt idx="8808">
                  <c:v>45334</c:v>
                </c:pt>
                <c:pt idx="8809">
                  <c:v>45335</c:v>
                </c:pt>
                <c:pt idx="8810">
                  <c:v>45336</c:v>
                </c:pt>
                <c:pt idx="8811">
                  <c:v>45337</c:v>
                </c:pt>
                <c:pt idx="8812">
                  <c:v>45338</c:v>
                </c:pt>
                <c:pt idx="8813">
                  <c:v>45339</c:v>
                </c:pt>
                <c:pt idx="8814">
                  <c:v>45340</c:v>
                </c:pt>
                <c:pt idx="8815">
                  <c:v>45341</c:v>
                </c:pt>
                <c:pt idx="8816">
                  <c:v>45342</c:v>
                </c:pt>
                <c:pt idx="8817">
                  <c:v>45343</c:v>
                </c:pt>
                <c:pt idx="8818">
                  <c:v>45344</c:v>
                </c:pt>
                <c:pt idx="8819">
                  <c:v>45345</c:v>
                </c:pt>
                <c:pt idx="8820">
                  <c:v>45346</c:v>
                </c:pt>
                <c:pt idx="8821">
                  <c:v>45347</c:v>
                </c:pt>
                <c:pt idx="8822">
                  <c:v>45348</c:v>
                </c:pt>
                <c:pt idx="8823">
                  <c:v>45349</c:v>
                </c:pt>
                <c:pt idx="8824">
                  <c:v>45350</c:v>
                </c:pt>
                <c:pt idx="8825">
                  <c:v>45351</c:v>
                </c:pt>
                <c:pt idx="8826">
                  <c:v>45352</c:v>
                </c:pt>
                <c:pt idx="8827">
                  <c:v>45353</c:v>
                </c:pt>
                <c:pt idx="8828">
                  <c:v>45354</c:v>
                </c:pt>
                <c:pt idx="8829">
                  <c:v>45355</c:v>
                </c:pt>
                <c:pt idx="8830">
                  <c:v>45356</c:v>
                </c:pt>
                <c:pt idx="8831">
                  <c:v>45357</c:v>
                </c:pt>
                <c:pt idx="8832">
                  <c:v>45358</c:v>
                </c:pt>
                <c:pt idx="8833">
                  <c:v>45359</c:v>
                </c:pt>
                <c:pt idx="8834">
                  <c:v>45360</c:v>
                </c:pt>
                <c:pt idx="8835">
                  <c:v>45361</c:v>
                </c:pt>
                <c:pt idx="8836">
                  <c:v>45362</c:v>
                </c:pt>
                <c:pt idx="8837">
                  <c:v>45363</c:v>
                </c:pt>
                <c:pt idx="8838">
                  <c:v>45364</c:v>
                </c:pt>
                <c:pt idx="8839">
                  <c:v>45365</c:v>
                </c:pt>
                <c:pt idx="8840">
                  <c:v>45366</c:v>
                </c:pt>
                <c:pt idx="8841">
                  <c:v>45367</c:v>
                </c:pt>
                <c:pt idx="8842">
                  <c:v>45368</c:v>
                </c:pt>
                <c:pt idx="8843">
                  <c:v>45369</c:v>
                </c:pt>
                <c:pt idx="8844">
                  <c:v>45370</c:v>
                </c:pt>
                <c:pt idx="8845">
                  <c:v>45371</c:v>
                </c:pt>
                <c:pt idx="8846">
                  <c:v>45372</c:v>
                </c:pt>
                <c:pt idx="8847">
                  <c:v>45373</c:v>
                </c:pt>
                <c:pt idx="8848">
                  <c:v>45374</c:v>
                </c:pt>
                <c:pt idx="8849">
                  <c:v>45375</c:v>
                </c:pt>
                <c:pt idx="8850">
                  <c:v>45376</c:v>
                </c:pt>
                <c:pt idx="8851">
                  <c:v>45377</c:v>
                </c:pt>
                <c:pt idx="8852">
                  <c:v>45378</c:v>
                </c:pt>
                <c:pt idx="8853">
                  <c:v>45379</c:v>
                </c:pt>
                <c:pt idx="8854">
                  <c:v>45380</c:v>
                </c:pt>
                <c:pt idx="8855">
                  <c:v>45381</c:v>
                </c:pt>
                <c:pt idx="8856">
                  <c:v>45382</c:v>
                </c:pt>
                <c:pt idx="8857">
                  <c:v>45383</c:v>
                </c:pt>
                <c:pt idx="8858">
                  <c:v>45384</c:v>
                </c:pt>
                <c:pt idx="8859">
                  <c:v>45385</c:v>
                </c:pt>
                <c:pt idx="8860">
                  <c:v>45386</c:v>
                </c:pt>
                <c:pt idx="8861">
                  <c:v>45387</c:v>
                </c:pt>
                <c:pt idx="8862">
                  <c:v>45388</c:v>
                </c:pt>
                <c:pt idx="8863">
                  <c:v>45389</c:v>
                </c:pt>
                <c:pt idx="8864">
                  <c:v>45390</c:v>
                </c:pt>
                <c:pt idx="8865">
                  <c:v>45391</c:v>
                </c:pt>
                <c:pt idx="8866">
                  <c:v>45392</c:v>
                </c:pt>
                <c:pt idx="8867">
                  <c:v>45393</c:v>
                </c:pt>
                <c:pt idx="8868">
                  <c:v>45394</c:v>
                </c:pt>
                <c:pt idx="8869">
                  <c:v>45395</c:v>
                </c:pt>
                <c:pt idx="8870">
                  <c:v>45396</c:v>
                </c:pt>
                <c:pt idx="8871">
                  <c:v>45397</c:v>
                </c:pt>
                <c:pt idx="8872">
                  <c:v>45398</c:v>
                </c:pt>
                <c:pt idx="8873">
                  <c:v>45399</c:v>
                </c:pt>
                <c:pt idx="8874">
                  <c:v>45400</c:v>
                </c:pt>
                <c:pt idx="8875">
                  <c:v>45401</c:v>
                </c:pt>
                <c:pt idx="8876">
                  <c:v>45402</c:v>
                </c:pt>
                <c:pt idx="8877">
                  <c:v>45403</c:v>
                </c:pt>
                <c:pt idx="8878">
                  <c:v>45404</c:v>
                </c:pt>
                <c:pt idx="8879">
                  <c:v>45405</c:v>
                </c:pt>
                <c:pt idx="8880">
                  <c:v>45406</c:v>
                </c:pt>
                <c:pt idx="8881">
                  <c:v>45407</c:v>
                </c:pt>
                <c:pt idx="8882">
                  <c:v>45408</c:v>
                </c:pt>
                <c:pt idx="8883">
                  <c:v>45409</c:v>
                </c:pt>
                <c:pt idx="8884">
                  <c:v>45410</c:v>
                </c:pt>
                <c:pt idx="8885">
                  <c:v>45411</c:v>
                </c:pt>
                <c:pt idx="8886">
                  <c:v>45412</c:v>
                </c:pt>
                <c:pt idx="8887">
                  <c:v>45413</c:v>
                </c:pt>
                <c:pt idx="8888">
                  <c:v>45414</c:v>
                </c:pt>
                <c:pt idx="8889">
                  <c:v>45415</c:v>
                </c:pt>
                <c:pt idx="8890">
                  <c:v>45416</c:v>
                </c:pt>
                <c:pt idx="8891">
                  <c:v>45417</c:v>
                </c:pt>
                <c:pt idx="8892">
                  <c:v>45418</c:v>
                </c:pt>
                <c:pt idx="8893">
                  <c:v>45419</c:v>
                </c:pt>
                <c:pt idx="8894">
                  <c:v>45420</c:v>
                </c:pt>
                <c:pt idx="8895">
                  <c:v>45421</c:v>
                </c:pt>
                <c:pt idx="8896">
                  <c:v>45422</c:v>
                </c:pt>
                <c:pt idx="8897">
                  <c:v>45423</c:v>
                </c:pt>
                <c:pt idx="8898">
                  <c:v>45424</c:v>
                </c:pt>
                <c:pt idx="8899">
                  <c:v>45425</c:v>
                </c:pt>
                <c:pt idx="8900">
                  <c:v>45426</c:v>
                </c:pt>
                <c:pt idx="8901">
                  <c:v>45427</c:v>
                </c:pt>
                <c:pt idx="8902">
                  <c:v>45428</c:v>
                </c:pt>
                <c:pt idx="8903">
                  <c:v>45429</c:v>
                </c:pt>
                <c:pt idx="8904">
                  <c:v>45430</c:v>
                </c:pt>
                <c:pt idx="8905">
                  <c:v>45431</c:v>
                </c:pt>
                <c:pt idx="8906">
                  <c:v>45432</c:v>
                </c:pt>
                <c:pt idx="8907">
                  <c:v>45433</c:v>
                </c:pt>
                <c:pt idx="8908">
                  <c:v>45434</c:v>
                </c:pt>
                <c:pt idx="8909">
                  <c:v>45435</c:v>
                </c:pt>
                <c:pt idx="8910">
                  <c:v>45436</c:v>
                </c:pt>
                <c:pt idx="8911">
                  <c:v>45437</c:v>
                </c:pt>
                <c:pt idx="8912">
                  <c:v>45438</c:v>
                </c:pt>
                <c:pt idx="8913">
                  <c:v>45439</c:v>
                </c:pt>
                <c:pt idx="8914">
                  <c:v>45440</c:v>
                </c:pt>
                <c:pt idx="8915">
                  <c:v>45441</c:v>
                </c:pt>
                <c:pt idx="8916">
                  <c:v>45442</c:v>
                </c:pt>
                <c:pt idx="8917">
                  <c:v>45443</c:v>
                </c:pt>
                <c:pt idx="8918">
                  <c:v>45444</c:v>
                </c:pt>
                <c:pt idx="8919">
                  <c:v>45445</c:v>
                </c:pt>
                <c:pt idx="8920">
                  <c:v>45446</c:v>
                </c:pt>
                <c:pt idx="8921">
                  <c:v>45447</c:v>
                </c:pt>
                <c:pt idx="8922">
                  <c:v>45448</c:v>
                </c:pt>
                <c:pt idx="8923">
                  <c:v>45449</c:v>
                </c:pt>
                <c:pt idx="8924">
                  <c:v>45450</c:v>
                </c:pt>
                <c:pt idx="8925">
                  <c:v>45451</c:v>
                </c:pt>
                <c:pt idx="8926">
                  <c:v>45452</c:v>
                </c:pt>
                <c:pt idx="8927">
                  <c:v>45453</c:v>
                </c:pt>
                <c:pt idx="8928">
                  <c:v>45454</c:v>
                </c:pt>
                <c:pt idx="8929">
                  <c:v>45455</c:v>
                </c:pt>
                <c:pt idx="8930">
                  <c:v>45456</c:v>
                </c:pt>
                <c:pt idx="8931">
                  <c:v>45457</c:v>
                </c:pt>
                <c:pt idx="8932">
                  <c:v>45458</c:v>
                </c:pt>
                <c:pt idx="8933">
                  <c:v>45459</c:v>
                </c:pt>
                <c:pt idx="8934">
                  <c:v>45460</c:v>
                </c:pt>
                <c:pt idx="8935">
                  <c:v>45461</c:v>
                </c:pt>
                <c:pt idx="8936">
                  <c:v>45462</c:v>
                </c:pt>
                <c:pt idx="8937">
                  <c:v>45463</c:v>
                </c:pt>
                <c:pt idx="8938">
                  <c:v>45464</c:v>
                </c:pt>
                <c:pt idx="8939">
                  <c:v>45465</c:v>
                </c:pt>
                <c:pt idx="8940">
                  <c:v>45466</c:v>
                </c:pt>
                <c:pt idx="8941">
                  <c:v>45467</c:v>
                </c:pt>
                <c:pt idx="8942">
                  <c:v>45468</c:v>
                </c:pt>
                <c:pt idx="8943">
                  <c:v>45469</c:v>
                </c:pt>
                <c:pt idx="8944">
                  <c:v>45470</c:v>
                </c:pt>
                <c:pt idx="8945">
                  <c:v>45471</c:v>
                </c:pt>
                <c:pt idx="8946">
                  <c:v>45472</c:v>
                </c:pt>
                <c:pt idx="8947">
                  <c:v>45473</c:v>
                </c:pt>
              </c:numCache>
            </c:numRef>
          </c:cat>
          <c:val>
            <c:numRef>
              <c:f>Sheet1!$O$5:$O$8952</c:f>
              <c:numCache>
                <c:formatCode>0.00%</c:formatCode>
                <c:ptCount val="8948"/>
                <c:pt idx="0">
                  <c:v>0</c:v>
                </c:pt>
                <c:pt idx="1">
                  <c:v>0</c:v>
                </c:pt>
                <c:pt idx="2">
                  <c:v>0</c:v>
                </c:pt>
                <c:pt idx="3">
                  <c:v>0</c:v>
                </c:pt>
                <c:pt idx="4">
                  <c:v>0</c:v>
                </c:pt>
                <c:pt idx="5">
                  <c:v>0</c:v>
                </c:pt>
                <c:pt idx="6">
                  <c:v>0</c:v>
                </c:pt>
                <c:pt idx="7">
                  <c:v>0</c:v>
                </c:pt>
                <c:pt idx="8">
                  <c:v>0</c:v>
                </c:pt>
                <c:pt idx="9">
                  <c:v>0</c:v>
                </c:pt>
                <c:pt idx="10">
                  <c:v>0</c:v>
                </c:pt>
                <c:pt idx="11">
                  <c:v>0</c:v>
                </c:pt>
                <c:pt idx="12">
                  <c:v>0</c:v>
                </c:pt>
                <c:pt idx="13">
                  <c:v>0</c:v>
                </c:pt>
                <c:pt idx="14">
                  <c:v>0</c:v>
                </c:pt>
                <c:pt idx="15">
                  <c:v>0</c:v>
                </c:pt>
                <c:pt idx="16">
                  <c:v>0</c:v>
                </c:pt>
                <c:pt idx="17">
                  <c:v>0</c:v>
                </c:pt>
                <c:pt idx="18">
                  <c:v>0</c:v>
                </c:pt>
                <c:pt idx="19">
                  <c:v>0</c:v>
                </c:pt>
                <c:pt idx="20">
                  <c:v>0</c:v>
                </c:pt>
                <c:pt idx="21">
                  <c:v>0</c:v>
                </c:pt>
                <c:pt idx="22">
                  <c:v>0</c:v>
                </c:pt>
                <c:pt idx="23">
                  <c:v>0</c:v>
                </c:pt>
                <c:pt idx="24">
                  <c:v>0</c:v>
                </c:pt>
                <c:pt idx="25">
                  <c:v>0</c:v>
                </c:pt>
                <c:pt idx="26">
                  <c:v>0</c:v>
                </c:pt>
                <c:pt idx="27">
                  <c:v>0</c:v>
                </c:pt>
                <c:pt idx="28">
                  <c:v>0</c:v>
                </c:pt>
                <c:pt idx="29">
                  <c:v>0</c:v>
                </c:pt>
                <c:pt idx="30">
                  <c:v>0</c:v>
                </c:pt>
                <c:pt idx="31">
                  <c:v>0</c:v>
                </c:pt>
                <c:pt idx="32">
                  <c:v>0</c:v>
                </c:pt>
                <c:pt idx="33">
                  <c:v>0</c:v>
                </c:pt>
                <c:pt idx="34">
                  <c:v>0</c:v>
                </c:pt>
                <c:pt idx="35">
                  <c:v>0</c:v>
                </c:pt>
                <c:pt idx="36">
                  <c:v>0</c:v>
                </c:pt>
                <c:pt idx="37">
                  <c:v>0</c:v>
                </c:pt>
                <c:pt idx="38">
                  <c:v>0</c:v>
                </c:pt>
                <c:pt idx="39">
                  <c:v>0</c:v>
                </c:pt>
                <c:pt idx="40">
                  <c:v>0</c:v>
                </c:pt>
                <c:pt idx="41">
                  <c:v>0</c:v>
                </c:pt>
                <c:pt idx="42">
                  <c:v>0</c:v>
                </c:pt>
                <c:pt idx="43">
                  <c:v>0</c:v>
                </c:pt>
                <c:pt idx="44">
                  <c:v>0</c:v>
                </c:pt>
                <c:pt idx="45">
                  <c:v>0</c:v>
                </c:pt>
                <c:pt idx="46">
                  <c:v>0</c:v>
                </c:pt>
                <c:pt idx="47">
                  <c:v>0</c:v>
                </c:pt>
                <c:pt idx="48">
                  <c:v>0</c:v>
                </c:pt>
                <c:pt idx="49">
                  <c:v>0</c:v>
                </c:pt>
                <c:pt idx="50">
                  <c:v>0</c:v>
                </c:pt>
                <c:pt idx="51">
                  <c:v>0</c:v>
                </c:pt>
                <c:pt idx="52">
                  <c:v>0</c:v>
                </c:pt>
                <c:pt idx="53">
                  <c:v>0</c:v>
                </c:pt>
                <c:pt idx="54">
                  <c:v>0</c:v>
                </c:pt>
                <c:pt idx="55">
                  <c:v>0</c:v>
                </c:pt>
                <c:pt idx="56">
                  <c:v>0</c:v>
                </c:pt>
                <c:pt idx="57">
                  <c:v>0</c:v>
                </c:pt>
                <c:pt idx="58">
                  <c:v>0</c:v>
                </c:pt>
                <c:pt idx="59">
                  <c:v>0</c:v>
                </c:pt>
                <c:pt idx="60">
                  <c:v>0</c:v>
                </c:pt>
                <c:pt idx="61">
                  <c:v>0</c:v>
                </c:pt>
                <c:pt idx="62">
                  <c:v>0</c:v>
                </c:pt>
                <c:pt idx="63">
                  <c:v>0</c:v>
                </c:pt>
                <c:pt idx="64">
                  <c:v>0</c:v>
                </c:pt>
                <c:pt idx="65">
                  <c:v>0</c:v>
                </c:pt>
                <c:pt idx="66">
                  <c:v>0</c:v>
                </c:pt>
                <c:pt idx="67">
                  <c:v>0</c:v>
                </c:pt>
                <c:pt idx="68">
                  <c:v>0</c:v>
                </c:pt>
                <c:pt idx="69">
                  <c:v>0</c:v>
                </c:pt>
                <c:pt idx="70">
                  <c:v>0</c:v>
                </c:pt>
                <c:pt idx="71">
                  <c:v>0</c:v>
                </c:pt>
                <c:pt idx="72">
                  <c:v>0</c:v>
                </c:pt>
                <c:pt idx="73">
                  <c:v>0</c:v>
                </c:pt>
                <c:pt idx="74">
                  <c:v>0</c:v>
                </c:pt>
                <c:pt idx="75">
                  <c:v>0</c:v>
                </c:pt>
                <c:pt idx="76">
                  <c:v>0</c:v>
                </c:pt>
                <c:pt idx="77">
                  <c:v>0</c:v>
                </c:pt>
                <c:pt idx="78">
                  <c:v>0</c:v>
                </c:pt>
                <c:pt idx="79">
                  <c:v>0</c:v>
                </c:pt>
                <c:pt idx="80">
                  <c:v>0</c:v>
                </c:pt>
                <c:pt idx="81">
                  <c:v>0</c:v>
                </c:pt>
                <c:pt idx="82">
                  <c:v>0</c:v>
                </c:pt>
                <c:pt idx="83">
                  <c:v>0</c:v>
                </c:pt>
                <c:pt idx="84">
                  <c:v>0</c:v>
                </c:pt>
                <c:pt idx="85">
                  <c:v>0</c:v>
                </c:pt>
                <c:pt idx="86">
                  <c:v>0</c:v>
                </c:pt>
                <c:pt idx="87">
                  <c:v>0</c:v>
                </c:pt>
                <c:pt idx="88">
                  <c:v>0</c:v>
                </c:pt>
                <c:pt idx="89">
                  <c:v>0</c:v>
                </c:pt>
                <c:pt idx="90">
                  <c:v>0</c:v>
                </c:pt>
                <c:pt idx="91">
                  <c:v>0</c:v>
                </c:pt>
                <c:pt idx="92">
                  <c:v>0</c:v>
                </c:pt>
                <c:pt idx="93">
                  <c:v>0</c:v>
                </c:pt>
                <c:pt idx="94">
                  <c:v>0</c:v>
                </c:pt>
                <c:pt idx="95">
                  <c:v>0</c:v>
                </c:pt>
                <c:pt idx="96">
                  <c:v>0</c:v>
                </c:pt>
                <c:pt idx="97">
                  <c:v>0</c:v>
                </c:pt>
                <c:pt idx="98">
                  <c:v>0</c:v>
                </c:pt>
                <c:pt idx="99">
                  <c:v>0</c:v>
                </c:pt>
                <c:pt idx="100">
                  <c:v>0</c:v>
                </c:pt>
                <c:pt idx="101">
                  <c:v>0</c:v>
                </c:pt>
                <c:pt idx="102">
                  <c:v>0</c:v>
                </c:pt>
                <c:pt idx="103">
                  <c:v>0</c:v>
                </c:pt>
                <c:pt idx="104">
                  <c:v>0</c:v>
                </c:pt>
                <c:pt idx="105">
                  <c:v>0</c:v>
                </c:pt>
                <c:pt idx="106">
                  <c:v>0</c:v>
                </c:pt>
                <c:pt idx="107">
                  <c:v>0</c:v>
                </c:pt>
                <c:pt idx="108">
                  <c:v>0</c:v>
                </c:pt>
                <c:pt idx="109">
                  <c:v>0</c:v>
                </c:pt>
                <c:pt idx="110">
                  <c:v>0</c:v>
                </c:pt>
                <c:pt idx="111">
                  <c:v>0</c:v>
                </c:pt>
                <c:pt idx="112">
                  <c:v>0</c:v>
                </c:pt>
                <c:pt idx="113">
                  <c:v>0</c:v>
                </c:pt>
                <c:pt idx="114">
                  <c:v>0</c:v>
                </c:pt>
                <c:pt idx="115">
                  <c:v>0</c:v>
                </c:pt>
                <c:pt idx="116">
                  <c:v>0</c:v>
                </c:pt>
                <c:pt idx="117">
                  <c:v>0</c:v>
                </c:pt>
                <c:pt idx="118">
                  <c:v>0</c:v>
                </c:pt>
                <c:pt idx="119">
                  <c:v>0</c:v>
                </c:pt>
                <c:pt idx="120">
                  <c:v>0</c:v>
                </c:pt>
                <c:pt idx="121">
                  <c:v>0</c:v>
                </c:pt>
                <c:pt idx="122">
                  <c:v>0</c:v>
                </c:pt>
                <c:pt idx="123">
                  <c:v>0</c:v>
                </c:pt>
                <c:pt idx="124">
                  <c:v>0</c:v>
                </c:pt>
                <c:pt idx="125">
                  <c:v>0</c:v>
                </c:pt>
                <c:pt idx="126">
                  <c:v>0</c:v>
                </c:pt>
                <c:pt idx="127">
                  <c:v>0</c:v>
                </c:pt>
                <c:pt idx="128">
                  <c:v>0</c:v>
                </c:pt>
                <c:pt idx="129">
                  <c:v>0</c:v>
                </c:pt>
                <c:pt idx="130">
                  <c:v>0</c:v>
                </c:pt>
                <c:pt idx="131">
                  <c:v>0</c:v>
                </c:pt>
                <c:pt idx="132">
                  <c:v>0</c:v>
                </c:pt>
                <c:pt idx="133">
                  <c:v>0</c:v>
                </c:pt>
                <c:pt idx="134">
                  <c:v>0</c:v>
                </c:pt>
                <c:pt idx="135">
                  <c:v>0</c:v>
                </c:pt>
                <c:pt idx="136">
                  <c:v>0</c:v>
                </c:pt>
                <c:pt idx="137">
                  <c:v>0</c:v>
                </c:pt>
                <c:pt idx="138">
                  <c:v>0</c:v>
                </c:pt>
                <c:pt idx="139">
                  <c:v>0</c:v>
                </c:pt>
                <c:pt idx="140">
                  <c:v>0</c:v>
                </c:pt>
                <c:pt idx="141">
                  <c:v>0</c:v>
                </c:pt>
                <c:pt idx="142">
                  <c:v>0</c:v>
                </c:pt>
                <c:pt idx="143">
                  <c:v>0</c:v>
                </c:pt>
                <c:pt idx="144">
                  <c:v>0</c:v>
                </c:pt>
                <c:pt idx="145">
                  <c:v>0</c:v>
                </c:pt>
                <c:pt idx="146">
                  <c:v>0</c:v>
                </c:pt>
                <c:pt idx="147">
                  <c:v>0</c:v>
                </c:pt>
                <c:pt idx="148">
                  <c:v>0</c:v>
                </c:pt>
                <c:pt idx="149">
                  <c:v>0</c:v>
                </c:pt>
                <c:pt idx="150">
                  <c:v>0</c:v>
                </c:pt>
                <c:pt idx="151">
                  <c:v>0</c:v>
                </c:pt>
                <c:pt idx="152">
                  <c:v>0</c:v>
                </c:pt>
                <c:pt idx="153">
                  <c:v>0</c:v>
                </c:pt>
                <c:pt idx="154">
                  <c:v>0</c:v>
                </c:pt>
                <c:pt idx="155">
                  <c:v>0</c:v>
                </c:pt>
                <c:pt idx="156">
                  <c:v>0</c:v>
                </c:pt>
                <c:pt idx="157">
                  <c:v>0</c:v>
                </c:pt>
                <c:pt idx="158">
                  <c:v>0</c:v>
                </c:pt>
                <c:pt idx="159">
                  <c:v>0</c:v>
                </c:pt>
                <c:pt idx="160">
                  <c:v>0</c:v>
                </c:pt>
                <c:pt idx="161">
                  <c:v>0</c:v>
                </c:pt>
                <c:pt idx="162">
                  <c:v>0</c:v>
                </c:pt>
                <c:pt idx="163">
                  <c:v>0</c:v>
                </c:pt>
                <c:pt idx="164">
                  <c:v>0</c:v>
                </c:pt>
                <c:pt idx="165">
                  <c:v>0</c:v>
                </c:pt>
                <c:pt idx="166">
                  <c:v>0</c:v>
                </c:pt>
                <c:pt idx="167">
                  <c:v>0</c:v>
                </c:pt>
                <c:pt idx="168">
                  <c:v>0</c:v>
                </c:pt>
                <c:pt idx="169">
                  <c:v>0</c:v>
                </c:pt>
                <c:pt idx="170">
                  <c:v>0</c:v>
                </c:pt>
                <c:pt idx="171">
                  <c:v>0</c:v>
                </c:pt>
                <c:pt idx="172">
                  <c:v>0</c:v>
                </c:pt>
                <c:pt idx="173">
                  <c:v>0</c:v>
                </c:pt>
                <c:pt idx="174">
                  <c:v>0</c:v>
                </c:pt>
                <c:pt idx="175">
                  <c:v>0</c:v>
                </c:pt>
                <c:pt idx="176">
                  <c:v>0</c:v>
                </c:pt>
                <c:pt idx="177">
                  <c:v>0</c:v>
                </c:pt>
                <c:pt idx="178">
                  <c:v>0</c:v>
                </c:pt>
                <c:pt idx="179">
                  <c:v>0</c:v>
                </c:pt>
                <c:pt idx="180">
                  <c:v>0</c:v>
                </c:pt>
                <c:pt idx="181">
                  <c:v>0</c:v>
                </c:pt>
                <c:pt idx="182">
                  <c:v>0</c:v>
                </c:pt>
                <c:pt idx="183">
                  <c:v>0</c:v>
                </c:pt>
                <c:pt idx="184">
                  <c:v>0</c:v>
                </c:pt>
                <c:pt idx="185">
                  <c:v>0</c:v>
                </c:pt>
                <c:pt idx="186">
                  <c:v>0</c:v>
                </c:pt>
                <c:pt idx="187">
                  <c:v>0</c:v>
                </c:pt>
                <c:pt idx="188">
                  <c:v>0</c:v>
                </c:pt>
                <c:pt idx="189">
                  <c:v>0</c:v>
                </c:pt>
                <c:pt idx="190">
                  <c:v>0</c:v>
                </c:pt>
                <c:pt idx="191">
                  <c:v>0</c:v>
                </c:pt>
                <c:pt idx="192">
                  <c:v>0</c:v>
                </c:pt>
                <c:pt idx="193">
                  <c:v>0</c:v>
                </c:pt>
                <c:pt idx="194">
                  <c:v>0</c:v>
                </c:pt>
                <c:pt idx="195">
                  <c:v>0</c:v>
                </c:pt>
                <c:pt idx="196">
                  <c:v>0</c:v>
                </c:pt>
                <c:pt idx="197">
                  <c:v>0</c:v>
                </c:pt>
                <c:pt idx="198">
                  <c:v>0</c:v>
                </c:pt>
                <c:pt idx="199">
                  <c:v>0</c:v>
                </c:pt>
                <c:pt idx="200">
                  <c:v>0</c:v>
                </c:pt>
                <c:pt idx="201">
                  <c:v>0</c:v>
                </c:pt>
                <c:pt idx="202">
                  <c:v>0</c:v>
                </c:pt>
                <c:pt idx="203">
                  <c:v>0</c:v>
                </c:pt>
                <c:pt idx="204">
                  <c:v>0</c:v>
                </c:pt>
                <c:pt idx="205">
                  <c:v>0</c:v>
                </c:pt>
                <c:pt idx="206">
                  <c:v>0</c:v>
                </c:pt>
                <c:pt idx="207">
                  <c:v>0</c:v>
                </c:pt>
                <c:pt idx="208">
                  <c:v>0</c:v>
                </c:pt>
                <c:pt idx="209">
                  <c:v>0</c:v>
                </c:pt>
                <c:pt idx="210">
                  <c:v>0</c:v>
                </c:pt>
                <c:pt idx="211">
                  <c:v>0</c:v>
                </c:pt>
                <c:pt idx="212">
                  <c:v>0</c:v>
                </c:pt>
                <c:pt idx="213">
                  <c:v>0</c:v>
                </c:pt>
                <c:pt idx="214">
                  <c:v>0</c:v>
                </c:pt>
                <c:pt idx="215">
                  <c:v>0</c:v>
                </c:pt>
                <c:pt idx="216">
                  <c:v>0</c:v>
                </c:pt>
                <c:pt idx="217">
                  <c:v>0</c:v>
                </c:pt>
                <c:pt idx="218">
                  <c:v>0</c:v>
                </c:pt>
                <c:pt idx="219">
                  <c:v>0</c:v>
                </c:pt>
                <c:pt idx="220">
                  <c:v>0</c:v>
                </c:pt>
                <c:pt idx="221">
                  <c:v>0</c:v>
                </c:pt>
                <c:pt idx="222">
                  <c:v>0</c:v>
                </c:pt>
                <c:pt idx="223">
                  <c:v>2.5000000000000001E-3</c:v>
                </c:pt>
                <c:pt idx="224">
                  <c:v>2.5000000000000001E-3</c:v>
                </c:pt>
                <c:pt idx="225">
                  <c:v>2.5000000000000001E-3</c:v>
                </c:pt>
                <c:pt idx="226">
                  <c:v>2.5000000000000001E-3</c:v>
                </c:pt>
                <c:pt idx="227">
                  <c:v>2.5000000000000001E-3</c:v>
                </c:pt>
                <c:pt idx="228">
                  <c:v>2.5000000000000001E-3</c:v>
                </c:pt>
                <c:pt idx="229">
                  <c:v>2.5000000000000001E-3</c:v>
                </c:pt>
                <c:pt idx="230">
                  <c:v>2.5000000000000001E-3</c:v>
                </c:pt>
                <c:pt idx="231">
                  <c:v>2.5000000000000001E-3</c:v>
                </c:pt>
                <c:pt idx="232">
                  <c:v>2.5000000000000001E-3</c:v>
                </c:pt>
                <c:pt idx="233">
                  <c:v>2.5000000000000001E-3</c:v>
                </c:pt>
                <c:pt idx="234">
                  <c:v>2.5000000000000001E-3</c:v>
                </c:pt>
                <c:pt idx="235">
                  <c:v>2.5000000000000001E-3</c:v>
                </c:pt>
                <c:pt idx="236">
                  <c:v>2.5000000000000001E-3</c:v>
                </c:pt>
                <c:pt idx="237">
                  <c:v>2.5000000000000001E-3</c:v>
                </c:pt>
                <c:pt idx="238">
                  <c:v>2.5000000000000001E-3</c:v>
                </c:pt>
                <c:pt idx="239">
                  <c:v>2.5000000000000001E-3</c:v>
                </c:pt>
                <c:pt idx="240">
                  <c:v>2.5000000000000001E-3</c:v>
                </c:pt>
                <c:pt idx="241">
                  <c:v>2.5000000000000001E-3</c:v>
                </c:pt>
                <c:pt idx="242">
                  <c:v>2.5000000000000001E-3</c:v>
                </c:pt>
                <c:pt idx="243">
                  <c:v>2.5000000000000001E-3</c:v>
                </c:pt>
                <c:pt idx="244">
                  <c:v>2.5000000000000001E-3</c:v>
                </c:pt>
                <c:pt idx="245">
                  <c:v>2.5000000000000001E-3</c:v>
                </c:pt>
                <c:pt idx="246">
                  <c:v>2.5000000000000001E-3</c:v>
                </c:pt>
                <c:pt idx="247">
                  <c:v>2.5000000000000001E-3</c:v>
                </c:pt>
                <c:pt idx="248">
                  <c:v>2.5000000000000001E-3</c:v>
                </c:pt>
                <c:pt idx="249">
                  <c:v>2.5000000000000001E-3</c:v>
                </c:pt>
                <c:pt idx="250">
                  <c:v>2.5000000000000001E-3</c:v>
                </c:pt>
                <c:pt idx="251">
                  <c:v>2.5000000000000001E-3</c:v>
                </c:pt>
                <c:pt idx="252">
                  <c:v>2.5000000000000001E-3</c:v>
                </c:pt>
                <c:pt idx="253">
                  <c:v>2.5000000000000001E-3</c:v>
                </c:pt>
                <c:pt idx="254">
                  <c:v>2.5000000000000001E-3</c:v>
                </c:pt>
                <c:pt idx="255">
                  <c:v>2.5000000000000001E-3</c:v>
                </c:pt>
                <c:pt idx="256">
                  <c:v>2.5000000000000001E-3</c:v>
                </c:pt>
                <c:pt idx="257">
                  <c:v>2.5000000000000001E-3</c:v>
                </c:pt>
                <c:pt idx="258">
                  <c:v>2.5000000000000001E-3</c:v>
                </c:pt>
                <c:pt idx="259">
                  <c:v>2.5000000000000001E-3</c:v>
                </c:pt>
                <c:pt idx="260">
                  <c:v>2.5000000000000001E-3</c:v>
                </c:pt>
                <c:pt idx="261">
                  <c:v>2.5000000000000001E-3</c:v>
                </c:pt>
                <c:pt idx="262">
                  <c:v>2.5000000000000001E-3</c:v>
                </c:pt>
                <c:pt idx="263">
                  <c:v>2.5000000000000001E-3</c:v>
                </c:pt>
                <c:pt idx="264">
                  <c:v>2.5000000000000001E-3</c:v>
                </c:pt>
                <c:pt idx="265">
                  <c:v>2.5000000000000001E-3</c:v>
                </c:pt>
                <c:pt idx="266">
                  <c:v>2.5000000000000001E-3</c:v>
                </c:pt>
                <c:pt idx="267">
                  <c:v>2.5000000000000001E-3</c:v>
                </c:pt>
                <c:pt idx="268">
                  <c:v>2.5000000000000001E-3</c:v>
                </c:pt>
                <c:pt idx="269">
                  <c:v>2.5000000000000001E-3</c:v>
                </c:pt>
                <c:pt idx="270">
                  <c:v>2.5000000000000001E-3</c:v>
                </c:pt>
                <c:pt idx="271">
                  <c:v>2.5000000000000001E-3</c:v>
                </c:pt>
                <c:pt idx="272">
                  <c:v>2.5000000000000001E-3</c:v>
                </c:pt>
                <c:pt idx="273">
                  <c:v>2.5000000000000001E-3</c:v>
                </c:pt>
                <c:pt idx="274">
                  <c:v>2.5000000000000001E-3</c:v>
                </c:pt>
                <c:pt idx="275">
                  <c:v>2.5000000000000001E-3</c:v>
                </c:pt>
                <c:pt idx="276">
                  <c:v>2.5000000000000001E-3</c:v>
                </c:pt>
                <c:pt idx="277">
                  <c:v>2.5000000000000001E-3</c:v>
                </c:pt>
                <c:pt idx="278">
                  <c:v>2.5000000000000001E-3</c:v>
                </c:pt>
                <c:pt idx="279">
                  <c:v>2.5000000000000001E-3</c:v>
                </c:pt>
                <c:pt idx="280">
                  <c:v>2.5000000000000001E-3</c:v>
                </c:pt>
                <c:pt idx="281">
                  <c:v>2.5000000000000001E-3</c:v>
                </c:pt>
                <c:pt idx="282">
                  <c:v>2.5000000000000001E-3</c:v>
                </c:pt>
                <c:pt idx="283">
                  <c:v>2.5000000000000001E-3</c:v>
                </c:pt>
                <c:pt idx="284">
                  <c:v>2.5000000000000001E-3</c:v>
                </c:pt>
                <c:pt idx="285">
                  <c:v>2.5000000000000001E-3</c:v>
                </c:pt>
                <c:pt idx="286">
                  <c:v>2.5000000000000001E-3</c:v>
                </c:pt>
                <c:pt idx="287">
                  <c:v>2.5000000000000001E-3</c:v>
                </c:pt>
                <c:pt idx="288">
                  <c:v>2.5000000000000001E-3</c:v>
                </c:pt>
                <c:pt idx="289">
                  <c:v>2.5000000000000001E-3</c:v>
                </c:pt>
                <c:pt idx="290">
                  <c:v>2.5000000000000001E-3</c:v>
                </c:pt>
                <c:pt idx="291">
                  <c:v>2.5000000000000001E-3</c:v>
                </c:pt>
                <c:pt idx="292">
                  <c:v>2.5000000000000001E-3</c:v>
                </c:pt>
                <c:pt idx="293">
                  <c:v>2.5000000000000001E-3</c:v>
                </c:pt>
                <c:pt idx="294">
                  <c:v>2.5000000000000001E-3</c:v>
                </c:pt>
                <c:pt idx="295">
                  <c:v>2.5000000000000001E-3</c:v>
                </c:pt>
                <c:pt idx="296">
                  <c:v>2.5000000000000001E-3</c:v>
                </c:pt>
                <c:pt idx="297">
                  <c:v>2.5000000000000001E-3</c:v>
                </c:pt>
                <c:pt idx="298">
                  <c:v>2.5000000000000001E-3</c:v>
                </c:pt>
                <c:pt idx="299">
                  <c:v>2.5000000000000001E-3</c:v>
                </c:pt>
                <c:pt idx="300">
                  <c:v>2.5000000000000001E-3</c:v>
                </c:pt>
                <c:pt idx="301">
                  <c:v>2.5000000000000001E-3</c:v>
                </c:pt>
                <c:pt idx="302">
                  <c:v>2.5000000000000001E-3</c:v>
                </c:pt>
                <c:pt idx="303">
                  <c:v>2.5000000000000001E-3</c:v>
                </c:pt>
                <c:pt idx="304">
                  <c:v>2.5000000000000001E-3</c:v>
                </c:pt>
                <c:pt idx="305">
                  <c:v>2.5000000000000001E-3</c:v>
                </c:pt>
                <c:pt idx="306">
                  <c:v>2.5000000000000001E-3</c:v>
                </c:pt>
                <c:pt idx="307">
                  <c:v>2.5000000000000001E-3</c:v>
                </c:pt>
                <c:pt idx="308">
                  <c:v>2.5000000000000001E-3</c:v>
                </c:pt>
                <c:pt idx="309">
                  <c:v>2.5000000000000001E-3</c:v>
                </c:pt>
                <c:pt idx="310">
                  <c:v>2.5000000000000001E-3</c:v>
                </c:pt>
                <c:pt idx="311">
                  <c:v>2.5000000000000001E-3</c:v>
                </c:pt>
                <c:pt idx="312">
                  <c:v>2.5000000000000001E-3</c:v>
                </c:pt>
                <c:pt idx="313">
                  <c:v>2.5000000000000001E-3</c:v>
                </c:pt>
                <c:pt idx="314">
                  <c:v>2.5000000000000001E-3</c:v>
                </c:pt>
                <c:pt idx="315">
                  <c:v>2.5000000000000001E-3</c:v>
                </c:pt>
                <c:pt idx="316">
                  <c:v>2.5000000000000001E-3</c:v>
                </c:pt>
                <c:pt idx="317">
                  <c:v>2.5000000000000001E-3</c:v>
                </c:pt>
                <c:pt idx="318">
                  <c:v>2.5000000000000001E-3</c:v>
                </c:pt>
                <c:pt idx="319">
                  <c:v>2.5000000000000001E-3</c:v>
                </c:pt>
                <c:pt idx="320">
                  <c:v>2.5000000000000001E-3</c:v>
                </c:pt>
                <c:pt idx="321">
                  <c:v>2.5000000000000001E-3</c:v>
                </c:pt>
                <c:pt idx="322">
                  <c:v>2.5000000000000001E-3</c:v>
                </c:pt>
                <c:pt idx="323">
                  <c:v>2.5000000000000001E-3</c:v>
                </c:pt>
                <c:pt idx="324">
                  <c:v>2.5000000000000001E-3</c:v>
                </c:pt>
                <c:pt idx="325">
                  <c:v>2.5000000000000001E-3</c:v>
                </c:pt>
                <c:pt idx="326">
                  <c:v>2.5000000000000001E-3</c:v>
                </c:pt>
                <c:pt idx="327">
                  <c:v>2.5000000000000001E-3</c:v>
                </c:pt>
                <c:pt idx="328">
                  <c:v>2.5000000000000001E-3</c:v>
                </c:pt>
                <c:pt idx="329">
                  <c:v>2.5000000000000001E-3</c:v>
                </c:pt>
                <c:pt idx="330">
                  <c:v>2.5000000000000001E-3</c:v>
                </c:pt>
                <c:pt idx="331">
                  <c:v>2.5000000000000001E-3</c:v>
                </c:pt>
                <c:pt idx="332">
                  <c:v>2.5000000000000001E-3</c:v>
                </c:pt>
                <c:pt idx="333">
                  <c:v>2.5000000000000001E-3</c:v>
                </c:pt>
                <c:pt idx="334">
                  <c:v>2.5000000000000001E-3</c:v>
                </c:pt>
                <c:pt idx="335">
                  <c:v>2.5000000000000001E-3</c:v>
                </c:pt>
                <c:pt idx="336">
                  <c:v>2.5000000000000001E-3</c:v>
                </c:pt>
                <c:pt idx="337">
                  <c:v>2.5000000000000001E-3</c:v>
                </c:pt>
                <c:pt idx="338">
                  <c:v>2.5000000000000001E-3</c:v>
                </c:pt>
                <c:pt idx="339">
                  <c:v>2.5000000000000001E-3</c:v>
                </c:pt>
                <c:pt idx="340">
                  <c:v>2.5000000000000001E-3</c:v>
                </c:pt>
                <c:pt idx="341">
                  <c:v>2.5000000000000001E-3</c:v>
                </c:pt>
                <c:pt idx="342">
                  <c:v>2.5000000000000001E-3</c:v>
                </c:pt>
                <c:pt idx="343">
                  <c:v>2.5000000000000001E-3</c:v>
                </c:pt>
                <c:pt idx="344">
                  <c:v>2.5000000000000001E-3</c:v>
                </c:pt>
                <c:pt idx="345">
                  <c:v>2.5000000000000001E-3</c:v>
                </c:pt>
                <c:pt idx="346">
                  <c:v>2.5000000000000001E-3</c:v>
                </c:pt>
                <c:pt idx="347">
                  <c:v>2.5000000000000001E-3</c:v>
                </c:pt>
                <c:pt idx="348">
                  <c:v>2.5000000000000001E-3</c:v>
                </c:pt>
                <c:pt idx="349">
                  <c:v>2.5000000000000001E-3</c:v>
                </c:pt>
                <c:pt idx="350">
                  <c:v>2.5000000000000001E-3</c:v>
                </c:pt>
                <c:pt idx="351">
                  <c:v>2.5000000000000001E-3</c:v>
                </c:pt>
                <c:pt idx="352">
                  <c:v>2.5000000000000001E-3</c:v>
                </c:pt>
                <c:pt idx="353">
                  <c:v>2.5000000000000001E-3</c:v>
                </c:pt>
                <c:pt idx="354">
                  <c:v>2.5000000000000001E-3</c:v>
                </c:pt>
                <c:pt idx="355">
                  <c:v>2.5000000000000001E-3</c:v>
                </c:pt>
                <c:pt idx="356">
                  <c:v>2.5000000000000001E-3</c:v>
                </c:pt>
                <c:pt idx="357">
                  <c:v>2.5000000000000001E-3</c:v>
                </c:pt>
                <c:pt idx="358">
                  <c:v>2.5000000000000001E-3</c:v>
                </c:pt>
                <c:pt idx="359">
                  <c:v>2.5000000000000001E-3</c:v>
                </c:pt>
                <c:pt idx="360">
                  <c:v>2.5000000000000001E-3</c:v>
                </c:pt>
                <c:pt idx="361">
                  <c:v>2.5000000000000001E-3</c:v>
                </c:pt>
                <c:pt idx="362">
                  <c:v>2.5000000000000001E-3</c:v>
                </c:pt>
                <c:pt idx="363">
                  <c:v>2.5000000000000001E-3</c:v>
                </c:pt>
                <c:pt idx="364">
                  <c:v>2.5000000000000001E-3</c:v>
                </c:pt>
                <c:pt idx="365">
                  <c:v>2.5000000000000001E-3</c:v>
                </c:pt>
                <c:pt idx="366">
                  <c:v>2.5000000000000001E-3</c:v>
                </c:pt>
                <c:pt idx="367">
                  <c:v>2.5000000000000001E-3</c:v>
                </c:pt>
                <c:pt idx="368">
                  <c:v>2.5000000000000001E-3</c:v>
                </c:pt>
                <c:pt idx="369">
                  <c:v>2.5000000000000001E-3</c:v>
                </c:pt>
                <c:pt idx="370">
                  <c:v>2.5000000000000001E-3</c:v>
                </c:pt>
                <c:pt idx="371">
                  <c:v>2.5000000000000001E-3</c:v>
                </c:pt>
                <c:pt idx="372">
                  <c:v>2.5000000000000001E-3</c:v>
                </c:pt>
                <c:pt idx="373">
                  <c:v>2.5000000000000001E-3</c:v>
                </c:pt>
                <c:pt idx="374">
                  <c:v>2.5000000000000001E-3</c:v>
                </c:pt>
                <c:pt idx="375">
                  <c:v>2.5000000000000001E-3</c:v>
                </c:pt>
                <c:pt idx="376">
                  <c:v>2.5000000000000001E-3</c:v>
                </c:pt>
                <c:pt idx="377">
                  <c:v>2.5000000000000001E-3</c:v>
                </c:pt>
                <c:pt idx="378">
                  <c:v>2.5000000000000001E-3</c:v>
                </c:pt>
                <c:pt idx="379">
                  <c:v>2.5000000000000001E-3</c:v>
                </c:pt>
                <c:pt idx="380">
                  <c:v>2.5000000000000001E-3</c:v>
                </c:pt>
                <c:pt idx="381">
                  <c:v>2.5000000000000001E-3</c:v>
                </c:pt>
                <c:pt idx="382">
                  <c:v>2.5000000000000001E-3</c:v>
                </c:pt>
                <c:pt idx="383">
                  <c:v>2.5000000000000001E-3</c:v>
                </c:pt>
                <c:pt idx="384">
                  <c:v>2.5000000000000001E-3</c:v>
                </c:pt>
                <c:pt idx="385">
                  <c:v>2.5000000000000001E-3</c:v>
                </c:pt>
                <c:pt idx="386">
                  <c:v>2.5000000000000001E-3</c:v>
                </c:pt>
                <c:pt idx="387">
                  <c:v>2.5000000000000001E-3</c:v>
                </c:pt>
                <c:pt idx="388">
                  <c:v>2.5000000000000001E-3</c:v>
                </c:pt>
                <c:pt idx="389">
                  <c:v>2.5000000000000001E-3</c:v>
                </c:pt>
                <c:pt idx="390">
                  <c:v>2.5000000000000001E-3</c:v>
                </c:pt>
                <c:pt idx="391">
                  <c:v>2.5000000000000001E-3</c:v>
                </c:pt>
                <c:pt idx="392">
                  <c:v>2.5000000000000001E-3</c:v>
                </c:pt>
                <c:pt idx="393">
                  <c:v>2.5000000000000001E-3</c:v>
                </c:pt>
                <c:pt idx="394">
                  <c:v>2.5000000000000001E-3</c:v>
                </c:pt>
                <c:pt idx="395">
                  <c:v>2.5000000000000001E-3</c:v>
                </c:pt>
                <c:pt idx="396">
                  <c:v>2.5000000000000001E-3</c:v>
                </c:pt>
                <c:pt idx="397">
                  <c:v>2.5000000000000001E-3</c:v>
                </c:pt>
                <c:pt idx="398">
                  <c:v>2.5000000000000001E-3</c:v>
                </c:pt>
                <c:pt idx="399">
                  <c:v>2.5000000000000001E-3</c:v>
                </c:pt>
                <c:pt idx="400">
                  <c:v>2.5000000000000001E-3</c:v>
                </c:pt>
                <c:pt idx="401">
                  <c:v>2.5000000000000001E-3</c:v>
                </c:pt>
                <c:pt idx="402">
                  <c:v>2.5000000000000001E-3</c:v>
                </c:pt>
                <c:pt idx="403">
                  <c:v>2.5000000000000001E-3</c:v>
                </c:pt>
                <c:pt idx="404">
                  <c:v>2.5000000000000001E-3</c:v>
                </c:pt>
                <c:pt idx="405">
                  <c:v>2.5000000000000001E-3</c:v>
                </c:pt>
                <c:pt idx="406">
                  <c:v>2.5000000000000001E-3</c:v>
                </c:pt>
                <c:pt idx="407">
                  <c:v>2.5000000000000001E-3</c:v>
                </c:pt>
                <c:pt idx="408">
                  <c:v>2.5000000000000001E-3</c:v>
                </c:pt>
                <c:pt idx="409">
                  <c:v>2.5000000000000001E-3</c:v>
                </c:pt>
                <c:pt idx="410">
                  <c:v>2.5000000000000001E-3</c:v>
                </c:pt>
                <c:pt idx="411">
                  <c:v>2.5000000000000001E-3</c:v>
                </c:pt>
                <c:pt idx="412">
                  <c:v>2.5000000000000001E-3</c:v>
                </c:pt>
                <c:pt idx="413">
                  <c:v>2.5000000000000001E-3</c:v>
                </c:pt>
                <c:pt idx="414">
                  <c:v>2.5000000000000001E-3</c:v>
                </c:pt>
                <c:pt idx="415">
                  <c:v>2.5000000000000001E-3</c:v>
                </c:pt>
                <c:pt idx="416">
                  <c:v>2.5000000000000001E-3</c:v>
                </c:pt>
                <c:pt idx="417">
                  <c:v>2.5000000000000001E-3</c:v>
                </c:pt>
                <c:pt idx="418">
                  <c:v>2.5000000000000001E-3</c:v>
                </c:pt>
                <c:pt idx="419">
                  <c:v>2.5000000000000001E-3</c:v>
                </c:pt>
                <c:pt idx="420">
                  <c:v>2.5000000000000001E-3</c:v>
                </c:pt>
                <c:pt idx="421">
                  <c:v>2.5000000000000001E-3</c:v>
                </c:pt>
                <c:pt idx="422">
                  <c:v>2.5000000000000001E-3</c:v>
                </c:pt>
                <c:pt idx="423">
                  <c:v>2.5000000000000001E-3</c:v>
                </c:pt>
                <c:pt idx="424">
                  <c:v>1.5E-3</c:v>
                </c:pt>
                <c:pt idx="425">
                  <c:v>1.5E-3</c:v>
                </c:pt>
                <c:pt idx="426">
                  <c:v>1.5E-3</c:v>
                </c:pt>
                <c:pt idx="427">
                  <c:v>1.5E-3</c:v>
                </c:pt>
                <c:pt idx="428">
                  <c:v>1.5E-3</c:v>
                </c:pt>
                <c:pt idx="429">
                  <c:v>1.5E-3</c:v>
                </c:pt>
                <c:pt idx="430">
                  <c:v>1.5E-3</c:v>
                </c:pt>
                <c:pt idx="431">
                  <c:v>1.5E-3</c:v>
                </c:pt>
                <c:pt idx="432">
                  <c:v>1.5E-3</c:v>
                </c:pt>
                <c:pt idx="433">
                  <c:v>1.5E-3</c:v>
                </c:pt>
                <c:pt idx="434">
                  <c:v>1.5E-3</c:v>
                </c:pt>
                <c:pt idx="435">
                  <c:v>1.5E-3</c:v>
                </c:pt>
                <c:pt idx="436">
                  <c:v>1.5E-3</c:v>
                </c:pt>
                <c:pt idx="437">
                  <c:v>1.5E-3</c:v>
                </c:pt>
                <c:pt idx="438">
                  <c:v>1.5E-3</c:v>
                </c:pt>
                <c:pt idx="439">
                  <c:v>1.5E-3</c:v>
                </c:pt>
                <c:pt idx="440">
                  <c:v>1.5E-3</c:v>
                </c:pt>
                <c:pt idx="441">
                  <c:v>1.5E-3</c:v>
                </c:pt>
                <c:pt idx="442">
                  <c:v>1.5E-3</c:v>
                </c:pt>
                <c:pt idx="443">
                  <c:v>0</c:v>
                </c:pt>
                <c:pt idx="444">
                  <c:v>0</c:v>
                </c:pt>
                <c:pt idx="445">
                  <c:v>0</c:v>
                </c:pt>
                <c:pt idx="446">
                  <c:v>0</c:v>
                </c:pt>
                <c:pt idx="447">
                  <c:v>0</c:v>
                </c:pt>
                <c:pt idx="448">
                  <c:v>0</c:v>
                </c:pt>
                <c:pt idx="449">
                  <c:v>0</c:v>
                </c:pt>
                <c:pt idx="450">
                  <c:v>0</c:v>
                </c:pt>
                <c:pt idx="451">
                  <c:v>0</c:v>
                </c:pt>
                <c:pt idx="452">
                  <c:v>0</c:v>
                </c:pt>
                <c:pt idx="453">
                  <c:v>0</c:v>
                </c:pt>
                <c:pt idx="454">
                  <c:v>0</c:v>
                </c:pt>
                <c:pt idx="455">
                  <c:v>0</c:v>
                </c:pt>
                <c:pt idx="456">
                  <c:v>0</c:v>
                </c:pt>
                <c:pt idx="457">
                  <c:v>0</c:v>
                </c:pt>
                <c:pt idx="458">
                  <c:v>0</c:v>
                </c:pt>
                <c:pt idx="459">
                  <c:v>0</c:v>
                </c:pt>
                <c:pt idx="460">
                  <c:v>0</c:v>
                </c:pt>
                <c:pt idx="461">
                  <c:v>0</c:v>
                </c:pt>
                <c:pt idx="462">
                  <c:v>0</c:v>
                </c:pt>
                <c:pt idx="463">
                  <c:v>0</c:v>
                </c:pt>
                <c:pt idx="464">
                  <c:v>0</c:v>
                </c:pt>
                <c:pt idx="465">
                  <c:v>0</c:v>
                </c:pt>
                <c:pt idx="466">
                  <c:v>0</c:v>
                </c:pt>
                <c:pt idx="467">
                  <c:v>0</c:v>
                </c:pt>
                <c:pt idx="468">
                  <c:v>0</c:v>
                </c:pt>
                <c:pt idx="469">
                  <c:v>0</c:v>
                </c:pt>
                <c:pt idx="470">
                  <c:v>0</c:v>
                </c:pt>
                <c:pt idx="471">
                  <c:v>0</c:v>
                </c:pt>
                <c:pt idx="472">
                  <c:v>0</c:v>
                </c:pt>
                <c:pt idx="473">
                  <c:v>0</c:v>
                </c:pt>
                <c:pt idx="474">
                  <c:v>0</c:v>
                </c:pt>
                <c:pt idx="475">
                  <c:v>0</c:v>
                </c:pt>
                <c:pt idx="476">
                  <c:v>0</c:v>
                </c:pt>
                <c:pt idx="477">
                  <c:v>0</c:v>
                </c:pt>
                <c:pt idx="478">
                  <c:v>0</c:v>
                </c:pt>
                <c:pt idx="479">
                  <c:v>0</c:v>
                </c:pt>
                <c:pt idx="480">
                  <c:v>0</c:v>
                </c:pt>
                <c:pt idx="481">
                  <c:v>0</c:v>
                </c:pt>
                <c:pt idx="482">
                  <c:v>0</c:v>
                </c:pt>
                <c:pt idx="483">
                  <c:v>0</c:v>
                </c:pt>
                <c:pt idx="484">
                  <c:v>0</c:v>
                </c:pt>
                <c:pt idx="485">
                  <c:v>0</c:v>
                </c:pt>
                <c:pt idx="486">
                  <c:v>0</c:v>
                </c:pt>
                <c:pt idx="487">
                  <c:v>0</c:v>
                </c:pt>
                <c:pt idx="488">
                  <c:v>0</c:v>
                </c:pt>
                <c:pt idx="489">
                  <c:v>0</c:v>
                </c:pt>
                <c:pt idx="490">
                  <c:v>0</c:v>
                </c:pt>
                <c:pt idx="491">
                  <c:v>0</c:v>
                </c:pt>
                <c:pt idx="492">
                  <c:v>0</c:v>
                </c:pt>
                <c:pt idx="493">
                  <c:v>0</c:v>
                </c:pt>
                <c:pt idx="494">
                  <c:v>0</c:v>
                </c:pt>
                <c:pt idx="495">
                  <c:v>0</c:v>
                </c:pt>
                <c:pt idx="496">
                  <c:v>0</c:v>
                </c:pt>
                <c:pt idx="497">
                  <c:v>0</c:v>
                </c:pt>
                <c:pt idx="498">
                  <c:v>0</c:v>
                </c:pt>
                <c:pt idx="499">
                  <c:v>0</c:v>
                </c:pt>
                <c:pt idx="500">
                  <c:v>0</c:v>
                </c:pt>
                <c:pt idx="501">
                  <c:v>0</c:v>
                </c:pt>
                <c:pt idx="502">
                  <c:v>0</c:v>
                </c:pt>
                <c:pt idx="503">
                  <c:v>0</c:v>
                </c:pt>
                <c:pt idx="504">
                  <c:v>0</c:v>
                </c:pt>
                <c:pt idx="505">
                  <c:v>0</c:v>
                </c:pt>
                <c:pt idx="506">
                  <c:v>0</c:v>
                </c:pt>
                <c:pt idx="507">
                  <c:v>0</c:v>
                </c:pt>
                <c:pt idx="508">
                  <c:v>0</c:v>
                </c:pt>
                <c:pt idx="509">
                  <c:v>0</c:v>
                </c:pt>
                <c:pt idx="510">
                  <c:v>0</c:v>
                </c:pt>
                <c:pt idx="511">
                  <c:v>0</c:v>
                </c:pt>
                <c:pt idx="512">
                  <c:v>0</c:v>
                </c:pt>
                <c:pt idx="513">
                  <c:v>0</c:v>
                </c:pt>
                <c:pt idx="514">
                  <c:v>0</c:v>
                </c:pt>
                <c:pt idx="515">
                  <c:v>0</c:v>
                </c:pt>
                <c:pt idx="516">
                  <c:v>0</c:v>
                </c:pt>
                <c:pt idx="517">
                  <c:v>0</c:v>
                </c:pt>
                <c:pt idx="518">
                  <c:v>0</c:v>
                </c:pt>
                <c:pt idx="519">
                  <c:v>0</c:v>
                </c:pt>
                <c:pt idx="520">
                  <c:v>0</c:v>
                </c:pt>
                <c:pt idx="521">
                  <c:v>0</c:v>
                </c:pt>
                <c:pt idx="522">
                  <c:v>0</c:v>
                </c:pt>
                <c:pt idx="523">
                  <c:v>0</c:v>
                </c:pt>
                <c:pt idx="524">
                  <c:v>0</c:v>
                </c:pt>
                <c:pt idx="525">
                  <c:v>0</c:v>
                </c:pt>
                <c:pt idx="526">
                  <c:v>0</c:v>
                </c:pt>
                <c:pt idx="527">
                  <c:v>0</c:v>
                </c:pt>
                <c:pt idx="528">
                  <c:v>0</c:v>
                </c:pt>
                <c:pt idx="529">
                  <c:v>0</c:v>
                </c:pt>
                <c:pt idx="530">
                  <c:v>0</c:v>
                </c:pt>
                <c:pt idx="531">
                  <c:v>0</c:v>
                </c:pt>
                <c:pt idx="532">
                  <c:v>0</c:v>
                </c:pt>
                <c:pt idx="533">
                  <c:v>0</c:v>
                </c:pt>
                <c:pt idx="534">
                  <c:v>0</c:v>
                </c:pt>
                <c:pt idx="535">
                  <c:v>0</c:v>
                </c:pt>
                <c:pt idx="536">
                  <c:v>0</c:v>
                </c:pt>
                <c:pt idx="537">
                  <c:v>0</c:v>
                </c:pt>
                <c:pt idx="538">
                  <c:v>0</c:v>
                </c:pt>
                <c:pt idx="539">
                  <c:v>0</c:v>
                </c:pt>
                <c:pt idx="540">
                  <c:v>0</c:v>
                </c:pt>
                <c:pt idx="541">
                  <c:v>0</c:v>
                </c:pt>
                <c:pt idx="542">
                  <c:v>0</c:v>
                </c:pt>
                <c:pt idx="543">
                  <c:v>0</c:v>
                </c:pt>
                <c:pt idx="544">
                  <c:v>0</c:v>
                </c:pt>
                <c:pt idx="545">
                  <c:v>0</c:v>
                </c:pt>
                <c:pt idx="546">
                  <c:v>0</c:v>
                </c:pt>
                <c:pt idx="547">
                  <c:v>0</c:v>
                </c:pt>
                <c:pt idx="548">
                  <c:v>0</c:v>
                </c:pt>
                <c:pt idx="549">
                  <c:v>0</c:v>
                </c:pt>
                <c:pt idx="550">
                  <c:v>0</c:v>
                </c:pt>
                <c:pt idx="551">
                  <c:v>0</c:v>
                </c:pt>
                <c:pt idx="552">
                  <c:v>0</c:v>
                </c:pt>
                <c:pt idx="553">
                  <c:v>0</c:v>
                </c:pt>
                <c:pt idx="554">
                  <c:v>0</c:v>
                </c:pt>
                <c:pt idx="555">
                  <c:v>0</c:v>
                </c:pt>
                <c:pt idx="556">
                  <c:v>0</c:v>
                </c:pt>
                <c:pt idx="557">
                  <c:v>0</c:v>
                </c:pt>
                <c:pt idx="558">
                  <c:v>0</c:v>
                </c:pt>
                <c:pt idx="559">
                  <c:v>0</c:v>
                </c:pt>
                <c:pt idx="560">
                  <c:v>0</c:v>
                </c:pt>
                <c:pt idx="561">
                  <c:v>0</c:v>
                </c:pt>
                <c:pt idx="562">
                  <c:v>0</c:v>
                </c:pt>
                <c:pt idx="563">
                  <c:v>0</c:v>
                </c:pt>
                <c:pt idx="564">
                  <c:v>0</c:v>
                </c:pt>
                <c:pt idx="565">
                  <c:v>0</c:v>
                </c:pt>
                <c:pt idx="566">
                  <c:v>0</c:v>
                </c:pt>
                <c:pt idx="567">
                  <c:v>0</c:v>
                </c:pt>
                <c:pt idx="568">
                  <c:v>0</c:v>
                </c:pt>
                <c:pt idx="569">
                  <c:v>0</c:v>
                </c:pt>
                <c:pt idx="570">
                  <c:v>0</c:v>
                </c:pt>
                <c:pt idx="571">
                  <c:v>0</c:v>
                </c:pt>
                <c:pt idx="572">
                  <c:v>0</c:v>
                </c:pt>
                <c:pt idx="573">
                  <c:v>0</c:v>
                </c:pt>
                <c:pt idx="574">
                  <c:v>0</c:v>
                </c:pt>
                <c:pt idx="575">
                  <c:v>0</c:v>
                </c:pt>
                <c:pt idx="576">
                  <c:v>0</c:v>
                </c:pt>
                <c:pt idx="577">
                  <c:v>0</c:v>
                </c:pt>
                <c:pt idx="578">
                  <c:v>0</c:v>
                </c:pt>
                <c:pt idx="579">
                  <c:v>0</c:v>
                </c:pt>
                <c:pt idx="580">
                  <c:v>0</c:v>
                </c:pt>
                <c:pt idx="581">
                  <c:v>0</c:v>
                </c:pt>
                <c:pt idx="582">
                  <c:v>0</c:v>
                </c:pt>
                <c:pt idx="583">
                  <c:v>0</c:v>
                </c:pt>
                <c:pt idx="584">
                  <c:v>0</c:v>
                </c:pt>
                <c:pt idx="585">
                  <c:v>0</c:v>
                </c:pt>
                <c:pt idx="586">
                  <c:v>0</c:v>
                </c:pt>
                <c:pt idx="587">
                  <c:v>0</c:v>
                </c:pt>
                <c:pt idx="588">
                  <c:v>0</c:v>
                </c:pt>
                <c:pt idx="589">
                  <c:v>0</c:v>
                </c:pt>
                <c:pt idx="590">
                  <c:v>0</c:v>
                </c:pt>
                <c:pt idx="591">
                  <c:v>0</c:v>
                </c:pt>
                <c:pt idx="592">
                  <c:v>0</c:v>
                </c:pt>
                <c:pt idx="593">
                  <c:v>0</c:v>
                </c:pt>
                <c:pt idx="594">
                  <c:v>0</c:v>
                </c:pt>
                <c:pt idx="595">
                  <c:v>0</c:v>
                </c:pt>
                <c:pt idx="596">
                  <c:v>0</c:v>
                </c:pt>
                <c:pt idx="597">
                  <c:v>0</c:v>
                </c:pt>
                <c:pt idx="598">
                  <c:v>0</c:v>
                </c:pt>
                <c:pt idx="599">
                  <c:v>0</c:v>
                </c:pt>
                <c:pt idx="600">
                  <c:v>0</c:v>
                </c:pt>
                <c:pt idx="601">
                  <c:v>0</c:v>
                </c:pt>
                <c:pt idx="602">
                  <c:v>0</c:v>
                </c:pt>
                <c:pt idx="603">
                  <c:v>0</c:v>
                </c:pt>
                <c:pt idx="604">
                  <c:v>0</c:v>
                </c:pt>
                <c:pt idx="605">
                  <c:v>0</c:v>
                </c:pt>
                <c:pt idx="606">
                  <c:v>0</c:v>
                </c:pt>
                <c:pt idx="607">
                  <c:v>0</c:v>
                </c:pt>
                <c:pt idx="608">
                  <c:v>0</c:v>
                </c:pt>
                <c:pt idx="609">
                  <c:v>0</c:v>
                </c:pt>
                <c:pt idx="610">
                  <c:v>0</c:v>
                </c:pt>
                <c:pt idx="611">
                  <c:v>0</c:v>
                </c:pt>
                <c:pt idx="612">
                  <c:v>0</c:v>
                </c:pt>
                <c:pt idx="613">
                  <c:v>0</c:v>
                </c:pt>
                <c:pt idx="614">
                  <c:v>0</c:v>
                </c:pt>
                <c:pt idx="615">
                  <c:v>0</c:v>
                </c:pt>
                <c:pt idx="616">
                  <c:v>0</c:v>
                </c:pt>
                <c:pt idx="617">
                  <c:v>0</c:v>
                </c:pt>
                <c:pt idx="618">
                  <c:v>0</c:v>
                </c:pt>
                <c:pt idx="619">
                  <c:v>0</c:v>
                </c:pt>
                <c:pt idx="620">
                  <c:v>0</c:v>
                </c:pt>
                <c:pt idx="621">
                  <c:v>0</c:v>
                </c:pt>
                <c:pt idx="622">
                  <c:v>0</c:v>
                </c:pt>
                <c:pt idx="623">
                  <c:v>0</c:v>
                </c:pt>
                <c:pt idx="624">
                  <c:v>0</c:v>
                </c:pt>
                <c:pt idx="625">
                  <c:v>0</c:v>
                </c:pt>
                <c:pt idx="626">
                  <c:v>0</c:v>
                </c:pt>
                <c:pt idx="627">
                  <c:v>0</c:v>
                </c:pt>
                <c:pt idx="628">
                  <c:v>0</c:v>
                </c:pt>
                <c:pt idx="629">
                  <c:v>0</c:v>
                </c:pt>
                <c:pt idx="630">
                  <c:v>0</c:v>
                </c:pt>
                <c:pt idx="631">
                  <c:v>0</c:v>
                </c:pt>
                <c:pt idx="632">
                  <c:v>0</c:v>
                </c:pt>
                <c:pt idx="633">
                  <c:v>0</c:v>
                </c:pt>
                <c:pt idx="634">
                  <c:v>0</c:v>
                </c:pt>
                <c:pt idx="635">
                  <c:v>0</c:v>
                </c:pt>
                <c:pt idx="636">
                  <c:v>0</c:v>
                </c:pt>
                <c:pt idx="637">
                  <c:v>0</c:v>
                </c:pt>
                <c:pt idx="638">
                  <c:v>0</c:v>
                </c:pt>
                <c:pt idx="639">
                  <c:v>0</c:v>
                </c:pt>
                <c:pt idx="640">
                  <c:v>0</c:v>
                </c:pt>
                <c:pt idx="641">
                  <c:v>0</c:v>
                </c:pt>
                <c:pt idx="642">
                  <c:v>0</c:v>
                </c:pt>
                <c:pt idx="643">
                  <c:v>0</c:v>
                </c:pt>
                <c:pt idx="644">
                  <c:v>0</c:v>
                </c:pt>
                <c:pt idx="645">
                  <c:v>0</c:v>
                </c:pt>
                <c:pt idx="646">
                  <c:v>0</c:v>
                </c:pt>
                <c:pt idx="647">
                  <c:v>0</c:v>
                </c:pt>
                <c:pt idx="648">
                  <c:v>0</c:v>
                </c:pt>
                <c:pt idx="649">
                  <c:v>0</c:v>
                </c:pt>
                <c:pt idx="650">
                  <c:v>0</c:v>
                </c:pt>
                <c:pt idx="651">
                  <c:v>0</c:v>
                </c:pt>
                <c:pt idx="652">
                  <c:v>0</c:v>
                </c:pt>
                <c:pt idx="653">
                  <c:v>0</c:v>
                </c:pt>
                <c:pt idx="654">
                  <c:v>0</c:v>
                </c:pt>
                <c:pt idx="655">
                  <c:v>0</c:v>
                </c:pt>
                <c:pt idx="656">
                  <c:v>0</c:v>
                </c:pt>
                <c:pt idx="657">
                  <c:v>0</c:v>
                </c:pt>
                <c:pt idx="658">
                  <c:v>0</c:v>
                </c:pt>
                <c:pt idx="659">
                  <c:v>0</c:v>
                </c:pt>
                <c:pt idx="660">
                  <c:v>0</c:v>
                </c:pt>
                <c:pt idx="661">
                  <c:v>0</c:v>
                </c:pt>
                <c:pt idx="662">
                  <c:v>0</c:v>
                </c:pt>
                <c:pt idx="663">
                  <c:v>0</c:v>
                </c:pt>
                <c:pt idx="664">
                  <c:v>0</c:v>
                </c:pt>
                <c:pt idx="665">
                  <c:v>0</c:v>
                </c:pt>
                <c:pt idx="666">
                  <c:v>0</c:v>
                </c:pt>
                <c:pt idx="667">
                  <c:v>0</c:v>
                </c:pt>
                <c:pt idx="668">
                  <c:v>0</c:v>
                </c:pt>
                <c:pt idx="669">
                  <c:v>0</c:v>
                </c:pt>
                <c:pt idx="670">
                  <c:v>0</c:v>
                </c:pt>
                <c:pt idx="671">
                  <c:v>0</c:v>
                </c:pt>
                <c:pt idx="672">
                  <c:v>0</c:v>
                </c:pt>
                <c:pt idx="673">
                  <c:v>0</c:v>
                </c:pt>
                <c:pt idx="674">
                  <c:v>0</c:v>
                </c:pt>
                <c:pt idx="675">
                  <c:v>0</c:v>
                </c:pt>
                <c:pt idx="676">
                  <c:v>0</c:v>
                </c:pt>
                <c:pt idx="677">
                  <c:v>0</c:v>
                </c:pt>
                <c:pt idx="678">
                  <c:v>0</c:v>
                </c:pt>
                <c:pt idx="679">
                  <c:v>0</c:v>
                </c:pt>
                <c:pt idx="680">
                  <c:v>0</c:v>
                </c:pt>
                <c:pt idx="681">
                  <c:v>0</c:v>
                </c:pt>
                <c:pt idx="682">
                  <c:v>0</c:v>
                </c:pt>
                <c:pt idx="683">
                  <c:v>0</c:v>
                </c:pt>
                <c:pt idx="684">
                  <c:v>0</c:v>
                </c:pt>
                <c:pt idx="685">
                  <c:v>0</c:v>
                </c:pt>
                <c:pt idx="686">
                  <c:v>0</c:v>
                </c:pt>
                <c:pt idx="687">
                  <c:v>0</c:v>
                </c:pt>
                <c:pt idx="688">
                  <c:v>0</c:v>
                </c:pt>
                <c:pt idx="689">
                  <c:v>0</c:v>
                </c:pt>
                <c:pt idx="690">
                  <c:v>0</c:v>
                </c:pt>
                <c:pt idx="691">
                  <c:v>0</c:v>
                </c:pt>
                <c:pt idx="692">
                  <c:v>0</c:v>
                </c:pt>
                <c:pt idx="693">
                  <c:v>0</c:v>
                </c:pt>
                <c:pt idx="694">
                  <c:v>0</c:v>
                </c:pt>
                <c:pt idx="695">
                  <c:v>0</c:v>
                </c:pt>
                <c:pt idx="696">
                  <c:v>0</c:v>
                </c:pt>
                <c:pt idx="697">
                  <c:v>0</c:v>
                </c:pt>
                <c:pt idx="698">
                  <c:v>0</c:v>
                </c:pt>
                <c:pt idx="699">
                  <c:v>0</c:v>
                </c:pt>
                <c:pt idx="700">
                  <c:v>0</c:v>
                </c:pt>
                <c:pt idx="701">
                  <c:v>0</c:v>
                </c:pt>
                <c:pt idx="702">
                  <c:v>0</c:v>
                </c:pt>
                <c:pt idx="703">
                  <c:v>0</c:v>
                </c:pt>
                <c:pt idx="704">
                  <c:v>0</c:v>
                </c:pt>
                <c:pt idx="705">
                  <c:v>0</c:v>
                </c:pt>
                <c:pt idx="706">
                  <c:v>0</c:v>
                </c:pt>
                <c:pt idx="707">
                  <c:v>0</c:v>
                </c:pt>
                <c:pt idx="708">
                  <c:v>0</c:v>
                </c:pt>
                <c:pt idx="709">
                  <c:v>0</c:v>
                </c:pt>
                <c:pt idx="710">
                  <c:v>0</c:v>
                </c:pt>
                <c:pt idx="711">
                  <c:v>0</c:v>
                </c:pt>
                <c:pt idx="712">
                  <c:v>0</c:v>
                </c:pt>
                <c:pt idx="713">
                  <c:v>0</c:v>
                </c:pt>
                <c:pt idx="714">
                  <c:v>0</c:v>
                </c:pt>
                <c:pt idx="715">
                  <c:v>0</c:v>
                </c:pt>
                <c:pt idx="716">
                  <c:v>0</c:v>
                </c:pt>
                <c:pt idx="717">
                  <c:v>0</c:v>
                </c:pt>
                <c:pt idx="718">
                  <c:v>0</c:v>
                </c:pt>
                <c:pt idx="719">
                  <c:v>0</c:v>
                </c:pt>
                <c:pt idx="720">
                  <c:v>0</c:v>
                </c:pt>
                <c:pt idx="721">
                  <c:v>0</c:v>
                </c:pt>
                <c:pt idx="722">
                  <c:v>0</c:v>
                </c:pt>
                <c:pt idx="723">
                  <c:v>0</c:v>
                </c:pt>
                <c:pt idx="724">
                  <c:v>0</c:v>
                </c:pt>
                <c:pt idx="725">
                  <c:v>0</c:v>
                </c:pt>
                <c:pt idx="726">
                  <c:v>0</c:v>
                </c:pt>
                <c:pt idx="727">
                  <c:v>0</c:v>
                </c:pt>
                <c:pt idx="728">
                  <c:v>0</c:v>
                </c:pt>
                <c:pt idx="729">
                  <c:v>0</c:v>
                </c:pt>
                <c:pt idx="730">
                  <c:v>0</c:v>
                </c:pt>
                <c:pt idx="731">
                  <c:v>0</c:v>
                </c:pt>
                <c:pt idx="732">
                  <c:v>0</c:v>
                </c:pt>
                <c:pt idx="733">
                  <c:v>0</c:v>
                </c:pt>
                <c:pt idx="734">
                  <c:v>0</c:v>
                </c:pt>
                <c:pt idx="735">
                  <c:v>0</c:v>
                </c:pt>
                <c:pt idx="736">
                  <c:v>0</c:v>
                </c:pt>
                <c:pt idx="737">
                  <c:v>0</c:v>
                </c:pt>
                <c:pt idx="738">
                  <c:v>0</c:v>
                </c:pt>
                <c:pt idx="739">
                  <c:v>0</c:v>
                </c:pt>
                <c:pt idx="740">
                  <c:v>0</c:v>
                </c:pt>
                <c:pt idx="741">
                  <c:v>0</c:v>
                </c:pt>
                <c:pt idx="742">
                  <c:v>0</c:v>
                </c:pt>
                <c:pt idx="743">
                  <c:v>0</c:v>
                </c:pt>
                <c:pt idx="744">
                  <c:v>0</c:v>
                </c:pt>
                <c:pt idx="745">
                  <c:v>0</c:v>
                </c:pt>
                <c:pt idx="746">
                  <c:v>0</c:v>
                </c:pt>
                <c:pt idx="747">
                  <c:v>0</c:v>
                </c:pt>
                <c:pt idx="748">
                  <c:v>0</c:v>
                </c:pt>
                <c:pt idx="749">
                  <c:v>0</c:v>
                </c:pt>
                <c:pt idx="750">
                  <c:v>0</c:v>
                </c:pt>
                <c:pt idx="751">
                  <c:v>0</c:v>
                </c:pt>
                <c:pt idx="752">
                  <c:v>0</c:v>
                </c:pt>
                <c:pt idx="753">
                  <c:v>0</c:v>
                </c:pt>
                <c:pt idx="754">
                  <c:v>0</c:v>
                </c:pt>
                <c:pt idx="755">
                  <c:v>0</c:v>
                </c:pt>
                <c:pt idx="756">
                  <c:v>0</c:v>
                </c:pt>
                <c:pt idx="757">
                  <c:v>0</c:v>
                </c:pt>
                <c:pt idx="758">
                  <c:v>0</c:v>
                </c:pt>
                <c:pt idx="759">
                  <c:v>0</c:v>
                </c:pt>
                <c:pt idx="760">
                  <c:v>0</c:v>
                </c:pt>
                <c:pt idx="761">
                  <c:v>0</c:v>
                </c:pt>
                <c:pt idx="762">
                  <c:v>0</c:v>
                </c:pt>
                <c:pt idx="763">
                  <c:v>0</c:v>
                </c:pt>
                <c:pt idx="764">
                  <c:v>0</c:v>
                </c:pt>
                <c:pt idx="765">
                  <c:v>0</c:v>
                </c:pt>
                <c:pt idx="766">
                  <c:v>0</c:v>
                </c:pt>
                <c:pt idx="767">
                  <c:v>0</c:v>
                </c:pt>
                <c:pt idx="768">
                  <c:v>0</c:v>
                </c:pt>
                <c:pt idx="769">
                  <c:v>0</c:v>
                </c:pt>
                <c:pt idx="770">
                  <c:v>0</c:v>
                </c:pt>
                <c:pt idx="771">
                  <c:v>0</c:v>
                </c:pt>
                <c:pt idx="772">
                  <c:v>0</c:v>
                </c:pt>
                <c:pt idx="773">
                  <c:v>0</c:v>
                </c:pt>
                <c:pt idx="774">
                  <c:v>0</c:v>
                </c:pt>
                <c:pt idx="775">
                  <c:v>0</c:v>
                </c:pt>
                <c:pt idx="776">
                  <c:v>0</c:v>
                </c:pt>
                <c:pt idx="777">
                  <c:v>0</c:v>
                </c:pt>
                <c:pt idx="778">
                  <c:v>0</c:v>
                </c:pt>
                <c:pt idx="779">
                  <c:v>0</c:v>
                </c:pt>
                <c:pt idx="780">
                  <c:v>0</c:v>
                </c:pt>
                <c:pt idx="781">
                  <c:v>0</c:v>
                </c:pt>
                <c:pt idx="782">
                  <c:v>0</c:v>
                </c:pt>
                <c:pt idx="783">
                  <c:v>0</c:v>
                </c:pt>
                <c:pt idx="784">
                  <c:v>0</c:v>
                </c:pt>
                <c:pt idx="785">
                  <c:v>0</c:v>
                </c:pt>
                <c:pt idx="786">
                  <c:v>0</c:v>
                </c:pt>
                <c:pt idx="787">
                  <c:v>0</c:v>
                </c:pt>
                <c:pt idx="788">
                  <c:v>0</c:v>
                </c:pt>
                <c:pt idx="789">
                  <c:v>0</c:v>
                </c:pt>
                <c:pt idx="790">
                  <c:v>0</c:v>
                </c:pt>
                <c:pt idx="791">
                  <c:v>0</c:v>
                </c:pt>
                <c:pt idx="792">
                  <c:v>0</c:v>
                </c:pt>
                <c:pt idx="793">
                  <c:v>0</c:v>
                </c:pt>
                <c:pt idx="794">
                  <c:v>0</c:v>
                </c:pt>
                <c:pt idx="795">
                  <c:v>0</c:v>
                </c:pt>
                <c:pt idx="796">
                  <c:v>0</c:v>
                </c:pt>
                <c:pt idx="797">
                  <c:v>0</c:v>
                </c:pt>
                <c:pt idx="798">
                  <c:v>0</c:v>
                </c:pt>
                <c:pt idx="799">
                  <c:v>0</c:v>
                </c:pt>
                <c:pt idx="800">
                  <c:v>0</c:v>
                </c:pt>
                <c:pt idx="801">
                  <c:v>0</c:v>
                </c:pt>
                <c:pt idx="802">
                  <c:v>0</c:v>
                </c:pt>
                <c:pt idx="803">
                  <c:v>0</c:v>
                </c:pt>
                <c:pt idx="804">
                  <c:v>0</c:v>
                </c:pt>
                <c:pt idx="805">
                  <c:v>0</c:v>
                </c:pt>
                <c:pt idx="806">
                  <c:v>0</c:v>
                </c:pt>
                <c:pt idx="807">
                  <c:v>0</c:v>
                </c:pt>
                <c:pt idx="808">
                  <c:v>0</c:v>
                </c:pt>
                <c:pt idx="809">
                  <c:v>0</c:v>
                </c:pt>
                <c:pt idx="810">
                  <c:v>0</c:v>
                </c:pt>
                <c:pt idx="811">
                  <c:v>0</c:v>
                </c:pt>
                <c:pt idx="812">
                  <c:v>0</c:v>
                </c:pt>
                <c:pt idx="813">
                  <c:v>0</c:v>
                </c:pt>
                <c:pt idx="814">
                  <c:v>0</c:v>
                </c:pt>
                <c:pt idx="815">
                  <c:v>0</c:v>
                </c:pt>
                <c:pt idx="816">
                  <c:v>0</c:v>
                </c:pt>
                <c:pt idx="817">
                  <c:v>0</c:v>
                </c:pt>
                <c:pt idx="818">
                  <c:v>0</c:v>
                </c:pt>
                <c:pt idx="819">
                  <c:v>0</c:v>
                </c:pt>
                <c:pt idx="820">
                  <c:v>0</c:v>
                </c:pt>
                <c:pt idx="821">
                  <c:v>0</c:v>
                </c:pt>
                <c:pt idx="822">
                  <c:v>0</c:v>
                </c:pt>
                <c:pt idx="823">
                  <c:v>0</c:v>
                </c:pt>
                <c:pt idx="824">
                  <c:v>0</c:v>
                </c:pt>
                <c:pt idx="825">
                  <c:v>0</c:v>
                </c:pt>
                <c:pt idx="826">
                  <c:v>0</c:v>
                </c:pt>
                <c:pt idx="827">
                  <c:v>0</c:v>
                </c:pt>
                <c:pt idx="828">
                  <c:v>0</c:v>
                </c:pt>
                <c:pt idx="829">
                  <c:v>0</c:v>
                </c:pt>
                <c:pt idx="830">
                  <c:v>0</c:v>
                </c:pt>
                <c:pt idx="831">
                  <c:v>0</c:v>
                </c:pt>
                <c:pt idx="832">
                  <c:v>0</c:v>
                </c:pt>
                <c:pt idx="833">
                  <c:v>0</c:v>
                </c:pt>
                <c:pt idx="834">
                  <c:v>0</c:v>
                </c:pt>
                <c:pt idx="835">
                  <c:v>0</c:v>
                </c:pt>
                <c:pt idx="836">
                  <c:v>0</c:v>
                </c:pt>
                <c:pt idx="837">
                  <c:v>0</c:v>
                </c:pt>
                <c:pt idx="838">
                  <c:v>0</c:v>
                </c:pt>
                <c:pt idx="839">
                  <c:v>0</c:v>
                </c:pt>
                <c:pt idx="840">
                  <c:v>0</c:v>
                </c:pt>
                <c:pt idx="841">
                  <c:v>0</c:v>
                </c:pt>
                <c:pt idx="842">
                  <c:v>0</c:v>
                </c:pt>
                <c:pt idx="843">
                  <c:v>0</c:v>
                </c:pt>
                <c:pt idx="844">
                  <c:v>0</c:v>
                </c:pt>
                <c:pt idx="845">
                  <c:v>0</c:v>
                </c:pt>
                <c:pt idx="846">
                  <c:v>0</c:v>
                </c:pt>
                <c:pt idx="847">
                  <c:v>0</c:v>
                </c:pt>
                <c:pt idx="848">
                  <c:v>0</c:v>
                </c:pt>
                <c:pt idx="849">
                  <c:v>0</c:v>
                </c:pt>
                <c:pt idx="850">
                  <c:v>0</c:v>
                </c:pt>
                <c:pt idx="851">
                  <c:v>0</c:v>
                </c:pt>
                <c:pt idx="852">
                  <c:v>0</c:v>
                </c:pt>
                <c:pt idx="853">
                  <c:v>0</c:v>
                </c:pt>
                <c:pt idx="854">
                  <c:v>0</c:v>
                </c:pt>
                <c:pt idx="855">
                  <c:v>0</c:v>
                </c:pt>
                <c:pt idx="856">
                  <c:v>0</c:v>
                </c:pt>
                <c:pt idx="857">
                  <c:v>0</c:v>
                </c:pt>
                <c:pt idx="858">
                  <c:v>0</c:v>
                </c:pt>
                <c:pt idx="859">
                  <c:v>0</c:v>
                </c:pt>
                <c:pt idx="860">
                  <c:v>0</c:v>
                </c:pt>
                <c:pt idx="861">
                  <c:v>0</c:v>
                </c:pt>
                <c:pt idx="862">
                  <c:v>0</c:v>
                </c:pt>
                <c:pt idx="863">
                  <c:v>0</c:v>
                </c:pt>
                <c:pt idx="864">
                  <c:v>0</c:v>
                </c:pt>
                <c:pt idx="865">
                  <c:v>0</c:v>
                </c:pt>
                <c:pt idx="866">
                  <c:v>0</c:v>
                </c:pt>
                <c:pt idx="867">
                  <c:v>0</c:v>
                </c:pt>
                <c:pt idx="868">
                  <c:v>0</c:v>
                </c:pt>
                <c:pt idx="869">
                  <c:v>0</c:v>
                </c:pt>
                <c:pt idx="870">
                  <c:v>0</c:v>
                </c:pt>
                <c:pt idx="871">
                  <c:v>0</c:v>
                </c:pt>
                <c:pt idx="872">
                  <c:v>0</c:v>
                </c:pt>
                <c:pt idx="873">
                  <c:v>0</c:v>
                </c:pt>
                <c:pt idx="874">
                  <c:v>0</c:v>
                </c:pt>
                <c:pt idx="875">
                  <c:v>0</c:v>
                </c:pt>
                <c:pt idx="876">
                  <c:v>0</c:v>
                </c:pt>
                <c:pt idx="877">
                  <c:v>0</c:v>
                </c:pt>
                <c:pt idx="878">
                  <c:v>0</c:v>
                </c:pt>
                <c:pt idx="879">
                  <c:v>0</c:v>
                </c:pt>
                <c:pt idx="880">
                  <c:v>0</c:v>
                </c:pt>
                <c:pt idx="881">
                  <c:v>0</c:v>
                </c:pt>
                <c:pt idx="882">
                  <c:v>0</c:v>
                </c:pt>
                <c:pt idx="883">
                  <c:v>0</c:v>
                </c:pt>
                <c:pt idx="884">
                  <c:v>0</c:v>
                </c:pt>
                <c:pt idx="885">
                  <c:v>0</c:v>
                </c:pt>
                <c:pt idx="886">
                  <c:v>0</c:v>
                </c:pt>
                <c:pt idx="887">
                  <c:v>0</c:v>
                </c:pt>
                <c:pt idx="888">
                  <c:v>0</c:v>
                </c:pt>
                <c:pt idx="889">
                  <c:v>0</c:v>
                </c:pt>
                <c:pt idx="890">
                  <c:v>0</c:v>
                </c:pt>
                <c:pt idx="891">
                  <c:v>0</c:v>
                </c:pt>
                <c:pt idx="892">
                  <c:v>0</c:v>
                </c:pt>
                <c:pt idx="893">
                  <c:v>0</c:v>
                </c:pt>
                <c:pt idx="894">
                  <c:v>0</c:v>
                </c:pt>
                <c:pt idx="895">
                  <c:v>0</c:v>
                </c:pt>
                <c:pt idx="896">
                  <c:v>0</c:v>
                </c:pt>
                <c:pt idx="897">
                  <c:v>0</c:v>
                </c:pt>
                <c:pt idx="898">
                  <c:v>0</c:v>
                </c:pt>
                <c:pt idx="899">
                  <c:v>0</c:v>
                </c:pt>
                <c:pt idx="900">
                  <c:v>0</c:v>
                </c:pt>
                <c:pt idx="901">
                  <c:v>0</c:v>
                </c:pt>
                <c:pt idx="902">
                  <c:v>0</c:v>
                </c:pt>
                <c:pt idx="903">
                  <c:v>0</c:v>
                </c:pt>
                <c:pt idx="904">
                  <c:v>0</c:v>
                </c:pt>
                <c:pt idx="905">
                  <c:v>0</c:v>
                </c:pt>
                <c:pt idx="906">
                  <c:v>0</c:v>
                </c:pt>
                <c:pt idx="907">
                  <c:v>0</c:v>
                </c:pt>
                <c:pt idx="908">
                  <c:v>0</c:v>
                </c:pt>
                <c:pt idx="909">
                  <c:v>0</c:v>
                </c:pt>
                <c:pt idx="910">
                  <c:v>0</c:v>
                </c:pt>
                <c:pt idx="911">
                  <c:v>0</c:v>
                </c:pt>
                <c:pt idx="912">
                  <c:v>0</c:v>
                </c:pt>
                <c:pt idx="913">
                  <c:v>0</c:v>
                </c:pt>
                <c:pt idx="914">
                  <c:v>0</c:v>
                </c:pt>
                <c:pt idx="915">
                  <c:v>0</c:v>
                </c:pt>
                <c:pt idx="916">
                  <c:v>0</c:v>
                </c:pt>
                <c:pt idx="917">
                  <c:v>0</c:v>
                </c:pt>
                <c:pt idx="918">
                  <c:v>0</c:v>
                </c:pt>
                <c:pt idx="919">
                  <c:v>0</c:v>
                </c:pt>
                <c:pt idx="920">
                  <c:v>0</c:v>
                </c:pt>
                <c:pt idx="921">
                  <c:v>0</c:v>
                </c:pt>
                <c:pt idx="922">
                  <c:v>0</c:v>
                </c:pt>
                <c:pt idx="923">
                  <c:v>0</c:v>
                </c:pt>
                <c:pt idx="924">
                  <c:v>0</c:v>
                </c:pt>
                <c:pt idx="925">
                  <c:v>0</c:v>
                </c:pt>
                <c:pt idx="926">
                  <c:v>0</c:v>
                </c:pt>
                <c:pt idx="927">
                  <c:v>0</c:v>
                </c:pt>
                <c:pt idx="928">
                  <c:v>0</c:v>
                </c:pt>
                <c:pt idx="929">
                  <c:v>0</c:v>
                </c:pt>
                <c:pt idx="930">
                  <c:v>0</c:v>
                </c:pt>
                <c:pt idx="931">
                  <c:v>0</c:v>
                </c:pt>
                <c:pt idx="932">
                  <c:v>0</c:v>
                </c:pt>
                <c:pt idx="933">
                  <c:v>0</c:v>
                </c:pt>
                <c:pt idx="934">
                  <c:v>0</c:v>
                </c:pt>
                <c:pt idx="935">
                  <c:v>0</c:v>
                </c:pt>
                <c:pt idx="936">
                  <c:v>0</c:v>
                </c:pt>
                <c:pt idx="937">
                  <c:v>0</c:v>
                </c:pt>
                <c:pt idx="938">
                  <c:v>0</c:v>
                </c:pt>
                <c:pt idx="939">
                  <c:v>0</c:v>
                </c:pt>
                <c:pt idx="940">
                  <c:v>0</c:v>
                </c:pt>
                <c:pt idx="941">
                  <c:v>0</c:v>
                </c:pt>
                <c:pt idx="942">
                  <c:v>0</c:v>
                </c:pt>
                <c:pt idx="943">
                  <c:v>0</c:v>
                </c:pt>
                <c:pt idx="944">
                  <c:v>0</c:v>
                </c:pt>
                <c:pt idx="945">
                  <c:v>0</c:v>
                </c:pt>
                <c:pt idx="946">
                  <c:v>0</c:v>
                </c:pt>
                <c:pt idx="947">
                  <c:v>0</c:v>
                </c:pt>
                <c:pt idx="948">
                  <c:v>0</c:v>
                </c:pt>
                <c:pt idx="949">
                  <c:v>0</c:v>
                </c:pt>
                <c:pt idx="950">
                  <c:v>0</c:v>
                </c:pt>
                <c:pt idx="951">
                  <c:v>0</c:v>
                </c:pt>
                <c:pt idx="952">
                  <c:v>0</c:v>
                </c:pt>
                <c:pt idx="953">
                  <c:v>0</c:v>
                </c:pt>
                <c:pt idx="954">
                  <c:v>0</c:v>
                </c:pt>
                <c:pt idx="955">
                  <c:v>0</c:v>
                </c:pt>
                <c:pt idx="956">
                  <c:v>0</c:v>
                </c:pt>
                <c:pt idx="957">
                  <c:v>0</c:v>
                </c:pt>
                <c:pt idx="958">
                  <c:v>0</c:v>
                </c:pt>
                <c:pt idx="959">
                  <c:v>0</c:v>
                </c:pt>
                <c:pt idx="960">
                  <c:v>0</c:v>
                </c:pt>
                <c:pt idx="961">
                  <c:v>0</c:v>
                </c:pt>
                <c:pt idx="962">
                  <c:v>0</c:v>
                </c:pt>
                <c:pt idx="963">
                  <c:v>0</c:v>
                </c:pt>
                <c:pt idx="964">
                  <c:v>0</c:v>
                </c:pt>
                <c:pt idx="965">
                  <c:v>0</c:v>
                </c:pt>
                <c:pt idx="966">
                  <c:v>0</c:v>
                </c:pt>
                <c:pt idx="967">
                  <c:v>0</c:v>
                </c:pt>
                <c:pt idx="968">
                  <c:v>0</c:v>
                </c:pt>
                <c:pt idx="969">
                  <c:v>0</c:v>
                </c:pt>
                <c:pt idx="970">
                  <c:v>0</c:v>
                </c:pt>
                <c:pt idx="971">
                  <c:v>0</c:v>
                </c:pt>
                <c:pt idx="972">
                  <c:v>0</c:v>
                </c:pt>
                <c:pt idx="973">
                  <c:v>0</c:v>
                </c:pt>
                <c:pt idx="974">
                  <c:v>0</c:v>
                </c:pt>
                <c:pt idx="975">
                  <c:v>0</c:v>
                </c:pt>
                <c:pt idx="976">
                  <c:v>0</c:v>
                </c:pt>
                <c:pt idx="977">
                  <c:v>0</c:v>
                </c:pt>
                <c:pt idx="978">
                  <c:v>0</c:v>
                </c:pt>
                <c:pt idx="979">
                  <c:v>0</c:v>
                </c:pt>
                <c:pt idx="980">
                  <c:v>0</c:v>
                </c:pt>
                <c:pt idx="981">
                  <c:v>0</c:v>
                </c:pt>
                <c:pt idx="982">
                  <c:v>0</c:v>
                </c:pt>
                <c:pt idx="983">
                  <c:v>0</c:v>
                </c:pt>
                <c:pt idx="984">
                  <c:v>0</c:v>
                </c:pt>
                <c:pt idx="985">
                  <c:v>0</c:v>
                </c:pt>
                <c:pt idx="986">
                  <c:v>0</c:v>
                </c:pt>
                <c:pt idx="987">
                  <c:v>0</c:v>
                </c:pt>
                <c:pt idx="988">
                  <c:v>0</c:v>
                </c:pt>
                <c:pt idx="989">
                  <c:v>0</c:v>
                </c:pt>
                <c:pt idx="990">
                  <c:v>0</c:v>
                </c:pt>
                <c:pt idx="991">
                  <c:v>0</c:v>
                </c:pt>
                <c:pt idx="992">
                  <c:v>0</c:v>
                </c:pt>
                <c:pt idx="993">
                  <c:v>0</c:v>
                </c:pt>
                <c:pt idx="994">
                  <c:v>0</c:v>
                </c:pt>
                <c:pt idx="995">
                  <c:v>0</c:v>
                </c:pt>
                <c:pt idx="996">
                  <c:v>0</c:v>
                </c:pt>
                <c:pt idx="997">
                  <c:v>0</c:v>
                </c:pt>
                <c:pt idx="998">
                  <c:v>0</c:v>
                </c:pt>
                <c:pt idx="999">
                  <c:v>0</c:v>
                </c:pt>
                <c:pt idx="1000">
                  <c:v>0</c:v>
                </c:pt>
                <c:pt idx="1001">
                  <c:v>0</c:v>
                </c:pt>
                <c:pt idx="1002">
                  <c:v>0</c:v>
                </c:pt>
                <c:pt idx="1003">
                  <c:v>0</c:v>
                </c:pt>
                <c:pt idx="1004">
                  <c:v>0</c:v>
                </c:pt>
                <c:pt idx="1005">
                  <c:v>0</c:v>
                </c:pt>
                <c:pt idx="1006">
                  <c:v>0</c:v>
                </c:pt>
                <c:pt idx="1007">
                  <c:v>0</c:v>
                </c:pt>
                <c:pt idx="1008">
                  <c:v>0</c:v>
                </c:pt>
                <c:pt idx="1009">
                  <c:v>0</c:v>
                </c:pt>
                <c:pt idx="1010">
                  <c:v>0</c:v>
                </c:pt>
                <c:pt idx="1011">
                  <c:v>0</c:v>
                </c:pt>
                <c:pt idx="1012">
                  <c:v>0</c:v>
                </c:pt>
                <c:pt idx="1013">
                  <c:v>0</c:v>
                </c:pt>
                <c:pt idx="1014">
                  <c:v>0</c:v>
                </c:pt>
                <c:pt idx="1015">
                  <c:v>0</c:v>
                </c:pt>
                <c:pt idx="1016">
                  <c:v>0</c:v>
                </c:pt>
                <c:pt idx="1017">
                  <c:v>0</c:v>
                </c:pt>
                <c:pt idx="1018">
                  <c:v>0</c:v>
                </c:pt>
                <c:pt idx="1019">
                  <c:v>0</c:v>
                </c:pt>
                <c:pt idx="1020">
                  <c:v>0</c:v>
                </c:pt>
                <c:pt idx="1021">
                  <c:v>0</c:v>
                </c:pt>
                <c:pt idx="1022">
                  <c:v>0</c:v>
                </c:pt>
                <c:pt idx="1023">
                  <c:v>0</c:v>
                </c:pt>
                <c:pt idx="1024">
                  <c:v>0</c:v>
                </c:pt>
                <c:pt idx="1025">
                  <c:v>0</c:v>
                </c:pt>
                <c:pt idx="1026">
                  <c:v>0</c:v>
                </c:pt>
                <c:pt idx="1027">
                  <c:v>0</c:v>
                </c:pt>
                <c:pt idx="1028">
                  <c:v>0</c:v>
                </c:pt>
                <c:pt idx="1029">
                  <c:v>0</c:v>
                </c:pt>
                <c:pt idx="1030">
                  <c:v>0</c:v>
                </c:pt>
                <c:pt idx="1031">
                  <c:v>0</c:v>
                </c:pt>
                <c:pt idx="1032">
                  <c:v>0</c:v>
                </c:pt>
                <c:pt idx="1033">
                  <c:v>0</c:v>
                </c:pt>
                <c:pt idx="1034">
                  <c:v>0</c:v>
                </c:pt>
                <c:pt idx="1035">
                  <c:v>0</c:v>
                </c:pt>
                <c:pt idx="1036">
                  <c:v>0</c:v>
                </c:pt>
                <c:pt idx="1037">
                  <c:v>0</c:v>
                </c:pt>
                <c:pt idx="1038">
                  <c:v>0</c:v>
                </c:pt>
                <c:pt idx="1039">
                  <c:v>0</c:v>
                </c:pt>
                <c:pt idx="1040">
                  <c:v>0</c:v>
                </c:pt>
                <c:pt idx="1041">
                  <c:v>0</c:v>
                </c:pt>
                <c:pt idx="1042">
                  <c:v>0</c:v>
                </c:pt>
                <c:pt idx="1043">
                  <c:v>0</c:v>
                </c:pt>
                <c:pt idx="1044">
                  <c:v>0</c:v>
                </c:pt>
                <c:pt idx="1045">
                  <c:v>0</c:v>
                </c:pt>
                <c:pt idx="1046">
                  <c:v>0</c:v>
                </c:pt>
                <c:pt idx="1047">
                  <c:v>0</c:v>
                </c:pt>
                <c:pt idx="1048">
                  <c:v>0</c:v>
                </c:pt>
                <c:pt idx="1049">
                  <c:v>0</c:v>
                </c:pt>
                <c:pt idx="1050">
                  <c:v>0</c:v>
                </c:pt>
                <c:pt idx="1051">
                  <c:v>0</c:v>
                </c:pt>
                <c:pt idx="1052">
                  <c:v>0</c:v>
                </c:pt>
                <c:pt idx="1053">
                  <c:v>0</c:v>
                </c:pt>
                <c:pt idx="1054">
                  <c:v>0</c:v>
                </c:pt>
                <c:pt idx="1055">
                  <c:v>0</c:v>
                </c:pt>
                <c:pt idx="1056">
                  <c:v>0</c:v>
                </c:pt>
                <c:pt idx="1057">
                  <c:v>0</c:v>
                </c:pt>
                <c:pt idx="1058">
                  <c:v>0</c:v>
                </c:pt>
                <c:pt idx="1059">
                  <c:v>0</c:v>
                </c:pt>
                <c:pt idx="1060">
                  <c:v>0</c:v>
                </c:pt>
                <c:pt idx="1061">
                  <c:v>0</c:v>
                </c:pt>
                <c:pt idx="1062">
                  <c:v>0</c:v>
                </c:pt>
                <c:pt idx="1063">
                  <c:v>0</c:v>
                </c:pt>
                <c:pt idx="1064">
                  <c:v>0</c:v>
                </c:pt>
                <c:pt idx="1065">
                  <c:v>0</c:v>
                </c:pt>
                <c:pt idx="1066">
                  <c:v>0</c:v>
                </c:pt>
                <c:pt idx="1067">
                  <c:v>0</c:v>
                </c:pt>
                <c:pt idx="1068">
                  <c:v>0</c:v>
                </c:pt>
                <c:pt idx="1069">
                  <c:v>0</c:v>
                </c:pt>
                <c:pt idx="1070">
                  <c:v>0</c:v>
                </c:pt>
                <c:pt idx="1071">
                  <c:v>0</c:v>
                </c:pt>
                <c:pt idx="1072">
                  <c:v>0</c:v>
                </c:pt>
                <c:pt idx="1073">
                  <c:v>0</c:v>
                </c:pt>
                <c:pt idx="1074">
                  <c:v>0</c:v>
                </c:pt>
                <c:pt idx="1075">
                  <c:v>0</c:v>
                </c:pt>
                <c:pt idx="1076">
                  <c:v>0</c:v>
                </c:pt>
                <c:pt idx="1077">
                  <c:v>0</c:v>
                </c:pt>
                <c:pt idx="1078">
                  <c:v>0</c:v>
                </c:pt>
                <c:pt idx="1079">
                  <c:v>0</c:v>
                </c:pt>
                <c:pt idx="1080">
                  <c:v>0</c:v>
                </c:pt>
                <c:pt idx="1081">
                  <c:v>0</c:v>
                </c:pt>
                <c:pt idx="1082">
                  <c:v>0</c:v>
                </c:pt>
                <c:pt idx="1083">
                  <c:v>0</c:v>
                </c:pt>
                <c:pt idx="1084">
                  <c:v>0</c:v>
                </c:pt>
                <c:pt idx="1085">
                  <c:v>0</c:v>
                </c:pt>
                <c:pt idx="1086">
                  <c:v>0</c:v>
                </c:pt>
                <c:pt idx="1087">
                  <c:v>0</c:v>
                </c:pt>
                <c:pt idx="1088">
                  <c:v>0</c:v>
                </c:pt>
                <c:pt idx="1089">
                  <c:v>0</c:v>
                </c:pt>
                <c:pt idx="1090">
                  <c:v>0</c:v>
                </c:pt>
                <c:pt idx="1091">
                  <c:v>0</c:v>
                </c:pt>
                <c:pt idx="1092">
                  <c:v>0</c:v>
                </c:pt>
                <c:pt idx="1093">
                  <c:v>0</c:v>
                </c:pt>
                <c:pt idx="1094">
                  <c:v>0</c:v>
                </c:pt>
                <c:pt idx="1095">
                  <c:v>0</c:v>
                </c:pt>
                <c:pt idx="1096">
                  <c:v>0</c:v>
                </c:pt>
                <c:pt idx="1097">
                  <c:v>0</c:v>
                </c:pt>
                <c:pt idx="1098">
                  <c:v>0</c:v>
                </c:pt>
                <c:pt idx="1099">
                  <c:v>0</c:v>
                </c:pt>
                <c:pt idx="1100">
                  <c:v>0</c:v>
                </c:pt>
                <c:pt idx="1101">
                  <c:v>0</c:v>
                </c:pt>
                <c:pt idx="1102">
                  <c:v>0</c:v>
                </c:pt>
                <c:pt idx="1103">
                  <c:v>0</c:v>
                </c:pt>
                <c:pt idx="1104">
                  <c:v>0</c:v>
                </c:pt>
                <c:pt idx="1105">
                  <c:v>0</c:v>
                </c:pt>
                <c:pt idx="1106">
                  <c:v>0</c:v>
                </c:pt>
                <c:pt idx="1107">
                  <c:v>0</c:v>
                </c:pt>
                <c:pt idx="1108">
                  <c:v>0</c:v>
                </c:pt>
                <c:pt idx="1109">
                  <c:v>0</c:v>
                </c:pt>
                <c:pt idx="1110">
                  <c:v>0</c:v>
                </c:pt>
                <c:pt idx="1111">
                  <c:v>0</c:v>
                </c:pt>
                <c:pt idx="1112">
                  <c:v>0</c:v>
                </c:pt>
                <c:pt idx="1113">
                  <c:v>0</c:v>
                </c:pt>
                <c:pt idx="1114">
                  <c:v>0</c:v>
                </c:pt>
                <c:pt idx="1115">
                  <c:v>0</c:v>
                </c:pt>
                <c:pt idx="1116">
                  <c:v>0</c:v>
                </c:pt>
                <c:pt idx="1117">
                  <c:v>0</c:v>
                </c:pt>
                <c:pt idx="1118">
                  <c:v>0</c:v>
                </c:pt>
                <c:pt idx="1119">
                  <c:v>0</c:v>
                </c:pt>
                <c:pt idx="1120">
                  <c:v>0</c:v>
                </c:pt>
                <c:pt idx="1121">
                  <c:v>0</c:v>
                </c:pt>
                <c:pt idx="1122">
                  <c:v>0</c:v>
                </c:pt>
                <c:pt idx="1123">
                  <c:v>0</c:v>
                </c:pt>
                <c:pt idx="1124">
                  <c:v>0</c:v>
                </c:pt>
                <c:pt idx="1125">
                  <c:v>0</c:v>
                </c:pt>
                <c:pt idx="1126">
                  <c:v>0</c:v>
                </c:pt>
                <c:pt idx="1127">
                  <c:v>0</c:v>
                </c:pt>
                <c:pt idx="1128">
                  <c:v>0</c:v>
                </c:pt>
                <c:pt idx="1129">
                  <c:v>0</c:v>
                </c:pt>
                <c:pt idx="1130">
                  <c:v>0</c:v>
                </c:pt>
                <c:pt idx="1131">
                  <c:v>0</c:v>
                </c:pt>
                <c:pt idx="1132">
                  <c:v>0</c:v>
                </c:pt>
                <c:pt idx="1133">
                  <c:v>0</c:v>
                </c:pt>
                <c:pt idx="1134">
                  <c:v>0</c:v>
                </c:pt>
                <c:pt idx="1135">
                  <c:v>0</c:v>
                </c:pt>
                <c:pt idx="1136">
                  <c:v>0</c:v>
                </c:pt>
                <c:pt idx="1137">
                  <c:v>0</c:v>
                </c:pt>
                <c:pt idx="1138">
                  <c:v>0</c:v>
                </c:pt>
                <c:pt idx="1139">
                  <c:v>0</c:v>
                </c:pt>
                <c:pt idx="1140">
                  <c:v>0</c:v>
                </c:pt>
                <c:pt idx="1141">
                  <c:v>0</c:v>
                </c:pt>
                <c:pt idx="1142">
                  <c:v>0</c:v>
                </c:pt>
                <c:pt idx="1143">
                  <c:v>0</c:v>
                </c:pt>
                <c:pt idx="1144">
                  <c:v>0</c:v>
                </c:pt>
                <c:pt idx="1145">
                  <c:v>0</c:v>
                </c:pt>
                <c:pt idx="1146">
                  <c:v>0</c:v>
                </c:pt>
                <c:pt idx="1147">
                  <c:v>0</c:v>
                </c:pt>
                <c:pt idx="1148">
                  <c:v>0</c:v>
                </c:pt>
                <c:pt idx="1149">
                  <c:v>0</c:v>
                </c:pt>
                <c:pt idx="1150">
                  <c:v>0</c:v>
                </c:pt>
                <c:pt idx="1151">
                  <c:v>0</c:v>
                </c:pt>
                <c:pt idx="1152">
                  <c:v>0</c:v>
                </c:pt>
                <c:pt idx="1153">
                  <c:v>0</c:v>
                </c:pt>
                <c:pt idx="1154">
                  <c:v>0</c:v>
                </c:pt>
                <c:pt idx="1155">
                  <c:v>0</c:v>
                </c:pt>
                <c:pt idx="1156">
                  <c:v>0</c:v>
                </c:pt>
                <c:pt idx="1157">
                  <c:v>0</c:v>
                </c:pt>
                <c:pt idx="1158">
                  <c:v>0</c:v>
                </c:pt>
                <c:pt idx="1159">
                  <c:v>0</c:v>
                </c:pt>
                <c:pt idx="1160">
                  <c:v>0</c:v>
                </c:pt>
                <c:pt idx="1161">
                  <c:v>0</c:v>
                </c:pt>
                <c:pt idx="1162">
                  <c:v>0</c:v>
                </c:pt>
                <c:pt idx="1163">
                  <c:v>0</c:v>
                </c:pt>
                <c:pt idx="1164">
                  <c:v>0</c:v>
                </c:pt>
                <c:pt idx="1165">
                  <c:v>0</c:v>
                </c:pt>
                <c:pt idx="1166">
                  <c:v>0</c:v>
                </c:pt>
                <c:pt idx="1167">
                  <c:v>0</c:v>
                </c:pt>
                <c:pt idx="1168">
                  <c:v>0</c:v>
                </c:pt>
                <c:pt idx="1169">
                  <c:v>0</c:v>
                </c:pt>
                <c:pt idx="1170">
                  <c:v>0</c:v>
                </c:pt>
                <c:pt idx="1171">
                  <c:v>0</c:v>
                </c:pt>
                <c:pt idx="1172">
                  <c:v>0</c:v>
                </c:pt>
                <c:pt idx="1173">
                  <c:v>0</c:v>
                </c:pt>
                <c:pt idx="1174">
                  <c:v>0</c:v>
                </c:pt>
                <c:pt idx="1175">
                  <c:v>0</c:v>
                </c:pt>
                <c:pt idx="1176">
                  <c:v>0</c:v>
                </c:pt>
                <c:pt idx="1177">
                  <c:v>0</c:v>
                </c:pt>
                <c:pt idx="1178">
                  <c:v>0</c:v>
                </c:pt>
                <c:pt idx="1179">
                  <c:v>0</c:v>
                </c:pt>
                <c:pt idx="1180">
                  <c:v>0</c:v>
                </c:pt>
                <c:pt idx="1181">
                  <c:v>0</c:v>
                </c:pt>
                <c:pt idx="1182">
                  <c:v>0</c:v>
                </c:pt>
                <c:pt idx="1183">
                  <c:v>0</c:v>
                </c:pt>
                <c:pt idx="1184">
                  <c:v>0</c:v>
                </c:pt>
                <c:pt idx="1185">
                  <c:v>0</c:v>
                </c:pt>
                <c:pt idx="1186">
                  <c:v>0</c:v>
                </c:pt>
                <c:pt idx="1187">
                  <c:v>0</c:v>
                </c:pt>
                <c:pt idx="1188">
                  <c:v>0</c:v>
                </c:pt>
                <c:pt idx="1189">
                  <c:v>0</c:v>
                </c:pt>
                <c:pt idx="1190">
                  <c:v>0</c:v>
                </c:pt>
                <c:pt idx="1191">
                  <c:v>0</c:v>
                </c:pt>
                <c:pt idx="1192">
                  <c:v>0</c:v>
                </c:pt>
                <c:pt idx="1193">
                  <c:v>0</c:v>
                </c:pt>
                <c:pt idx="1194">
                  <c:v>0</c:v>
                </c:pt>
                <c:pt idx="1195">
                  <c:v>0</c:v>
                </c:pt>
                <c:pt idx="1196">
                  <c:v>0</c:v>
                </c:pt>
                <c:pt idx="1197">
                  <c:v>0</c:v>
                </c:pt>
                <c:pt idx="1198">
                  <c:v>0</c:v>
                </c:pt>
                <c:pt idx="1199">
                  <c:v>0</c:v>
                </c:pt>
                <c:pt idx="1200">
                  <c:v>0</c:v>
                </c:pt>
                <c:pt idx="1201">
                  <c:v>0</c:v>
                </c:pt>
                <c:pt idx="1202">
                  <c:v>0</c:v>
                </c:pt>
                <c:pt idx="1203">
                  <c:v>0</c:v>
                </c:pt>
                <c:pt idx="1204">
                  <c:v>0</c:v>
                </c:pt>
                <c:pt idx="1205">
                  <c:v>0</c:v>
                </c:pt>
                <c:pt idx="1206">
                  <c:v>0</c:v>
                </c:pt>
                <c:pt idx="1207">
                  <c:v>0</c:v>
                </c:pt>
                <c:pt idx="1208">
                  <c:v>0</c:v>
                </c:pt>
                <c:pt idx="1209">
                  <c:v>0</c:v>
                </c:pt>
                <c:pt idx="1210">
                  <c:v>0</c:v>
                </c:pt>
                <c:pt idx="1211">
                  <c:v>0</c:v>
                </c:pt>
                <c:pt idx="1212">
                  <c:v>0</c:v>
                </c:pt>
                <c:pt idx="1213">
                  <c:v>0</c:v>
                </c:pt>
                <c:pt idx="1214">
                  <c:v>0</c:v>
                </c:pt>
                <c:pt idx="1215">
                  <c:v>0</c:v>
                </c:pt>
                <c:pt idx="1216">
                  <c:v>0</c:v>
                </c:pt>
                <c:pt idx="1217">
                  <c:v>0</c:v>
                </c:pt>
                <c:pt idx="1218">
                  <c:v>0</c:v>
                </c:pt>
                <c:pt idx="1219">
                  <c:v>0</c:v>
                </c:pt>
                <c:pt idx="1220">
                  <c:v>0</c:v>
                </c:pt>
                <c:pt idx="1221">
                  <c:v>0</c:v>
                </c:pt>
                <c:pt idx="1222">
                  <c:v>0</c:v>
                </c:pt>
                <c:pt idx="1223">
                  <c:v>0</c:v>
                </c:pt>
                <c:pt idx="1224">
                  <c:v>0</c:v>
                </c:pt>
                <c:pt idx="1225">
                  <c:v>0</c:v>
                </c:pt>
                <c:pt idx="1226">
                  <c:v>0</c:v>
                </c:pt>
                <c:pt idx="1227">
                  <c:v>0</c:v>
                </c:pt>
                <c:pt idx="1228">
                  <c:v>0</c:v>
                </c:pt>
                <c:pt idx="1229">
                  <c:v>0</c:v>
                </c:pt>
                <c:pt idx="1230">
                  <c:v>0</c:v>
                </c:pt>
                <c:pt idx="1231">
                  <c:v>0</c:v>
                </c:pt>
                <c:pt idx="1232">
                  <c:v>0</c:v>
                </c:pt>
                <c:pt idx="1233">
                  <c:v>0</c:v>
                </c:pt>
                <c:pt idx="1234">
                  <c:v>0</c:v>
                </c:pt>
                <c:pt idx="1235">
                  <c:v>0</c:v>
                </c:pt>
                <c:pt idx="1236">
                  <c:v>0</c:v>
                </c:pt>
                <c:pt idx="1237">
                  <c:v>0</c:v>
                </c:pt>
                <c:pt idx="1238">
                  <c:v>0</c:v>
                </c:pt>
                <c:pt idx="1239">
                  <c:v>0</c:v>
                </c:pt>
                <c:pt idx="1240">
                  <c:v>0</c:v>
                </c:pt>
                <c:pt idx="1241">
                  <c:v>0</c:v>
                </c:pt>
                <c:pt idx="1242">
                  <c:v>0</c:v>
                </c:pt>
                <c:pt idx="1243">
                  <c:v>0</c:v>
                </c:pt>
                <c:pt idx="1244">
                  <c:v>0</c:v>
                </c:pt>
                <c:pt idx="1245">
                  <c:v>0</c:v>
                </c:pt>
                <c:pt idx="1246">
                  <c:v>0</c:v>
                </c:pt>
                <c:pt idx="1247">
                  <c:v>0</c:v>
                </c:pt>
                <c:pt idx="1248">
                  <c:v>0</c:v>
                </c:pt>
                <c:pt idx="1249">
                  <c:v>0</c:v>
                </c:pt>
                <c:pt idx="1250">
                  <c:v>0</c:v>
                </c:pt>
                <c:pt idx="1251">
                  <c:v>0</c:v>
                </c:pt>
                <c:pt idx="1252">
                  <c:v>0</c:v>
                </c:pt>
                <c:pt idx="1253">
                  <c:v>0</c:v>
                </c:pt>
                <c:pt idx="1254">
                  <c:v>0</c:v>
                </c:pt>
                <c:pt idx="1255">
                  <c:v>0</c:v>
                </c:pt>
                <c:pt idx="1256">
                  <c:v>0</c:v>
                </c:pt>
                <c:pt idx="1257">
                  <c:v>0</c:v>
                </c:pt>
                <c:pt idx="1258">
                  <c:v>0</c:v>
                </c:pt>
                <c:pt idx="1259">
                  <c:v>0</c:v>
                </c:pt>
                <c:pt idx="1260">
                  <c:v>0</c:v>
                </c:pt>
                <c:pt idx="1261">
                  <c:v>0</c:v>
                </c:pt>
                <c:pt idx="1262">
                  <c:v>0</c:v>
                </c:pt>
                <c:pt idx="1263">
                  <c:v>0</c:v>
                </c:pt>
                <c:pt idx="1264">
                  <c:v>0</c:v>
                </c:pt>
                <c:pt idx="1265">
                  <c:v>0</c:v>
                </c:pt>
                <c:pt idx="1266">
                  <c:v>0</c:v>
                </c:pt>
                <c:pt idx="1267">
                  <c:v>0</c:v>
                </c:pt>
                <c:pt idx="1268">
                  <c:v>0</c:v>
                </c:pt>
                <c:pt idx="1269">
                  <c:v>0</c:v>
                </c:pt>
                <c:pt idx="1270">
                  <c:v>0</c:v>
                </c:pt>
                <c:pt idx="1271">
                  <c:v>0</c:v>
                </c:pt>
                <c:pt idx="1272">
                  <c:v>0</c:v>
                </c:pt>
                <c:pt idx="1273">
                  <c:v>0</c:v>
                </c:pt>
                <c:pt idx="1274">
                  <c:v>0</c:v>
                </c:pt>
                <c:pt idx="1275">
                  <c:v>0</c:v>
                </c:pt>
                <c:pt idx="1276">
                  <c:v>0</c:v>
                </c:pt>
                <c:pt idx="1277">
                  <c:v>0</c:v>
                </c:pt>
                <c:pt idx="1278">
                  <c:v>0</c:v>
                </c:pt>
                <c:pt idx="1279">
                  <c:v>0</c:v>
                </c:pt>
                <c:pt idx="1280">
                  <c:v>0</c:v>
                </c:pt>
                <c:pt idx="1281">
                  <c:v>0</c:v>
                </c:pt>
                <c:pt idx="1282">
                  <c:v>0</c:v>
                </c:pt>
                <c:pt idx="1283">
                  <c:v>0</c:v>
                </c:pt>
                <c:pt idx="1284">
                  <c:v>0</c:v>
                </c:pt>
                <c:pt idx="1285">
                  <c:v>0</c:v>
                </c:pt>
                <c:pt idx="1286">
                  <c:v>0</c:v>
                </c:pt>
                <c:pt idx="1287">
                  <c:v>0</c:v>
                </c:pt>
                <c:pt idx="1288">
                  <c:v>0</c:v>
                </c:pt>
                <c:pt idx="1289">
                  <c:v>0</c:v>
                </c:pt>
                <c:pt idx="1290">
                  <c:v>0</c:v>
                </c:pt>
                <c:pt idx="1291">
                  <c:v>0</c:v>
                </c:pt>
                <c:pt idx="1292">
                  <c:v>0</c:v>
                </c:pt>
                <c:pt idx="1293">
                  <c:v>0</c:v>
                </c:pt>
                <c:pt idx="1294">
                  <c:v>0</c:v>
                </c:pt>
                <c:pt idx="1295">
                  <c:v>0</c:v>
                </c:pt>
                <c:pt idx="1296">
                  <c:v>0</c:v>
                </c:pt>
                <c:pt idx="1297">
                  <c:v>0</c:v>
                </c:pt>
                <c:pt idx="1298">
                  <c:v>0</c:v>
                </c:pt>
                <c:pt idx="1299">
                  <c:v>0</c:v>
                </c:pt>
                <c:pt idx="1300">
                  <c:v>0</c:v>
                </c:pt>
                <c:pt idx="1301">
                  <c:v>0</c:v>
                </c:pt>
                <c:pt idx="1302">
                  <c:v>0</c:v>
                </c:pt>
                <c:pt idx="1303">
                  <c:v>0</c:v>
                </c:pt>
                <c:pt idx="1304">
                  <c:v>0</c:v>
                </c:pt>
                <c:pt idx="1305">
                  <c:v>0</c:v>
                </c:pt>
                <c:pt idx="1306">
                  <c:v>0</c:v>
                </c:pt>
                <c:pt idx="1307">
                  <c:v>0</c:v>
                </c:pt>
                <c:pt idx="1308">
                  <c:v>0</c:v>
                </c:pt>
                <c:pt idx="1309">
                  <c:v>0</c:v>
                </c:pt>
                <c:pt idx="1310">
                  <c:v>0</c:v>
                </c:pt>
                <c:pt idx="1311">
                  <c:v>0</c:v>
                </c:pt>
                <c:pt idx="1312">
                  <c:v>0</c:v>
                </c:pt>
                <c:pt idx="1313">
                  <c:v>0</c:v>
                </c:pt>
                <c:pt idx="1314">
                  <c:v>0</c:v>
                </c:pt>
                <c:pt idx="1315">
                  <c:v>0</c:v>
                </c:pt>
                <c:pt idx="1316">
                  <c:v>0</c:v>
                </c:pt>
                <c:pt idx="1317">
                  <c:v>0</c:v>
                </c:pt>
                <c:pt idx="1318">
                  <c:v>0</c:v>
                </c:pt>
                <c:pt idx="1319">
                  <c:v>0</c:v>
                </c:pt>
                <c:pt idx="1320">
                  <c:v>0</c:v>
                </c:pt>
                <c:pt idx="1321">
                  <c:v>0</c:v>
                </c:pt>
                <c:pt idx="1322">
                  <c:v>0</c:v>
                </c:pt>
                <c:pt idx="1323">
                  <c:v>0</c:v>
                </c:pt>
                <c:pt idx="1324">
                  <c:v>0</c:v>
                </c:pt>
                <c:pt idx="1325">
                  <c:v>0</c:v>
                </c:pt>
                <c:pt idx="1326">
                  <c:v>0</c:v>
                </c:pt>
                <c:pt idx="1327">
                  <c:v>0</c:v>
                </c:pt>
                <c:pt idx="1328">
                  <c:v>0</c:v>
                </c:pt>
                <c:pt idx="1329">
                  <c:v>0</c:v>
                </c:pt>
                <c:pt idx="1330">
                  <c:v>0</c:v>
                </c:pt>
                <c:pt idx="1331">
                  <c:v>0</c:v>
                </c:pt>
                <c:pt idx="1332">
                  <c:v>0</c:v>
                </c:pt>
                <c:pt idx="1333">
                  <c:v>0</c:v>
                </c:pt>
                <c:pt idx="1334">
                  <c:v>0</c:v>
                </c:pt>
                <c:pt idx="1335">
                  <c:v>0</c:v>
                </c:pt>
                <c:pt idx="1336">
                  <c:v>0</c:v>
                </c:pt>
                <c:pt idx="1337">
                  <c:v>0</c:v>
                </c:pt>
                <c:pt idx="1338">
                  <c:v>0</c:v>
                </c:pt>
                <c:pt idx="1339">
                  <c:v>0</c:v>
                </c:pt>
                <c:pt idx="1340">
                  <c:v>0</c:v>
                </c:pt>
                <c:pt idx="1341">
                  <c:v>0</c:v>
                </c:pt>
                <c:pt idx="1342">
                  <c:v>0</c:v>
                </c:pt>
                <c:pt idx="1343">
                  <c:v>0</c:v>
                </c:pt>
                <c:pt idx="1344">
                  <c:v>0</c:v>
                </c:pt>
                <c:pt idx="1345">
                  <c:v>0</c:v>
                </c:pt>
                <c:pt idx="1346">
                  <c:v>0</c:v>
                </c:pt>
                <c:pt idx="1347">
                  <c:v>0</c:v>
                </c:pt>
                <c:pt idx="1348">
                  <c:v>0</c:v>
                </c:pt>
                <c:pt idx="1349">
                  <c:v>0</c:v>
                </c:pt>
                <c:pt idx="1350">
                  <c:v>0</c:v>
                </c:pt>
                <c:pt idx="1351">
                  <c:v>0</c:v>
                </c:pt>
                <c:pt idx="1352">
                  <c:v>0</c:v>
                </c:pt>
                <c:pt idx="1353">
                  <c:v>0</c:v>
                </c:pt>
                <c:pt idx="1354">
                  <c:v>0</c:v>
                </c:pt>
                <c:pt idx="1355">
                  <c:v>0</c:v>
                </c:pt>
                <c:pt idx="1356">
                  <c:v>0</c:v>
                </c:pt>
                <c:pt idx="1357">
                  <c:v>0</c:v>
                </c:pt>
                <c:pt idx="1358">
                  <c:v>0</c:v>
                </c:pt>
                <c:pt idx="1359">
                  <c:v>0</c:v>
                </c:pt>
                <c:pt idx="1360">
                  <c:v>0</c:v>
                </c:pt>
                <c:pt idx="1361">
                  <c:v>0</c:v>
                </c:pt>
                <c:pt idx="1362">
                  <c:v>0</c:v>
                </c:pt>
                <c:pt idx="1363">
                  <c:v>0</c:v>
                </c:pt>
                <c:pt idx="1364">
                  <c:v>0</c:v>
                </c:pt>
                <c:pt idx="1365">
                  <c:v>0</c:v>
                </c:pt>
                <c:pt idx="1366">
                  <c:v>0</c:v>
                </c:pt>
                <c:pt idx="1367">
                  <c:v>0</c:v>
                </c:pt>
                <c:pt idx="1368">
                  <c:v>0</c:v>
                </c:pt>
                <c:pt idx="1369">
                  <c:v>0</c:v>
                </c:pt>
                <c:pt idx="1370">
                  <c:v>0</c:v>
                </c:pt>
                <c:pt idx="1371">
                  <c:v>0</c:v>
                </c:pt>
                <c:pt idx="1372">
                  <c:v>0</c:v>
                </c:pt>
                <c:pt idx="1373">
                  <c:v>0</c:v>
                </c:pt>
                <c:pt idx="1374">
                  <c:v>0</c:v>
                </c:pt>
                <c:pt idx="1375">
                  <c:v>0</c:v>
                </c:pt>
                <c:pt idx="1376">
                  <c:v>0</c:v>
                </c:pt>
                <c:pt idx="1377">
                  <c:v>0</c:v>
                </c:pt>
                <c:pt idx="1378">
                  <c:v>0</c:v>
                </c:pt>
                <c:pt idx="1379">
                  <c:v>0</c:v>
                </c:pt>
                <c:pt idx="1380">
                  <c:v>0</c:v>
                </c:pt>
                <c:pt idx="1381">
                  <c:v>0</c:v>
                </c:pt>
                <c:pt idx="1382">
                  <c:v>0</c:v>
                </c:pt>
                <c:pt idx="1383">
                  <c:v>0</c:v>
                </c:pt>
                <c:pt idx="1384">
                  <c:v>0</c:v>
                </c:pt>
                <c:pt idx="1385">
                  <c:v>0</c:v>
                </c:pt>
                <c:pt idx="1386">
                  <c:v>0</c:v>
                </c:pt>
                <c:pt idx="1387">
                  <c:v>0</c:v>
                </c:pt>
                <c:pt idx="1388">
                  <c:v>0</c:v>
                </c:pt>
                <c:pt idx="1389">
                  <c:v>0</c:v>
                </c:pt>
                <c:pt idx="1390">
                  <c:v>0</c:v>
                </c:pt>
                <c:pt idx="1391">
                  <c:v>0</c:v>
                </c:pt>
                <c:pt idx="1392">
                  <c:v>0</c:v>
                </c:pt>
                <c:pt idx="1393">
                  <c:v>0</c:v>
                </c:pt>
                <c:pt idx="1394">
                  <c:v>0</c:v>
                </c:pt>
                <c:pt idx="1395">
                  <c:v>0</c:v>
                </c:pt>
                <c:pt idx="1396">
                  <c:v>0</c:v>
                </c:pt>
                <c:pt idx="1397">
                  <c:v>0</c:v>
                </c:pt>
                <c:pt idx="1398">
                  <c:v>0</c:v>
                </c:pt>
                <c:pt idx="1399">
                  <c:v>0</c:v>
                </c:pt>
                <c:pt idx="1400">
                  <c:v>0</c:v>
                </c:pt>
                <c:pt idx="1401">
                  <c:v>0</c:v>
                </c:pt>
                <c:pt idx="1402">
                  <c:v>0</c:v>
                </c:pt>
                <c:pt idx="1403">
                  <c:v>0</c:v>
                </c:pt>
                <c:pt idx="1404">
                  <c:v>0</c:v>
                </c:pt>
                <c:pt idx="1405">
                  <c:v>0</c:v>
                </c:pt>
                <c:pt idx="1406">
                  <c:v>0</c:v>
                </c:pt>
                <c:pt idx="1407">
                  <c:v>0</c:v>
                </c:pt>
                <c:pt idx="1408">
                  <c:v>0</c:v>
                </c:pt>
                <c:pt idx="1409">
                  <c:v>0</c:v>
                </c:pt>
                <c:pt idx="1410">
                  <c:v>0</c:v>
                </c:pt>
                <c:pt idx="1411">
                  <c:v>0</c:v>
                </c:pt>
                <c:pt idx="1412">
                  <c:v>0</c:v>
                </c:pt>
                <c:pt idx="1413">
                  <c:v>0</c:v>
                </c:pt>
                <c:pt idx="1414">
                  <c:v>0</c:v>
                </c:pt>
                <c:pt idx="1415">
                  <c:v>0</c:v>
                </c:pt>
                <c:pt idx="1416">
                  <c:v>0</c:v>
                </c:pt>
                <c:pt idx="1417">
                  <c:v>0</c:v>
                </c:pt>
                <c:pt idx="1418">
                  <c:v>0</c:v>
                </c:pt>
                <c:pt idx="1419">
                  <c:v>0</c:v>
                </c:pt>
                <c:pt idx="1420">
                  <c:v>0</c:v>
                </c:pt>
                <c:pt idx="1421">
                  <c:v>0</c:v>
                </c:pt>
                <c:pt idx="1422">
                  <c:v>0</c:v>
                </c:pt>
                <c:pt idx="1423">
                  <c:v>0</c:v>
                </c:pt>
                <c:pt idx="1424">
                  <c:v>0</c:v>
                </c:pt>
                <c:pt idx="1425">
                  <c:v>0</c:v>
                </c:pt>
                <c:pt idx="1426">
                  <c:v>0</c:v>
                </c:pt>
                <c:pt idx="1427">
                  <c:v>0</c:v>
                </c:pt>
                <c:pt idx="1428">
                  <c:v>0</c:v>
                </c:pt>
                <c:pt idx="1429">
                  <c:v>0</c:v>
                </c:pt>
                <c:pt idx="1430">
                  <c:v>0</c:v>
                </c:pt>
                <c:pt idx="1431">
                  <c:v>0</c:v>
                </c:pt>
                <c:pt idx="1432">
                  <c:v>0</c:v>
                </c:pt>
                <c:pt idx="1433">
                  <c:v>0</c:v>
                </c:pt>
                <c:pt idx="1434">
                  <c:v>0</c:v>
                </c:pt>
                <c:pt idx="1435">
                  <c:v>0</c:v>
                </c:pt>
                <c:pt idx="1436">
                  <c:v>0</c:v>
                </c:pt>
                <c:pt idx="1437">
                  <c:v>0</c:v>
                </c:pt>
                <c:pt idx="1438">
                  <c:v>0</c:v>
                </c:pt>
                <c:pt idx="1439">
                  <c:v>0</c:v>
                </c:pt>
                <c:pt idx="1440">
                  <c:v>0</c:v>
                </c:pt>
                <c:pt idx="1441">
                  <c:v>0</c:v>
                </c:pt>
                <c:pt idx="1442">
                  <c:v>0</c:v>
                </c:pt>
                <c:pt idx="1443">
                  <c:v>0</c:v>
                </c:pt>
                <c:pt idx="1444">
                  <c:v>0</c:v>
                </c:pt>
                <c:pt idx="1445">
                  <c:v>0</c:v>
                </c:pt>
                <c:pt idx="1446">
                  <c:v>0</c:v>
                </c:pt>
                <c:pt idx="1447">
                  <c:v>0</c:v>
                </c:pt>
                <c:pt idx="1448">
                  <c:v>0</c:v>
                </c:pt>
                <c:pt idx="1449">
                  <c:v>0</c:v>
                </c:pt>
                <c:pt idx="1450">
                  <c:v>0</c:v>
                </c:pt>
                <c:pt idx="1451">
                  <c:v>0</c:v>
                </c:pt>
                <c:pt idx="1452">
                  <c:v>0</c:v>
                </c:pt>
                <c:pt idx="1453">
                  <c:v>0</c:v>
                </c:pt>
                <c:pt idx="1454">
                  <c:v>0</c:v>
                </c:pt>
                <c:pt idx="1455">
                  <c:v>0</c:v>
                </c:pt>
                <c:pt idx="1456">
                  <c:v>0</c:v>
                </c:pt>
                <c:pt idx="1457">
                  <c:v>0</c:v>
                </c:pt>
                <c:pt idx="1458">
                  <c:v>0</c:v>
                </c:pt>
                <c:pt idx="1459">
                  <c:v>0</c:v>
                </c:pt>
                <c:pt idx="1460">
                  <c:v>0</c:v>
                </c:pt>
                <c:pt idx="1461">
                  <c:v>0</c:v>
                </c:pt>
                <c:pt idx="1462">
                  <c:v>0</c:v>
                </c:pt>
                <c:pt idx="1463">
                  <c:v>0</c:v>
                </c:pt>
                <c:pt idx="1464">
                  <c:v>0</c:v>
                </c:pt>
                <c:pt idx="1465">
                  <c:v>0</c:v>
                </c:pt>
                <c:pt idx="1466">
                  <c:v>0</c:v>
                </c:pt>
                <c:pt idx="1467">
                  <c:v>0</c:v>
                </c:pt>
                <c:pt idx="1468">
                  <c:v>0</c:v>
                </c:pt>
                <c:pt idx="1469">
                  <c:v>0</c:v>
                </c:pt>
                <c:pt idx="1470">
                  <c:v>0</c:v>
                </c:pt>
                <c:pt idx="1471">
                  <c:v>0</c:v>
                </c:pt>
                <c:pt idx="1472">
                  <c:v>0</c:v>
                </c:pt>
                <c:pt idx="1473">
                  <c:v>0</c:v>
                </c:pt>
                <c:pt idx="1474">
                  <c:v>0</c:v>
                </c:pt>
                <c:pt idx="1475">
                  <c:v>0</c:v>
                </c:pt>
                <c:pt idx="1476">
                  <c:v>0</c:v>
                </c:pt>
                <c:pt idx="1477">
                  <c:v>0</c:v>
                </c:pt>
                <c:pt idx="1478">
                  <c:v>0</c:v>
                </c:pt>
                <c:pt idx="1479">
                  <c:v>0</c:v>
                </c:pt>
                <c:pt idx="1480">
                  <c:v>0</c:v>
                </c:pt>
                <c:pt idx="1481">
                  <c:v>0</c:v>
                </c:pt>
                <c:pt idx="1482">
                  <c:v>0</c:v>
                </c:pt>
                <c:pt idx="1483">
                  <c:v>0</c:v>
                </c:pt>
                <c:pt idx="1484">
                  <c:v>0</c:v>
                </c:pt>
                <c:pt idx="1485">
                  <c:v>0</c:v>
                </c:pt>
                <c:pt idx="1486">
                  <c:v>0</c:v>
                </c:pt>
                <c:pt idx="1487">
                  <c:v>0</c:v>
                </c:pt>
                <c:pt idx="1488">
                  <c:v>0</c:v>
                </c:pt>
                <c:pt idx="1489">
                  <c:v>0</c:v>
                </c:pt>
                <c:pt idx="1490">
                  <c:v>0</c:v>
                </c:pt>
                <c:pt idx="1491">
                  <c:v>0</c:v>
                </c:pt>
                <c:pt idx="1492">
                  <c:v>0</c:v>
                </c:pt>
                <c:pt idx="1493">
                  <c:v>0</c:v>
                </c:pt>
                <c:pt idx="1494">
                  <c:v>0</c:v>
                </c:pt>
                <c:pt idx="1495">
                  <c:v>0</c:v>
                </c:pt>
                <c:pt idx="1496">
                  <c:v>0</c:v>
                </c:pt>
                <c:pt idx="1497">
                  <c:v>0</c:v>
                </c:pt>
                <c:pt idx="1498">
                  <c:v>0</c:v>
                </c:pt>
                <c:pt idx="1499">
                  <c:v>0</c:v>
                </c:pt>
                <c:pt idx="1500">
                  <c:v>0</c:v>
                </c:pt>
                <c:pt idx="1501">
                  <c:v>0</c:v>
                </c:pt>
                <c:pt idx="1502">
                  <c:v>0</c:v>
                </c:pt>
                <c:pt idx="1503">
                  <c:v>0</c:v>
                </c:pt>
                <c:pt idx="1504">
                  <c:v>0</c:v>
                </c:pt>
                <c:pt idx="1505">
                  <c:v>0</c:v>
                </c:pt>
                <c:pt idx="1506">
                  <c:v>0</c:v>
                </c:pt>
                <c:pt idx="1507">
                  <c:v>0</c:v>
                </c:pt>
                <c:pt idx="1508">
                  <c:v>0</c:v>
                </c:pt>
                <c:pt idx="1509">
                  <c:v>0</c:v>
                </c:pt>
                <c:pt idx="1510">
                  <c:v>0</c:v>
                </c:pt>
                <c:pt idx="1511">
                  <c:v>0</c:v>
                </c:pt>
                <c:pt idx="1512">
                  <c:v>0</c:v>
                </c:pt>
                <c:pt idx="1513">
                  <c:v>0</c:v>
                </c:pt>
                <c:pt idx="1514">
                  <c:v>0</c:v>
                </c:pt>
                <c:pt idx="1515">
                  <c:v>0</c:v>
                </c:pt>
                <c:pt idx="1516">
                  <c:v>0</c:v>
                </c:pt>
                <c:pt idx="1517">
                  <c:v>0</c:v>
                </c:pt>
                <c:pt idx="1518">
                  <c:v>0</c:v>
                </c:pt>
                <c:pt idx="1519">
                  <c:v>0</c:v>
                </c:pt>
                <c:pt idx="1520">
                  <c:v>0</c:v>
                </c:pt>
                <c:pt idx="1521">
                  <c:v>0</c:v>
                </c:pt>
                <c:pt idx="1522">
                  <c:v>0</c:v>
                </c:pt>
                <c:pt idx="1523">
                  <c:v>0</c:v>
                </c:pt>
                <c:pt idx="1524">
                  <c:v>0</c:v>
                </c:pt>
                <c:pt idx="1525">
                  <c:v>0</c:v>
                </c:pt>
                <c:pt idx="1526">
                  <c:v>0</c:v>
                </c:pt>
                <c:pt idx="1527">
                  <c:v>0</c:v>
                </c:pt>
                <c:pt idx="1528">
                  <c:v>0</c:v>
                </c:pt>
                <c:pt idx="1529">
                  <c:v>0</c:v>
                </c:pt>
                <c:pt idx="1530">
                  <c:v>0</c:v>
                </c:pt>
                <c:pt idx="1531">
                  <c:v>0</c:v>
                </c:pt>
                <c:pt idx="1532">
                  <c:v>0</c:v>
                </c:pt>
                <c:pt idx="1533">
                  <c:v>0</c:v>
                </c:pt>
                <c:pt idx="1534">
                  <c:v>0</c:v>
                </c:pt>
                <c:pt idx="1535">
                  <c:v>0</c:v>
                </c:pt>
                <c:pt idx="1536">
                  <c:v>0</c:v>
                </c:pt>
                <c:pt idx="1537">
                  <c:v>0</c:v>
                </c:pt>
                <c:pt idx="1538">
                  <c:v>0</c:v>
                </c:pt>
                <c:pt idx="1539">
                  <c:v>0</c:v>
                </c:pt>
                <c:pt idx="1540">
                  <c:v>0</c:v>
                </c:pt>
                <c:pt idx="1541">
                  <c:v>0</c:v>
                </c:pt>
                <c:pt idx="1542">
                  <c:v>0</c:v>
                </c:pt>
                <c:pt idx="1543">
                  <c:v>0</c:v>
                </c:pt>
                <c:pt idx="1544">
                  <c:v>0</c:v>
                </c:pt>
                <c:pt idx="1545">
                  <c:v>0</c:v>
                </c:pt>
                <c:pt idx="1546">
                  <c:v>0</c:v>
                </c:pt>
                <c:pt idx="1547">
                  <c:v>0</c:v>
                </c:pt>
                <c:pt idx="1548">
                  <c:v>0</c:v>
                </c:pt>
                <c:pt idx="1549">
                  <c:v>0</c:v>
                </c:pt>
                <c:pt idx="1550">
                  <c:v>0</c:v>
                </c:pt>
                <c:pt idx="1551">
                  <c:v>0</c:v>
                </c:pt>
                <c:pt idx="1552">
                  <c:v>0</c:v>
                </c:pt>
                <c:pt idx="1553">
                  <c:v>0</c:v>
                </c:pt>
                <c:pt idx="1554">
                  <c:v>0</c:v>
                </c:pt>
                <c:pt idx="1555">
                  <c:v>0</c:v>
                </c:pt>
                <c:pt idx="1556">
                  <c:v>0</c:v>
                </c:pt>
                <c:pt idx="1557">
                  <c:v>0</c:v>
                </c:pt>
                <c:pt idx="1558">
                  <c:v>0</c:v>
                </c:pt>
                <c:pt idx="1559">
                  <c:v>0</c:v>
                </c:pt>
                <c:pt idx="1560">
                  <c:v>0</c:v>
                </c:pt>
                <c:pt idx="1561">
                  <c:v>0</c:v>
                </c:pt>
                <c:pt idx="1562">
                  <c:v>0</c:v>
                </c:pt>
                <c:pt idx="1563">
                  <c:v>0</c:v>
                </c:pt>
                <c:pt idx="1564">
                  <c:v>0</c:v>
                </c:pt>
                <c:pt idx="1565">
                  <c:v>0</c:v>
                </c:pt>
                <c:pt idx="1566">
                  <c:v>0</c:v>
                </c:pt>
                <c:pt idx="1567">
                  <c:v>0</c:v>
                </c:pt>
                <c:pt idx="1568">
                  <c:v>0</c:v>
                </c:pt>
                <c:pt idx="1569">
                  <c:v>0</c:v>
                </c:pt>
                <c:pt idx="1570">
                  <c:v>0</c:v>
                </c:pt>
                <c:pt idx="1571">
                  <c:v>0</c:v>
                </c:pt>
                <c:pt idx="1572">
                  <c:v>0</c:v>
                </c:pt>
                <c:pt idx="1573">
                  <c:v>0</c:v>
                </c:pt>
                <c:pt idx="1574">
                  <c:v>0</c:v>
                </c:pt>
                <c:pt idx="1575">
                  <c:v>0</c:v>
                </c:pt>
                <c:pt idx="1576">
                  <c:v>0</c:v>
                </c:pt>
                <c:pt idx="1577">
                  <c:v>0</c:v>
                </c:pt>
                <c:pt idx="1578">
                  <c:v>0</c:v>
                </c:pt>
                <c:pt idx="1579">
                  <c:v>0</c:v>
                </c:pt>
                <c:pt idx="1580">
                  <c:v>0</c:v>
                </c:pt>
                <c:pt idx="1581">
                  <c:v>0</c:v>
                </c:pt>
                <c:pt idx="1582">
                  <c:v>0</c:v>
                </c:pt>
                <c:pt idx="1583">
                  <c:v>0</c:v>
                </c:pt>
                <c:pt idx="1584">
                  <c:v>0</c:v>
                </c:pt>
                <c:pt idx="1585">
                  <c:v>0</c:v>
                </c:pt>
                <c:pt idx="1586">
                  <c:v>0</c:v>
                </c:pt>
                <c:pt idx="1587">
                  <c:v>0</c:v>
                </c:pt>
                <c:pt idx="1588">
                  <c:v>0</c:v>
                </c:pt>
                <c:pt idx="1589">
                  <c:v>0</c:v>
                </c:pt>
                <c:pt idx="1590">
                  <c:v>0</c:v>
                </c:pt>
                <c:pt idx="1591">
                  <c:v>0</c:v>
                </c:pt>
                <c:pt idx="1592">
                  <c:v>0</c:v>
                </c:pt>
                <c:pt idx="1593">
                  <c:v>0</c:v>
                </c:pt>
                <c:pt idx="1594">
                  <c:v>0</c:v>
                </c:pt>
                <c:pt idx="1595">
                  <c:v>0</c:v>
                </c:pt>
                <c:pt idx="1596">
                  <c:v>0</c:v>
                </c:pt>
                <c:pt idx="1597">
                  <c:v>0</c:v>
                </c:pt>
                <c:pt idx="1598">
                  <c:v>0</c:v>
                </c:pt>
                <c:pt idx="1599">
                  <c:v>0</c:v>
                </c:pt>
                <c:pt idx="1600">
                  <c:v>0</c:v>
                </c:pt>
                <c:pt idx="1601">
                  <c:v>0</c:v>
                </c:pt>
                <c:pt idx="1602">
                  <c:v>0</c:v>
                </c:pt>
                <c:pt idx="1603">
                  <c:v>0</c:v>
                </c:pt>
                <c:pt idx="1604">
                  <c:v>0</c:v>
                </c:pt>
                <c:pt idx="1605">
                  <c:v>0</c:v>
                </c:pt>
                <c:pt idx="1606">
                  <c:v>0</c:v>
                </c:pt>
                <c:pt idx="1607">
                  <c:v>0</c:v>
                </c:pt>
                <c:pt idx="1608">
                  <c:v>0</c:v>
                </c:pt>
                <c:pt idx="1609">
                  <c:v>0</c:v>
                </c:pt>
                <c:pt idx="1610">
                  <c:v>0</c:v>
                </c:pt>
                <c:pt idx="1611">
                  <c:v>0</c:v>
                </c:pt>
                <c:pt idx="1612">
                  <c:v>0</c:v>
                </c:pt>
                <c:pt idx="1613">
                  <c:v>0</c:v>
                </c:pt>
                <c:pt idx="1614">
                  <c:v>0</c:v>
                </c:pt>
                <c:pt idx="1615">
                  <c:v>0</c:v>
                </c:pt>
                <c:pt idx="1616">
                  <c:v>0</c:v>
                </c:pt>
                <c:pt idx="1617">
                  <c:v>0</c:v>
                </c:pt>
                <c:pt idx="1618">
                  <c:v>0</c:v>
                </c:pt>
                <c:pt idx="1619">
                  <c:v>0</c:v>
                </c:pt>
                <c:pt idx="1620">
                  <c:v>0</c:v>
                </c:pt>
                <c:pt idx="1621">
                  <c:v>0</c:v>
                </c:pt>
                <c:pt idx="1622">
                  <c:v>0</c:v>
                </c:pt>
                <c:pt idx="1623">
                  <c:v>0</c:v>
                </c:pt>
                <c:pt idx="1624">
                  <c:v>0</c:v>
                </c:pt>
                <c:pt idx="1625">
                  <c:v>0</c:v>
                </c:pt>
                <c:pt idx="1626">
                  <c:v>0</c:v>
                </c:pt>
                <c:pt idx="1627">
                  <c:v>0</c:v>
                </c:pt>
                <c:pt idx="1628">
                  <c:v>0</c:v>
                </c:pt>
                <c:pt idx="1629">
                  <c:v>0</c:v>
                </c:pt>
                <c:pt idx="1630">
                  <c:v>0</c:v>
                </c:pt>
                <c:pt idx="1631">
                  <c:v>0</c:v>
                </c:pt>
                <c:pt idx="1632">
                  <c:v>0</c:v>
                </c:pt>
                <c:pt idx="1633">
                  <c:v>0</c:v>
                </c:pt>
                <c:pt idx="1634">
                  <c:v>0</c:v>
                </c:pt>
                <c:pt idx="1635">
                  <c:v>0</c:v>
                </c:pt>
                <c:pt idx="1636">
                  <c:v>0</c:v>
                </c:pt>
                <c:pt idx="1637">
                  <c:v>0</c:v>
                </c:pt>
                <c:pt idx="1638">
                  <c:v>0</c:v>
                </c:pt>
                <c:pt idx="1639">
                  <c:v>0</c:v>
                </c:pt>
                <c:pt idx="1640">
                  <c:v>0</c:v>
                </c:pt>
                <c:pt idx="1641">
                  <c:v>0</c:v>
                </c:pt>
                <c:pt idx="1642">
                  <c:v>0</c:v>
                </c:pt>
                <c:pt idx="1643">
                  <c:v>0</c:v>
                </c:pt>
                <c:pt idx="1644">
                  <c:v>0</c:v>
                </c:pt>
                <c:pt idx="1645">
                  <c:v>0</c:v>
                </c:pt>
                <c:pt idx="1646">
                  <c:v>0</c:v>
                </c:pt>
                <c:pt idx="1647">
                  <c:v>0</c:v>
                </c:pt>
                <c:pt idx="1648">
                  <c:v>0</c:v>
                </c:pt>
                <c:pt idx="1649">
                  <c:v>0</c:v>
                </c:pt>
                <c:pt idx="1650">
                  <c:v>0</c:v>
                </c:pt>
                <c:pt idx="1651">
                  <c:v>0</c:v>
                </c:pt>
                <c:pt idx="1652">
                  <c:v>0</c:v>
                </c:pt>
                <c:pt idx="1653">
                  <c:v>0</c:v>
                </c:pt>
                <c:pt idx="1654">
                  <c:v>0</c:v>
                </c:pt>
                <c:pt idx="1655">
                  <c:v>0</c:v>
                </c:pt>
                <c:pt idx="1656">
                  <c:v>0</c:v>
                </c:pt>
                <c:pt idx="1657">
                  <c:v>0</c:v>
                </c:pt>
                <c:pt idx="1658">
                  <c:v>0</c:v>
                </c:pt>
                <c:pt idx="1659">
                  <c:v>0</c:v>
                </c:pt>
                <c:pt idx="1660">
                  <c:v>0</c:v>
                </c:pt>
                <c:pt idx="1661">
                  <c:v>0</c:v>
                </c:pt>
                <c:pt idx="1662">
                  <c:v>0</c:v>
                </c:pt>
                <c:pt idx="1663">
                  <c:v>0</c:v>
                </c:pt>
                <c:pt idx="1664">
                  <c:v>0</c:v>
                </c:pt>
                <c:pt idx="1665">
                  <c:v>0</c:v>
                </c:pt>
                <c:pt idx="1666">
                  <c:v>0</c:v>
                </c:pt>
                <c:pt idx="1667">
                  <c:v>0</c:v>
                </c:pt>
                <c:pt idx="1668">
                  <c:v>0</c:v>
                </c:pt>
                <c:pt idx="1669">
                  <c:v>0</c:v>
                </c:pt>
                <c:pt idx="1670">
                  <c:v>0</c:v>
                </c:pt>
                <c:pt idx="1671">
                  <c:v>0</c:v>
                </c:pt>
                <c:pt idx="1672">
                  <c:v>0</c:v>
                </c:pt>
                <c:pt idx="1673">
                  <c:v>0</c:v>
                </c:pt>
                <c:pt idx="1674">
                  <c:v>0</c:v>
                </c:pt>
                <c:pt idx="1675">
                  <c:v>0</c:v>
                </c:pt>
                <c:pt idx="1676">
                  <c:v>0</c:v>
                </c:pt>
                <c:pt idx="1677">
                  <c:v>0</c:v>
                </c:pt>
                <c:pt idx="1678">
                  <c:v>0</c:v>
                </c:pt>
                <c:pt idx="1679">
                  <c:v>0</c:v>
                </c:pt>
                <c:pt idx="1680">
                  <c:v>0</c:v>
                </c:pt>
                <c:pt idx="1681">
                  <c:v>0</c:v>
                </c:pt>
                <c:pt idx="1682">
                  <c:v>0</c:v>
                </c:pt>
                <c:pt idx="1683">
                  <c:v>0</c:v>
                </c:pt>
                <c:pt idx="1684">
                  <c:v>0</c:v>
                </c:pt>
                <c:pt idx="1685">
                  <c:v>0</c:v>
                </c:pt>
                <c:pt idx="1686">
                  <c:v>0</c:v>
                </c:pt>
                <c:pt idx="1687">
                  <c:v>0</c:v>
                </c:pt>
                <c:pt idx="1688">
                  <c:v>0</c:v>
                </c:pt>
                <c:pt idx="1689">
                  <c:v>0</c:v>
                </c:pt>
                <c:pt idx="1690">
                  <c:v>0</c:v>
                </c:pt>
                <c:pt idx="1691">
                  <c:v>0</c:v>
                </c:pt>
                <c:pt idx="1692">
                  <c:v>0</c:v>
                </c:pt>
                <c:pt idx="1693">
                  <c:v>0</c:v>
                </c:pt>
                <c:pt idx="1694">
                  <c:v>0</c:v>
                </c:pt>
                <c:pt idx="1695">
                  <c:v>0</c:v>
                </c:pt>
                <c:pt idx="1696">
                  <c:v>0</c:v>
                </c:pt>
                <c:pt idx="1697">
                  <c:v>0</c:v>
                </c:pt>
                <c:pt idx="1698">
                  <c:v>0</c:v>
                </c:pt>
                <c:pt idx="1699">
                  <c:v>0</c:v>
                </c:pt>
                <c:pt idx="1700">
                  <c:v>0</c:v>
                </c:pt>
                <c:pt idx="1701">
                  <c:v>0</c:v>
                </c:pt>
                <c:pt idx="1702">
                  <c:v>0</c:v>
                </c:pt>
                <c:pt idx="1703">
                  <c:v>0</c:v>
                </c:pt>
                <c:pt idx="1704">
                  <c:v>0</c:v>
                </c:pt>
                <c:pt idx="1705">
                  <c:v>0</c:v>
                </c:pt>
                <c:pt idx="1706">
                  <c:v>0</c:v>
                </c:pt>
                <c:pt idx="1707">
                  <c:v>0</c:v>
                </c:pt>
                <c:pt idx="1708">
                  <c:v>0</c:v>
                </c:pt>
                <c:pt idx="1709">
                  <c:v>0</c:v>
                </c:pt>
                <c:pt idx="1710">
                  <c:v>0</c:v>
                </c:pt>
                <c:pt idx="1711">
                  <c:v>0</c:v>
                </c:pt>
                <c:pt idx="1712">
                  <c:v>0</c:v>
                </c:pt>
                <c:pt idx="1713">
                  <c:v>0</c:v>
                </c:pt>
                <c:pt idx="1714">
                  <c:v>0</c:v>
                </c:pt>
                <c:pt idx="1715">
                  <c:v>0</c:v>
                </c:pt>
                <c:pt idx="1716">
                  <c:v>0</c:v>
                </c:pt>
                <c:pt idx="1717">
                  <c:v>0</c:v>
                </c:pt>
                <c:pt idx="1718">
                  <c:v>0</c:v>
                </c:pt>
                <c:pt idx="1719">
                  <c:v>0</c:v>
                </c:pt>
                <c:pt idx="1720">
                  <c:v>0</c:v>
                </c:pt>
                <c:pt idx="1721">
                  <c:v>0</c:v>
                </c:pt>
                <c:pt idx="1722">
                  <c:v>0</c:v>
                </c:pt>
                <c:pt idx="1723">
                  <c:v>0</c:v>
                </c:pt>
                <c:pt idx="1724">
                  <c:v>0</c:v>
                </c:pt>
                <c:pt idx="1725">
                  <c:v>0</c:v>
                </c:pt>
                <c:pt idx="1726">
                  <c:v>0</c:v>
                </c:pt>
                <c:pt idx="1727">
                  <c:v>0</c:v>
                </c:pt>
                <c:pt idx="1728">
                  <c:v>0</c:v>
                </c:pt>
                <c:pt idx="1729">
                  <c:v>0</c:v>
                </c:pt>
                <c:pt idx="1730">
                  <c:v>0</c:v>
                </c:pt>
                <c:pt idx="1731">
                  <c:v>0</c:v>
                </c:pt>
                <c:pt idx="1732">
                  <c:v>0</c:v>
                </c:pt>
                <c:pt idx="1733">
                  <c:v>0</c:v>
                </c:pt>
                <c:pt idx="1734">
                  <c:v>0</c:v>
                </c:pt>
                <c:pt idx="1735">
                  <c:v>0</c:v>
                </c:pt>
                <c:pt idx="1736">
                  <c:v>0</c:v>
                </c:pt>
                <c:pt idx="1737">
                  <c:v>0</c:v>
                </c:pt>
                <c:pt idx="1738">
                  <c:v>0</c:v>
                </c:pt>
                <c:pt idx="1739">
                  <c:v>0</c:v>
                </c:pt>
                <c:pt idx="1740">
                  <c:v>0</c:v>
                </c:pt>
                <c:pt idx="1741">
                  <c:v>0</c:v>
                </c:pt>
                <c:pt idx="1742">
                  <c:v>0</c:v>
                </c:pt>
                <c:pt idx="1743">
                  <c:v>0</c:v>
                </c:pt>
                <c:pt idx="1744">
                  <c:v>0</c:v>
                </c:pt>
                <c:pt idx="1745">
                  <c:v>0</c:v>
                </c:pt>
                <c:pt idx="1746">
                  <c:v>0</c:v>
                </c:pt>
                <c:pt idx="1747">
                  <c:v>0</c:v>
                </c:pt>
                <c:pt idx="1748">
                  <c:v>0</c:v>
                </c:pt>
                <c:pt idx="1749">
                  <c:v>0</c:v>
                </c:pt>
                <c:pt idx="1750">
                  <c:v>0</c:v>
                </c:pt>
                <c:pt idx="1751">
                  <c:v>0</c:v>
                </c:pt>
                <c:pt idx="1752">
                  <c:v>0</c:v>
                </c:pt>
                <c:pt idx="1753">
                  <c:v>0</c:v>
                </c:pt>
                <c:pt idx="1754">
                  <c:v>0</c:v>
                </c:pt>
                <c:pt idx="1755">
                  <c:v>0</c:v>
                </c:pt>
                <c:pt idx="1756">
                  <c:v>0</c:v>
                </c:pt>
                <c:pt idx="1757">
                  <c:v>0</c:v>
                </c:pt>
                <c:pt idx="1758">
                  <c:v>0</c:v>
                </c:pt>
                <c:pt idx="1759">
                  <c:v>0</c:v>
                </c:pt>
                <c:pt idx="1760">
                  <c:v>0</c:v>
                </c:pt>
                <c:pt idx="1761">
                  <c:v>0</c:v>
                </c:pt>
                <c:pt idx="1762">
                  <c:v>0</c:v>
                </c:pt>
                <c:pt idx="1763">
                  <c:v>0</c:v>
                </c:pt>
                <c:pt idx="1764">
                  <c:v>0</c:v>
                </c:pt>
                <c:pt idx="1765">
                  <c:v>0</c:v>
                </c:pt>
                <c:pt idx="1766">
                  <c:v>0</c:v>
                </c:pt>
                <c:pt idx="1767">
                  <c:v>0</c:v>
                </c:pt>
                <c:pt idx="1768">
                  <c:v>0</c:v>
                </c:pt>
                <c:pt idx="1769">
                  <c:v>0</c:v>
                </c:pt>
                <c:pt idx="1770">
                  <c:v>0</c:v>
                </c:pt>
                <c:pt idx="1771">
                  <c:v>0</c:v>
                </c:pt>
                <c:pt idx="1772">
                  <c:v>0</c:v>
                </c:pt>
                <c:pt idx="1773">
                  <c:v>0</c:v>
                </c:pt>
                <c:pt idx="1774">
                  <c:v>0</c:v>
                </c:pt>
                <c:pt idx="1775">
                  <c:v>0</c:v>
                </c:pt>
                <c:pt idx="1776">
                  <c:v>0</c:v>
                </c:pt>
                <c:pt idx="1777">
                  <c:v>0</c:v>
                </c:pt>
                <c:pt idx="1778">
                  <c:v>0</c:v>
                </c:pt>
                <c:pt idx="1779">
                  <c:v>0</c:v>
                </c:pt>
                <c:pt idx="1780">
                  <c:v>0</c:v>
                </c:pt>
                <c:pt idx="1781">
                  <c:v>0</c:v>
                </c:pt>
                <c:pt idx="1782">
                  <c:v>0</c:v>
                </c:pt>
                <c:pt idx="1783">
                  <c:v>0</c:v>
                </c:pt>
                <c:pt idx="1784">
                  <c:v>0</c:v>
                </c:pt>
                <c:pt idx="1785">
                  <c:v>0</c:v>
                </c:pt>
                <c:pt idx="1786">
                  <c:v>0</c:v>
                </c:pt>
                <c:pt idx="1787">
                  <c:v>0</c:v>
                </c:pt>
                <c:pt idx="1788">
                  <c:v>0</c:v>
                </c:pt>
                <c:pt idx="1789">
                  <c:v>0</c:v>
                </c:pt>
                <c:pt idx="1790">
                  <c:v>0</c:v>
                </c:pt>
                <c:pt idx="1791">
                  <c:v>0</c:v>
                </c:pt>
                <c:pt idx="1792">
                  <c:v>0</c:v>
                </c:pt>
                <c:pt idx="1793">
                  <c:v>0</c:v>
                </c:pt>
                <c:pt idx="1794">
                  <c:v>0</c:v>
                </c:pt>
                <c:pt idx="1795">
                  <c:v>0</c:v>
                </c:pt>
                <c:pt idx="1796">
                  <c:v>0</c:v>
                </c:pt>
                <c:pt idx="1797">
                  <c:v>0</c:v>
                </c:pt>
                <c:pt idx="1798">
                  <c:v>0</c:v>
                </c:pt>
                <c:pt idx="1799">
                  <c:v>0</c:v>
                </c:pt>
                <c:pt idx="1800">
                  <c:v>0</c:v>
                </c:pt>
                <c:pt idx="1801">
                  <c:v>0</c:v>
                </c:pt>
                <c:pt idx="1802">
                  <c:v>0</c:v>
                </c:pt>
                <c:pt idx="1803">
                  <c:v>0</c:v>
                </c:pt>
                <c:pt idx="1804">
                  <c:v>0</c:v>
                </c:pt>
                <c:pt idx="1805">
                  <c:v>0</c:v>
                </c:pt>
                <c:pt idx="1806">
                  <c:v>0</c:v>
                </c:pt>
                <c:pt idx="1807">
                  <c:v>0</c:v>
                </c:pt>
                <c:pt idx="1808">
                  <c:v>0</c:v>
                </c:pt>
                <c:pt idx="1809">
                  <c:v>0</c:v>
                </c:pt>
                <c:pt idx="1810">
                  <c:v>0</c:v>
                </c:pt>
                <c:pt idx="1811">
                  <c:v>0</c:v>
                </c:pt>
                <c:pt idx="1812">
                  <c:v>0</c:v>
                </c:pt>
                <c:pt idx="1813">
                  <c:v>0</c:v>
                </c:pt>
                <c:pt idx="1814">
                  <c:v>0</c:v>
                </c:pt>
                <c:pt idx="1815">
                  <c:v>0</c:v>
                </c:pt>
                <c:pt idx="1816">
                  <c:v>0</c:v>
                </c:pt>
                <c:pt idx="1817">
                  <c:v>0</c:v>
                </c:pt>
                <c:pt idx="1818">
                  <c:v>0</c:v>
                </c:pt>
                <c:pt idx="1819">
                  <c:v>0</c:v>
                </c:pt>
                <c:pt idx="1820">
                  <c:v>0</c:v>
                </c:pt>
                <c:pt idx="1821">
                  <c:v>0</c:v>
                </c:pt>
                <c:pt idx="1822">
                  <c:v>0</c:v>
                </c:pt>
                <c:pt idx="1823">
                  <c:v>0</c:v>
                </c:pt>
                <c:pt idx="1824">
                  <c:v>0</c:v>
                </c:pt>
                <c:pt idx="1825">
                  <c:v>0</c:v>
                </c:pt>
                <c:pt idx="1826">
                  <c:v>0</c:v>
                </c:pt>
                <c:pt idx="1827">
                  <c:v>0</c:v>
                </c:pt>
                <c:pt idx="1828">
                  <c:v>0</c:v>
                </c:pt>
                <c:pt idx="1829">
                  <c:v>0</c:v>
                </c:pt>
                <c:pt idx="1830">
                  <c:v>0</c:v>
                </c:pt>
                <c:pt idx="1831">
                  <c:v>0</c:v>
                </c:pt>
                <c:pt idx="1832">
                  <c:v>0</c:v>
                </c:pt>
                <c:pt idx="1833">
                  <c:v>0</c:v>
                </c:pt>
                <c:pt idx="1834">
                  <c:v>0</c:v>
                </c:pt>
                <c:pt idx="1835">
                  <c:v>0</c:v>
                </c:pt>
                <c:pt idx="1836">
                  <c:v>0</c:v>
                </c:pt>
                <c:pt idx="1837">
                  <c:v>0</c:v>
                </c:pt>
                <c:pt idx="1838">
                  <c:v>0</c:v>
                </c:pt>
                <c:pt idx="1839">
                  <c:v>0</c:v>
                </c:pt>
                <c:pt idx="1840">
                  <c:v>0</c:v>
                </c:pt>
                <c:pt idx="1841">
                  <c:v>0</c:v>
                </c:pt>
                <c:pt idx="1842">
                  <c:v>0</c:v>
                </c:pt>
                <c:pt idx="1843">
                  <c:v>0</c:v>
                </c:pt>
                <c:pt idx="1844">
                  <c:v>0</c:v>
                </c:pt>
                <c:pt idx="1845">
                  <c:v>0</c:v>
                </c:pt>
                <c:pt idx="1846">
                  <c:v>0</c:v>
                </c:pt>
                <c:pt idx="1847">
                  <c:v>0</c:v>
                </c:pt>
                <c:pt idx="1848">
                  <c:v>0</c:v>
                </c:pt>
                <c:pt idx="1849">
                  <c:v>0</c:v>
                </c:pt>
                <c:pt idx="1850">
                  <c:v>0</c:v>
                </c:pt>
                <c:pt idx="1851">
                  <c:v>0</c:v>
                </c:pt>
                <c:pt idx="1852">
                  <c:v>0</c:v>
                </c:pt>
                <c:pt idx="1853">
                  <c:v>0</c:v>
                </c:pt>
                <c:pt idx="1854">
                  <c:v>0</c:v>
                </c:pt>
                <c:pt idx="1855">
                  <c:v>0</c:v>
                </c:pt>
                <c:pt idx="1856">
                  <c:v>0</c:v>
                </c:pt>
                <c:pt idx="1857">
                  <c:v>0</c:v>
                </c:pt>
                <c:pt idx="1858">
                  <c:v>0</c:v>
                </c:pt>
                <c:pt idx="1859">
                  <c:v>0</c:v>
                </c:pt>
                <c:pt idx="1860">
                  <c:v>0</c:v>
                </c:pt>
                <c:pt idx="1861">
                  <c:v>0</c:v>
                </c:pt>
                <c:pt idx="1862">
                  <c:v>0</c:v>
                </c:pt>
                <c:pt idx="1863">
                  <c:v>0</c:v>
                </c:pt>
                <c:pt idx="1864">
                  <c:v>0</c:v>
                </c:pt>
                <c:pt idx="1865">
                  <c:v>0</c:v>
                </c:pt>
                <c:pt idx="1866">
                  <c:v>0</c:v>
                </c:pt>
                <c:pt idx="1867">
                  <c:v>0</c:v>
                </c:pt>
                <c:pt idx="1868">
                  <c:v>0</c:v>
                </c:pt>
                <c:pt idx="1869">
                  <c:v>0</c:v>
                </c:pt>
                <c:pt idx="1870">
                  <c:v>0</c:v>
                </c:pt>
                <c:pt idx="1871">
                  <c:v>0</c:v>
                </c:pt>
                <c:pt idx="1872">
                  <c:v>0</c:v>
                </c:pt>
                <c:pt idx="1873">
                  <c:v>0</c:v>
                </c:pt>
                <c:pt idx="1874">
                  <c:v>0</c:v>
                </c:pt>
                <c:pt idx="1875">
                  <c:v>0</c:v>
                </c:pt>
                <c:pt idx="1876">
                  <c:v>0</c:v>
                </c:pt>
                <c:pt idx="1877">
                  <c:v>0</c:v>
                </c:pt>
                <c:pt idx="1878">
                  <c:v>0</c:v>
                </c:pt>
                <c:pt idx="1879">
                  <c:v>0</c:v>
                </c:pt>
                <c:pt idx="1880">
                  <c:v>0</c:v>
                </c:pt>
                <c:pt idx="1881">
                  <c:v>0</c:v>
                </c:pt>
                <c:pt idx="1882">
                  <c:v>0</c:v>
                </c:pt>
                <c:pt idx="1883">
                  <c:v>0</c:v>
                </c:pt>
                <c:pt idx="1884">
                  <c:v>0</c:v>
                </c:pt>
                <c:pt idx="1885">
                  <c:v>0</c:v>
                </c:pt>
                <c:pt idx="1886">
                  <c:v>0</c:v>
                </c:pt>
                <c:pt idx="1887">
                  <c:v>0</c:v>
                </c:pt>
                <c:pt idx="1888">
                  <c:v>0</c:v>
                </c:pt>
                <c:pt idx="1889">
                  <c:v>0</c:v>
                </c:pt>
                <c:pt idx="1890">
                  <c:v>0</c:v>
                </c:pt>
                <c:pt idx="1891">
                  <c:v>0</c:v>
                </c:pt>
                <c:pt idx="1892">
                  <c:v>0</c:v>
                </c:pt>
                <c:pt idx="1893">
                  <c:v>0</c:v>
                </c:pt>
                <c:pt idx="1894">
                  <c:v>0</c:v>
                </c:pt>
                <c:pt idx="1895">
                  <c:v>0</c:v>
                </c:pt>
                <c:pt idx="1896">
                  <c:v>0</c:v>
                </c:pt>
                <c:pt idx="1897">
                  <c:v>0</c:v>
                </c:pt>
                <c:pt idx="1898">
                  <c:v>0</c:v>
                </c:pt>
                <c:pt idx="1899">
                  <c:v>0</c:v>
                </c:pt>
                <c:pt idx="1900">
                  <c:v>0</c:v>
                </c:pt>
                <c:pt idx="1901">
                  <c:v>0</c:v>
                </c:pt>
                <c:pt idx="1902">
                  <c:v>0</c:v>
                </c:pt>
                <c:pt idx="1903">
                  <c:v>0</c:v>
                </c:pt>
                <c:pt idx="1904">
                  <c:v>0</c:v>
                </c:pt>
                <c:pt idx="1905">
                  <c:v>0</c:v>
                </c:pt>
                <c:pt idx="1906">
                  <c:v>0</c:v>
                </c:pt>
                <c:pt idx="1907">
                  <c:v>0</c:v>
                </c:pt>
                <c:pt idx="1908">
                  <c:v>0</c:v>
                </c:pt>
                <c:pt idx="1909">
                  <c:v>0</c:v>
                </c:pt>
                <c:pt idx="1910">
                  <c:v>0</c:v>
                </c:pt>
                <c:pt idx="1911">
                  <c:v>0</c:v>
                </c:pt>
                <c:pt idx="1912">
                  <c:v>0</c:v>
                </c:pt>
                <c:pt idx="1913">
                  <c:v>0</c:v>
                </c:pt>
                <c:pt idx="1914">
                  <c:v>0</c:v>
                </c:pt>
                <c:pt idx="1915">
                  <c:v>0</c:v>
                </c:pt>
                <c:pt idx="1916">
                  <c:v>0</c:v>
                </c:pt>
                <c:pt idx="1917">
                  <c:v>0</c:v>
                </c:pt>
                <c:pt idx="1918">
                  <c:v>0</c:v>
                </c:pt>
                <c:pt idx="1919">
                  <c:v>0</c:v>
                </c:pt>
                <c:pt idx="1920">
                  <c:v>0</c:v>
                </c:pt>
                <c:pt idx="1921">
                  <c:v>0</c:v>
                </c:pt>
                <c:pt idx="1922">
                  <c:v>0</c:v>
                </c:pt>
                <c:pt idx="1923">
                  <c:v>0</c:v>
                </c:pt>
                <c:pt idx="1924">
                  <c:v>0</c:v>
                </c:pt>
                <c:pt idx="1925">
                  <c:v>0</c:v>
                </c:pt>
                <c:pt idx="1926">
                  <c:v>0</c:v>
                </c:pt>
                <c:pt idx="1927">
                  <c:v>0</c:v>
                </c:pt>
                <c:pt idx="1928">
                  <c:v>0</c:v>
                </c:pt>
                <c:pt idx="1929">
                  <c:v>0</c:v>
                </c:pt>
                <c:pt idx="1930">
                  <c:v>0</c:v>
                </c:pt>
                <c:pt idx="1931">
                  <c:v>0</c:v>
                </c:pt>
                <c:pt idx="1932">
                  <c:v>0</c:v>
                </c:pt>
                <c:pt idx="1933">
                  <c:v>0</c:v>
                </c:pt>
                <c:pt idx="1934">
                  <c:v>0</c:v>
                </c:pt>
                <c:pt idx="1935">
                  <c:v>0</c:v>
                </c:pt>
                <c:pt idx="1936">
                  <c:v>0</c:v>
                </c:pt>
                <c:pt idx="1937">
                  <c:v>0</c:v>
                </c:pt>
                <c:pt idx="1938">
                  <c:v>0</c:v>
                </c:pt>
                <c:pt idx="1939">
                  <c:v>0</c:v>
                </c:pt>
                <c:pt idx="1940">
                  <c:v>0</c:v>
                </c:pt>
                <c:pt idx="1941">
                  <c:v>0</c:v>
                </c:pt>
                <c:pt idx="1942">
                  <c:v>0</c:v>
                </c:pt>
                <c:pt idx="1943">
                  <c:v>0</c:v>
                </c:pt>
                <c:pt idx="1944">
                  <c:v>0</c:v>
                </c:pt>
                <c:pt idx="1945">
                  <c:v>0</c:v>
                </c:pt>
                <c:pt idx="1946">
                  <c:v>0</c:v>
                </c:pt>
                <c:pt idx="1947">
                  <c:v>0</c:v>
                </c:pt>
                <c:pt idx="1948">
                  <c:v>0</c:v>
                </c:pt>
                <c:pt idx="1949">
                  <c:v>0</c:v>
                </c:pt>
                <c:pt idx="1950">
                  <c:v>0</c:v>
                </c:pt>
                <c:pt idx="1951">
                  <c:v>0</c:v>
                </c:pt>
                <c:pt idx="1952">
                  <c:v>0</c:v>
                </c:pt>
                <c:pt idx="1953">
                  <c:v>0</c:v>
                </c:pt>
                <c:pt idx="1954">
                  <c:v>0</c:v>
                </c:pt>
                <c:pt idx="1955">
                  <c:v>0</c:v>
                </c:pt>
                <c:pt idx="1956">
                  <c:v>0</c:v>
                </c:pt>
                <c:pt idx="1957">
                  <c:v>0</c:v>
                </c:pt>
                <c:pt idx="1958">
                  <c:v>0</c:v>
                </c:pt>
                <c:pt idx="1959">
                  <c:v>0</c:v>
                </c:pt>
                <c:pt idx="1960">
                  <c:v>0</c:v>
                </c:pt>
                <c:pt idx="1961">
                  <c:v>0</c:v>
                </c:pt>
                <c:pt idx="1962">
                  <c:v>0</c:v>
                </c:pt>
                <c:pt idx="1963">
                  <c:v>0</c:v>
                </c:pt>
                <c:pt idx="1964">
                  <c:v>0</c:v>
                </c:pt>
                <c:pt idx="1965">
                  <c:v>0</c:v>
                </c:pt>
                <c:pt idx="1966">
                  <c:v>0</c:v>
                </c:pt>
                <c:pt idx="1967">
                  <c:v>0</c:v>
                </c:pt>
                <c:pt idx="1968">
                  <c:v>0</c:v>
                </c:pt>
                <c:pt idx="1969">
                  <c:v>0</c:v>
                </c:pt>
                <c:pt idx="1970">
                  <c:v>0</c:v>
                </c:pt>
                <c:pt idx="1971">
                  <c:v>0</c:v>
                </c:pt>
                <c:pt idx="1972">
                  <c:v>0</c:v>
                </c:pt>
                <c:pt idx="1973">
                  <c:v>0</c:v>
                </c:pt>
                <c:pt idx="1974">
                  <c:v>0</c:v>
                </c:pt>
                <c:pt idx="1975">
                  <c:v>0</c:v>
                </c:pt>
                <c:pt idx="1976">
                  <c:v>0</c:v>
                </c:pt>
                <c:pt idx="1977">
                  <c:v>0</c:v>
                </c:pt>
                <c:pt idx="1978">
                  <c:v>0</c:v>
                </c:pt>
                <c:pt idx="1979">
                  <c:v>0</c:v>
                </c:pt>
                <c:pt idx="1980">
                  <c:v>0</c:v>
                </c:pt>
                <c:pt idx="1981">
                  <c:v>0</c:v>
                </c:pt>
                <c:pt idx="1982">
                  <c:v>0</c:v>
                </c:pt>
                <c:pt idx="1983">
                  <c:v>0</c:v>
                </c:pt>
                <c:pt idx="1984">
                  <c:v>0</c:v>
                </c:pt>
                <c:pt idx="1985">
                  <c:v>0</c:v>
                </c:pt>
                <c:pt idx="1986">
                  <c:v>0</c:v>
                </c:pt>
                <c:pt idx="1987">
                  <c:v>0</c:v>
                </c:pt>
                <c:pt idx="1988">
                  <c:v>0</c:v>
                </c:pt>
                <c:pt idx="1989">
                  <c:v>0</c:v>
                </c:pt>
                <c:pt idx="1990">
                  <c:v>0</c:v>
                </c:pt>
                <c:pt idx="1991">
                  <c:v>0</c:v>
                </c:pt>
                <c:pt idx="1992">
                  <c:v>0</c:v>
                </c:pt>
                <c:pt idx="1993">
                  <c:v>0</c:v>
                </c:pt>
                <c:pt idx="1994">
                  <c:v>0</c:v>
                </c:pt>
                <c:pt idx="1995">
                  <c:v>0</c:v>
                </c:pt>
                <c:pt idx="1996">
                  <c:v>0</c:v>
                </c:pt>
                <c:pt idx="1997">
                  <c:v>0</c:v>
                </c:pt>
                <c:pt idx="1998">
                  <c:v>0</c:v>
                </c:pt>
                <c:pt idx="1999">
                  <c:v>0</c:v>
                </c:pt>
                <c:pt idx="2000">
                  <c:v>0</c:v>
                </c:pt>
                <c:pt idx="2001">
                  <c:v>0</c:v>
                </c:pt>
                <c:pt idx="2002">
                  <c:v>0</c:v>
                </c:pt>
                <c:pt idx="2003">
                  <c:v>0</c:v>
                </c:pt>
                <c:pt idx="2004">
                  <c:v>0</c:v>
                </c:pt>
                <c:pt idx="2005">
                  <c:v>0</c:v>
                </c:pt>
                <c:pt idx="2006">
                  <c:v>0</c:v>
                </c:pt>
                <c:pt idx="2007">
                  <c:v>0</c:v>
                </c:pt>
                <c:pt idx="2008">
                  <c:v>0</c:v>
                </c:pt>
                <c:pt idx="2009">
                  <c:v>0</c:v>
                </c:pt>
                <c:pt idx="2010">
                  <c:v>0</c:v>
                </c:pt>
                <c:pt idx="2011">
                  <c:v>0</c:v>
                </c:pt>
                <c:pt idx="2012">
                  <c:v>0</c:v>
                </c:pt>
                <c:pt idx="2013">
                  <c:v>0</c:v>
                </c:pt>
                <c:pt idx="2014">
                  <c:v>0</c:v>
                </c:pt>
                <c:pt idx="2015">
                  <c:v>0</c:v>
                </c:pt>
                <c:pt idx="2016">
                  <c:v>0</c:v>
                </c:pt>
                <c:pt idx="2017">
                  <c:v>0</c:v>
                </c:pt>
                <c:pt idx="2018">
                  <c:v>0</c:v>
                </c:pt>
                <c:pt idx="2019">
                  <c:v>0</c:v>
                </c:pt>
                <c:pt idx="2020">
                  <c:v>0</c:v>
                </c:pt>
                <c:pt idx="2021">
                  <c:v>0</c:v>
                </c:pt>
                <c:pt idx="2022">
                  <c:v>0</c:v>
                </c:pt>
                <c:pt idx="2023">
                  <c:v>0</c:v>
                </c:pt>
                <c:pt idx="2024">
                  <c:v>0</c:v>
                </c:pt>
                <c:pt idx="2025">
                  <c:v>0</c:v>
                </c:pt>
                <c:pt idx="2026">
                  <c:v>0</c:v>
                </c:pt>
                <c:pt idx="2027">
                  <c:v>0</c:v>
                </c:pt>
                <c:pt idx="2028">
                  <c:v>0</c:v>
                </c:pt>
                <c:pt idx="2029">
                  <c:v>0</c:v>
                </c:pt>
                <c:pt idx="2030">
                  <c:v>0</c:v>
                </c:pt>
                <c:pt idx="2031">
                  <c:v>0</c:v>
                </c:pt>
                <c:pt idx="2032">
                  <c:v>0</c:v>
                </c:pt>
                <c:pt idx="2033">
                  <c:v>0</c:v>
                </c:pt>
                <c:pt idx="2034">
                  <c:v>0</c:v>
                </c:pt>
                <c:pt idx="2035">
                  <c:v>0</c:v>
                </c:pt>
                <c:pt idx="2036">
                  <c:v>0</c:v>
                </c:pt>
                <c:pt idx="2037">
                  <c:v>0</c:v>
                </c:pt>
                <c:pt idx="2038">
                  <c:v>0</c:v>
                </c:pt>
                <c:pt idx="2039">
                  <c:v>0</c:v>
                </c:pt>
                <c:pt idx="2040">
                  <c:v>0</c:v>
                </c:pt>
                <c:pt idx="2041">
                  <c:v>0</c:v>
                </c:pt>
                <c:pt idx="2042">
                  <c:v>0</c:v>
                </c:pt>
                <c:pt idx="2043">
                  <c:v>0</c:v>
                </c:pt>
                <c:pt idx="2044">
                  <c:v>0</c:v>
                </c:pt>
                <c:pt idx="2045">
                  <c:v>0</c:v>
                </c:pt>
                <c:pt idx="2046">
                  <c:v>0</c:v>
                </c:pt>
                <c:pt idx="2047">
                  <c:v>0</c:v>
                </c:pt>
                <c:pt idx="2048">
                  <c:v>0</c:v>
                </c:pt>
                <c:pt idx="2049">
                  <c:v>0</c:v>
                </c:pt>
                <c:pt idx="2050">
                  <c:v>0</c:v>
                </c:pt>
                <c:pt idx="2051">
                  <c:v>0</c:v>
                </c:pt>
                <c:pt idx="2052">
                  <c:v>0</c:v>
                </c:pt>
                <c:pt idx="2053">
                  <c:v>0</c:v>
                </c:pt>
                <c:pt idx="2054">
                  <c:v>0</c:v>
                </c:pt>
                <c:pt idx="2055">
                  <c:v>0</c:v>
                </c:pt>
                <c:pt idx="2056">
                  <c:v>0</c:v>
                </c:pt>
                <c:pt idx="2057">
                  <c:v>0</c:v>
                </c:pt>
                <c:pt idx="2058">
                  <c:v>0</c:v>
                </c:pt>
                <c:pt idx="2059">
                  <c:v>0</c:v>
                </c:pt>
                <c:pt idx="2060">
                  <c:v>0</c:v>
                </c:pt>
                <c:pt idx="2061">
                  <c:v>0</c:v>
                </c:pt>
                <c:pt idx="2062">
                  <c:v>0</c:v>
                </c:pt>
                <c:pt idx="2063">
                  <c:v>0</c:v>
                </c:pt>
                <c:pt idx="2064">
                  <c:v>0</c:v>
                </c:pt>
                <c:pt idx="2065">
                  <c:v>0</c:v>
                </c:pt>
                <c:pt idx="2066">
                  <c:v>0</c:v>
                </c:pt>
                <c:pt idx="2067">
                  <c:v>0</c:v>
                </c:pt>
                <c:pt idx="2068">
                  <c:v>0</c:v>
                </c:pt>
                <c:pt idx="2069">
                  <c:v>0</c:v>
                </c:pt>
                <c:pt idx="2070">
                  <c:v>0</c:v>
                </c:pt>
                <c:pt idx="2071">
                  <c:v>0</c:v>
                </c:pt>
                <c:pt idx="2072">
                  <c:v>0</c:v>
                </c:pt>
                <c:pt idx="2073">
                  <c:v>0</c:v>
                </c:pt>
                <c:pt idx="2074">
                  <c:v>0</c:v>
                </c:pt>
                <c:pt idx="2075">
                  <c:v>0</c:v>
                </c:pt>
                <c:pt idx="2076">
                  <c:v>0</c:v>
                </c:pt>
                <c:pt idx="2077">
                  <c:v>0</c:v>
                </c:pt>
                <c:pt idx="2078">
                  <c:v>0</c:v>
                </c:pt>
                <c:pt idx="2079">
                  <c:v>0</c:v>
                </c:pt>
                <c:pt idx="2080">
                  <c:v>0</c:v>
                </c:pt>
                <c:pt idx="2081">
                  <c:v>0</c:v>
                </c:pt>
                <c:pt idx="2082">
                  <c:v>0</c:v>
                </c:pt>
                <c:pt idx="2083">
                  <c:v>0</c:v>
                </c:pt>
                <c:pt idx="2084">
                  <c:v>0</c:v>
                </c:pt>
                <c:pt idx="2085">
                  <c:v>0</c:v>
                </c:pt>
                <c:pt idx="2086">
                  <c:v>0</c:v>
                </c:pt>
                <c:pt idx="2087">
                  <c:v>0</c:v>
                </c:pt>
                <c:pt idx="2088">
                  <c:v>0</c:v>
                </c:pt>
                <c:pt idx="2089">
                  <c:v>0</c:v>
                </c:pt>
                <c:pt idx="2090">
                  <c:v>0</c:v>
                </c:pt>
                <c:pt idx="2091">
                  <c:v>0</c:v>
                </c:pt>
                <c:pt idx="2092">
                  <c:v>0</c:v>
                </c:pt>
                <c:pt idx="2093">
                  <c:v>0</c:v>
                </c:pt>
                <c:pt idx="2094">
                  <c:v>0</c:v>
                </c:pt>
                <c:pt idx="2095">
                  <c:v>0</c:v>
                </c:pt>
                <c:pt idx="2096">
                  <c:v>0</c:v>
                </c:pt>
                <c:pt idx="2097">
                  <c:v>0</c:v>
                </c:pt>
                <c:pt idx="2098">
                  <c:v>0</c:v>
                </c:pt>
                <c:pt idx="2099">
                  <c:v>0</c:v>
                </c:pt>
                <c:pt idx="2100">
                  <c:v>0</c:v>
                </c:pt>
                <c:pt idx="2101">
                  <c:v>0</c:v>
                </c:pt>
                <c:pt idx="2102">
                  <c:v>0</c:v>
                </c:pt>
                <c:pt idx="2103">
                  <c:v>0</c:v>
                </c:pt>
                <c:pt idx="2104">
                  <c:v>0</c:v>
                </c:pt>
                <c:pt idx="2105">
                  <c:v>0</c:v>
                </c:pt>
                <c:pt idx="2106">
                  <c:v>0</c:v>
                </c:pt>
                <c:pt idx="2107">
                  <c:v>0</c:v>
                </c:pt>
                <c:pt idx="2108">
                  <c:v>0</c:v>
                </c:pt>
                <c:pt idx="2109">
                  <c:v>0</c:v>
                </c:pt>
                <c:pt idx="2110">
                  <c:v>0</c:v>
                </c:pt>
                <c:pt idx="2111">
                  <c:v>0</c:v>
                </c:pt>
                <c:pt idx="2112">
                  <c:v>0</c:v>
                </c:pt>
                <c:pt idx="2113">
                  <c:v>0</c:v>
                </c:pt>
                <c:pt idx="2114">
                  <c:v>0</c:v>
                </c:pt>
                <c:pt idx="2115">
                  <c:v>0</c:v>
                </c:pt>
                <c:pt idx="2116">
                  <c:v>0</c:v>
                </c:pt>
                <c:pt idx="2117">
                  <c:v>0</c:v>
                </c:pt>
                <c:pt idx="2118">
                  <c:v>0</c:v>
                </c:pt>
                <c:pt idx="2119">
                  <c:v>0</c:v>
                </c:pt>
                <c:pt idx="2120">
                  <c:v>0</c:v>
                </c:pt>
                <c:pt idx="2121">
                  <c:v>0</c:v>
                </c:pt>
                <c:pt idx="2122">
                  <c:v>0</c:v>
                </c:pt>
                <c:pt idx="2123">
                  <c:v>0</c:v>
                </c:pt>
                <c:pt idx="2124">
                  <c:v>0</c:v>
                </c:pt>
                <c:pt idx="2125">
                  <c:v>0</c:v>
                </c:pt>
                <c:pt idx="2126">
                  <c:v>0</c:v>
                </c:pt>
                <c:pt idx="2127">
                  <c:v>0</c:v>
                </c:pt>
                <c:pt idx="2128">
                  <c:v>0</c:v>
                </c:pt>
                <c:pt idx="2129">
                  <c:v>0</c:v>
                </c:pt>
                <c:pt idx="2130">
                  <c:v>0</c:v>
                </c:pt>
                <c:pt idx="2131">
                  <c:v>0</c:v>
                </c:pt>
                <c:pt idx="2132">
                  <c:v>0</c:v>
                </c:pt>
                <c:pt idx="2133">
                  <c:v>0</c:v>
                </c:pt>
                <c:pt idx="2134">
                  <c:v>0</c:v>
                </c:pt>
                <c:pt idx="2135">
                  <c:v>0</c:v>
                </c:pt>
                <c:pt idx="2136">
                  <c:v>0</c:v>
                </c:pt>
                <c:pt idx="2137">
                  <c:v>0</c:v>
                </c:pt>
                <c:pt idx="2138">
                  <c:v>0</c:v>
                </c:pt>
                <c:pt idx="2139">
                  <c:v>0</c:v>
                </c:pt>
                <c:pt idx="2140">
                  <c:v>0</c:v>
                </c:pt>
                <c:pt idx="2141">
                  <c:v>0</c:v>
                </c:pt>
                <c:pt idx="2142">
                  <c:v>0</c:v>
                </c:pt>
                <c:pt idx="2143">
                  <c:v>0</c:v>
                </c:pt>
                <c:pt idx="2144">
                  <c:v>0</c:v>
                </c:pt>
                <c:pt idx="2145">
                  <c:v>0</c:v>
                </c:pt>
                <c:pt idx="2146">
                  <c:v>0</c:v>
                </c:pt>
                <c:pt idx="2147">
                  <c:v>0</c:v>
                </c:pt>
                <c:pt idx="2148">
                  <c:v>0</c:v>
                </c:pt>
                <c:pt idx="2149">
                  <c:v>0</c:v>
                </c:pt>
                <c:pt idx="2150">
                  <c:v>0</c:v>
                </c:pt>
                <c:pt idx="2151">
                  <c:v>0</c:v>
                </c:pt>
                <c:pt idx="2152">
                  <c:v>0</c:v>
                </c:pt>
                <c:pt idx="2153">
                  <c:v>0</c:v>
                </c:pt>
                <c:pt idx="2154">
                  <c:v>0</c:v>
                </c:pt>
                <c:pt idx="2155">
                  <c:v>0</c:v>
                </c:pt>
                <c:pt idx="2156">
                  <c:v>0</c:v>
                </c:pt>
                <c:pt idx="2157">
                  <c:v>0</c:v>
                </c:pt>
                <c:pt idx="2158">
                  <c:v>0</c:v>
                </c:pt>
                <c:pt idx="2159">
                  <c:v>0</c:v>
                </c:pt>
                <c:pt idx="2160">
                  <c:v>0</c:v>
                </c:pt>
                <c:pt idx="2161">
                  <c:v>0</c:v>
                </c:pt>
                <c:pt idx="2162">
                  <c:v>0</c:v>
                </c:pt>
                <c:pt idx="2163">
                  <c:v>0</c:v>
                </c:pt>
                <c:pt idx="2164">
                  <c:v>0</c:v>
                </c:pt>
                <c:pt idx="2165">
                  <c:v>0</c:v>
                </c:pt>
                <c:pt idx="2166">
                  <c:v>0</c:v>
                </c:pt>
                <c:pt idx="2167">
                  <c:v>0</c:v>
                </c:pt>
                <c:pt idx="2168">
                  <c:v>0</c:v>
                </c:pt>
                <c:pt idx="2169">
                  <c:v>0</c:v>
                </c:pt>
                <c:pt idx="2170">
                  <c:v>0</c:v>
                </c:pt>
                <c:pt idx="2171">
                  <c:v>0</c:v>
                </c:pt>
                <c:pt idx="2172">
                  <c:v>0</c:v>
                </c:pt>
                <c:pt idx="2173">
                  <c:v>0</c:v>
                </c:pt>
                <c:pt idx="2174">
                  <c:v>0</c:v>
                </c:pt>
                <c:pt idx="2175">
                  <c:v>0</c:v>
                </c:pt>
                <c:pt idx="2176">
                  <c:v>0</c:v>
                </c:pt>
                <c:pt idx="2177">
                  <c:v>0</c:v>
                </c:pt>
                <c:pt idx="2178">
                  <c:v>0</c:v>
                </c:pt>
                <c:pt idx="2179">
                  <c:v>0</c:v>
                </c:pt>
                <c:pt idx="2180">
                  <c:v>0</c:v>
                </c:pt>
                <c:pt idx="2181">
                  <c:v>0</c:v>
                </c:pt>
                <c:pt idx="2182">
                  <c:v>0</c:v>
                </c:pt>
                <c:pt idx="2183">
                  <c:v>0</c:v>
                </c:pt>
                <c:pt idx="2184">
                  <c:v>0</c:v>
                </c:pt>
                <c:pt idx="2185">
                  <c:v>0</c:v>
                </c:pt>
                <c:pt idx="2186">
                  <c:v>0</c:v>
                </c:pt>
                <c:pt idx="2187">
                  <c:v>0</c:v>
                </c:pt>
                <c:pt idx="2188">
                  <c:v>0</c:v>
                </c:pt>
                <c:pt idx="2189">
                  <c:v>0</c:v>
                </c:pt>
                <c:pt idx="2190">
                  <c:v>0</c:v>
                </c:pt>
                <c:pt idx="2191">
                  <c:v>0</c:v>
                </c:pt>
                <c:pt idx="2192">
                  <c:v>0</c:v>
                </c:pt>
                <c:pt idx="2193">
                  <c:v>0</c:v>
                </c:pt>
                <c:pt idx="2194">
                  <c:v>0</c:v>
                </c:pt>
                <c:pt idx="2195">
                  <c:v>0</c:v>
                </c:pt>
                <c:pt idx="2196">
                  <c:v>0</c:v>
                </c:pt>
                <c:pt idx="2197">
                  <c:v>0</c:v>
                </c:pt>
                <c:pt idx="2198">
                  <c:v>0</c:v>
                </c:pt>
                <c:pt idx="2199">
                  <c:v>0</c:v>
                </c:pt>
                <c:pt idx="2200">
                  <c:v>0</c:v>
                </c:pt>
                <c:pt idx="2201">
                  <c:v>0</c:v>
                </c:pt>
                <c:pt idx="2202">
                  <c:v>0</c:v>
                </c:pt>
                <c:pt idx="2203">
                  <c:v>0</c:v>
                </c:pt>
                <c:pt idx="2204">
                  <c:v>0</c:v>
                </c:pt>
                <c:pt idx="2205">
                  <c:v>0</c:v>
                </c:pt>
                <c:pt idx="2206">
                  <c:v>0</c:v>
                </c:pt>
                <c:pt idx="2207">
                  <c:v>0</c:v>
                </c:pt>
                <c:pt idx="2208">
                  <c:v>0</c:v>
                </c:pt>
                <c:pt idx="2209">
                  <c:v>0</c:v>
                </c:pt>
                <c:pt idx="2210">
                  <c:v>0</c:v>
                </c:pt>
                <c:pt idx="2211">
                  <c:v>0</c:v>
                </c:pt>
                <c:pt idx="2212">
                  <c:v>0</c:v>
                </c:pt>
                <c:pt idx="2213">
                  <c:v>0</c:v>
                </c:pt>
                <c:pt idx="2214">
                  <c:v>0</c:v>
                </c:pt>
                <c:pt idx="2215">
                  <c:v>0</c:v>
                </c:pt>
                <c:pt idx="2216">
                  <c:v>0</c:v>
                </c:pt>
                <c:pt idx="2217">
                  <c:v>0</c:v>
                </c:pt>
                <c:pt idx="2218">
                  <c:v>0</c:v>
                </c:pt>
                <c:pt idx="2219">
                  <c:v>0</c:v>
                </c:pt>
                <c:pt idx="2220">
                  <c:v>0</c:v>
                </c:pt>
                <c:pt idx="2221">
                  <c:v>0</c:v>
                </c:pt>
                <c:pt idx="2222">
                  <c:v>0</c:v>
                </c:pt>
                <c:pt idx="2223">
                  <c:v>0</c:v>
                </c:pt>
                <c:pt idx="2224">
                  <c:v>0</c:v>
                </c:pt>
                <c:pt idx="2225">
                  <c:v>0</c:v>
                </c:pt>
                <c:pt idx="2226">
                  <c:v>0</c:v>
                </c:pt>
                <c:pt idx="2227">
                  <c:v>0</c:v>
                </c:pt>
                <c:pt idx="2228">
                  <c:v>0</c:v>
                </c:pt>
                <c:pt idx="2229">
                  <c:v>0</c:v>
                </c:pt>
                <c:pt idx="2230">
                  <c:v>0</c:v>
                </c:pt>
                <c:pt idx="2231">
                  <c:v>0</c:v>
                </c:pt>
                <c:pt idx="2232">
                  <c:v>0</c:v>
                </c:pt>
                <c:pt idx="2233">
                  <c:v>0</c:v>
                </c:pt>
                <c:pt idx="2234">
                  <c:v>0</c:v>
                </c:pt>
                <c:pt idx="2235">
                  <c:v>0</c:v>
                </c:pt>
                <c:pt idx="2236">
                  <c:v>0</c:v>
                </c:pt>
                <c:pt idx="2237">
                  <c:v>0</c:v>
                </c:pt>
                <c:pt idx="2238">
                  <c:v>0</c:v>
                </c:pt>
                <c:pt idx="2239">
                  <c:v>0</c:v>
                </c:pt>
                <c:pt idx="2240">
                  <c:v>0</c:v>
                </c:pt>
                <c:pt idx="2241">
                  <c:v>0</c:v>
                </c:pt>
                <c:pt idx="2242">
                  <c:v>0</c:v>
                </c:pt>
                <c:pt idx="2243">
                  <c:v>0</c:v>
                </c:pt>
                <c:pt idx="2244">
                  <c:v>0</c:v>
                </c:pt>
                <c:pt idx="2245">
                  <c:v>0</c:v>
                </c:pt>
                <c:pt idx="2246">
                  <c:v>0</c:v>
                </c:pt>
                <c:pt idx="2247">
                  <c:v>0</c:v>
                </c:pt>
                <c:pt idx="2248">
                  <c:v>0</c:v>
                </c:pt>
                <c:pt idx="2249">
                  <c:v>0</c:v>
                </c:pt>
                <c:pt idx="2250">
                  <c:v>0</c:v>
                </c:pt>
                <c:pt idx="2251">
                  <c:v>0</c:v>
                </c:pt>
                <c:pt idx="2252">
                  <c:v>0</c:v>
                </c:pt>
                <c:pt idx="2253">
                  <c:v>0</c:v>
                </c:pt>
                <c:pt idx="2254">
                  <c:v>0</c:v>
                </c:pt>
                <c:pt idx="2255">
                  <c:v>0</c:v>
                </c:pt>
                <c:pt idx="2256">
                  <c:v>0</c:v>
                </c:pt>
                <c:pt idx="2257">
                  <c:v>0</c:v>
                </c:pt>
                <c:pt idx="2258">
                  <c:v>0</c:v>
                </c:pt>
                <c:pt idx="2259">
                  <c:v>0</c:v>
                </c:pt>
                <c:pt idx="2260">
                  <c:v>0</c:v>
                </c:pt>
                <c:pt idx="2261">
                  <c:v>0</c:v>
                </c:pt>
                <c:pt idx="2262">
                  <c:v>0</c:v>
                </c:pt>
                <c:pt idx="2263">
                  <c:v>0</c:v>
                </c:pt>
                <c:pt idx="2264">
                  <c:v>0</c:v>
                </c:pt>
                <c:pt idx="2265">
                  <c:v>0</c:v>
                </c:pt>
                <c:pt idx="2266">
                  <c:v>0</c:v>
                </c:pt>
                <c:pt idx="2267">
                  <c:v>0</c:v>
                </c:pt>
                <c:pt idx="2268">
                  <c:v>0</c:v>
                </c:pt>
                <c:pt idx="2269">
                  <c:v>0</c:v>
                </c:pt>
                <c:pt idx="2270">
                  <c:v>0</c:v>
                </c:pt>
                <c:pt idx="2271">
                  <c:v>0</c:v>
                </c:pt>
                <c:pt idx="2272">
                  <c:v>0</c:v>
                </c:pt>
                <c:pt idx="2273">
                  <c:v>0</c:v>
                </c:pt>
                <c:pt idx="2274">
                  <c:v>0</c:v>
                </c:pt>
                <c:pt idx="2275">
                  <c:v>0</c:v>
                </c:pt>
                <c:pt idx="2276">
                  <c:v>0</c:v>
                </c:pt>
                <c:pt idx="2277">
                  <c:v>0</c:v>
                </c:pt>
                <c:pt idx="2278">
                  <c:v>0</c:v>
                </c:pt>
                <c:pt idx="2279">
                  <c:v>0</c:v>
                </c:pt>
                <c:pt idx="2280">
                  <c:v>0</c:v>
                </c:pt>
                <c:pt idx="2281">
                  <c:v>0</c:v>
                </c:pt>
                <c:pt idx="2282">
                  <c:v>0</c:v>
                </c:pt>
                <c:pt idx="2283">
                  <c:v>0</c:v>
                </c:pt>
                <c:pt idx="2284">
                  <c:v>0</c:v>
                </c:pt>
                <c:pt idx="2285">
                  <c:v>0</c:v>
                </c:pt>
                <c:pt idx="2286">
                  <c:v>0</c:v>
                </c:pt>
                <c:pt idx="2287">
                  <c:v>0</c:v>
                </c:pt>
                <c:pt idx="2288">
                  <c:v>0</c:v>
                </c:pt>
                <c:pt idx="2289">
                  <c:v>0</c:v>
                </c:pt>
                <c:pt idx="2290">
                  <c:v>0</c:v>
                </c:pt>
                <c:pt idx="2291">
                  <c:v>0</c:v>
                </c:pt>
                <c:pt idx="2292">
                  <c:v>0</c:v>
                </c:pt>
                <c:pt idx="2293">
                  <c:v>0</c:v>
                </c:pt>
                <c:pt idx="2294">
                  <c:v>0</c:v>
                </c:pt>
                <c:pt idx="2295">
                  <c:v>0</c:v>
                </c:pt>
                <c:pt idx="2296">
                  <c:v>0</c:v>
                </c:pt>
                <c:pt idx="2297">
                  <c:v>0</c:v>
                </c:pt>
                <c:pt idx="2298">
                  <c:v>0</c:v>
                </c:pt>
                <c:pt idx="2299">
                  <c:v>0</c:v>
                </c:pt>
                <c:pt idx="2300">
                  <c:v>0</c:v>
                </c:pt>
                <c:pt idx="2301">
                  <c:v>0</c:v>
                </c:pt>
                <c:pt idx="2302">
                  <c:v>0</c:v>
                </c:pt>
                <c:pt idx="2303">
                  <c:v>0</c:v>
                </c:pt>
                <c:pt idx="2304">
                  <c:v>0</c:v>
                </c:pt>
                <c:pt idx="2305">
                  <c:v>0</c:v>
                </c:pt>
                <c:pt idx="2306">
                  <c:v>0</c:v>
                </c:pt>
                <c:pt idx="2307">
                  <c:v>0</c:v>
                </c:pt>
                <c:pt idx="2308">
                  <c:v>0</c:v>
                </c:pt>
                <c:pt idx="2309">
                  <c:v>0</c:v>
                </c:pt>
                <c:pt idx="2310">
                  <c:v>0</c:v>
                </c:pt>
                <c:pt idx="2311">
                  <c:v>0</c:v>
                </c:pt>
                <c:pt idx="2312">
                  <c:v>0</c:v>
                </c:pt>
                <c:pt idx="2313">
                  <c:v>0</c:v>
                </c:pt>
                <c:pt idx="2314">
                  <c:v>0</c:v>
                </c:pt>
                <c:pt idx="2315">
                  <c:v>0</c:v>
                </c:pt>
                <c:pt idx="2316">
                  <c:v>0</c:v>
                </c:pt>
                <c:pt idx="2317">
                  <c:v>0</c:v>
                </c:pt>
                <c:pt idx="2318">
                  <c:v>0</c:v>
                </c:pt>
                <c:pt idx="2319">
                  <c:v>0</c:v>
                </c:pt>
                <c:pt idx="2320">
                  <c:v>0</c:v>
                </c:pt>
                <c:pt idx="2321">
                  <c:v>0</c:v>
                </c:pt>
                <c:pt idx="2322">
                  <c:v>0</c:v>
                </c:pt>
                <c:pt idx="2323">
                  <c:v>0</c:v>
                </c:pt>
                <c:pt idx="2324">
                  <c:v>0</c:v>
                </c:pt>
                <c:pt idx="2325">
                  <c:v>0</c:v>
                </c:pt>
                <c:pt idx="2326">
                  <c:v>0</c:v>
                </c:pt>
                <c:pt idx="2327">
                  <c:v>0</c:v>
                </c:pt>
                <c:pt idx="2328">
                  <c:v>0</c:v>
                </c:pt>
                <c:pt idx="2329">
                  <c:v>0</c:v>
                </c:pt>
                <c:pt idx="2330">
                  <c:v>0</c:v>
                </c:pt>
                <c:pt idx="2331">
                  <c:v>0</c:v>
                </c:pt>
                <c:pt idx="2332">
                  <c:v>0</c:v>
                </c:pt>
                <c:pt idx="2333">
                  <c:v>0</c:v>
                </c:pt>
                <c:pt idx="2334">
                  <c:v>0</c:v>
                </c:pt>
                <c:pt idx="2335">
                  <c:v>0</c:v>
                </c:pt>
                <c:pt idx="2336">
                  <c:v>0</c:v>
                </c:pt>
                <c:pt idx="2337">
                  <c:v>0</c:v>
                </c:pt>
                <c:pt idx="2338">
                  <c:v>0</c:v>
                </c:pt>
                <c:pt idx="2339">
                  <c:v>0</c:v>
                </c:pt>
                <c:pt idx="2340">
                  <c:v>0</c:v>
                </c:pt>
                <c:pt idx="2341">
                  <c:v>0</c:v>
                </c:pt>
                <c:pt idx="2342">
                  <c:v>0</c:v>
                </c:pt>
                <c:pt idx="2343">
                  <c:v>0</c:v>
                </c:pt>
                <c:pt idx="2344">
                  <c:v>0</c:v>
                </c:pt>
                <c:pt idx="2345">
                  <c:v>0</c:v>
                </c:pt>
                <c:pt idx="2346">
                  <c:v>0</c:v>
                </c:pt>
                <c:pt idx="2347">
                  <c:v>0</c:v>
                </c:pt>
                <c:pt idx="2348">
                  <c:v>0</c:v>
                </c:pt>
                <c:pt idx="2349">
                  <c:v>0</c:v>
                </c:pt>
                <c:pt idx="2350">
                  <c:v>0</c:v>
                </c:pt>
                <c:pt idx="2351">
                  <c:v>0</c:v>
                </c:pt>
                <c:pt idx="2352">
                  <c:v>0</c:v>
                </c:pt>
                <c:pt idx="2353">
                  <c:v>0</c:v>
                </c:pt>
                <c:pt idx="2354">
                  <c:v>0</c:v>
                </c:pt>
                <c:pt idx="2355">
                  <c:v>0</c:v>
                </c:pt>
                <c:pt idx="2356">
                  <c:v>0</c:v>
                </c:pt>
                <c:pt idx="2357">
                  <c:v>0</c:v>
                </c:pt>
                <c:pt idx="2358">
                  <c:v>0</c:v>
                </c:pt>
                <c:pt idx="2359">
                  <c:v>0</c:v>
                </c:pt>
                <c:pt idx="2360">
                  <c:v>0</c:v>
                </c:pt>
                <c:pt idx="2361">
                  <c:v>0</c:v>
                </c:pt>
                <c:pt idx="2362">
                  <c:v>0</c:v>
                </c:pt>
                <c:pt idx="2363">
                  <c:v>0</c:v>
                </c:pt>
                <c:pt idx="2364">
                  <c:v>0</c:v>
                </c:pt>
                <c:pt idx="2365">
                  <c:v>0</c:v>
                </c:pt>
                <c:pt idx="2366">
                  <c:v>0</c:v>
                </c:pt>
                <c:pt idx="2367">
                  <c:v>0</c:v>
                </c:pt>
                <c:pt idx="2368">
                  <c:v>0</c:v>
                </c:pt>
                <c:pt idx="2369">
                  <c:v>0</c:v>
                </c:pt>
                <c:pt idx="2370">
                  <c:v>0</c:v>
                </c:pt>
                <c:pt idx="2371">
                  <c:v>0</c:v>
                </c:pt>
                <c:pt idx="2372">
                  <c:v>0</c:v>
                </c:pt>
                <c:pt idx="2373">
                  <c:v>0</c:v>
                </c:pt>
                <c:pt idx="2374">
                  <c:v>0</c:v>
                </c:pt>
                <c:pt idx="2375">
                  <c:v>0</c:v>
                </c:pt>
                <c:pt idx="2376">
                  <c:v>0</c:v>
                </c:pt>
                <c:pt idx="2377">
                  <c:v>0</c:v>
                </c:pt>
                <c:pt idx="2378">
                  <c:v>0</c:v>
                </c:pt>
                <c:pt idx="2379">
                  <c:v>0</c:v>
                </c:pt>
                <c:pt idx="2380">
                  <c:v>0</c:v>
                </c:pt>
                <c:pt idx="2381">
                  <c:v>0</c:v>
                </c:pt>
                <c:pt idx="2382">
                  <c:v>0</c:v>
                </c:pt>
                <c:pt idx="2383">
                  <c:v>0</c:v>
                </c:pt>
                <c:pt idx="2384">
                  <c:v>0</c:v>
                </c:pt>
                <c:pt idx="2385">
                  <c:v>0</c:v>
                </c:pt>
                <c:pt idx="2386">
                  <c:v>2.5000000000000001E-3</c:v>
                </c:pt>
                <c:pt idx="2387">
                  <c:v>2.5000000000000001E-3</c:v>
                </c:pt>
                <c:pt idx="2388">
                  <c:v>2.5000000000000001E-3</c:v>
                </c:pt>
                <c:pt idx="2389">
                  <c:v>2.5000000000000001E-3</c:v>
                </c:pt>
                <c:pt idx="2390">
                  <c:v>2.5000000000000001E-3</c:v>
                </c:pt>
                <c:pt idx="2391">
                  <c:v>2.5000000000000001E-3</c:v>
                </c:pt>
                <c:pt idx="2392">
                  <c:v>2.5000000000000001E-3</c:v>
                </c:pt>
                <c:pt idx="2393">
                  <c:v>2.5000000000000001E-3</c:v>
                </c:pt>
                <c:pt idx="2394">
                  <c:v>2.5000000000000001E-3</c:v>
                </c:pt>
                <c:pt idx="2395">
                  <c:v>2.5000000000000001E-3</c:v>
                </c:pt>
                <c:pt idx="2396">
                  <c:v>2.5000000000000001E-3</c:v>
                </c:pt>
                <c:pt idx="2397">
                  <c:v>2.5000000000000001E-3</c:v>
                </c:pt>
                <c:pt idx="2398">
                  <c:v>2.5000000000000001E-3</c:v>
                </c:pt>
                <c:pt idx="2399">
                  <c:v>2.5000000000000001E-3</c:v>
                </c:pt>
                <c:pt idx="2400">
                  <c:v>2.5000000000000001E-3</c:v>
                </c:pt>
                <c:pt idx="2401">
                  <c:v>2.5000000000000001E-3</c:v>
                </c:pt>
                <c:pt idx="2402">
                  <c:v>2.5000000000000001E-3</c:v>
                </c:pt>
                <c:pt idx="2403">
                  <c:v>2.5000000000000001E-3</c:v>
                </c:pt>
                <c:pt idx="2404">
                  <c:v>2.5000000000000001E-3</c:v>
                </c:pt>
                <c:pt idx="2405">
                  <c:v>2.5000000000000001E-3</c:v>
                </c:pt>
                <c:pt idx="2406">
                  <c:v>2.5000000000000001E-3</c:v>
                </c:pt>
                <c:pt idx="2407">
                  <c:v>2.5000000000000001E-3</c:v>
                </c:pt>
                <c:pt idx="2408">
                  <c:v>2.5000000000000001E-3</c:v>
                </c:pt>
                <c:pt idx="2409">
                  <c:v>2.5000000000000001E-3</c:v>
                </c:pt>
                <c:pt idx="2410">
                  <c:v>2.5000000000000001E-3</c:v>
                </c:pt>
                <c:pt idx="2411">
                  <c:v>2.5000000000000001E-3</c:v>
                </c:pt>
                <c:pt idx="2412">
                  <c:v>2.5000000000000001E-3</c:v>
                </c:pt>
                <c:pt idx="2413">
                  <c:v>2.5000000000000001E-3</c:v>
                </c:pt>
                <c:pt idx="2414">
                  <c:v>2.5000000000000001E-3</c:v>
                </c:pt>
                <c:pt idx="2415">
                  <c:v>2.5000000000000001E-3</c:v>
                </c:pt>
                <c:pt idx="2416">
                  <c:v>2.5000000000000001E-3</c:v>
                </c:pt>
                <c:pt idx="2417">
                  <c:v>2.5000000000000001E-3</c:v>
                </c:pt>
                <c:pt idx="2418">
                  <c:v>2.5000000000000001E-3</c:v>
                </c:pt>
                <c:pt idx="2419">
                  <c:v>2.5000000000000001E-3</c:v>
                </c:pt>
                <c:pt idx="2420">
                  <c:v>2.5000000000000001E-3</c:v>
                </c:pt>
                <c:pt idx="2421">
                  <c:v>2.5000000000000001E-3</c:v>
                </c:pt>
                <c:pt idx="2422">
                  <c:v>2.5000000000000001E-3</c:v>
                </c:pt>
                <c:pt idx="2423">
                  <c:v>2.5000000000000001E-3</c:v>
                </c:pt>
                <c:pt idx="2424">
                  <c:v>2.5000000000000001E-3</c:v>
                </c:pt>
                <c:pt idx="2425">
                  <c:v>2.5000000000000001E-3</c:v>
                </c:pt>
                <c:pt idx="2426">
                  <c:v>2.5000000000000001E-3</c:v>
                </c:pt>
                <c:pt idx="2427">
                  <c:v>2.5000000000000001E-3</c:v>
                </c:pt>
                <c:pt idx="2428">
                  <c:v>2.5000000000000001E-3</c:v>
                </c:pt>
                <c:pt idx="2429">
                  <c:v>2.5000000000000001E-3</c:v>
                </c:pt>
                <c:pt idx="2430">
                  <c:v>2.5000000000000001E-3</c:v>
                </c:pt>
                <c:pt idx="2431">
                  <c:v>2.5000000000000001E-3</c:v>
                </c:pt>
                <c:pt idx="2432">
                  <c:v>2.5000000000000001E-3</c:v>
                </c:pt>
                <c:pt idx="2433">
                  <c:v>2.5000000000000001E-3</c:v>
                </c:pt>
                <c:pt idx="2434">
                  <c:v>2.5000000000000001E-3</c:v>
                </c:pt>
                <c:pt idx="2435">
                  <c:v>2.5000000000000001E-3</c:v>
                </c:pt>
                <c:pt idx="2436">
                  <c:v>2.5000000000000001E-3</c:v>
                </c:pt>
                <c:pt idx="2437">
                  <c:v>2.5000000000000001E-3</c:v>
                </c:pt>
                <c:pt idx="2438">
                  <c:v>2.5000000000000001E-3</c:v>
                </c:pt>
                <c:pt idx="2439">
                  <c:v>2.5000000000000001E-3</c:v>
                </c:pt>
                <c:pt idx="2440">
                  <c:v>2.5000000000000001E-3</c:v>
                </c:pt>
                <c:pt idx="2441">
                  <c:v>2.5000000000000001E-3</c:v>
                </c:pt>
                <c:pt idx="2442">
                  <c:v>2.5000000000000001E-3</c:v>
                </c:pt>
                <c:pt idx="2443">
                  <c:v>2.5000000000000001E-3</c:v>
                </c:pt>
                <c:pt idx="2444">
                  <c:v>2.5000000000000001E-3</c:v>
                </c:pt>
                <c:pt idx="2445">
                  <c:v>2.5000000000000001E-3</c:v>
                </c:pt>
                <c:pt idx="2446">
                  <c:v>2.5000000000000001E-3</c:v>
                </c:pt>
                <c:pt idx="2447">
                  <c:v>2.5000000000000001E-3</c:v>
                </c:pt>
                <c:pt idx="2448">
                  <c:v>2.5000000000000001E-3</c:v>
                </c:pt>
                <c:pt idx="2449">
                  <c:v>2.5000000000000001E-3</c:v>
                </c:pt>
                <c:pt idx="2450">
                  <c:v>2.5000000000000001E-3</c:v>
                </c:pt>
                <c:pt idx="2451">
                  <c:v>2.5000000000000001E-3</c:v>
                </c:pt>
                <c:pt idx="2452">
                  <c:v>2.5000000000000001E-3</c:v>
                </c:pt>
                <c:pt idx="2453">
                  <c:v>2.5000000000000001E-3</c:v>
                </c:pt>
                <c:pt idx="2454">
                  <c:v>2.5000000000000001E-3</c:v>
                </c:pt>
                <c:pt idx="2455">
                  <c:v>2.5000000000000001E-3</c:v>
                </c:pt>
                <c:pt idx="2456">
                  <c:v>2.5000000000000001E-3</c:v>
                </c:pt>
                <c:pt idx="2457">
                  <c:v>2.5000000000000001E-3</c:v>
                </c:pt>
                <c:pt idx="2458">
                  <c:v>2.5000000000000001E-3</c:v>
                </c:pt>
                <c:pt idx="2459">
                  <c:v>2.5000000000000001E-3</c:v>
                </c:pt>
                <c:pt idx="2460">
                  <c:v>2.5000000000000001E-3</c:v>
                </c:pt>
                <c:pt idx="2461">
                  <c:v>2.5000000000000001E-3</c:v>
                </c:pt>
                <c:pt idx="2462">
                  <c:v>2.5000000000000001E-3</c:v>
                </c:pt>
                <c:pt idx="2463">
                  <c:v>2.5000000000000001E-3</c:v>
                </c:pt>
                <c:pt idx="2464">
                  <c:v>2.5000000000000001E-3</c:v>
                </c:pt>
                <c:pt idx="2465">
                  <c:v>2.5000000000000001E-3</c:v>
                </c:pt>
                <c:pt idx="2466">
                  <c:v>2.5000000000000001E-3</c:v>
                </c:pt>
                <c:pt idx="2467">
                  <c:v>2.5000000000000001E-3</c:v>
                </c:pt>
                <c:pt idx="2468">
                  <c:v>2.5000000000000001E-3</c:v>
                </c:pt>
                <c:pt idx="2469">
                  <c:v>2.5000000000000001E-3</c:v>
                </c:pt>
                <c:pt idx="2470">
                  <c:v>2.5000000000000001E-3</c:v>
                </c:pt>
                <c:pt idx="2471">
                  <c:v>2.5000000000000001E-3</c:v>
                </c:pt>
                <c:pt idx="2472">
                  <c:v>2.5000000000000001E-3</c:v>
                </c:pt>
                <c:pt idx="2473">
                  <c:v>2.5000000000000001E-3</c:v>
                </c:pt>
                <c:pt idx="2474">
                  <c:v>2.5000000000000001E-3</c:v>
                </c:pt>
                <c:pt idx="2475">
                  <c:v>2.5000000000000001E-3</c:v>
                </c:pt>
                <c:pt idx="2476">
                  <c:v>2.5000000000000001E-3</c:v>
                </c:pt>
                <c:pt idx="2477">
                  <c:v>2.5000000000000001E-3</c:v>
                </c:pt>
                <c:pt idx="2478">
                  <c:v>2.5000000000000001E-3</c:v>
                </c:pt>
                <c:pt idx="2479">
                  <c:v>2.5000000000000001E-3</c:v>
                </c:pt>
                <c:pt idx="2480">
                  <c:v>2.5000000000000001E-3</c:v>
                </c:pt>
                <c:pt idx="2481">
                  <c:v>2.5000000000000001E-3</c:v>
                </c:pt>
                <c:pt idx="2482">
                  <c:v>2.5000000000000001E-3</c:v>
                </c:pt>
                <c:pt idx="2483">
                  <c:v>2.5000000000000001E-3</c:v>
                </c:pt>
                <c:pt idx="2484">
                  <c:v>2.5000000000000001E-3</c:v>
                </c:pt>
                <c:pt idx="2485">
                  <c:v>2.5000000000000001E-3</c:v>
                </c:pt>
                <c:pt idx="2486">
                  <c:v>2.5000000000000001E-3</c:v>
                </c:pt>
                <c:pt idx="2487">
                  <c:v>2.5000000000000001E-3</c:v>
                </c:pt>
                <c:pt idx="2488">
                  <c:v>2.5000000000000001E-3</c:v>
                </c:pt>
                <c:pt idx="2489">
                  <c:v>2.5000000000000001E-3</c:v>
                </c:pt>
                <c:pt idx="2490">
                  <c:v>2.5000000000000001E-3</c:v>
                </c:pt>
                <c:pt idx="2491">
                  <c:v>2.5000000000000001E-3</c:v>
                </c:pt>
                <c:pt idx="2492">
                  <c:v>2.5000000000000001E-3</c:v>
                </c:pt>
                <c:pt idx="2493">
                  <c:v>2.5000000000000001E-3</c:v>
                </c:pt>
                <c:pt idx="2494">
                  <c:v>2.5000000000000001E-3</c:v>
                </c:pt>
                <c:pt idx="2495">
                  <c:v>2.5000000000000001E-3</c:v>
                </c:pt>
                <c:pt idx="2496">
                  <c:v>2.5000000000000001E-3</c:v>
                </c:pt>
                <c:pt idx="2497">
                  <c:v>2.5000000000000001E-3</c:v>
                </c:pt>
                <c:pt idx="2498">
                  <c:v>2.5000000000000001E-3</c:v>
                </c:pt>
                <c:pt idx="2499">
                  <c:v>2.5000000000000001E-3</c:v>
                </c:pt>
                <c:pt idx="2500">
                  <c:v>2.5000000000000001E-3</c:v>
                </c:pt>
                <c:pt idx="2501">
                  <c:v>2.5000000000000001E-3</c:v>
                </c:pt>
                <c:pt idx="2502">
                  <c:v>2.5000000000000001E-3</c:v>
                </c:pt>
                <c:pt idx="2503">
                  <c:v>2.5000000000000001E-3</c:v>
                </c:pt>
                <c:pt idx="2504">
                  <c:v>2.5000000000000001E-3</c:v>
                </c:pt>
                <c:pt idx="2505">
                  <c:v>2.5000000000000001E-3</c:v>
                </c:pt>
                <c:pt idx="2506">
                  <c:v>2.5000000000000001E-3</c:v>
                </c:pt>
                <c:pt idx="2507">
                  <c:v>2.5000000000000001E-3</c:v>
                </c:pt>
                <c:pt idx="2508">
                  <c:v>2.5000000000000001E-3</c:v>
                </c:pt>
                <c:pt idx="2509">
                  <c:v>2.5000000000000001E-3</c:v>
                </c:pt>
                <c:pt idx="2510">
                  <c:v>2.5000000000000001E-3</c:v>
                </c:pt>
                <c:pt idx="2511">
                  <c:v>2.5000000000000001E-3</c:v>
                </c:pt>
                <c:pt idx="2512">
                  <c:v>2.5000000000000001E-3</c:v>
                </c:pt>
                <c:pt idx="2513">
                  <c:v>2.5000000000000001E-3</c:v>
                </c:pt>
                <c:pt idx="2514">
                  <c:v>2.5000000000000001E-3</c:v>
                </c:pt>
                <c:pt idx="2515">
                  <c:v>2.5000000000000001E-3</c:v>
                </c:pt>
                <c:pt idx="2516">
                  <c:v>2.5000000000000001E-3</c:v>
                </c:pt>
                <c:pt idx="2517">
                  <c:v>2.5000000000000001E-3</c:v>
                </c:pt>
                <c:pt idx="2518">
                  <c:v>2.5000000000000001E-3</c:v>
                </c:pt>
                <c:pt idx="2519">
                  <c:v>2.5000000000000001E-3</c:v>
                </c:pt>
                <c:pt idx="2520">
                  <c:v>2.5000000000000001E-3</c:v>
                </c:pt>
                <c:pt idx="2521">
                  <c:v>2.5000000000000001E-3</c:v>
                </c:pt>
                <c:pt idx="2522">
                  <c:v>2.5000000000000001E-3</c:v>
                </c:pt>
                <c:pt idx="2523">
                  <c:v>2.5000000000000001E-3</c:v>
                </c:pt>
                <c:pt idx="2524">
                  <c:v>2.5000000000000001E-3</c:v>
                </c:pt>
                <c:pt idx="2525">
                  <c:v>2.5000000000000001E-3</c:v>
                </c:pt>
                <c:pt idx="2526">
                  <c:v>2.5000000000000001E-3</c:v>
                </c:pt>
                <c:pt idx="2527">
                  <c:v>2.5000000000000001E-3</c:v>
                </c:pt>
                <c:pt idx="2528">
                  <c:v>2.5000000000000001E-3</c:v>
                </c:pt>
                <c:pt idx="2529">
                  <c:v>2.5000000000000001E-3</c:v>
                </c:pt>
                <c:pt idx="2530">
                  <c:v>2.5000000000000001E-3</c:v>
                </c:pt>
                <c:pt idx="2531">
                  <c:v>2.5000000000000001E-3</c:v>
                </c:pt>
                <c:pt idx="2532">
                  <c:v>2.5000000000000001E-3</c:v>
                </c:pt>
                <c:pt idx="2533">
                  <c:v>2.5000000000000001E-3</c:v>
                </c:pt>
                <c:pt idx="2534">
                  <c:v>2.5000000000000001E-3</c:v>
                </c:pt>
                <c:pt idx="2535">
                  <c:v>2.5000000000000001E-3</c:v>
                </c:pt>
                <c:pt idx="2536">
                  <c:v>2.5000000000000001E-3</c:v>
                </c:pt>
                <c:pt idx="2537">
                  <c:v>2.5000000000000001E-3</c:v>
                </c:pt>
                <c:pt idx="2538">
                  <c:v>2.5000000000000001E-3</c:v>
                </c:pt>
                <c:pt idx="2539">
                  <c:v>2.5000000000000001E-3</c:v>
                </c:pt>
                <c:pt idx="2540">
                  <c:v>2.5000000000000001E-3</c:v>
                </c:pt>
                <c:pt idx="2541">
                  <c:v>2.5000000000000001E-3</c:v>
                </c:pt>
                <c:pt idx="2542">
                  <c:v>2.5000000000000001E-3</c:v>
                </c:pt>
                <c:pt idx="2543">
                  <c:v>2.5000000000000001E-3</c:v>
                </c:pt>
                <c:pt idx="2544">
                  <c:v>2.5000000000000001E-3</c:v>
                </c:pt>
                <c:pt idx="2545">
                  <c:v>2.5000000000000001E-3</c:v>
                </c:pt>
                <c:pt idx="2546">
                  <c:v>2.5000000000000001E-3</c:v>
                </c:pt>
                <c:pt idx="2547">
                  <c:v>2.5000000000000001E-3</c:v>
                </c:pt>
                <c:pt idx="2548">
                  <c:v>2.5000000000000001E-3</c:v>
                </c:pt>
                <c:pt idx="2549">
                  <c:v>2.5000000000000001E-3</c:v>
                </c:pt>
                <c:pt idx="2550">
                  <c:v>2.5000000000000001E-3</c:v>
                </c:pt>
                <c:pt idx="2551">
                  <c:v>2.5000000000000001E-3</c:v>
                </c:pt>
                <c:pt idx="2552">
                  <c:v>2.5000000000000001E-3</c:v>
                </c:pt>
                <c:pt idx="2553">
                  <c:v>2.5000000000000001E-3</c:v>
                </c:pt>
                <c:pt idx="2554">
                  <c:v>2.5000000000000001E-3</c:v>
                </c:pt>
                <c:pt idx="2555">
                  <c:v>2.5000000000000001E-3</c:v>
                </c:pt>
                <c:pt idx="2556">
                  <c:v>2.5000000000000001E-3</c:v>
                </c:pt>
                <c:pt idx="2557">
                  <c:v>2.5000000000000001E-3</c:v>
                </c:pt>
                <c:pt idx="2558">
                  <c:v>2.5000000000000001E-3</c:v>
                </c:pt>
                <c:pt idx="2559">
                  <c:v>2.5000000000000001E-3</c:v>
                </c:pt>
                <c:pt idx="2560">
                  <c:v>2.5000000000000001E-3</c:v>
                </c:pt>
                <c:pt idx="2561">
                  <c:v>2.5000000000000001E-3</c:v>
                </c:pt>
                <c:pt idx="2562">
                  <c:v>2.5000000000000001E-3</c:v>
                </c:pt>
                <c:pt idx="2563">
                  <c:v>2.5000000000000001E-3</c:v>
                </c:pt>
                <c:pt idx="2564">
                  <c:v>2.5000000000000001E-3</c:v>
                </c:pt>
                <c:pt idx="2565">
                  <c:v>2.5000000000000001E-3</c:v>
                </c:pt>
                <c:pt idx="2566">
                  <c:v>2.5000000000000001E-3</c:v>
                </c:pt>
                <c:pt idx="2567">
                  <c:v>2.5000000000000001E-3</c:v>
                </c:pt>
                <c:pt idx="2568">
                  <c:v>2.5000000000000001E-3</c:v>
                </c:pt>
                <c:pt idx="2569">
                  <c:v>2.5000000000000001E-3</c:v>
                </c:pt>
                <c:pt idx="2570">
                  <c:v>2.5000000000000001E-3</c:v>
                </c:pt>
                <c:pt idx="2571">
                  <c:v>2.5000000000000001E-3</c:v>
                </c:pt>
                <c:pt idx="2572">
                  <c:v>2.5000000000000001E-3</c:v>
                </c:pt>
                <c:pt idx="2573">
                  <c:v>2.5000000000000001E-3</c:v>
                </c:pt>
                <c:pt idx="2574">
                  <c:v>2.5000000000000001E-3</c:v>
                </c:pt>
                <c:pt idx="2575">
                  <c:v>2.5000000000000001E-3</c:v>
                </c:pt>
                <c:pt idx="2576">
                  <c:v>2.5000000000000001E-3</c:v>
                </c:pt>
                <c:pt idx="2577">
                  <c:v>2.5000000000000001E-3</c:v>
                </c:pt>
                <c:pt idx="2578">
                  <c:v>2.5000000000000001E-3</c:v>
                </c:pt>
                <c:pt idx="2579">
                  <c:v>2.5000000000000001E-3</c:v>
                </c:pt>
                <c:pt idx="2580">
                  <c:v>2.5000000000000001E-3</c:v>
                </c:pt>
                <c:pt idx="2581">
                  <c:v>2.5000000000000001E-3</c:v>
                </c:pt>
                <c:pt idx="2582">
                  <c:v>2.5000000000000001E-3</c:v>
                </c:pt>
                <c:pt idx="2583">
                  <c:v>2.5000000000000001E-3</c:v>
                </c:pt>
                <c:pt idx="2584">
                  <c:v>2.5000000000000001E-3</c:v>
                </c:pt>
                <c:pt idx="2585">
                  <c:v>2.5000000000000001E-3</c:v>
                </c:pt>
                <c:pt idx="2586">
                  <c:v>2.5000000000000001E-3</c:v>
                </c:pt>
                <c:pt idx="2587">
                  <c:v>2.5000000000000001E-3</c:v>
                </c:pt>
                <c:pt idx="2588">
                  <c:v>2.5000000000000001E-3</c:v>
                </c:pt>
                <c:pt idx="2589">
                  <c:v>2.5000000000000001E-3</c:v>
                </c:pt>
                <c:pt idx="2590">
                  <c:v>2.5000000000000001E-3</c:v>
                </c:pt>
                <c:pt idx="2591">
                  <c:v>2.5000000000000001E-3</c:v>
                </c:pt>
                <c:pt idx="2592">
                  <c:v>2.5000000000000001E-3</c:v>
                </c:pt>
                <c:pt idx="2593">
                  <c:v>2.5000000000000001E-3</c:v>
                </c:pt>
                <c:pt idx="2594">
                  <c:v>2.5000000000000001E-3</c:v>
                </c:pt>
                <c:pt idx="2595">
                  <c:v>2.5000000000000001E-3</c:v>
                </c:pt>
                <c:pt idx="2596">
                  <c:v>2.5000000000000001E-3</c:v>
                </c:pt>
                <c:pt idx="2597">
                  <c:v>2.5000000000000001E-3</c:v>
                </c:pt>
                <c:pt idx="2598">
                  <c:v>2.5000000000000001E-3</c:v>
                </c:pt>
                <c:pt idx="2599">
                  <c:v>2.5000000000000001E-3</c:v>
                </c:pt>
                <c:pt idx="2600">
                  <c:v>2.5000000000000001E-3</c:v>
                </c:pt>
                <c:pt idx="2601">
                  <c:v>2.5000000000000001E-3</c:v>
                </c:pt>
                <c:pt idx="2602">
                  <c:v>2.5000000000000001E-3</c:v>
                </c:pt>
                <c:pt idx="2603">
                  <c:v>2.5000000000000001E-3</c:v>
                </c:pt>
                <c:pt idx="2604">
                  <c:v>2.5000000000000001E-3</c:v>
                </c:pt>
                <c:pt idx="2605">
                  <c:v>2.5000000000000001E-3</c:v>
                </c:pt>
                <c:pt idx="2606">
                  <c:v>2.5000000000000001E-3</c:v>
                </c:pt>
                <c:pt idx="2607">
                  <c:v>2.5000000000000001E-3</c:v>
                </c:pt>
                <c:pt idx="2608">
                  <c:v>2.5000000000000001E-3</c:v>
                </c:pt>
                <c:pt idx="2609">
                  <c:v>5.0000000000000001E-3</c:v>
                </c:pt>
                <c:pt idx="2610">
                  <c:v>5.0000000000000001E-3</c:v>
                </c:pt>
                <c:pt idx="2611">
                  <c:v>5.0000000000000001E-3</c:v>
                </c:pt>
                <c:pt idx="2612">
                  <c:v>5.0000000000000001E-3</c:v>
                </c:pt>
                <c:pt idx="2613">
                  <c:v>5.0000000000000001E-3</c:v>
                </c:pt>
                <c:pt idx="2614">
                  <c:v>5.0000000000000001E-3</c:v>
                </c:pt>
                <c:pt idx="2615">
                  <c:v>5.0000000000000001E-3</c:v>
                </c:pt>
                <c:pt idx="2616">
                  <c:v>5.0000000000000001E-3</c:v>
                </c:pt>
                <c:pt idx="2617">
                  <c:v>5.0000000000000001E-3</c:v>
                </c:pt>
                <c:pt idx="2618">
                  <c:v>5.0000000000000001E-3</c:v>
                </c:pt>
                <c:pt idx="2619">
                  <c:v>5.0000000000000001E-3</c:v>
                </c:pt>
                <c:pt idx="2620">
                  <c:v>5.0000000000000001E-3</c:v>
                </c:pt>
                <c:pt idx="2621">
                  <c:v>5.0000000000000001E-3</c:v>
                </c:pt>
                <c:pt idx="2622">
                  <c:v>5.0000000000000001E-3</c:v>
                </c:pt>
                <c:pt idx="2623">
                  <c:v>5.0000000000000001E-3</c:v>
                </c:pt>
                <c:pt idx="2624">
                  <c:v>5.0000000000000001E-3</c:v>
                </c:pt>
                <c:pt idx="2625">
                  <c:v>5.0000000000000001E-3</c:v>
                </c:pt>
                <c:pt idx="2626">
                  <c:v>5.0000000000000001E-3</c:v>
                </c:pt>
                <c:pt idx="2627">
                  <c:v>5.0000000000000001E-3</c:v>
                </c:pt>
                <c:pt idx="2628">
                  <c:v>5.0000000000000001E-3</c:v>
                </c:pt>
                <c:pt idx="2629">
                  <c:v>5.0000000000000001E-3</c:v>
                </c:pt>
                <c:pt idx="2630">
                  <c:v>5.0000000000000001E-3</c:v>
                </c:pt>
                <c:pt idx="2631">
                  <c:v>5.0000000000000001E-3</c:v>
                </c:pt>
                <c:pt idx="2632">
                  <c:v>5.0000000000000001E-3</c:v>
                </c:pt>
                <c:pt idx="2633">
                  <c:v>5.0000000000000001E-3</c:v>
                </c:pt>
                <c:pt idx="2634">
                  <c:v>5.0000000000000001E-3</c:v>
                </c:pt>
                <c:pt idx="2635">
                  <c:v>5.0000000000000001E-3</c:v>
                </c:pt>
                <c:pt idx="2636">
                  <c:v>5.0000000000000001E-3</c:v>
                </c:pt>
                <c:pt idx="2637">
                  <c:v>5.0000000000000001E-3</c:v>
                </c:pt>
                <c:pt idx="2638">
                  <c:v>5.0000000000000001E-3</c:v>
                </c:pt>
                <c:pt idx="2639">
                  <c:v>5.0000000000000001E-3</c:v>
                </c:pt>
                <c:pt idx="2640">
                  <c:v>5.0000000000000001E-3</c:v>
                </c:pt>
                <c:pt idx="2641">
                  <c:v>5.0000000000000001E-3</c:v>
                </c:pt>
                <c:pt idx="2642">
                  <c:v>5.0000000000000001E-3</c:v>
                </c:pt>
                <c:pt idx="2643">
                  <c:v>5.0000000000000001E-3</c:v>
                </c:pt>
                <c:pt idx="2644">
                  <c:v>5.0000000000000001E-3</c:v>
                </c:pt>
                <c:pt idx="2645">
                  <c:v>5.0000000000000001E-3</c:v>
                </c:pt>
                <c:pt idx="2646">
                  <c:v>5.0000000000000001E-3</c:v>
                </c:pt>
                <c:pt idx="2647">
                  <c:v>5.0000000000000001E-3</c:v>
                </c:pt>
                <c:pt idx="2648">
                  <c:v>5.0000000000000001E-3</c:v>
                </c:pt>
                <c:pt idx="2649">
                  <c:v>5.0000000000000001E-3</c:v>
                </c:pt>
                <c:pt idx="2650">
                  <c:v>5.0000000000000001E-3</c:v>
                </c:pt>
                <c:pt idx="2651">
                  <c:v>5.0000000000000001E-3</c:v>
                </c:pt>
                <c:pt idx="2652">
                  <c:v>5.0000000000000001E-3</c:v>
                </c:pt>
                <c:pt idx="2653">
                  <c:v>5.0000000000000001E-3</c:v>
                </c:pt>
                <c:pt idx="2654">
                  <c:v>5.0000000000000001E-3</c:v>
                </c:pt>
                <c:pt idx="2655">
                  <c:v>5.0000000000000001E-3</c:v>
                </c:pt>
                <c:pt idx="2656">
                  <c:v>5.0000000000000001E-3</c:v>
                </c:pt>
                <c:pt idx="2657">
                  <c:v>5.0000000000000001E-3</c:v>
                </c:pt>
                <c:pt idx="2658">
                  <c:v>5.0000000000000001E-3</c:v>
                </c:pt>
                <c:pt idx="2659">
                  <c:v>5.0000000000000001E-3</c:v>
                </c:pt>
                <c:pt idx="2660">
                  <c:v>5.0000000000000001E-3</c:v>
                </c:pt>
                <c:pt idx="2661">
                  <c:v>5.0000000000000001E-3</c:v>
                </c:pt>
                <c:pt idx="2662">
                  <c:v>5.0000000000000001E-3</c:v>
                </c:pt>
                <c:pt idx="2663">
                  <c:v>5.0000000000000001E-3</c:v>
                </c:pt>
                <c:pt idx="2664">
                  <c:v>5.0000000000000001E-3</c:v>
                </c:pt>
                <c:pt idx="2665">
                  <c:v>5.0000000000000001E-3</c:v>
                </c:pt>
                <c:pt idx="2666">
                  <c:v>5.0000000000000001E-3</c:v>
                </c:pt>
                <c:pt idx="2667">
                  <c:v>5.0000000000000001E-3</c:v>
                </c:pt>
                <c:pt idx="2668">
                  <c:v>5.0000000000000001E-3</c:v>
                </c:pt>
                <c:pt idx="2669">
                  <c:v>5.0000000000000001E-3</c:v>
                </c:pt>
                <c:pt idx="2670">
                  <c:v>5.0000000000000001E-3</c:v>
                </c:pt>
                <c:pt idx="2671">
                  <c:v>5.0000000000000001E-3</c:v>
                </c:pt>
                <c:pt idx="2672">
                  <c:v>5.0000000000000001E-3</c:v>
                </c:pt>
                <c:pt idx="2673">
                  <c:v>5.0000000000000001E-3</c:v>
                </c:pt>
                <c:pt idx="2674">
                  <c:v>5.0000000000000001E-3</c:v>
                </c:pt>
                <c:pt idx="2675">
                  <c:v>5.0000000000000001E-3</c:v>
                </c:pt>
                <c:pt idx="2676">
                  <c:v>5.0000000000000001E-3</c:v>
                </c:pt>
                <c:pt idx="2677">
                  <c:v>5.0000000000000001E-3</c:v>
                </c:pt>
                <c:pt idx="2678">
                  <c:v>5.0000000000000001E-3</c:v>
                </c:pt>
                <c:pt idx="2679">
                  <c:v>5.0000000000000001E-3</c:v>
                </c:pt>
                <c:pt idx="2680">
                  <c:v>5.0000000000000001E-3</c:v>
                </c:pt>
                <c:pt idx="2681">
                  <c:v>5.0000000000000001E-3</c:v>
                </c:pt>
                <c:pt idx="2682">
                  <c:v>5.0000000000000001E-3</c:v>
                </c:pt>
                <c:pt idx="2683">
                  <c:v>5.0000000000000001E-3</c:v>
                </c:pt>
                <c:pt idx="2684">
                  <c:v>5.0000000000000001E-3</c:v>
                </c:pt>
                <c:pt idx="2685">
                  <c:v>5.0000000000000001E-3</c:v>
                </c:pt>
                <c:pt idx="2686">
                  <c:v>5.0000000000000001E-3</c:v>
                </c:pt>
                <c:pt idx="2687">
                  <c:v>5.0000000000000001E-3</c:v>
                </c:pt>
                <c:pt idx="2688">
                  <c:v>5.0000000000000001E-3</c:v>
                </c:pt>
                <c:pt idx="2689">
                  <c:v>5.0000000000000001E-3</c:v>
                </c:pt>
                <c:pt idx="2690">
                  <c:v>5.0000000000000001E-3</c:v>
                </c:pt>
                <c:pt idx="2691">
                  <c:v>5.0000000000000001E-3</c:v>
                </c:pt>
                <c:pt idx="2692">
                  <c:v>5.0000000000000001E-3</c:v>
                </c:pt>
                <c:pt idx="2693">
                  <c:v>5.0000000000000001E-3</c:v>
                </c:pt>
                <c:pt idx="2694">
                  <c:v>5.0000000000000001E-3</c:v>
                </c:pt>
                <c:pt idx="2695">
                  <c:v>5.0000000000000001E-3</c:v>
                </c:pt>
                <c:pt idx="2696">
                  <c:v>5.0000000000000001E-3</c:v>
                </c:pt>
                <c:pt idx="2697">
                  <c:v>5.0000000000000001E-3</c:v>
                </c:pt>
                <c:pt idx="2698">
                  <c:v>5.0000000000000001E-3</c:v>
                </c:pt>
                <c:pt idx="2699">
                  <c:v>5.0000000000000001E-3</c:v>
                </c:pt>
                <c:pt idx="2700">
                  <c:v>5.0000000000000001E-3</c:v>
                </c:pt>
                <c:pt idx="2701">
                  <c:v>5.0000000000000001E-3</c:v>
                </c:pt>
                <c:pt idx="2702">
                  <c:v>5.0000000000000001E-3</c:v>
                </c:pt>
                <c:pt idx="2703">
                  <c:v>5.0000000000000001E-3</c:v>
                </c:pt>
                <c:pt idx="2704">
                  <c:v>5.0000000000000001E-3</c:v>
                </c:pt>
                <c:pt idx="2705">
                  <c:v>5.0000000000000001E-3</c:v>
                </c:pt>
                <c:pt idx="2706">
                  <c:v>5.0000000000000001E-3</c:v>
                </c:pt>
                <c:pt idx="2707">
                  <c:v>5.0000000000000001E-3</c:v>
                </c:pt>
                <c:pt idx="2708">
                  <c:v>5.0000000000000001E-3</c:v>
                </c:pt>
                <c:pt idx="2709">
                  <c:v>5.0000000000000001E-3</c:v>
                </c:pt>
                <c:pt idx="2710">
                  <c:v>5.0000000000000001E-3</c:v>
                </c:pt>
                <c:pt idx="2711">
                  <c:v>5.0000000000000001E-3</c:v>
                </c:pt>
                <c:pt idx="2712">
                  <c:v>5.0000000000000001E-3</c:v>
                </c:pt>
                <c:pt idx="2713">
                  <c:v>5.0000000000000001E-3</c:v>
                </c:pt>
                <c:pt idx="2714">
                  <c:v>5.0000000000000001E-3</c:v>
                </c:pt>
                <c:pt idx="2715">
                  <c:v>5.0000000000000001E-3</c:v>
                </c:pt>
                <c:pt idx="2716">
                  <c:v>5.0000000000000001E-3</c:v>
                </c:pt>
                <c:pt idx="2717">
                  <c:v>5.0000000000000001E-3</c:v>
                </c:pt>
                <c:pt idx="2718">
                  <c:v>5.0000000000000001E-3</c:v>
                </c:pt>
                <c:pt idx="2719">
                  <c:v>5.0000000000000001E-3</c:v>
                </c:pt>
                <c:pt idx="2720">
                  <c:v>5.0000000000000001E-3</c:v>
                </c:pt>
                <c:pt idx="2721">
                  <c:v>5.0000000000000001E-3</c:v>
                </c:pt>
                <c:pt idx="2722">
                  <c:v>5.0000000000000001E-3</c:v>
                </c:pt>
                <c:pt idx="2723">
                  <c:v>5.0000000000000001E-3</c:v>
                </c:pt>
                <c:pt idx="2724">
                  <c:v>5.0000000000000001E-3</c:v>
                </c:pt>
                <c:pt idx="2725">
                  <c:v>5.0000000000000001E-3</c:v>
                </c:pt>
                <c:pt idx="2726">
                  <c:v>5.0000000000000001E-3</c:v>
                </c:pt>
                <c:pt idx="2727">
                  <c:v>5.0000000000000001E-3</c:v>
                </c:pt>
                <c:pt idx="2728">
                  <c:v>5.0000000000000001E-3</c:v>
                </c:pt>
                <c:pt idx="2729">
                  <c:v>5.0000000000000001E-3</c:v>
                </c:pt>
                <c:pt idx="2730">
                  <c:v>5.0000000000000001E-3</c:v>
                </c:pt>
                <c:pt idx="2731">
                  <c:v>5.0000000000000001E-3</c:v>
                </c:pt>
                <c:pt idx="2732">
                  <c:v>5.0000000000000001E-3</c:v>
                </c:pt>
                <c:pt idx="2733">
                  <c:v>5.0000000000000001E-3</c:v>
                </c:pt>
                <c:pt idx="2734">
                  <c:v>5.0000000000000001E-3</c:v>
                </c:pt>
                <c:pt idx="2735">
                  <c:v>5.0000000000000001E-3</c:v>
                </c:pt>
                <c:pt idx="2736">
                  <c:v>5.0000000000000001E-3</c:v>
                </c:pt>
                <c:pt idx="2737">
                  <c:v>5.0000000000000001E-3</c:v>
                </c:pt>
                <c:pt idx="2738">
                  <c:v>5.0000000000000001E-3</c:v>
                </c:pt>
                <c:pt idx="2739">
                  <c:v>5.0000000000000001E-3</c:v>
                </c:pt>
                <c:pt idx="2740">
                  <c:v>5.0000000000000001E-3</c:v>
                </c:pt>
                <c:pt idx="2741">
                  <c:v>5.0000000000000001E-3</c:v>
                </c:pt>
                <c:pt idx="2742">
                  <c:v>5.0000000000000001E-3</c:v>
                </c:pt>
                <c:pt idx="2743">
                  <c:v>5.0000000000000001E-3</c:v>
                </c:pt>
                <c:pt idx="2744">
                  <c:v>5.0000000000000001E-3</c:v>
                </c:pt>
                <c:pt idx="2745">
                  <c:v>5.0000000000000001E-3</c:v>
                </c:pt>
                <c:pt idx="2746">
                  <c:v>5.0000000000000001E-3</c:v>
                </c:pt>
                <c:pt idx="2747">
                  <c:v>5.0000000000000001E-3</c:v>
                </c:pt>
                <c:pt idx="2748">
                  <c:v>5.0000000000000001E-3</c:v>
                </c:pt>
                <c:pt idx="2749">
                  <c:v>5.0000000000000001E-3</c:v>
                </c:pt>
                <c:pt idx="2750">
                  <c:v>5.0000000000000001E-3</c:v>
                </c:pt>
                <c:pt idx="2751">
                  <c:v>5.0000000000000001E-3</c:v>
                </c:pt>
                <c:pt idx="2752">
                  <c:v>5.0000000000000001E-3</c:v>
                </c:pt>
                <c:pt idx="2753">
                  <c:v>5.0000000000000001E-3</c:v>
                </c:pt>
                <c:pt idx="2754">
                  <c:v>5.0000000000000001E-3</c:v>
                </c:pt>
                <c:pt idx="2755">
                  <c:v>5.0000000000000001E-3</c:v>
                </c:pt>
                <c:pt idx="2756">
                  <c:v>5.0000000000000001E-3</c:v>
                </c:pt>
                <c:pt idx="2757">
                  <c:v>5.0000000000000001E-3</c:v>
                </c:pt>
                <c:pt idx="2758">
                  <c:v>5.0000000000000001E-3</c:v>
                </c:pt>
                <c:pt idx="2759">
                  <c:v>5.0000000000000001E-3</c:v>
                </c:pt>
                <c:pt idx="2760">
                  <c:v>5.0000000000000001E-3</c:v>
                </c:pt>
                <c:pt idx="2761">
                  <c:v>5.0000000000000001E-3</c:v>
                </c:pt>
                <c:pt idx="2762">
                  <c:v>5.0000000000000001E-3</c:v>
                </c:pt>
                <c:pt idx="2763">
                  <c:v>5.0000000000000001E-3</c:v>
                </c:pt>
                <c:pt idx="2764">
                  <c:v>5.0000000000000001E-3</c:v>
                </c:pt>
                <c:pt idx="2765">
                  <c:v>5.0000000000000001E-3</c:v>
                </c:pt>
                <c:pt idx="2766">
                  <c:v>5.0000000000000001E-3</c:v>
                </c:pt>
                <c:pt idx="2767">
                  <c:v>5.0000000000000001E-3</c:v>
                </c:pt>
                <c:pt idx="2768">
                  <c:v>5.0000000000000001E-3</c:v>
                </c:pt>
                <c:pt idx="2769">
                  <c:v>5.0000000000000001E-3</c:v>
                </c:pt>
                <c:pt idx="2770">
                  <c:v>5.0000000000000001E-3</c:v>
                </c:pt>
                <c:pt idx="2771">
                  <c:v>5.0000000000000001E-3</c:v>
                </c:pt>
                <c:pt idx="2772">
                  <c:v>5.0000000000000001E-3</c:v>
                </c:pt>
                <c:pt idx="2773">
                  <c:v>5.0000000000000001E-3</c:v>
                </c:pt>
                <c:pt idx="2774">
                  <c:v>5.0000000000000001E-3</c:v>
                </c:pt>
                <c:pt idx="2775">
                  <c:v>5.0000000000000001E-3</c:v>
                </c:pt>
                <c:pt idx="2776">
                  <c:v>5.0000000000000001E-3</c:v>
                </c:pt>
                <c:pt idx="2777">
                  <c:v>5.0000000000000001E-3</c:v>
                </c:pt>
                <c:pt idx="2778">
                  <c:v>5.0000000000000001E-3</c:v>
                </c:pt>
                <c:pt idx="2779">
                  <c:v>5.0000000000000001E-3</c:v>
                </c:pt>
                <c:pt idx="2780">
                  <c:v>5.0000000000000001E-3</c:v>
                </c:pt>
                <c:pt idx="2781">
                  <c:v>5.0000000000000001E-3</c:v>
                </c:pt>
                <c:pt idx="2782">
                  <c:v>5.0000000000000001E-3</c:v>
                </c:pt>
                <c:pt idx="2783">
                  <c:v>5.0000000000000001E-3</c:v>
                </c:pt>
                <c:pt idx="2784">
                  <c:v>5.0000000000000001E-3</c:v>
                </c:pt>
                <c:pt idx="2785">
                  <c:v>5.0000000000000001E-3</c:v>
                </c:pt>
                <c:pt idx="2786">
                  <c:v>5.0000000000000001E-3</c:v>
                </c:pt>
                <c:pt idx="2787">
                  <c:v>5.0000000000000001E-3</c:v>
                </c:pt>
                <c:pt idx="2788">
                  <c:v>5.0000000000000001E-3</c:v>
                </c:pt>
                <c:pt idx="2789">
                  <c:v>5.0000000000000001E-3</c:v>
                </c:pt>
                <c:pt idx="2790">
                  <c:v>5.0000000000000001E-3</c:v>
                </c:pt>
                <c:pt idx="2791">
                  <c:v>5.0000000000000001E-3</c:v>
                </c:pt>
                <c:pt idx="2792">
                  <c:v>5.0000000000000001E-3</c:v>
                </c:pt>
                <c:pt idx="2793">
                  <c:v>5.0000000000000001E-3</c:v>
                </c:pt>
                <c:pt idx="2794">
                  <c:v>5.0000000000000001E-3</c:v>
                </c:pt>
                <c:pt idx="2795">
                  <c:v>5.0000000000000001E-3</c:v>
                </c:pt>
                <c:pt idx="2796">
                  <c:v>5.0000000000000001E-3</c:v>
                </c:pt>
                <c:pt idx="2797">
                  <c:v>5.0000000000000001E-3</c:v>
                </c:pt>
                <c:pt idx="2798">
                  <c:v>5.0000000000000001E-3</c:v>
                </c:pt>
                <c:pt idx="2799">
                  <c:v>5.0000000000000001E-3</c:v>
                </c:pt>
                <c:pt idx="2800">
                  <c:v>5.0000000000000001E-3</c:v>
                </c:pt>
                <c:pt idx="2801">
                  <c:v>5.0000000000000001E-3</c:v>
                </c:pt>
                <c:pt idx="2802">
                  <c:v>5.0000000000000001E-3</c:v>
                </c:pt>
                <c:pt idx="2803">
                  <c:v>5.0000000000000001E-3</c:v>
                </c:pt>
                <c:pt idx="2804">
                  <c:v>5.0000000000000001E-3</c:v>
                </c:pt>
                <c:pt idx="2805">
                  <c:v>5.0000000000000001E-3</c:v>
                </c:pt>
                <c:pt idx="2806">
                  <c:v>5.0000000000000001E-3</c:v>
                </c:pt>
                <c:pt idx="2807">
                  <c:v>5.0000000000000001E-3</c:v>
                </c:pt>
                <c:pt idx="2808">
                  <c:v>5.0000000000000001E-3</c:v>
                </c:pt>
                <c:pt idx="2809">
                  <c:v>5.0000000000000001E-3</c:v>
                </c:pt>
                <c:pt idx="2810">
                  <c:v>5.0000000000000001E-3</c:v>
                </c:pt>
                <c:pt idx="2811">
                  <c:v>5.0000000000000001E-3</c:v>
                </c:pt>
                <c:pt idx="2812">
                  <c:v>5.0000000000000001E-3</c:v>
                </c:pt>
                <c:pt idx="2813">
                  <c:v>5.0000000000000001E-3</c:v>
                </c:pt>
                <c:pt idx="2814">
                  <c:v>5.0000000000000001E-3</c:v>
                </c:pt>
                <c:pt idx="2815">
                  <c:v>5.0000000000000001E-3</c:v>
                </c:pt>
                <c:pt idx="2816">
                  <c:v>5.0000000000000001E-3</c:v>
                </c:pt>
                <c:pt idx="2817">
                  <c:v>5.0000000000000001E-3</c:v>
                </c:pt>
                <c:pt idx="2818">
                  <c:v>5.0000000000000001E-3</c:v>
                </c:pt>
                <c:pt idx="2819">
                  <c:v>5.0000000000000001E-3</c:v>
                </c:pt>
                <c:pt idx="2820">
                  <c:v>5.0000000000000001E-3</c:v>
                </c:pt>
                <c:pt idx="2821">
                  <c:v>5.0000000000000001E-3</c:v>
                </c:pt>
                <c:pt idx="2822">
                  <c:v>5.0000000000000001E-3</c:v>
                </c:pt>
                <c:pt idx="2823">
                  <c:v>5.0000000000000001E-3</c:v>
                </c:pt>
                <c:pt idx="2824">
                  <c:v>5.0000000000000001E-3</c:v>
                </c:pt>
                <c:pt idx="2825">
                  <c:v>5.0000000000000001E-3</c:v>
                </c:pt>
                <c:pt idx="2826">
                  <c:v>5.0000000000000001E-3</c:v>
                </c:pt>
                <c:pt idx="2827">
                  <c:v>5.0000000000000001E-3</c:v>
                </c:pt>
                <c:pt idx="2828">
                  <c:v>5.0000000000000001E-3</c:v>
                </c:pt>
                <c:pt idx="2829">
                  <c:v>5.0000000000000001E-3</c:v>
                </c:pt>
                <c:pt idx="2830">
                  <c:v>5.0000000000000001E-3</c:v>
                </c:pt>
                <c:pt idx="2831">
                  <c:v>5.0000000000000001E-3</c:v>
                </c:pt>
                <c:pt idx="2832">
                  <c:v>5.0000000000000001E-3</c:v>
                </c:pt>
                <c:pt idx="2833">
                  <c:v>5.0000000000000001E-3</c:v>
                </c:pt>
                <c:pt idx="2834">
                  <c:v>5.0000000000000001E-3</c:v>
                </c:pt>
                <c:pt idx="2835">
                  <c:v>5.0000000000000001E-3</c:v>
                </c:pt>
                <c:pt idx="2836">
                  <c:v>5.0000000000000001E-3</c:v>
                </c:pt>
                <c:pt idx="2837">
                  <c:v>5.0000000000000001E-3</c:v>
                </c:pt>
                <c:pt idx="2838">
                  <c:v>5.0000000000000001E-3</c:v>
                </c:pt>
                <c:pt idx="2839">
                  <c:v>5.0000000000000001E-3</c:v>
                </c:pt>
                <c:pt idx="2840">
                  <c:v>5.0000000000000001E-3</c:v>
                </c:pt>
                <c:pt idx="2841">
                  <c:v>5.0000000000000001E-3</c:v>
                </c:pt>
                <c:pt idx="2842">
                  <c:v>5.0000000000000001E-3</c:v>
                </c:pt>
                <c:pt idx="2843">
                  <c:v>5.0000000000000001E-3</c:v>
                </c:pt>
                <c:pt idx="2844">
                  <c:v>5.0000000000000001E-3</c:v>
                </c:pt>
                <c:pt idx="2845">
                  <c:v>5.0000000000000001E-3</c:v>
                </c:pt>
                <c:pt idx="2846">
                  <c:v>5.0000000000000001E-3</c:v>
                </c:pt>
                <c:pt idx="2847">
                  <c:v>5.0000000000000001E-3</c:v>
                </c:pt>
                <c:pt idx="2848">
                  <c:v>5.0000000000000001E-3</c:v>
                </c:pt>
                <c:pt idx="2849">
                  <c:v>5.0000000000000001E-3</c:v>
                </c:pt>
                <c:pt idx="2850">
                  <c:v>5.0000000000000001E-3</c:v>
                </c:pt>
                <c:pt idx="2851">
                  <c:v>5.0000000000000001E-3</c:v>
                </c:pt>
                <c:pt idx="2852">
                  <c:v>5.0000000000000001E-3</c:v>
                </c:pt>
                <c:pt idx="2853">
                  <c:v>5.0000000000000001E-3</c:v>
                </c:pt>
                <c:pt idx="2854">
                  <c:v>5.0000000000000001E-3</c:v>
                </c:pt>
                <c:pt idx="2855">
                  <c:v>5.0000000000000001E-3</c:v>
                </c:pt>
                <c:pt idx="2856">
                  <c:v>5.0000000000000001E-3</c:v>
                </c:pt>
                <c:pt idx="2857">
                  <c:v>5.0000000000000001E-3</c:v>
                </c:pt>
                <c:pt idx="2858">
                  <c:v>5.0000000000000001E-3</c:v>
                </c:pt>
                <c:pt idx="2859">
                  <c:v>5.0000000000000001E-3</c:v>
                </c:pt>
                <c:pt idx="2860">
                  <c:v>5.0000000000000001E-3</c:v>
                </c:pt>
                <c:pt idx="2861">
                  <c:v>5.0000000000000001E-3</c:v>
                </c:pt>
                <c:pt idx="2862">
                  <c:v>5.0000000000000001E-3</c:v>
                </c:pt>
                <c:pt idx="2863">
                  <c:v>5.0000000000000001E-3</c:v>
                </c:pt>
                <c:pt idx="2864">
                  <c:v>5.0000000000000001E-3</c:v>
                </c:pt>
                <c:pt idx="2865">
                  <c:v>5.0000000000000001E-3</c:v>
                </c:pt>
                <c:pt idx="2866">
                  <c:v>5.0000000000000001E-3</c:v>
                </c:pt>
                <c:pt idx="2867">
                  <c:v>5.0000000000000001E-3</c:v>
                </c:pt>
                <c:pt idx="2868">
                  <c:v>5.0000000000000001E-3</c:v>
                </c:pt>
                <c:pt idx="2869">
                  <c:v>5.0000000000000001E-3</c:v>
                </c:pt>
                <c:pt idx="2870">
                  <c:v>5.0000000000000001E-3</c:v>
                </c:pt>
                <c:pt idx="2871">
                  <c:v>5.0000000000000001E-3</c:v>
                </c:pt>
                <c:pt idx="2872">
                  <c:v>5.0000000000000001E-3</c:v>
                </c:pt>
                <c:pt idx="2873">
                  <c:v>5.0000000000000001E-3</c:v>
                </c:pt>
                <c:pt idx="2874">
                  <c:v>5.0000000000000001E-3</c:v>
                </c:pt>
                <c:pt idx="2875">
                  <c:v>5.0000000000000001E-3</c:v>
                </c:pt>
                <c:pt idx="2876">
                  <c:v>5.0000000000000001E-3</c:v>
                </c:pt>
                <c:pt idx="2877">
                  <c:v>5.0000000000000001E-3</c:v>
                </c:pt>
                <c:pt idx="2878">
                  <c:v>5.0000000000000001E-3</c:v>
                </c:pt>
                <c:pt idx="2879">
                  <c:v>5.0000000000000001E-3</c:v>
                </c:pt>
                <c:pt idx="2880">
                  <c:v>5.0000000000000001E-3</c:v>
                </c:pt>
                <c:pt idx="2881">
                  <c:v>5.0000000000000001E-3</c:v>
                </c:pt>
                <c:pt idx="2882">
                  <c:v>5.0000000000000001E-3</c:v>
                </c:pt>
                <c:pt idx="2883">
                  <c:v>5.0000000000000001E-3</c:v>
                </c:pt>
                <c:pt idx="2884">
                  <c:v>5.0000000000000001E-3</c:v>
                </c:pt>
                <c:pt idx="2885">
                  <c:v>5.0000000000000001E-3</c:v>
                </c:pt>
                <c:pt idx="2886">
                  <c:v>5.0000000000000001E-3</c:v>
                </c:pt>
                <c:pt idx="2887">
                  <c:v>5.0000000000000001E-3</c:v>
                </c:pt>
                <c:pt idx="2888">
                  <c:v>5.0000000000000001E-3</c:v>
                </c:pt>
                <c:pt idx="2889">
                  <c:v>5.0000000000000001E-3</c:v>
                </c:pt>
                <c:pt idx="2890">
                  <c:v>5.0000000000000001E-3</c:v>
                </c:pt>
                <c:pt idx="2891">
                  <c:v>5.0000000000000001E-3</c:v>
                </c:pt>
                <c:pt idx="2892">
                  <c:v>5.0000000000000001E-3</c:v>
                </c:pt>
                <c:pt idx="2893">
                  <c:v>5.0000000000000001E-3</c:v>
                </c:pt>
                <c:pt idx="2894">
                  <c:v>5.0000000000000001E-3</c:v>
                </c:pt>
                <c:pt idx="2895">
                  <c:v>5.0000000000000001E-3</c:v>
                </c:pt>
                <c:pt idx="2896">
                  <c:v>5.0000000000000001E-3</c:v>
                </c:pt>
                <c:pt idx="2897">
                  <c:v>5.0000000000000001E-3</c:v>
                </c:pt>
                <c:pt idx="2898">
                  <c:v>5.0000000000000001E-3</c:v>
                </c:pt>
                <c:pt idx="2899">
                  <c:v>5.0000000000000001E-3</c:v>
                </c:pt>
                <c:pt idx="2900">
                  <c:v>5.0000000000000001E-3</c:v>
                </c:pt>
                <c:pt idx="2901">
                  <c:v>5.0000000000000001E-3</c:v>
                </c:pt>
                <c:pt idx="2902">
                  <c:v>5.0000000000000001E-3</c:v>
                </c:pt>
                <c:pt idx="2903">
                  <c:v>5.0000000000000001E-3</c:v>
                </c:pt>
                <c:pt idx="2904">
                  <c:v>5.0000000000000001E-3</c:v>
                </c:pt>
                <c:pt idx="2905">
                  <c:v>5.0000000000000001E-3</c:v>
                </c:pt>
                <c:pt idx="2906">
                  <c:v>5.0000000000000001E-3</c:v>
                </c:pt>
                <c:pt idx="2907">
                  <c:v>5.0000000000000001E-3</c:v>
                </c:pt>
                <c:pt idx="2908">
                  <c:v>5.0000000000000001E-3</c:v>
                </c:pt>
                <c:pt idx="2909">
                  <c:v>5.0000000000000001E-3</c:v>
                </c:pt>
                <c:pt idx="2910">
                  <c:v>5.0000000000000001E-3</c:v>
                </c:pt>
                <c:pt idx="2911">
                  <c:v>5.0000000000000001E-3</c:v>
                </c:pt>
                <c:pt idx="2912">
                  <c:v>5.0000000000000001E-3</c:v>
                </c:pt>
                <c:pt idx="2913">
                  <c:v>5.0000000000000001E-3</c:v>
                </c:pt>
                <c:pt idx="2914">
                  <c:v>5.0000000000000001E-3</c:v>
                </c:pt>
                <c:pt idx="2915">
                  <c:v>5.0000000000000001E-3</c:v>
                </c:pt>
                <c:pt idx="2916">
                  <c:v>5.0000000000000001E-3</c:v>
                </c:pt>
                <c:pt idx="2917">
                  <c:v>5.0000000000000001E-3</c:v>
                </c:pt>
                <c:pt idx="2918">
                  <c:v>5.0000000000000001E-3</c:v>
                </c:pt>
                <c:pt idx="2919">
                  <c:v>5.0000000000000001E-3</c:v>
                </c:pt>
                <c:pt idx="2920">
                  <c:v>5.0000000000000001E-3</c:v>
                </c:pt>
                <c:pt idx="2921">
                  <c:v>5.0000000000000001E-3</c:v>
                </c:pt>
                <c:pt idx="2922">
                  <c:v>5.0000000000000001E-3</c:v>
                </c:pt>
                <c:pt idx="2923">
                  <c:v>5.0000000000000001E-3</c:v>
                </c:pt>
                <c:pt idx="2924">
                  <c:v>5.0000000000000001E-3</c:v>
                </c:pt>
                <c:pt idx="2925">
                  <c:v>5.0000000000000001E-3</c:v>
                </c:pt>
                <c:pt idx="2926">
                  <c:v>5.0000000000000001E-3</c:v>
                </c:pt>
                <c:pt idx="2927">
                  <c:v>5.0000000000000001E-3</c:v>
                </c:pt>
                <c:pt idx="2928">
                  <c:v>5.0000000000000001E-3</c:v>
                </c:pt>
                <c:pt idx="2929">
                  <c:v>5.0000000000000001E-3</c:v>
                </c:pt>
                <c:pt idx="2930">
                  <c:v>5.0000000000000001E-3</c:v>
                </c:pt>
                <c:pt idx="2931">
                  <c:v>5.0000000000000001E-3</c:v>
                </c:pt>
                <c:pt idx="2932">
                  <c:v>5.0000000000000001E-3</c:v>
                </c:pt>
                <c:pt idx="2933">
                  <c:v>5.0000000000000001E-3</c:v>
                </c:pt>
                <c:pt idx="2934">
                  <c:v>5.0000000000000001E-3</c:v>
                </c:pt>
                <c:pt idx="2935">
                  <c:v>5.0000000000000001E-3</c:v>
                </c:pt>
                <c:pt idx="2936">
                  <c:v>5.0000000000000001E-3</c:v>
                </c:pt>
                <c:pt idx="2937">
                  <c:v>5.0000000000000001E-3</c:v>
                </c:pt>
                <c:pt idx="2938">
                  <c:v>5.0000000000000001E-3</c:v>
                </c:pt>
                <c:pt idx="2939">
                  <c:v>5.0000000000000001E-3</c:v>
                </c:pt>
                <c:pt idx="2940">
                  <c:v>5.0000000000000001E-3</c:v>
                </c:pt>
                <c:pt idx="2941">
                  <c:v>5.0000000000000001E-3</c:v>
                </c:pt>
                <c:pt idx="2942">
                  <c:v>5.0000000000000001E-3</c:v>
                </c:pt>
                <c:pt idx="2943">
                  <c:v>5.0000000000000001E-3</c:v>
                </c:pt>
                <c:pt idx="2944">
                  <c:v>5.0000000000000001E-3</c:v>
                </c:pt>
                <c:pt idx="2945">
                  <c:v>5.0000000000000001E-3</c:v>
                </c:pt>
                <c:pt idx="2946">
                  <c:v>5.0000000000000001E-3</c:v>
                </c:pt>
                <c:pt idx="2947">
                  <c:v>5.0000000000000001E-3</c:v>
                </c:pt>
                <c:pt idx="2948">
                  <c:v>5.0000000000000001E-3</c:v>
                </c:pt>
                <c:pt idx="2949">
                  <c:v>5.0000000000000001E-3</c:v>
                </c:pt>
                <c:pt idx="2950">
                  <c:v>5.0000000000000001E-3</c:v>
                </c:pt>
                <c:pt idx="2951">
                  <c:v>5.0000000000000001E-3</c:v>
                </c:pt>
                <c:pt idx="2952">
                  <c:v>5.0000000000000001E-3</c:v>
                </c:pt>
                <c:pt idx="2953">
                  <c:v>5.0000000000000001E-3</c:v>
                </c:pt>
                <c:pt idx="2954">
                  <c:v>5.0000000000000001E-3</c:v>
                </c:pt>
                <c:pt idx="2955">
                  <c:v>5.0000000000000001E-3</c:v>
                </c:pt>
                <c:pt idx="2956">
                  <c:v>5.0000000000000001E-3</c:v>
                </c:pt>
                <c:pt idx="2957">
                  <c:v>5.0000000000000001E-3</c:v>
                </c:pt>
                <c:pt idx="2958">
                  <c:v>5.0000000000000001E-3</c:v>
                </c:pt>
                <c:pt idx="2959">
                  <c:v>5.0000000000000001E-3</c:v>
                </c:pt>
                <c:pt idx="2960">
                  <c:v>5.0000000000000001E-3</c:v>
                </c:pt>
                <c:pt idx="2961">
                  <c:v>5.0000000000000001E-3</c:v>
                </c:pt>
                <c:pt idx="2962">
                  <c:v>5.0000000000000001E-3</c:v>
                </c:pt>
                <c:pt idx="2963">
                  <c:v>5.0000000000000001E-3</c:v>
                </c:pt>
                <c:pt idx="2964">
                  <c:v>5.0000000000000001E-3</c:v>
                </c:pt>
                <c:pt idx="2965">
                  <c:v>5.0000000000000001E-3</c:v>
                </c:pt>
                <c:pt idx="2966">
                  <c:v>5.0000000000000001E-3</c:v>
                </c:pt>
                <c:pt idx="2967">
                  <c:v>5.0000000000000001E-3</c:v>
                </c:pt>
                <c:pt idx="2968">
                  <c:v>5.0000000000000001E-3</c:v>
                </c:pt>
                <c:pt idx="2969">
                  <c:v>5.0000000000000001E-3</c:v>
                </c:pt>
                <c:pt idx="2970">
                  <c:v>5.0000000000000001E-3</c:v>
                </c:pt>
                <c:pt idx="2971">
                  <c:v>5.0000000000000001E-3</c:v>
                </c:pt>
                <c:pt idx="2972">
                  <c:v>5.0000000000000001E-3</c:v>
                </c:pt>
                <c:pt idx="2973">
                  <c:v>5.0000000000000001E-3</c:v>
                </c:pt>
                <c:pt idx="2974">
                  <c:v>5.0000000000000001E-3</c:v>
                </c:pt>
                <c:pt idx="2975">
                  <c:v>5.0000000000000001E-3</c:v>
                </c:pt>
                <c:pt idx="2976">
                  <c:v>5.0000000000000001E-3</c:v>
                </c:pt>
                <c:pt idx="2977">
                  <c:v>5.0000000000000001E-3</c:v>
                </c:pt>
                <c:pt idx="2978">
                  <c:v>5.0000000000000001E-3</c:v>
                </c:pt>
                <c:pt idx="2979">
                  <c:v>5.0000000000000001E-3</c:v>
                </c:pt>
                <c:pt idx="2980">
                  <c:v>5.0000000000000001E-3</c:v>
                </c:pt>
                <c:pt idx="2981">
                  <c:v>5.0000000000000001E-3</c:v>
                </c:pt>
                <c:pt idx="2982">
                  <c:v>5.0000000000000001E-3</c:v>
                </c:pt>
                <c:pt idx="2983">
                  <c:v>5.0000000000000001E-3</c:v>
                </c:pt>
                <c:pt idx="2984">
                  <c:v>5.0000000000000001E-3</c:v>
                </c:pt>
                <c:pt idx="2985">
                  <c:v>5.0000000000000001E-3</c:v>
                </c:pt>
                <c:pt idx="2986">
                  <c:v>5.0000000000000001E-3</c:v>
                </c:pt>
                <c:pt idx="2987">
                  <c:v>5.0000000000000001E-3</c:v>
                </c:pt>
                <c:pt idx="2988">
                  <c:v>5.0000000000000001E-3</c:v>
                </c:pt>
                <c:pt idx="2989">
                  <c:v>5.0000000000000001E-3</c:v>
                </c:pt>
                <c:pt idx="2990">
                  <c:v>5.0000000000000001E-3</c:v>
                </c:pt>
                <c:pt idx="2991">
                  <c:v>5.0000000000000001E-3</c:v>
                </c:pt>
                <c:pt idx="2992">
                  <c:v>5.0000000000000001E-3</c:v>
                </c:pt>
                <c:pt idx="2993">
                  <c:v>5.0000000000000001E-3</c:v>
                </c:pt>
                <c:pt idx="2994">
                  <c:v>5.0000000000000001E-3</c:v>
                </c:pt>
                <c:pt idx="2995">
                  <c:v>5.0000000000000001E-3</c:v>
                </c:pt>
                <c:pt idx="2996">
                  <c:v>5.0000000000000001E-3</c:v>
                </c:pt>
                <c:pt idx="2997">
                  <c:v>5.0000000000000001E-3</c:v>
                </c:pt>
                <c:pt idx="2998">
                  <c:v>5.0000000000000001E-3</c:v>
                </c:pt>
                <c:pt idx="2999">
                  <c:v>5.0000000000000001E-3</c:v>
                </c:pt>
                <c:pt idx="3000">
                  <c:v>5.0000000000000001E-3</c:v>
                </c:pt>
                <c:pt idx="3001">
                  <c:v>5.0000000000000001E-3</c:v>
                </c:pt>
                <c:pt idx="3002">
                  <c:v>5.0000000000000001E-3</c:v>
                </c:pt>
                <c:pt idx="3003">
                  <c:v>5.0000000000000001E-3</c:v>
                </c:pt>
                <c:pt idx="3004">
                  <c:v>5.0000000000000001E-3</c:v>
                </c:pt>
                <c:pt idx="3005">
                  <c:v>5.0000000000000001E-3</c:v>
                </c:pt>
                <c:pt idx="3006">
                  <c:v>5.0000000000000001E-3</c:v>
                </c:pt>
                <c:pt idx="3007">
                  <c:v>5.0000000000000001E-3</c:v>
                </c:pt>
                <c:pt idx="3008">
                  <c:v>5.0000000000000001E-3</c:v>
                </c:pt>
                <c:pt idx="3009">
                  <c:v>5.0000000000000001E-3</c:v>
                </c:pt>
                <c:pt idx="3010">
                  <c:v>5.0000000000000001E-3</c:v>
                </c:pt>
                <c:pt idx="3011">
                  <c:v>5.0000000000000001E-3</c:v>
                </c:pt>
                <c:pt idx="3012">
                  <c:v>5.0000000000000001E-3</c:v>
                </c:pt>
                <c:pt idx="3013">
                  <c:v>5.0000000000000001E-3</c:v>
                </c:pt>
                <c:pt idx="3014">
                  <c:v>5.0000000000000001E-3</c:v>
                </c:pt>
                <c:pt idx="3015">
                  <c:v>5.0000000000000001E-3</c:v>
                </c:pt>
                <c:pt idx="3016">
                  <c:v>5.0000000000000001E-3</c:v>
                </c:pt>
                <c:pt idx="3017">
                  <c:v>5.0000000000000001E-3</c:v>
                </c:pt>
                <c:pt idx="3018">
                  <c:v>5.0000000000000001E-3</c:v>
                </c:pt>
                <c:pt idx="3019">
                  <c:v>5.0000000000000001E-3</c:v>
                </c:pt>
                <c:pt idx="3020">
                  <c:v>5.0000000000000001E-3</c:v>
                </c:pt>
                <c:pt idx="3021">
                  <c:v>5.0000000000000001E-3</c:v>
                </c:pt>
                <c:pt idx="3022">
                  <c:v>5.0000000000000001E-3</c:v>
                </c:pt>
                <c:pt idx="3023">
                  <c:v>5.0000000000000001E-3</c:v>
                </c:pt>
                <c:pt idx="3024">
                  <c:v>5.0000000000000001E-3</c:v>
                </c:pt>
                <c:pt idx="3025">
                  <c:v>5.0000000000000001E-3</c:v>
                </c:pt>
                <c:pt idx="3026">
                  <c:v>5.0000000000000001E-3</c:v>
                </c:pt>
                <c:pt idx="3027">
                  <c:v>5.0000000000000001E-3</c:v>
                </c:pt>
                <c:pt idx="3028">
                  <c:v>5.0000000000000001E-3</c:v>
                </c:pt>
                <c:pt idx="3029">
                  <c:v>5.0000000000000001E-3</c:v>
                </c:pt>
                <c:pt idx="3030">
                  <c:v>5.0000000000000001E-3</c:v>
                </c:pt>
                <c:pt idx="3031">
                  <c:v>5.0000000000000001E-3</c:v>
                </c:pt>
                <c:pt idx="3032">
                  <c:v>5.0000000000000001E-3</c:v>
                </c:pt>
                <c:pt idx="3033">
                  <c:v>5.0000000000000001E-3</c:v>
                </c:pt>
                <c:pt idx="3034">
                  <c:v>5.0000000000000001E-3</c:v>
                </c:pt>
                <c:pt idx="3035">
                  <c:v>5.0000000000000001E-3</c:v>
                </c:pt>
                <c:pt idx="3036">
                  <c:v>5.0000000000000001E-3</c:v>
                </c:pt>
                <c:pt idx="3037">
                  <c:v>5.0000000000000001E-3</c:v>
                </c:pt>
                <c:pt idx="3038">
                  <c:v>5.0000000000000001E-3</c:v>
                </c:pt>
                <c:pt idx="3039">
                  <c:v>5.0000000000000001E-3</c:v>
                </c:pt>
                <c:pt idx="3040">
                  <c:v>5.0000000000000001E-3</c:v>
                </c:pt>
                <c:pt idx="3041">
                  <c:v>5.0000000000000001E-3</c:v>
                </c:pt>
                <c:pt idx="3042">
                  <c:v>5.0000000000000001E-3</c:v>
                </c:pt>
                <c:pt idx="3043">
                  <c:v>5.0000000000000001E-3</c:v>
                </c:pt>
                <c:pt idx="3044">
                  <c:v>5.0000000000000001E-3</c:v>
                </c:pt>
                <c:pt idx="3045">
                  <c:v>5.0000000000000001E-3</c:v>
                </c:pt>
                <c:pt idx="3046">
                  <c:v>5.0000000000000001E-3</c:v>
                </c:pt>
                <c:pt idx="3047">
                  <c:v>5.0000000000000001E-3</c:v>
                </c:pt>
                <c:pt idx="3048">
                  <c:v>5.0000000000000001E-3</c:v>
                </c:pt>
                <c:pt idx="3049">
                  <c:v>5.0000000000000001E-3</c:v>
                </c:pt>
                <c:pt idx="3050">
                  <c:v>5.0000000000000001E-3</c:v>
                </c:pt>
                <c:pt idx="3051">
                  <c:v>5.0000000000000001E-3</c:v>
                </c:pt>
                <c:pt idx="3052">
                  <c:v>5.0000000000000001E-3</c:v>
                </c:pt>
                <c:pt idx="3053">
                  <c:v>5.0000000000000001E-3</c:v>
                </c:pt>
                <c:pt idx="3054">
                  <c:v>5.0000000000000001E-3</c:v>
                </c:pt>
                <c:pt idx="3055">
                  <c:v>5.0000000000000001E-3</c:v>
                </c:pt>
                <c:pt idx="3056">
                  <c:v>5.0000000000000001E-3</c:v>
                </c:pt>
                <c:pt idx="3057">
                  <c:v>5.0000000000000001E-3</c:v>
                </c:pt>
                <c:pt idx="3058">
                  <c:v>5.0000000000000001E-3</c:v>
                </c:pt>
                <c:pt idx="3059">
                  <c:v>5.0000000000000001E-3</c:v>
                </c:pt>
                <c:pt idx="3060">
                  <c:v>5.0000000000000001E-3</c:v>
                </c:pt>
                <c:pt idx="3061">
                  <c:v>5.0000000000000001E-3</c:v>
                </c:pt>
                <c:pt idx="3062">
                  <c:v>5.0000000000000001E-3</c:v>
                </c:pt>
                <c:pt idx="3063">
                  <c:v>5.0000000000000001E-3</c:v>
                </c:pt>
                <c:pt idx="3064">
                  <c:v>5.0000000000000001E-3</c:v>
                </c:pt>
                <c:pt idx="3065">
                  <c:v>5.0000000000000001E-3</c:v>
                </c:pt>
                <c:pt idx="3066">
                  <c:v>5.0000000000000001E-3</c:v>
                </c:pt>
                <c:pt idx="3067">
                  <c:v>5.0000000000000001E-3</c:v>
                </c:pt>
                <c:pt idx="3068">
                  <c:v>5.0000000000000001E-3</c:v>
                </c:pt>
                <c:pt idx="3069">
                  <c:v>5.0000000000000001E-3</c:v>
                </c:pt>
                <c:pt idx="3070">
                  <c:v>5.0000000000000001E-3</c:v>
                </c:pt>
                <c:pt idx="3071">
                  <c:v>5.0000000000000001E-3</c:v>
                </c:pt>
                <c:pt idx="3072">
                  <c:v>5.0000000000000001E-3</c:v>
                </c:pt>
                <c:pt idx="3073">
                  <c:v>5.0000000000000001E-3</c:v>
                </c:pt>
                <c:pt idx="3074">
                  <c:v>5.0000000000000001E-3</c:v>
                </c:pt>
                <c:pt idx="3075">
                  <c:v>5.0000000000000001E-3</c:v>
                </c:pt>
                <c:pt idx="3076">
                  <c:v>5.0000000000000001E-3</c:v>
                </c:pt>
                <c:pt idx="3077">
                  <c:v>5.0000000000000001E-3</c:v>
                </c:pt>
                <c:pt idx="3078">
                  <c:v>5.0000000000000001E-3</c:v>
                </c:pt>
                <c:pt idx="3079">
                  <c:v>5.0000000000000001E-3</c:v>
                </c:pt>
                <c:pt idx="3080">
                  <c:v>5.0000000000000001E-3</c:v>
                </c:pt>
                <c:pt idx="3081">
                  <c:v>5.0000000000000001E-3</c:v>
                </c:pt>
                <c:pt idx="3082">
                  <c:v>5.0000000000000001E-3</c:v>
                </c:pt>
                <c:pt idx="3083">
                  <c:v>5.0000000000000001E-3</c:v>
                </c:pt>
                <c:pt idx="3084">
                  <c:v>5.0000000000000001E-3</c:v>
                </c:pt>
                <c:pt idx="3085">
                  <c:v>5.0000000000000001E-3</c:v>
                </c:pt>
                <c:pt idx="3086">
                  <c:v>5.0000000000000001E-3</c:v>
                </c:pt>
                <c:pt idx="3087">
                  <c:v>5.0000000000000001E-3</c:v>
                </c:pt>
                <c:pt idx="3088">
                  <c:v>5.0000000000000001E-3</c:v>
                </c:pt>
                <c:pt idx="3089">
                  <c:v>5.0000000000000001E-3</c:v>
                </c:pt>
                <c:pt idx="3090">
                  <c:v>5.0000000000000001E-3</c:v>
                </c:pt>
                <c:pt idx="3091">
                  <c:v>5.0000000000000001E-3</c:v>
                </c:pt>
                <c:pt idx="3092">
                  <c:v>5.0000000000000001E-3</c:v>
                </c:pt>
                <c:pt idx="3093">
                  <c:v>5.0000000000000001E-3</c:v>
                </c:pt>
                <c:pt idx="3094">
                  <c:v>5.0000000000000001E-3</c:v>
                </c:pt>
                <c:pt idx="3095">
                  <c:v>5.0000000000000001E-3</c:v>
                </c:pt>
                <c:pt idx="3096">
                  <c:v>5.0000000000000001E-3</c:v>
                </c:pt>
                <c:pt idx="3097">
                  <c:v>5.0000000000000001E-3</c:v>
                </c:pt>
                <c:pt idx="3098">
                  <c:v>5.0000000000000001E-3</c:v>
                </c:pt>
                <c:pt idx="3099">
                  <c:v>5.0000000000000001E-3</c:v>
                </c:pt>
                <c:pt idx="3100">
                  <c:v>5.0000000000000001E-3</c:v>
                </c:pt>
                <c:pt idx="3101">
                  <c:v>5.0000000000000001E-3</c:v>
                </c:pt>
                <c:pt idx="3102">
                  <c:v>5.0000000000000001E-3</c:v>
                </c:pt>
                <c:pt idx="3103">
                  <c:v>5.0000000000000001E-3</c:v>
                </c:pt>
                <c:pt idx="3104">
                  <c:v>5.0000000000000001E-3</c:v>
                </c:pt>
                <c:pt idx="3105">
                  <c:v>5.0000000000000001E-3</c:v>
                </c:pt>
                <c:pt idx="3106">
                  <c:v>5.0000000000000001E-3</c:v>
                </c:pt>
                <c:pt idx="3107">
                  <c:v>5.0000000000000001E-3</c:v>
                </c:pt>
                <c:pt idx="3108">
                  <c:v>5.0000000000000001E-3</c:v>
                </c:pt>
                <c:pt idx="3109">
                  <c:v>5.0000000000000001E-3</c:v>
                </c:pt>
                <c:pt idx="3110">
                  <c:v>5.0000000000000001E-3</c:v>
                </c:pt>
                <c:pt idx="3111">
                  <c:v>5.0000000000000001E-3</c:v>
                </c:pt>
                <c:pt idx="3112">
                  <c:v>5.0000000000000001E-3</c:v>
                </c:pt>
                <c:pt idx="3113">
                  <c:v>5.0000000000000001E-3</c:v>
                </c:pt>
                <c:pt idx="3114">
                  <c:v>5.0000000000000001E-3</c:v>
                </c:pt>
                <c:pt idx="3115">
                  <c:v>5.0000000000000001E-3</c:v>
                </c:pt>
                <c:pt idx="3116">
                  <c:v>5.0000000000000001E-3</c:v>
                </c:pt>
                <c:pt idx="3117">
                  <c:v>5.0000000000000001E-3</c:v>
                </c:pt>
                <c:pt idx="3118">
                  <c:v>5.0000000000000001E-3</c:v>
                </c:pt>
                <c:pt idx="3119">
                  <c:v>5.0000000000000001E-3</c:v>
                </c:pt>
                <c:pt idx="3120">
                  <c:v>5.0000000000000001E-3</c:v>
                </c:pt>
                <c:pt idx="3121">
                  <c:v>5.0000000000000001E-3</c:v>
                </c:pt>
                <c:pt idx="3122">
                  <c:v>5.0000000000000001E-3</c:v>
                </c:pt>
                <c:pt idx="3123">
                  <c:v>5.0000000000000001E-3</c:v>
                </c:pt>
                <c:pt idx="3124">
                  <c:v>5.0000000000000001E-3</c:v>
                </c:pt>
                <c:pt idx="3125">
                  <c:v>5.0000000000000001E-3</c:v>
                </c:pt>
                <c:pt idx="3126">
                  <c:v>5.0000000000000001E-3</c:v>
                </c:pt>
                <c:pt idx="3127">
                  <c:v>5.0000000000000001E-3</c:v>
                </c:pt>
                <c:pt idx="3128">
                  <c:v>5.0000000000000001E-3</c:v>
                </c:pt>
                <c:pt idx="3129">
                  <c:v>5.0000000000000001E-3</c:v>
                </c:pt>
                <c:pt idx="3130">
                  <c:v>5.0000000000000001E-3</c:v>
                </c:pt>
                <c:pt idx="3131">
                  <c:v>5.0000000000000001E-3</c:v>
                </c:pt>
                <c:pt idx="3132">
                  <c:v>5.0000000000000001E-3</c:v>
                </c:pt>
                <c:pt idx="3133">
                  <c:v>5.0000000000000001E-3</c:v>
                </c:pt>
                <c:pt idx="3134">
                  <c:v>5.0000000000000001E-3</c:v>
                </c:pt>
                <c:pt idx="3135">
                  <c:v>5.0000000000000001E-3</c:v>
                </c:pt>
                <c:pt idx="3136">
                  <c:v>5.0000000000000001E-3</c:v>
                </c:pt>
                <c:pt idx="3137">
                  <c:v>5.0000000000000001E-3</c:v>
                </c:pt>
                <c:pt idx="3138">
                  <c:v>5.0000000000000001E-3</c:v>
                </c:pt>
                <c:pt idx="3139">
                  <c:v>5.0000000000000001E-3</c:v>
                </c:pt>
                <c:pt idx="3140">
                  <c:v>5.0000000000000001E-3</c:v>
                </c:pt>
                <c:pt idx="3141">
                  <c:v>5.0000000000000001E-3</c:v>
                </c:pt>
                <c:pt idx="3142">
                  <c:v>5.0000000000000001E-3</c:v>
                </c:pt>
                <c:pt idx="3143">
                  <c:v>5.0000000000000001E-3</c:v>
                </c:pt>
                <c:pt idx="3144">
                  <c:v>5.0000000000000001E-3</c:v>
                </c:pt>
                <c:pt idx="3145">
                  <c:v>5.0000000000000001E-3</c:v>
                </c:pt>
                <c:pt idx="3146">
                  <c:v>5.0000000000000001E-3</c:v>
                </c:pt>
                <c:pt idx="3147">
                  <c:v>5.0000000000000001E-3</c:v>
                </c:pt>
                <c:pt idx="3148">
                  <c:v>5.0000000000000001E-3</c:v>
                </c:pt>
                <c:pt idx="3149">
                  <c:v>5.0000000000000001E-3</c:v>
                </c:pt>
                <c:pt idx="3150">
                  <c:v>5.0000000000000001E-3</c:v>
                </c:pt>
                <c:pt idx="3151">
                  <c:v>5.0000000000000001E-3</c:v>
                </c:pt>
                <c:pt idx="3152">
                  <c:v>5.0000000000000001E-3</c:v>
                </c:pt>
                <c:pt idx="3153">
                  <c:v>5.0000000000000001E-3</c:v>
                </c:pt>
                <c:pt idx="3154">
                  <c:v>5.0000000000000001E-3</c:v>
                </c:pt>
                <c:pt idx="3155">
                  <c:v>5.0000000000000001E-3</c:v>
                </c:pt>
                <c:pt idx="3156">
                  <c:v>5.0000000000000001E-3</c:v>
                </c:pt>
                <c:pt idx="3157">
                  <c:v>5.0000000000000001E-3</c:v>
                </c:pt>
                <c:pt idx="3158">
                  <c:v>5.0000000000000001E-3</c:v>
                </c:pt>
                <c:pt idx="3159">
                  <c:v>5.0000000000000001E-3</c:v>
                </c:pt>
                <c:pt idx="3160">
                  <c:v>5.0000000000000001E-3</c:v>
                </c:pt>
                <c:pt idx="3161">
                  <c:v>5.0000000000000001E-3</c:v>
                </c:pt>
                <c:pt idx="3162">
                  <c:v>5.0000000000000001E-3</c:v>
                </c:pt>
                <c:pt idx="3163">
                  <c:v>5.0000000000000001E-3</c:v>
                </c:pt>
                <c:pt idx="3164">
                  <c:v>5.0000000000000001E-3</c:v>
                </c:pt>
                <c:pt idx="3165">
                  <c:v>5.0000000000000001E-3</c:v>
                </c:pt>
                <c:pt idx="3166">
                  <c:v>5.0000000000000001E-3</c:v>
                </c:pt>
                <c:pt idx="3167">
                  <c:v>5.0000000000000001E-3</c:v>
                </c:pt>
                <c:pt idx="3168">
                  <c:v>5.0000000000000001E-3</c:v>
                </c:pt>
                <c:pt idx="3169">
                  <c:v>5.0000000000000001E-3</c:v>
                </c:pt>
                <c:pt idx="3170">
                  <c:v>5.0000000000000001E-3</c:v>
                </c:pt>
                <c:pt idx="3171">
                  <c:v>5.0000000000000001E-3</c:v>
                </c:pt>
                <c:pt idx="3172">
                  <c:v>5.0000000000000001E-3</c:v>
                </c:pt>
                <c:pt idx="3173">
                  <c:v>5.0000000000000001E-3</c:v>
                </c:pt>
                <c:pt idx="3174">
                  <c:v>5.0000000000000001E-3</c:v>
                </c:pt>
                <c:pt idx="3175">
                  <c:v>5.0000000000000001E-3</c:v>
                </c:pt>
                <c:pt idx="3176">
                  <c:v>5.0000000000000001E-3</c:v>
                </c:pt>
                <c:pt idx="3177">
                  <c:v>5.0000000000000001E-3</c:v>
                </c:pt>
                <c:pt idx="3178">
                  <c:v>5.0000000000000001E-3</c:v>
                </c:pt>
                <c:pt idx="3179">
                  <c:v>5.0000000000000001E-3</c:v>
                </c:pt>
                <c:pt idx="3180">
                  <c:v>5.0000000000000001E-3</c:v>
                </c:pt>
                <c:pt idx="3181">
                  <c:v>5.0000000000000001E-3</c:v>
                </c:pt>
                <c:pt idx="3182">
                  <c:v>5.0000000000000001E-3</c:v>
                </c:pt>
                <c:pt idx="3183">
                  <c:v>5.0000000000000001E-3</c:v>
                </c:pt>
                <c:pt idx="3184">
                  <c:v>5.0000000000000001E-3</c:v>
                </c:pt>
                <c:pt idx="3185">
                  <c:v>5.0000000000000001E-3</c:v>
                </c:pt>
                <c:pt idx="3186">
                  <c:v>5.0000000000000001E-3</c:v>
                </c:pt>
                <c:pt idx="3187">
                  <c:v>5.0000000000000001E-3</c:v>
                </c:pt>
                <c:pt idx="3188">
                  <c:v>5.0000000000000001E-3</c:v>
                </c:pt>
                <c:pt idx="3189">
                  <c:v>5.0000000000000001E-3</c:v>
                </c:pt>
                <c:pt idx="3190">
                  <c:v>5.0000000000000001E-3</c:v>
                </c:pt>
                <c:pt idx="3191">
                  <c:v>5.0000000000000001E-3</c:v>
                </c:pt>
                <c:pt idx="3192">
                  <c:v>5.0000000000000001E-3</c:v>
                </c:pt>
                <c:pt idx="3193">
                  <c:v>5.0000000000000001E-3</c:v>
                </c:pt>
                <c:pt idx="3194">
                  <c:v>5.0000000000000001E-3</c:v>
                </c:pt>
                <c:pt idx="3195">
                  <c:v>5.0000000000000001E-3</c:v>
                </c:pt>
                <c:pt idx="3196">
                  <c:v>5.0000000000000001E-3</c:v>
                </c:pt>
                <c:pt idx="3197">
                  <c:v>5.0000000000000001E-3</c:v>
                </c:pt>
                <c:pt idx="3198">
                  <c:v>5.0000000000000001E-3</c:v>
                </c:pt>
                <c:pt idx="3199">
                  <c:v>5.0000000000000001E-3</c:v>
                </c:pt>
                <c:pt idx="3200">
                  <c:v>5.0000000000000001E-3</c:v>
                </c:pt>
                <c:pt idx="3201">
                  <c:v>5.0000000000000001E-3</c:v>
                </c:pt>
                <c:pt idx="3202">
                  <c:v>5.0000000000000001E-3</c:v>
                </c:pt>
                <c:pt idx="3203">
                  <c:v>5.0000000000000001E-3</c:v>
                </c:pt>
                <c:pt idx="3204">
                  <c:v>5.0000000000000001E-3</c:v>
                </c:pt>
                <c:pt idx="3205">
                  <c:v>5.0000000000000001E-3</c:v>
                </c:pt>
                <c:pt idx="3206">
                  <c:v>5.0000000000000001E-3</c:v>
                </c:pt>
                <c:pt idx="3207">
                  <c:v>5.0000000000000001E-3</c:v>
                </c:pt>
                <c:pt idx="3208">
                  <c:v>5.0000000000000001E-3</c:v>
                </c:pt>
                <c:pt idx="3209">
                  <c:v>5.0000000000000001E-3</c:v>
                </c:pt>
                <c:pt idx="3210">
                  <c:v>5.0000000000000001E-3</c:v>
                </c:pt>
                <c:pt idx="3211">
                  <c:v>5.0000000000000001E-3</c:v>
                </c:pt>
                <c:pt idx="3212">
                  <c:v>5.0000000000000001E-3</c:v>
                </c:pt>
                <c:pt idx="3213">
                  <c:v>5.0000000000000001E-3</c:v>
                </c:pt>
                <c:pt idx="3214">
                  <c:v>5.0000000000000001E-3</c:v>
                </c:pt>
                <c:pt idx="3215">
                  <c:v>5.0000000000000001E-3</c:v>
                </c:pt>
                <c:pt idx="3216">
                  <c:v>5.0000000000000001E-3</c:v>
                </c:pt>
                <c:pt idx="3217">
                  <c:v>5.0000000000000001E-3</c:v>
                </c:pt>
                <c:pt idx="3218">
                  <c:v>5.0000000000000001E-3</c:v>
                </c:pt>
                <c:pt idx="3219">
                  <c:v>5.0000000000000001E-3</c:v>
                </c:pt>
                <c:pt idx="3220">
                  <c:v>5.0000000000000001E-3</c:v>
                </c:pt>
                <c:pt idx="3221">
                  <c:v>5.0000000000000001E-3</c:v>
                </c:pt>
                <c:pt idx="3222">
                  <c:v>5.0000000000000001E-3</c:v>
                </c:pt>
                <c:pt idx="3223">
                  <c:v>5.0000000000000001E-3</c:v>
                </c:pt>
                <c:pt idx="3224">
                  <c:v>5.0000000000000001E-3</c:v>
                </c:pt>
                <c:pt idx="3225">
                  <c:v>5.0000000000000001E-3</c:v>
                </c:pt>
                <c:pt idx="3226">
                  <c:v>3.0000000000000001E-3</c:v>
                </c:pt>
                <c:pt idx="3227">
                  <c:v>3.0000000000000001E-3</c:v>
                </c:pt>
                <c:pt idx="3228">
                  <c:v>3.0000000000000001E-3</c:v>
                </c:pt>
                <c:pt idx="3229">
                  <c:v>3.0000000000000001E-3</c:v>
                </c:pt>
                <c:pt idx="3230">
                  <c:v>3.0000000000000001E-3</c:v>
                </c:pt>
                <c:pt idx="3231">
                  <c:v>3.0000000000000001E-3</c:v>
                </c:pt>
                <c:pt idx="3232">
                  <c:v>3.0000000000000001E-3</c:v>
                </c:pt>
                <c:pt idx="3233">
                  <c:v>3.0000000000000001E-3</c:v>
                </c:pt>
                <c:pt idx="3234">
                  <c:v>3.0000000000000001E-3</c:v>
                </c:pt>
                <c:pt idx="3235">
                  <c:v>3.0000000000000001E-3</c:v>
                </c:pt>
                <c:pt idx="3236">
                  <c:v>3.0000000000000001E-3</c:v>
                </c:pt>
                <c:pt idx="3237">
                  <c:v>3.0000000000000001E-3</c:v>
                </c:pt>
                <c:pt idx="3238">
                  <c:v>3.0000000000000001E-3</c:v>
                </c:pt>
                <c:pt idx="3239">
                  <c:v>3.0000000000000001E-3</c:v>
                </c:pt>
                <c:pt idx="3240">
                  <c:v>3.0000000000000001E-3</c:v>
                </c:pt>
                <c:pt idx="3241">
                  <c:v>3.0000000000000001E-3</c:v>
                </c:pt>
                <c:pt idx="3242">
                  <c:v>3.0000000000000001E-3</c:v>
                </c:pt>
                <c:pt idx="3243">
                  <c:v>3.0000000000000001E-3</c:v>
                </c:pt>
                <c:pt idx="3244">
                  <c:v>3.0000000000000001E-3</c:v>
                </c:pt>
                <c:pt idx="3245">
                  <c:v>3.0000000000000001E-3</c:v>
                </c:pt>
                <c:pt idx="3246">
                  <c:v>3.0000000000000001E-3</c:v>
                </c:pt>
                <c:pt idx="3247">
                  <c:v>3.0000000000000001E-3</c:v>
                </c:pt>
                <c:pt idx="3248">
                  <c:v>3.0000000000000001E-3</c:v>
                </c:pt>
                <c:pt idx="3249">
                  <c:v>3.0000000000000001E-3</c:v>
                </c:pt>
                <c:pt idx="3250">
                  <c:v>3.0000000000000001E-3</c:v>
                </c:pt>
                <c:pt idx="3251">
                  <c:v>3.0000000000000001E-3</c:v>
                </c:pt>
                <c:pt idx="3252">
                  <c:v>3.0000000000000001E-3</c:v>
                </c:pt>
                <c:pt idx="3253">
                  <c:v>3.0000000000000001E-3</c:v>
                </c:pt>
                <c:pt idx="3254">
                  <c:v>3.0000000000000001E-3</c:v>
                </c:pt>
                <c:pt idx="3255">
                  <c:v>3.0000000000000001E-3</c:v>
                </c:pt>
                <c:pt idx="3256">
                  <c:v>3.0000000000000001E-3</c:v>
                </c:pt>
                <c:pt idx="3257">
                  <c:v>3.0000000000000001E-3</c:v>
                </c:pt>
                <c:pt idx="3258">
                  <c:v>3.0000000000000001E-3</c:v>
                </c:pt>
                <c:pt idx="3259">
                  <c:v>3.0000000000000001E-3</c:v>
                </c:pt>
                <c:pt idx="3260">
                  <c:v>3.0000000000000001E-3</c:v>
                </c:pt>
                <c:pt idx="3261">
                  <c:v>3.0000000000000001E-3</c:v>
                </c:pt>
                <c:pt idx="3262">
                  <c:v>3.0000000000000001E-3</c:v>
                </c:pt>
                <c:pt idx="3263">
                  <c:v>3.0000000000000001E-3</c:v>
                </c:pt>
                <c:pt idx="3264">
                  <c:v>3.0000000000000001E-3</c:v>
                </c:pt>
                <c:pt idx="3265">
                  <c:v>3.0000000000000001E-3</c:v>
                </c:pt>
                <c:pt idx="3266">
                  <c:v>3.0000000000000001E-3</c:v>
                </c:pt>
                <c:pt idx="3267">
                  <c:v>3.0000000000000001E-3</c:v>
                </c:pt>
                <c:pt idx="3268">
                  <c:v>3.0000000000000001E-3</c:v>
                </c:pt>
                <c:pt idx="3269">
                  <c:v>3.0000000000000001E-3</c:v>
                </c:pt>
                <c:pt idx="3270">
                  <c:v>3.0000000000000001E-3</c:v>
                </c:pt>
                <c:pt idx="3271">
                  <c:v>3.0000000000000001E-3</c:v>
                </c:pt>
                <c:pt idx="3272">
                  <c:v>3.0000000000000001E-3</c:v>
                </c:pt>
                <c:pt idx="3273">
                  <c:v>3.0000000000000001E-3</c:v>
                </c:pt>
                <c:pt idx="3274">
                  <c:v>3.0000000000000001E-3</c:v>
                </c:pt>
                <c:pt idx="3275">
                  <c:v>1E-3</c:v>
                </c:pt>
                <c:pt idx="3276">
                  <c:v>1E-3</c:v>
                </c:pt>
                <c:pt idx="3277">
                  <c:v>1E-3</c:v>
                </c:pt>
                <c:pt idx="3278">
                  <c:v>1E-3</c:v>
                </c:pt>
                <c:pt idx="3279">
                  <c:v>1E-3</c:v>
                </c:pt>
                <c:pt idx="3280">
                  <c:v>1E-3</c:v>
                </c:pt>
                <c:pt idx="3281">
                  <c:v>1E-3</c:v>
                </c:pt>
                <c:pt idx="3282">
                  <c:v>1E-3</c:v>
                </c:pt>
                <c:pt idx="3283">
                  <c:v>1E-3</c:v>
                </c:pt>
                <c:pt idx="3284">
                  <c:v>1E-3</c:v>
                </c:pt>
                <c:pt idx="3285">
                  <c:v>1E-3</c:v>
                </c:pt>
                <c:pt idx="3286">
                  <c:v>1E-3</c:v>
                </c:pt>
                <c:pt idx="3287">
                  <c:v>1E-3</c:v>
                </c:pt>
                <c:pt idx="3288">
                  <c:v>1E-3</c:v>
                </c:pt>
                <c:pt idx="3289">
                  <c:v>1E-3</c:v>
                </c:pt>
                <c:pt idx="3290">
                  <c:v>1E-3</c:v>
                </c:pt>
                <c:pt idx="3291">
                  <c:v>1E-3</c:v>
                </c:pt>
                <c:pt idx="3292">
                  <c:v>1E-3</c:v>
                </c:pt>
                <c:pt idx="3293">
                  <c:v>1E-3</c:v>
                </c:pt>
                <c:pt idx="3294">
                  <c:v>1E-3</c:v>
                </c:pt>
                <c:pt idx="3295">
                  <c:v>1E-3</c:v>
                </c:pt>
                <c:pt idx="3296">
                  <c:v>1E-3</c:v>
                </c:pt>
                <c:pt idx="3297">
                  <c:v>1E-3</c:v>
                </c:pt>
                <c:pt idx="3298">
                  <c:v>1E-3</c:v>
                </c:pt>
                <c:pt idx="3299">
                  <c:v>1E-3</c:v>
                </c:pt>
                <c:pt idx="3300">
                  <c:v>1E-3</c:v>
                </c:pt>
                <c:pt idx="3301">
                  <c:v>1E-3</c:v>
                </c:pt>
                <c:pt idx="3302">
                  <c:v>1E-3</c:v>
                </c:pt>
                <c:pt idx="3303">
                  <c:v>1E-3</c:v>
                </c:pt>
                <c:pt idx="3304">
                  <c:v>1E-3</c:v>
                </c:pt>
                <c:pt idx="3305">
                  <c:v>1E-3</c:v>
                </c:pt>
                <c:pt idx="3306">
                  <c:v>1E-3</c:v>
                </c:pt>
                <c:pt idx="3307">
                  <c:v>1E-3</c:v>
                </c:pt>
                <c:pt idx="3308">
                  <c:v>1E-3</c:v>
                </c:pt>
                <c:pt idx="3309">
                  <c:v>1E-3</c:v>
                </c:pt>
                <c:pt idx="3310">
                  <c:v>1E-3</c:v>
                </c:pt>
                <c:pt idx="3311">
                  <c:v>1E-3</c:v>
                </c:pt>
                <c:pt idx="3312">
                  <c:v>1E-3</c:v>
                </c:pt>
                <c:pt idx="3313">
                  <c:v>1E-3</c:v>
                </c:pt>
                <c:pt idx="3314">
                  <c:v>1E-3</c:v>
                </c:pt>
                <c:pt idx="3315">
                  <c:v>1E-3</c:v>
                </c:pt>
                <c:pt idx="3316">
                  <c:v>1E-3</c:v>
                </c:pt>
                <c:pt idx="3317">
                  <c:v>1E-3</c:v>
                </c:pt>
                <c:pt idx="3318">
                  <c:v>1E-3</c:v>
                </c:pt>
                <c:pt idx="3319">
                  <c:v>1E-3</c:v>
                </c:pt>
                <c:pt idx="3320">
                  <c:v>1E-3</c:v>
                </c:pt>
                <c:pt idx="3321">
                  <c:v>1E-3</c:v>
                </c:pt>
                <c:pt idx="3322">
                  <c:v>1E-3</c:v>
                </c:pt>
                <c:pt idx="3323">
                  <c:v>1E-3</c:v>
                </c:pt>
                <c:pt idx="3324">
                  <c:v>1E-3</c:v>
                </c:pt>
                <c:pt idx="3325">
                  <c:v>1E-3</c:v>
                </c:pt>
                <c:pt idx="3326">
                  <c:v>1E-3</c:v>
                </c:pt>
                <c:pt idx="3327">
                  <c:v>1E-3</c:v>
                </c:pt>
                <c:pt idx="3328">
                  <c:v>1E-3</c:v>
                </c:pt>
                <c:pt idx="3329">
                  <c:v>1E-3</c:v>
                </c:pt>
                <c:pt idx="3330">
                  <c:v>1E-3</c:v>
                </c:pt>
                <c:pt idx="3331">
                  <c:v>1E-3</c:v>
                </c:pt>
                <c:pt idx="3332">
                  <c:v>1E-3</c:v>
                </c:pt>
                <c:pt idx="3333">
                  <c:v>1E-3</c:v>
                </c:pt>
                <c:pt idx="3334">
                  <c:v>1E-3</c:v>
                </c:pt>
                <c:pt idx="3335">
                  <c:v>1E-3</c:v>
                </c:pt>
                <c:pt idx="3336">
                  <c:v>1E-3</c:v>
                </c:pt>
                <c:pt idx="3337">
                  <c:v>1E-3</c:v>
                </c:pt>
                <c:pt idx="3338">
                  <c:v>1E-3</c:v>
                </c:pt>
                <c:pt idx="3339">
                  <c:v>1E-3</c:v>
                </c:pt>
                <c:pt idx="3340">
                  <c:v>1E-3</c:v>
                </c:pt>
                <c:pt idx="3341">
                  <c:v>1E-3</c:v>
                </c:pt>
                <c:pt idx="3342">
                  <c:v>1E-3</c:v>
                </c:pt>
                <c:pt idx="3343">
                  <c:v>1E-3</c:v>
                </c:pt>
                <c:pt idx="3344">
                  <c:v>1E-3</c:v>
                </c:pt>
                <c:pt idx="3345">
                  <c:v>1E-3</c:v>
                </c:pt>
                <c:pt idx="3346">
                  <c:v>1E-3</c:v>
                </c:pt>
                <c:pt idx="3347">
                  <c:v>1E-3</c:v>
                </c:pt>
                <c:pt idx="3348">
                  <c:v>1E-3</c:v>
                </c:pt>
                <c:pt idx="3349">
                  <c:v>1E-3</c:v>
                </c:pt>
                <c:pt idx="3350">
                  <c:v>1E-3</c:v>
                </c:pt>
                <c:pt idx="3351">
                  <c:v>1E-3</c:v>
                </c:pt>
                <c:pt idx="3352">
                  <c:v>1E-3</c:v>
                </c:pt>
                <c:pt idx="3353">
                  <c:v>1E-3</c:v>
                </c:pt>
                <c:pt idx="3354">
                  <c:v>1E-3</c:v>
                </c:pt>
                <c:pt idx="3355">
                  <c:v>1E-3</c:v>
                </c:pt>
                <c:pt idx="3356">
                  <c:v>1E-3</c:v>
                </c:pt>
                <c:pt idx="3357">
                  <c:v>1E-3</c:v>
                </c:pt>
                <c:pt idx="3358">
                  <c:v>1E-3</c:v>
                </c:pt>
                <c:pt idx="3359">
                  <c:v>1E-3</c:v>
                </c:pt>
                <c:pt idx="3360">
                  <c:v>1E-3</c:v>
                </c:pt>
                <c:pt idx="3361">
                  <c:v>1E-3</c:v>
                </c:pt>
                <c:pt idx="3362">
                  <c:v>1E-3</c:v>
                </c:pt>
                <c:pt idx="3363">
                  <c:v>1E-3</c:v>
                </c:pt>
                <c:pt idx="3364">
                  <c:v>1E-3</c:v>
                </c:pt>
                <c:pt idx="3365">
                  <c:v>1E-3</c:v>
                </c:pt>
                <c:pt idx="3366">
                  <c:v>1E-3</c:v>
                </c:pt>
                <c:pt idx="3367">
                  <c:v>1E-3</c:v>
                </c:pt>
                <c:pt idx="3368">
                  <c:v>1E-3</c:v>
                </c:pt>
                <c:pt idx="3369">
                  <c:v>1E-3</c:v>
                </c:pt>
                <c:pt idx="3370">
                  <c:v>1E-3</c:v>
                </c:pt>
                <c:pt idx="3371">
                  <c:v>1E-3</c:v>
                </c:pt>
                <c:pt idx="3372">
                  <c:v>1E-3</c:v>
                </c:pt>
                <c:pt idx="3373">
                  <c:v>1E-3</c:v>
                </c:pt>
                <c:pt idx="3374">
                  <c:v>1E-3</c:v>
                </c:pt>
                <c:pt idx="3375">
                  <c:v>1E-3</c:v>
                </c:pt>
                <c:pt idx="3376">
                  <c:v>1E-3</c:v>
                </c:pt>
                <c:pt idx="3377">
                  <c:v>1E-3</c:v>
                </c:pt>
                <c:pt idx="3378">
                  <c:v>1E-3</c:v>
                </c:pt>
                <c:pt idx="3379">
                  <c:v>1E-3</c:v>
                </c:pt>
                <c:pt idx="3380">
                  <c:v>1E-3</c:v>
                </c:pt>
                <c:pt idx="3381">
                  <c:v>1E-3</c:v>
                </c:pt>
                <c:pt idx="3382">
                  <c:v>1E-3</c:v>
                </c:pt>
                <c:pt idx="3383">
                  <c:v>1E-3</c:v>
                </c:pt>
                <c:pt idx="3384">
                  <c:v>1E-3</c:v>
                </c:pt>
                <c:pt idx="3385">
                  <c:v>1E-3</c:v>
                </c:pt>
                <c:pt idx="3386">
                  <c:v>1E-3</c:v>
                </c:pt>
                <c:pt idx="3387">
                  <c:v>1E-3</c:v>
                </c:pt>
                <c:pt idx="3388">
                  <c:v>1E-3</c:v>
                </c:pt>
                <c:pt idx="3389">
                  <c:v>1E-3</c:v>
                </c:pt>
                <c:pt idx="3390">
                  <c:v>1E-3</c:v>
                </c:pt>
                <c:pt idx="3391">
                  <c:v>1E-3</c:v>
                </c:pt>
                <c:pt idx="3392">
                  <c:v>1E-3</c:v>
                </c:pt>
                <c:pt idx="3393">
                  <c:v>1E-3</c:v>
                </c:pt>
                <c:pt idx="3394">
                  <c:v>1E-3</c:v>
                </c:pt>
                <c:pt idx="3395">
                  <c:v>1E-3</c:v>
                </c:pt>
                <c:pt idx="3396">
                  <c:v>1E-3</c:v>
                </c:pt>
                <c:pt idx="3397">
                  <c:v>1E-3</c:v>
                </c:pt>
                <c:pt idx="3398">
                  <c:v>1E-3</c:v>
                </c:pt>
                <c:pt idx="3399">
                  <c:v>1E-3</c:v>
                </c:pt>
                <c:pt idx="3400">
                  <c:v>1E-3</c:v>
                </c:pt>
                <c:pt idx="3401">
                  <c:v>1E-3</c:v>
                </c:pt>
                <c:pt idx="3402">
                  <c:v>1E-3</c:v>
                </c:pt>
                <c:pt idx="3403">
                  <c:v>1E-3</c:v>
                </c:pt>
                <c:pt idx="3404">
                  <c:v>1E-3</c:v>
                </c:pt>
                <c:pt idx="3405">
                  <c:v>1E-3</c:v>
                </c:pt>
                <c:pt idx="3406">
                  <c:v>1E-3</c:v>
                </c:pt>
                <c:pt idx="3407">
                  <c:v>1E-3</c:v>
                </c:pt>
                <c:pt idx="3408">
                  <c:v>1E-3</c:v>
                </c:pt>
                <c:pt idx="3409">
                  <c:v>1E-3</c:v>
                </c:pt>
                <c:pt idx="3410">
                  <c:v>1E-3</c:v>
                </c:pt>
                <c:pt idx="3411">
                  <c:v>1E-3</c:v>
                </c:pt>
                <c:pt idx="3412">
                  <c:v>1E-3</c:v>
                </c:pt>
                <c:pt idx="3413">
                  <c:v>1E-3</c:v>
                </c:pt>
                <c:pt idx="3414">
                  <c:v>1E-3</c:v>
                </c:pt>
                <c:pt idx="3415">
                  <c:v>1E-3</c:v>
                </c:pt>
                <c:pt idx="3416">
                  <c:v>1E-3</c:v>
                </c:pt>
                <c:pt idx="3417">
                  <c:v>1E-3</c:v>
                </c:pt>
                <c:pt idx="3418">
                  <c:v>1E-3</c:v>
                </c:pt>
                <c:pt idx="3419">
                  <c:v>1E-3</c:v>
                </c:pt>
                <c:pt idx="3420">
                  <c:v>1E-3</c:v>
                </c:pt>
                <c:pt idx="3421">
                  <c:v>1E-3</c:v>
                </c:pt>
                <c:pt idx="3422">
                  <c:v>1E-3</c:v>
                </c:pt>
                <c:pt idx="3423">
                  <c:v>1E-3</c:v>
                </c:pt>
                <c:pt idx="3424">
                  <c:v>1E-3</c:v>
                </c:pt>
                <c:pt idx="3425">
                  <c:v>1E-3</c:v>
                </c:pt>
                <c:pt idx="3426">
                  <c:v>1E-3</c:v>
                </c:pt>
                <c:pt idx="3427">
                  <c:v>1E-3</c:v>
                </c:pt>
                <c:pt idx="3428">
                  <c:v>1E-3</c:v>
                </c:pt>
                <c:pt idx="3429">
                  <c:v>1E-3</c:v>
                </c:pt>
                <c:pt idx="3430">
                  <c:v>1E-3</c:v>
                </c:pt>
                <c:pt idx="3431">
                  <c:v>1E-3</c:v>
                </c:pt>
                <c:pt idx="3432">
                  <c:v>1E-3</c:v>
                </c:pt>
                <c:pt idx="3433">
                  <c:v>1E-3</c:v>
                </c:pt>
                <c:pt idx="3434">
                  <c:v>1E-3</c:v>
                </c:pt>
                <c:pt idx="3435">
                  <c:v>1E-3</c:v>
                </c:pt>
                <c:pt idx="3436">
                  <c:v>1E-3</c:v>
                </c:pt>
                <c:pt idx="3437">
                  <c:v>1E-3</c:v>
                </c:pt>
                <c:pt idx="3438">
                  <c:v>1E-3</c:v>
                </c:pt>
                <c:pt idx="3439">
                  <c:v>1E-3</c:v>
                </c:pt>
                <c:pt idx="3440">
                  <c:v>1E-3</c:v>
                </c:pt>
                <c:pt idx="3441">
                  <c:v>1E-3</c:v>
                </c:pt>
                <c:pt idx="3442">
                  <c:v>1E-3</c:v>
                </c:pt>
                <c:pt idx="3443">
                  <c:v>1E-3</c:v>
                </c:pt>
                <c:pt idx="3444">
                  <c:v>1E-3</c:v>
                </c:pt>
                <c:pt idx="3445">
                  <c:v>1E-3</c:v>
                </c:pt>
                <c:pt idx="3446">
                  <c:v>1E-3</c:v>
                </c:pt>
                <c:pt idx="3447">
                  <c:v>1E-3</c:v>
                </c:pt>
                <c:pt idx="3448">
                  <c:v>1E-3</c:v>
                </c:pt>
                <c:pt idx="3449">
                  <c:v>1E-3</c:v>
                </c:pt>
                <c:pt idx="3450">
                  <c:v>1E-3</c:v>
                </c:pt>
                <c:pt idx="3451">
                  <c:v>1E-3</c:v>
                </c:pt>
                <c:pt idx="3452">
                  <c:v>1E-3</c:v>
                </c:pt>
                <c:pt idx="3453">
                  <c:v>1E-3</c:v>
                </c:pt>
                <c:pt idx="3454">
                  <c:v>1E-3</c:v>
                </c:pt>
                <c:pt idx="3455">
                  <c:v>1E-3</c:v>
                </c:pt>
                <c:pt idx="3456">
                  <c:v>1E-3</c:v>
                </c:pt>
                <c:pt idx="3457">
                  <c:v>1E-3</c:v>
                </c:pt>
                <c:pt idx="3458">
                  <c:v>1E-3</c:v>
                </c:pt>
                <c:pt idx="3459">
                  <c:v>1E-3</c:v>
                </c:pt>
                <c:pt idx="3460">
                  <c:v>1E-3</c:v>
                </c:pt>
                <c:pt idx="3461">
                  <c:v>1E-3</c:v>
                </c:pt>
                <c:pt idx="3462">
                  <c:v>1E-3</c:v>
                </c:pt>
                <c:pt idx="3463">
                  <c:v>1E-3</c:v>
                </c:pt>
                <c:pt idx="3464">
                  <c:v>1E-3</c:v>
                </c:pt>
                <c:pt idx="3465">
                  <c:v>1E-3</c:v>
                </c:pt>
                <c:pt idx="3466">
                  <c:v>1E-3</c:v>
                </c:pt>
                <c:pt idx="3467">
                  <c:v>1E-3</c:v>
                </c:pt>
                <c:pt idx="3468">
                  <c:v>1E-3</c:v>
                </c:pt>
                <c:pt idx="3469">
                  <c:v>1E-3</c:v>
                </c:pt>
                <c:pt idx="3470">
                  <c:v>1E-3</c:v>
                </c:pt>
                <c:pt idx="3471">
                  <c:v>1E-3</c:v>
                </c:pt>
                <c:pt idx="3472">
                  <c:v>1E-3</c:v>
                </c:pt>
                <c:pt idx="3473">
                  <c:v>1E-3</c:v>
                </c:pt>
                <c:pt idx="3474">
                  <c:v>1E-3</c:v>
                </c:pt>
                <c:pt idx="3475">
                  <c:v>1E-3</c:v>
                </c:pt>
                <c:pt idx="3476">
                  <c:v>1E-3</c:v>
                </c:pt>
                <c:pt idx="3477">
                  <c:v>1E-3</c:v>
                </c:pt>
                <c:pt idx="3478">
                  <c:v>1E-3</c:v>
                </c:pt>
                <c:pt idx="3479">
                  <c:v>1E-3</c:v>
                </c:pt>
                <c:pt idx="3480">
                  <c:v>1E-3</c:v>
                </c:pt>
                <c:pt idx="3481">
                  <c:v>1E-3</c:v>
                </c:pt>
                <c:pt idx="3482">
                  <c:v>1E-3</c:v>
                </c:pt>
                <c:pt idx="3483">
                  <c:v>1E-3</c:v>
                </c:pt>
                <c:pt idx="3484">
                  <c:v>1E-3</c:v>
                </c:pt>
                <c:pt idx="3485">
                  <c:v>1E-3</c:v>
                </c:pt>
                <c:pt idx="3486">
                  <c:v>1E-3</c:v>
                </c:pt>
                <c:pt idx="3487">
                  <c:v>1E-3</c:v>
                </c:pt>
                <c:pt idx="3488">
                  <c:v>1E-3</c:v>
                </c:pt>
                <c:pt idx="3489">
                  <c:v>1E-3</c:v>
                </c:pt>
                <c:pt idx="3490">
                  <c:v>1E-3</c:v>
                </c:pt>
                <c:pt idx="3491">
                  <c:v>1E-3</c:v>
                </c:pt>
                <c:pt idx="3492">
                  <c:v>1E-3</c:v>
                </c:pt>
                <c:pt idx="3493">
                  <c:v>1E-3</c:v>
                </c:pt>
                <c:pt idx="3494">
                  <c:v>1E-3</c:v>
                </c:pt>
                <c:pt idx="3495">
                  <c:v>1E-3</c:v>
                </c:pt>
                <c:pt idx="3496">
                  <c:v>1E-3</c:v>
                </c:pt>
                <c:pt idx="3497">
                  <c:v>1E-3</c:v>
                </c:pt>
                <c:pt idx="3498">
                  <c:v>1E-3</c:v>
                </c:pt>
                <c:pt idx="3499">
                  <c:v>1E-3</c:v>
                </c:pt>
                <c:pt idx="3500">
                  <c:v>1E-3</c:v>
                </c:pt>
                <c:pt idx="3501">
                  <c:v>1E-3</c:v>
                </c:pt>
                <c:pt idx="3502">
                  <c:v>1E-3</c:v>
                </c:pt>
                <c:pt idx="3503">
                  <c:v>1E-3</c:v>
                </c:pt>
                <c:pt idx="3504">
                  <c:v>1E-3</c:v>
                </c:pt>
                <c:pt idx="3505">
                  <c:v>1E-3</c:v>
                </c:pt>
                <c:pt idx="3506">
                  <c:v>1E-3</c:v>
                </c:pt>
                <c:pt idx="3507">
                  <c:v>1E-3</c:v>
                </c:pt>
                <c:pt idx="3508">
                  <c:v>1E-3</c:v>
                </c:pt>
                <c:pt idx="3509">
                  <c:v>1E-3</c:v>
                </c:pt>
                <c:pt idx="3510">
                  <c:v>1E-3</c:v>
                </c:pt>
                <c:pt idx="3511">
                  <c:v>1E-3</c:v>
                </c:pt>
                <c:pt idx="3512">
                  <c:v>1E-3</c:v>
                </c:pt>
                <c:pt idx="3513">
                  <c:v>1E-3</c:v>
                </c:pt>
                <c:pt idx="3514">
                  <c:v>1E-3</c:v>
                </c:pt>
                <c:pt idx="3515">
                  <c:v>1E-3</c:v>
                </c:pt>
                <c:pt idx="3516">
                  <c:v>1E-3</c:v>
                </c:pt>
                <c:pt idx="3517">
                  <c:v>1E-3</c:v>
                </c:pt>
                <c:pt idx="3518">
                  <c:v>1E-3</c:v>
                </c:pt>
                <c:pt idx="3519">
                  <c:v>1E-3</c:v>
                </c:pt>
                <c:pt idx="3520">
                  <c:v>1E-3</c:v>
                </c:pt>
                <c:pt idx="3521">
                  <c:v>1E-3</c:v>
                </c:pt>
                <c:pt idx="3522">
                  <c:v>1E-3</c:v>
                </c:pt>
                <c:pt idx="3523">
                  <c:v>1E-3</c:v>
                </c:pt>
                <c:pt idx="3524">
                  <c:v>1E-3</c:v>
                </c:pt>
                <c:pt idx="3525">
                  <c:v>1E-3</c:v>
                </c:pt>
                <c:pt idx="3526">
                  <c:v>1E-3</c:v>
                </c:pt>
                <c:pt idx="3527">
                  <c:v>1E-3</c:v>
                </c:pt>
                <c:pt idx="3528">
                  <c:v>1E-3</c:v>
                </c:pt>
                <c:pt idx="3529">
                  <c:v>1E-3</c:v>
                </c:pt>
                <c:pt idx="3530">
                  <c:v>1E-3</c:v>
                </c:pt>
                <c:pt idx="3531">
                  <c:v>1E-3</c:v>
                </c:pt>
                <c:pt idx="3532">
                  <c:v>1E-3</c:v>
                </c:pt>
                <c:pt idx="3533">
                  <c:v>1E-3</c:v>
                </c:pt>
                <c:pt idx="3534">
                  <c:v>1E-3</c:v>
                </c:pt>
                <c:pt idx="3535">
                  <c:v>1E-3</c:v>
                </c:pt>
                <c:pt idx="3536">
                  <c:v>1E-3</c:v>
                </c:pt>
                <c:pt idx="3537">
                  <c:v>1E-3</c:v>
                </c:pt>
                <c:pt idx="3538">
                  <c:v>1E-3</c:v>
                </c:pt>
                <c:pt idx="3539">
                  <c:v>1E-3</c:v>
                </c:pt>
                <c:pt idx="3540">
                  <c:v>1E-3</c:v>
                </c:pt>
                <c:pt idx="3541">
                  <c:v>1E-3</c:v>
                </c:pt>
                <c:pt idx="3542">
                  <c:v>1E-3</c:v>
                </c:pt>
                <c:pt idx="3543">
                  <c:v>1E-3</c:v>
                </c:pt>
                <c:pt idx="3544">
                  <c:v>1E-3</c:v>
                </c:pt>
                <c:pt idx="3545">
                  <c:v>1E-3</c:v>
                </c:pt>
                <c:pt idx="3546">
                  <c:v>1E-3</c:v>
                </c:pt>
                <c:pt idx="3547">
                  <c:v>1E-3</c:v>
                </c:pt>
                <c:pt idx="3548">
                  <c:v>1E-3</c:v>
                </c:pt>
                <c:pt idx="3549">
                  <c:v>1E-3</c:v>
                </c:pt>
                <c:pt idx="3550">
                  <c:v>1E-3</c:v>
                </c:pt>
                <c:pt idx="3551">
                  <c:v>1E-3</c:v>
                </c:pt>
                <c:pt idx="3552">
                  <c:v>1E-3</c:v>
                </c:pt>
                <c:pt idx="3553">
                  <c:v>1E-3</c:v>
                </c:pt>
                <c:pt idx="3554">
                  <c:v>1E-3</c:v>
                </c:pt>
                <c:pt idx="3555">
                  <c:v>1E-3</c:v>
                </c:pt>
                <c:pt idx="3556">
                  <c:v>1E-3</c:v>
                </c:pt>
                <c:pt idx="3557">
                  <c:v>1E-3</c:v>
                </c:pt>
                <c:pt idx="3558">
                  <c:v>1E-3</c:v>
                </c:pt>
                <c:pt idx="3559">
                  <c:v>1E-3</c:v>
                </c:pt>
                <c:pt idx="3560">
                  <c:v>1E-3</c:v>
                </c:pt>
                <c:pt idx="3561">
                  <c:v>1E-3</c:v>
                </c:pt>
                <c:pt idx="3562">
                  <c:v>1E-3</c:v>
                </c:pt>
                <c:pt idx="3563">
                  <c:v>1E-3</c:v>
                </c:pt>
                <c:pt idx="3564">
                  <c:v>1E-3</c:v>
                </c:pt>
                <c:pt idx="3565">
                  <c:v>1E-3</c:v>
                </c:pt>
                <c:pt idx="3566">
                  <c:v>1E-3</c:v>
                </c:pt>
                <c:pt idx="3567">
                  <c:v>1E-3</c:v>
                </c:pt>
                <c:pt idx="3568">
                  <c:v>1E-3</c:v>
                </c:pt>
                <c:pt idx="3569">
                  <c:v>1E-3</c:v>
                </c:pt>
                <c:pt idx="3570">
                  <c:v>1E-3</c:v>
                </c:pt>
                <c:pt idx="3571">
                  <c:v>1E-3</c:v>
                </c:pt>
                <c:pt idx="3572">
                  <c:v>1E-3</c:v>
                </c:pt>
                <c:pt idx="3573">
                  <c:v>1E-3</c:v>
                </c:pt>
                <c:pt idx="3574">
                  <c:v>1E-3</c:v>
                </c:pt>
                <c:pt idx="3575">
                  <c:v>1E-3</c:v>
                </c:pt>
                <c:pt idx="3576">
                  <c:v>1E-3</c:v>
                </c:pt>
                <c:pt idx="3577">
                  <c:v>1E-3</c:v>
                </c:pt>
                <c:pt idx="3578">
                  <c:v>1E-3</c:v>
                </c:pt>
                <c:pt idx="3579">
                  <c:v>1E-3</c:v>
                </c:pt>
                <c:pt idx="3580">
                  <c:v>1E-3</c:v>
                </c:pt>
                <c:pt idx="3581">
                  <c:v>1E-3</c:v>
                </c:pt>
                <c:pt idx="3582">
                  <c:v>1E-3</c:v>
                </c:pt>
                <c:pt idx="3583">
                  <c:v>1E-3</c:v>
                </c:pt>
                <c:pt idx="3584">
                  <c:v>1E-3</c:v>
                </c:pt>
                <c:pt idx="3585">
                  <c:v>1E-3</c:v>
                </c:pt>
                <c:pt idx="3586">
                  <c:v>1E-3</c:v>
                </c:pt>
                <c:pt idx="3587">
                  <c:v>1E-3</c:v>
                </c:pt>
                <c:pt idx="3588">
                  <c:v>1E-3</c:v>
                </c:pt>
                <c:pt idx="3589">
                  <c:v>1E-3</c:v>
                </c:pt>
                <c:pt idx="3590">
                  <c:v>1E-3</c:v>
                </c:pt>
                <c:pt idx="3591">
                  <c:v>1E-3</c:v>
                </c:pt>
                <c:pt idx="3592">
                  <c:v>1E-3</c:v>
                </c:pt>
                <c:pt idx="3593">
                  <c:v>1E-3</c:v>
                </c:pt>
                <c:pt idx="3594">
                  <c:v>1E-3</c:v>
                </c:pt>
                <c:pt idx="3595">
                  <c:v>1E-3</c:v>
                </c:pt>
                <c:pt idx="3596">
                  <c:v>1E-3</c:v>
                </c:pt>
                <c:pt idx="3597">
                  <c:v>1E-3</c:v>
                </c:pt>
                <c:pt idx="3598">
                  <c:v>1E-3</c:v>
                </c:pt>
                <c:pt idx="3599">
                  <c:v>1E-3</c:v>
                </c:pt>
                <c:pt idx="3600">
                  <c:v>1E-3</c:v>
                </c:pt>
                <c:pt idx="3601">
                  <c:v>1E-3</c:v>
                </c:pt>
                <c:pt idx="3602">
                  <c:v>1E-3</c:v>
                </c:pt>
                <c:pt idx="3603">
                  <c:v>1E-3</c:v>
                </c:pt>
                <c:pt idx="3604">
                  <c:v>1E-3</c:v>
                </c:pt>
                <c:pt idx="3605">
                  <c:v>1E-3</c:v>
                </c:pt>
                <c:pt idx="3606">
                  <c:v>1E-3</c:v>
                </c:pt>
                <c:pt idx="3607">
                  <c:v>1E-3</c:v>
                </c:pt>
                <c:pt idx="3608">
                  <c:v>1E-3</c:v>
                </c:pt>
                <c:pt idx="3609">
                  <c:v>1E-3</c:v>
                </c:pt>
                <c:pt idx="3610">
                  <c:v>1E-3</c:v>
                </c:pt>
                <c:pt idx="3611">
                  <c:v>1E-3</c:v>
                </c:pt>
                <c:pt idx="3612">
                  <c:v>1E-3</c:v>
                </c:pt>
                <c:pt idx="3613">
                  <c:v>1E-3</c:v>
                </c:pt>
                <c:pt idx="3614">
                  <c:v>1E-3</c:v>
                </c:pt>
                <c:pt idx="3615">
                  <c:v>1E-3</c:v>
                </c:pt>
                <c:pt idx="3616">
                  <c:v>1E-3</c:v>
                </c:pt>
                <c:pt idx="3617">
                  <c:v>1E-3</c:v>
                </c:pt>
                <c:pt idx="3618">
                  <c:v>1E-3</c:v>
                </c:pt>
                <c:pt idx="3619">
                  <c:v>1E-3</c:v>
                </c:pt>
                <c:pt idx="3620">
                  <c:v>1E-3</c:v>
                </c:pt>
                <c:pt idx="3621">
                  <c:v>1E-3</c:v>
                </c:pt>
                <c:pt idx="3622">
                  <c:v>1E-3</c:v>
                </c:pt>
                <c:pt idx="3623">
                  <c:v>1E-3</c:v>
                </c:pt>
                <c:pt idx="3624">
                  <c:v>1E-3</c:v>
                </c:pt>
                <c:pt idx="3625">
                  <c:v>1E-3</c:v>
                </c:pt>
                <c:pt idx="3626">
                  <c:v>1E-3</c:v>
                </c:pt>
                <c:pt idx="3627">
                  <c:v>1E-3</c:v>
                </c:pt>
                <c:pt idx="3628">
                  <c:v>1E-3</c:v>
                </c:pt>
                <c:pt idx="3629">
                  <c:v>1E-3</c:v>
                </c:pt>
                <c:pt idx="3630">
                  <c:v>1E-3</c:v>
                </c:pt>
                <c:pt idx="3631">
                  <c:v>1E-3</c:v>
                </c:pt>
                <c:pt idx="3632">
                  <c:v>1E-3</c:v>
                </c:pt>
                <c:pt idx="3633">
                  <c:v>1E-3</c:v>
                </c:pt>
                <c:pt idx="3634">
                  <c:v>1E-3</c:v>
                </c:pt>
                <c:pt idx="3635">
                  <c:v>1E-3</c:v>
                </c:pt>
                <c:pt idx="3636">
                  <c:v>1E-3</c:v>
                </c:pt>
                <c:pt idx="3637">
                  <c:v>1E-3</c:v>
                </c:pt>
                <c:pt idx="3638">
                  <c:v>1E-3</c:v>
                </c:pt>
                <c:pt idx="3639">
                  <c:v>1E-3</c:v>
                </c:pt>
                <c:pt idx="3640">
                  <c:v>1E-3</c:v>
                </c:pt>
                <c:pt idx="3641">
                  <c:v>1E-3</c:v>
                </c:pt>
                <c:pt idx="3642">
                  <c:v>1E-3</c:v>
                </c:pt>
                <c:pt idx="3643">
                  <c:v>1E-3</c:v>
                </c:pt>
                <c:pt idx="3644">
                  <c:v>1E-3</c:v>
                </c:pt>
                <c:pt idx="3645">
                  <c:v>1E-3</c:v>
                </c:pt>
                <c:pt idx="3646">
                  <c:v>1E-3</c:v>
                </c:pt>
                <c:pt idx="3647">
                  <c:v>1E-3</c:v>
                </c:pt>
                <c:pt idx="3648">
                  <c:v>1E-3</c:v>
                </c:pt>
                <c:pt idx="3649">
                  <c:v>1E-3</c:v>
                </c:pt>
                <c:pt idx="3650">
                  <c:v>1E-3</c:v>
                </c:pt>
                <c:pt idx="3651">
                  <c:v>1E-3</c:v>
                </c:pt>
                <c:pt idx="3652">
                  <c:v>1E-3</c:v>
                </c:pt>
                <c:pt idx="3653">
                  <c:v>1E-3</c:v>
                </c:pt>
                <c:pt idx="3654">
                  <c:v>1E-3</c:v>
                </c:pt>
                <c:pt idx="3655">
                  <c:v>1E-3</c:v>
                </c:pt>
                <c:pt idx="3656">
                  <c:v>1E-3</c:v>
                </c:pt>
                <c:pt idx="3657">
                  <c:v>1E-3</c:v>
                </c:pt>
                <c:pt idx="3658">
                  <c:v>1E-3</c:v>
                </c:pt>
                <c:pt idx="3659">
                  <c:v>1E-3</c:v>
                </c:pt>
                <c:pt idx="3660">
                  <c:v>1E-3</c:v>
                </c:pt>
                <c:pt idx="3661">
                  <c:v>1E-3</c:v>
                </c:pt>
                <c:pt idx="3662">
                  <c:v>1E-3</c:v>
                </c:pt>
                <c:pt idx="3663">
                  <c:v>1E-3</c:v>
                </c:pt>
                <c:pt idx="3664">
                  <c:v>1E-3</c:v>
                </c:pt>
                <c:pt idx="3665">
                  <c:v>1E-3</c:v>
                </c:pt>
                <c:pt idx="3666">
                  <c:v>1E-3</c:v>
                </c:pt>
                <c:pt idx="3667">
                  <c:v>1E-3</c:v>
                </c:pt>
                <c:pt idx="3668">
                  <c:v>1E-3</c:v>
                </c:pt>
                <c:pt idx="3669">
                  <c:v>1E-3</c:v>
                </c:pt>
                <c:pt idx="3670">
                  <c:v>1E-3</c:v>
                </c:pt>
                <c:pt idx="3671">
                  <c:v>1E-3</c:v>
                </c:pt>
                <c:pt idx="3672">
                  <c:v>1E-3</c:v>
                </c:pt>
                <c:pt idx="3673">
                  <c:v>1E-3</c:v>
                </c:pt>
                <c:pt idx="3674">
                  <c:v>1E-3</c:v>
                </c:pt>
                <c:pt idx="3675">
                  <c:v>1E-3</c:v>
                </c:pt>
                <c:pt idx="3676">
                  <c:v>1E-3</c:v>
                </c:pt>
                <c:pt idx="3677">
                  <c:v>1E-3</c:v>
                </c:pt>
                <c:pt idx="3678">
                  <c:v>1E-3</c:v>
                </c:pt>
                <c:pt idx="3679">
                  <c:v>1E-3</c:v>
                </c:pt>
                <c:pt idx="3680">
                  <c:v>1E-3</c:v>
                </c:pt>
                <c:pt idx="3681">
                  <c:v>1E-3</c:v>
                </c:pt>
                <c:pt idx="3682">
                  <c:v>1E-3</c:v>
                </c:pt>
                <c:pt idx="3683">
                  <c:v>1E-3</c:v>
                </c:pt>
                <c:pt idx="3684">
                  <c:v>1E-3</c:v>
                </c:pt>
                <c:pt idx="3685">
                  <c:v>1E-3</c:v>
                </c:pt>
                <c:pt idx="3686">
                  <c:v>1E-3</c:v>
                </c:pt>
                <c:pt idx="3687">
                  <c:v>1E-3</c:v>
                </c:pt>
                <c:pt idx="3688">
                  <c:v>1E-3</c:v>
                </c:pt>
                <c:pt idx="3689">
                  <c:v>1E-3</c:v>
                </c:pt>
                <c:pt idx="3690">
                  <c:v>1E-3</c:v>
                </c:pt>
                <c:pt idx="3691">
                  <c:v>1E-3</c:v>
                </c:pt>
                <c:pt idx="3692">
                  <c:v>1E-3</c:v>
                </c:pt>
                <c:pt idx="3693">
                  <c:v>1E-3</c:v>
                </c:pt>
                <c:pt idx="3694">
                  <c:v>1E-3</c:v>
                </c:pt>
                <c:pt idx="3695">
                  <c:v>1E-3</c:v>
                </c:pt>
                <c:pt idx="3696">
                  <c:v>1E-3</c:v>
                </c:pt>
                <c:pt idx="3697">
                  <c:v>1E-3</c:v>
                </c:pt>
                <c:pt idx="3698">
                  <c:v>1E-3</c:v>
                </c:pt>
                <c:pt idx="3699">
                  <c:v>1E-3</c:v>
                </c:pt>
                <c:pt idx="3700">
                  <c:v>1E-3</c:v>
                </c:pt>
                <c:pt idx="3701">
                  <c:v>1E-3</c:v>
                </c:pt>
                <c:pt idx="3702">
                  <c:v>1E-3</c:v>
                </c:pt>
                <c:pt idx="3703">
                  <c:v>1E-3</c:v>
                </c:pt>
                <c:pt idx="3704">
                  <c:v>1E-3</c:v>
                </c:pt>
                <c:pt idx="3705">
                  <c:v>1E-3</c:v>
                </c:pt>
                <c:pt idx="3706">
                  <c:v>1E-3</c:v>
                </c:pt>
                <c:pt idx="3707">
                  <c:v>1E-3</c:v>
                </c:pt>
                <c:pt idx="3708">
                  <c:v>1E-3</c:v>
                </c:pt>
                <c:pt idx="3709">
                  <c:v>1E-3</c:v>
                </c:pt>
                <c:pt idx="3710">
                  <c:v>1E-3</c:v>
                </c:pt>
                <c:pt idx="3711">
                  <c:v>1E-3</c:v>
                </c:pt>
                <c:pt idx="3712">
                  <c:v>1E-3</c:v>
                </c:pt>
                <c:pt idx="3713">
                  <c:v>1E-3</c:v>
                </c:pt>
                <c:pt idx="3714">
                  <c:v>1E-3</c:v>
                </c:pt>
                <c:pt idx="3715">
                  <c:v>1E-3</c:v>
                </c:pt>
                <c:pt idx="3716">
                  <c:v>1E-3</c:v>
                </c:pt>
                <c:pt idx="3717">
                  <c:v>1E-3</c:v>
                </c:pt>
                <c:pt idx="3718">
                  <c:v>1E-3</c:v>
                </c:pt>
                <c:pt idx="3719">
                  <c:v>1E-3</c:v>
                </c:pt>
                <c:pt idx="3720">
                  <c:v>1E-3</c:v>
                </c:pt>
                <c:pt idx="3721">
                  <c:v>1E-3</c:v>
                </c:pt>
                <c:pt idx="3722">
                  <c:v>1E-3</c:v>
                </c:pt>
                <c:pt idx="3723">
                  <c:v>1E-3</c:v>
                </c:pt>
                <c:pt idx="3724">
                  <c:v>1E-3</c:v>
                </c:pt>
                <c:pt idx="3725">
                  <c:v>1E-3</c:v>
                </c:pt>
                <c:pt idx="3726">
                  <c:v>1E-3</c:v>
                </c:pt>
                <c:pt idx="3727">
                  <c:v>1E-3</c:v>
                </c:pt>
                <c:pt idx="3728">
                  <c:v>1E-3</c:v>
                </c:pt>
                <c:pt idx="3729">
                  <c:v>1E-3</c:v>
                </c:pt>
                <c:pt idx="3730">
                  <c:v>1E-3</c:v>
                </c:pt>
                <c:pt idx="3731">
                  <c:v>1E-3</c:v>
                </c:pt>
                <c:pt idx="3732">
                  <c:v>1E-3</c:v>
                </c:pt>
                <c:pt idx="3733">
                  <c:v>1E-3</c:v>
                </c:pt>
                <c:pt idx="3734">
                  <c:v>1E-3</c:v>
                </c:pt>
                <c:pt idx="3735">
                  <c:v>1E-3</c:v>
                </c:pt>
                <c:pt idx="3736">
                  <c:v>1E-3</c:v>
                </c:pt>
                <c:pt idx="3737">
                  <c:v>1E-3</c:v>
                </c:pt>
                <c:pt idx="3738">
                  <c:v>1E-3</c:v>
                </c:pt>
                <c:pt idx="3739">
                  <c:v>1E-3</c:v>
                </c:pt>
                <c:pt idx="3740">
                  <c:v>1E-3</c:v>
                </c:pt>
                <c:pt idx="3741">
                  <c:v>1E-3</c:v>
                </c:pt>
                <c:pt idx="3742">
                  <c:v>1E-3</c:v>
                </c:pt>
                <c:pt idx="3743">
                  <c:v>1E-3</c:v>
                </c:pt>
                <c:pt idx="3744">
                  <c:v>1E-3</c:v>
                </c:pt>
                <c:pt idx="3745">
                  <c:v>1E-3</c:v>
                </c:pt>
                <c:pt idx="3746">
                  <c:v>1E-3</c:v>
                </c:pt>
                <c:pt idx="3747">
                  <c:v>1E-3</c:v>
                </c:pt>
                <c:pt idx="3748">
                  <c:v>1E-3</c:v>
                </c:pt>
                <c:pt idx="3749">
                  <c:v>1E-3</c:v>
                </c:pt>
                <c:pt idx="3750">
                  <c:v>1E-3</c:v>
                </c:pt>
                <c:pt idx="3751">
                  <c:v>1E-3</c:v>
                </c:pt>
                <c:pt idx="3752">
                  <c:v>1E-3</c:v>
                </c:pt>
                <c:pt idx="3753">
                  <c:v>1E-3</c:v>
                </c:pt>
                <c:pt idx="3754">
                  <c:v>1E-3</c:v>
                </c:pt>
                <c:pt idx="3755">
                  <c:v>1E-3</c:v>
                </c:pt>
                <c:pt idx="3756">
                  <c:v>1E-3</c:v>
                </c:pt>
                <c:pt idx="3757">
                  <c:v>1E-3</c:v>
                </c:pt>
                <c:pt idx="3758">
                  <c:v>1E-3</c:v>
                </c:pt>
                <c:pt idx="3759">
                  <c:v>1E-3</c:v>
                </c:pt>
                <c:pt idx="3760">
                  <c:v>1E-3</c:v>
                </c:pt>
                <c:pt idx="3761">
                  <c:v>1E-3</c:v>
                </c:pt>
                <c:pt idx="3762">
                  <c:v>1E-3</c:v>
                </c:pt>
                <c:pt idx="3763">
                  <c:v>1E-3</c:v>
                </c:pt>
                <c:pt idx="3764">
                  <c:v>1E-3</c:v>
                </c:pt>
                <c:pt idx="3765">
                  <c:v>1E-3</c:v>
                </c:pt>
                <c:pt idx="3766">
                  <c:v>1E-3</c:v>
                </c:pt>
                <c:pt idx="3767">
                  <c:v>1E-3</c:v>
                </c:pt>
                <c:pt idx="3768">
                  <c:v>1E-3</c:v>
                </c:pt>
                <c:pt idx="3769">
                  <c:v>1E-3</c:v>
                </c:pt>
                <c:pt idx="3770">
                  <c:v>1E-3</c:v>
                </c:pt>
                <c:pt idx="3771">
                  <c:v>1E-3</c:v>
                </c:pt>
                <c:pt idx="3772">
                  <c:v>1E-3</c:v>
                </c:pt>
                <c:pt idx="3773">
                  <c:v>1E-3</c:v>
                </c:pt>
                <c:pt idx="3774">
                  <c:v>1E-3</c:v>
                </c:pt>
                <c:pt idx="3775">
                  <c:v>1E-3</c:v>
                </c:pt>
                <c:pt idx="3776">
                  <c:v>1E-3</c:v>
                </c:pt>
                <c:pt idx="3777">
                  <c:v>1E-3</c:v>
                </c:pt>
                <c:pt idx="3778">
                  <c:v>1E-3</c:v>
                </c:pt>
                <c:pt idx="3779">
                  <c:v>1E-3</c:v>
                </c:pt>
                <c:pt idx="3780">
                  <c:v>1E-3</c:v>
                </c:pt>
                <c:pt idx="3781">
                  <c:v>1E-3</c:v>
                </c:pt>
                <c:pt idx="3782">
                  <c:v>1E-3</c:v>
                </c:pt>
                <c:pt idx="3783">
                  <c:v>1E-3</c:v>
                </c:pt>
                <c:pt idx="3784">
                  <c:v>1E-3</c:v>
                </c:pt>
                <c:pt idx="3785">
                  <c:v>1E-3</c:v>
                </c:pt>
                <c:pt idx="3786">
                  <c:v>1E-3</c:v>
                </c:pt>
                <c:pt idx="3787">
                  <c:v>1E-3</c:v>
                </c:pt>
                <c:pt idx="3788">
                  <c:v>1E-3</c:v>
                </c:pt>
                <c:pt idx="3789">
                  <c:v>1E-3</c:v>
                </c:pt>
                <c:pt idx="3790">
                  <c:v>1E-3</c:v>
                </c:pt>
                <c:pt idx="3791">
                  <c:v>1E-3</c:v>
                </c:pt>
                <c:pt idx="3792">
                  <c:v>1E-3</c:v>
                </c:pt>
                <c:pt idx="3793">
                  <c:v>1E-3</c:v>
                </c:pt>
                <c:pt idx="3794">
                  <c:v>1E-3</c:v>
                </c:pt>
                <c:pt idx="3795">
                  <c:v>1E-3</c:v>
                </c:pt>
                <c:pt idx="3796">
                  <c:v>1E-3</c:v>
                </c:pt>
                <c:pt idx="3797">
                  <c:v>1E-3</c:v>
                </c:pt>
                <c:pt idx="3798">
                  <c:v>1E-3</c:v>
                </c:pt>
                <c:pt idx="3799">
                  <c:v>1E-3</c:v>
                </c:pt>
                <c:pt idx="3800">
                  <c:v>1E-3</c:v>
                </c:pt>
                <c:pt idx="3801">
                  <c:v>1E-3</c:v>
                </c:pt>
                <c:pt idx="3802">
                  <c:v>1E-3</c:v>
                </c:pt>
                <c:pt idx="3803">
                  <c:v>1E-3</c:v>
                </c:pt>
                <c:pt idx="3804">
                  <c:v>1E-3</c:v>
                </c:pt>
                <c:pt idx="3805">
                  <c:v>1E-3</c:v>
                </c:pt>
                <c:pt idx="3806">
                  <c:v>1E-3</c:v>
                </c:pt>
                <c:pt idx="3807">
                  <c:v>1E-3</c:v>
                </c:pt>
                <c:pt idx="3808">
                  <c:v>1E-3</c:v>
                </c:pt>
                <c:pt idx="3809">
                  <c:v>1E-3</c:v>
                </c:pt>
                <c:pt idx="3810">
                  <c:v>1E-3</c:v>
                </c:pt>
                <c:pt idx="3811">
                  <c:v>1E-3</c:v>
                </c:pt>
                <c:pt idx="3812">
                  <c:v>1E-3</c:v>
                </c:pt>
                <c:pt idx="3813">
                  <c:v>1E-3</c:v>
                </c:pt>
                <c:pt idx="3814">
                  <c:v>1E-3</c:v>
                </c:pt>
                <c:pt idx="3815">
                  <c:v>1E-3</c:v>
                </c:pt>
                <c:pt idx="3816">
                  <c:v>1E-3</c:v>
                </c:pt>
                <c:pt idx="3817">
                  <c:v>1E-3</c:v>
                </c:pt>
                <c:pt idx="3818">
                  <c:v>1E-3</c:v>
                </c:pt>
                <c:pt idx="3819">
                  <c:v>1E-3</c:v>
                </c:pt>
                <c:pt idx="3820">
                  <c:v>1E-3</c:v>
                </c:pt>
                <c:pt idx="3821">
                  <c:v>1E-3</c:v>
                </c:pt>
                <c:pt idx="3822">
                  <c:v>1E-3</c:v>
                </c:pt>
                <c:pt idx="3823">
                  <c:v>1E-3</c:v>
                </c:pt>
                <c:pt idx="3824">
                  <c:v>1E-3</c:v>
                </c:pt>
                <c:pt idx="3825">
                  <c:v>1E-3</c:v>
                </c:pt>
                <c:pt idx="3826">
                  <c:v>1E-3</c:v>
                </c:pt>
                <c:pt idx="3827">
                  <c:v>1E-3</c:v>
                </c:pt>
                <c:pt idx="3828">
                  <c:v>1E-3</c:v>
                </c:pt>
                <c:pt idx="3829">
                  <c:v>1E-3</c:v>
                </c:pt>
                <c:pt idx="3830">
                  <c:v>1E-3</c:v>
                </c:pt>
                <c:pt idx="3831">
                  <c:v>1E-3</c:v>
                </c:pt>
                <c:pt idx="3832">
                  <c:v>1E-3</c:v>
                </c:pt>
                <c:pt idx="3833">
                  <c:v>1E-3</c:v>
                </c:pt>
                <c:pt idx="3834">
                  <c:v>1E-3</c:v>
                </c:pt>
                <c:pt idx="3835">
                  <c:v>1E-3</c:v>
                </c:pt>
                <c:pt idx="3836">
                  <c:v>1E-3</c:v>
                </c:pt>
                <c:pt idx="3837">
                  <c:v>1E-3</c:v>
                </c:pt>
                <c:pt idx="3838">
                  <c:v>1E-3</c:v>
                </c:pt>
                <c:pt idx="3839">
                  <c:v>1E-3</c:v>
                </c:pt>
                <c:pt idx="3840">
                  <c:v>1E-3</c:v>
                </c:pt>
                <c:pt idx="3841">
                  <c:v>1E-3</c:v>
                </c:pt>
                <c:pt idx="3842">
                  <c:v>1E-3</c:v>
                </c:pt>
                <c:pt idx="3843">
                  <c:v>1E-3</c:v>
                </c:pt>
                <c:pt idx="3844">
                  <c:v>1E-3</c:v>
                </c:pt>
                <c:pt idx="3845">
                  <c:v>1E-3</c:v>
                </c:pt>
                <c:pt idx="3846">
                  <c:v>1E-3</c:v>
                </c:pt>
                <c:pt idx="3847">
                  <c:v>1E-3</c:v>
                </c:pt>
                <c:pt idx="3848">
                  <c:v>1E-3</c:v>
                </c:pt>
                <c:pt idx="3849">
                  <c:v>1E-3</c:v>
                </c:pt>
                <c:pt idx="3850">
                  <c:v>1E-3</c:v>
                </c:pt>
                <c:pt idx="3851">
                  <c:v>1E-3</c:v>
                </c:pt>
                <c:pt idx="3852">
                  <c:v>1E-3</c:v>
                </c:pt>
                <c:pt idx="3853">
                  <c:v>1E-3</c:v>
                </c:pt>
                <c:pt idx="3854">
                  <c:v>1E-3</c:v>
                </c:pt>
                <c:pt idx="3855">
                  <c:v>1E-3</c:v>
                </c:pt>
                <c:pt idx="3856">
                  <c:v>1E-3</c:v>
                </c:pt>
                <c:pt idx="3857">
                  <c:v>1E-3</c:v>
                </c:pt>
                <c:pt idx="3858">
                  <c:v>1E-3</c:v>
                </c:pt>
                <c:pt idx="3859">
                  <c:v>1E-3</c:v>
                </c:pt>
                <c:pt idx="3860">
                  <c:v>1E-3</c:v>
                </c:pt>
                <c:pt idx="3861">
                  <c:v>1E-3</c:v>
                </c:pt>
                <c:pt idx="3862">
                  <c:v>1E-3</c:v>
                </c:pt>
                <c:pt idx="3863">
                  <c:v>1E-3</c:v>
                </c:pt>
                <c:pt idx="3864">
                  <c:v>1E-3</c:v>
                </c:pt>
                <c:pt idx="3865">
                  <c:v>1E-3</c:v>
                </c:pt>
                <c:pt idx="3866">
                  <c:v>1E-3</c:v>
                </c:pt>
                <c:pt idx="3867">
                  <c:v>1E-3</c:v>
                </c:pt>
                <c:pt idx="3868">
                  <c:v>1E-3</c:v>
                </c:pt>
                <c:pt idx="3869">
                  <c:v>1E-3</c:v>
                </c:pt>
                <c:pt idx="3870">
                  <c:v>1E-3</c:v>
                </c:pt>
                <c:pt idx="3871">
                  <c:v>1E-3</c:v>
                </c:pt>
                <c:pt idx="3872">
                  <c:v>1E-3</c:v>
                </c:pt>
                <c:pt idx="3873">
                  <c:v>1E-3</c:v>
                </c:pt>
                <c:pt idx="3874">
                  <c:v>1E-3</c:v>
                </c:pt>
                <c:pt idx="3875">
                  <c:v>1E-3</c:v>
                </c:pt>
                <c:pt idx="3876">
                  <c:v>1E-3</c:v>
                </c:pt>
                <c:pt idx="3877">
                  <c:v>1E-3</c:v>
                </c:pt>
                <c:pt idx="3878">
                  <c:v>1E-3</c:v>
                </c:pt>
                <c:pt idx="3879">
                  <c:v>1E-3</c:v>
                </c:pt>
                <c:pt idx="3880">
                  <c:v>1E-3</c:v>
                </c:pt>
                <c:pt idx="3881">
                  <c:v>1E-3</c:v>
                </c:pt>
                <c:pt idx="3882">
                  <c:v>1E-3</c:v>
                </c:pt>
                <c:pt idx="3883">
                  <c:v>1E-3</c:v>
                </c:pt>
                <c:pt idx="3884">
                  <c:v>1E-3</c:v>
                </c:pt>
                <c:pt idx="3885">
                  <c:v>1E-3</c:v>
                </c:pt>
                <c:pt idx="3886">
                  <c:v>1E-3</c:v>
                </c:pt>
                <c:pt idx="3887">
                  <c:v>1E-3</c:v>
                </c:pt>
                <c:pt idx="3888">
                  <c:v>1E-3</c:v>
                </c:pt>
                <c:pt idx="3889">
                  <c:v>1E-3</c:v>
                </c:pt>
                <c:pt idx="3890">
                  <c:v>1E-3</c:v>
                </c:pt>
                <c:pt idx="3891">
                  <c:v>1E-3</c:v>
                </c:pt>
                <c:pt idx="3892">
                  <c:v>1E-3</c:v>
                </c:pt>
                <c:pt idx="3893">
                  <c:v>1E-3</c:v>
                </c:pt>
                <c:pt idx="3894">
                  <c:v>1E-3</c:v>
                </c:pt>
                <c:pt idx="3895">
                  <c:v>1E-3</c:v>
                </c:pt>
                <c:pt idx="3896">
                  <c:v>1E-3</c:v>
                </c:pt>
                <c:pt idx="3897">
                  <c:v>1E-3</c:v>
                </c:pt>
                <c:pt idx="3898">
                  <c:v>1E-3</c:v>
                </c:pt>
                <c:pt idx="3899">
                  <c:v>1E-3</c:v>
                </c:pt>
                <c:pt idx="3900">
                  <c:v>1E-3</c:v>
                </c:pt>
                <c:pt idx="3901">
                  <c:v>1E-3</c:v>
                </c:pt>
                <c:pt idx="3902">
                  <c:v>1E-3</c:v>
                </c:pt>
                <c:pt idx="3903">
                  <c:v>1E-3</c:v>
                </c:pt>
                <c:pt idx="3904">
                  <c:v>1E-3</c:v>
                </c:pt>
                <c:pt idx="3905">
                  <c:v>1E-3</c:v>
                </c:pt>
                <c:pt idx="3906">
                  <c:v>1E-3</c:v>
                </c:pt>
                <c:pt idx="3907">
                  <c:v>1E-3</c:v>
                </c:pt>
                <c:pt idx="3908">
                  <c:v>1E-3</c:v>
                </c:pt>
                <c:pt idx="3909">
                  <c:v>1E-3</c:v>
                </c:pt>
                <c:pt idx="3910">
                  <c:v>1E-3</c:v>
                </c:pt>
                <c:pt idx="3911">
                  <c:v>1E-3</c:v>
                </c:pt>
                <c:pt idx="3912">
                  <c:v>1E-3</c:v>
                </c:pt>
                <c:pt idx="3913">
                  <c:v>1E-3</c:v>
                </c:pt>
                <c:pt idx="3914">
                  <c:v>1E-3</c:v>
                </c:pt>
                <c:pt idx="3915">
                  <c:v>1E-3</c:v>
                </c:pt>
                <c:pt idx="3916">
                  <c:v>1E-3</c:v>
                </c:pt>
                <c:pt idx="3917">
                  <c:v>1E-3</c:v>
                </c:pt>
                <c:pt idx="3918">
                  <c:v>1E-3</c:v>
                </c:pt>
                <c:pt idx="3919">
                  <c:v>1E-3</c:v>
                </c:pt>
                <c:pt idx="3920">
                  <c:v>1E-3</c:v>
                </c:pt>
                <c:pt idx="3921">
                  <c:v>1E-3</c:v>
                </c:pt>
                <c:pt idx="3922">
                  <c:v>1E-3</c:v>
                </c:pt>
                <c:pt idx="3923">
                  <c:v>1E-3</c:v>
                </c:pt>
                <c:pt idx="3924">
                  <c:v>1E-3</c:v>
                </c:pt>
                <c:pt idx="3925">
                  <c:v>1E-3</c:v>
                </c:pt>
                <c:pt idx="3926">
                  <c:v>1E-3</c:v>
                </c:pt>
                <c:pt idx="3927">
                  <c:v>1E-3</c:v>
                </c:pt>
                <c:pt idx="3928">
                  <c:v>1E-3</c:v>
                </c:pt>
                <c:pt idx="3929">
                  <c:v>1E-3</c:v>
                </c:pt>
                <c:pt idx="3930">
                  <c:v>1E-3</c:v>
                </c:pt>
                <c:pt idx="3931">
                  <c:v>1E-3</c:v>
                </c:pt>
                <c:pt idx="3932">
                  <c:v>1E-3</c:v>
                </c:pt>
                <c:pt idx="3933">
                  <c:v>1E-3</c:v>
                </c:pt>
                <c:pt idx="3934">
                  <c:v>1E-3</c:v>
                </c:pt>
                <c:pt idx="3935">
                  <c:v>1E-3</c:v>
                </c:pt>
                <c:pt idx="3936">
                  <c:v>1E-3</c:v>
                </c:pt>
                <c:pt idx="3937">
                  <c:v>1E-3</c:v>
                </c:pt>
                <c:pt idx="3938">
                  <c:v>1E-3</c:v>
                </c:pt>
                <c:pt idx="3939">
                  <c:v>1E-3</c:v>
                </c:pt>
                <c:pt idx="3940">
                  <c:v>1E-3</c:v>
                </c:pt>
                <c:pt idx="3941">
                  <c:v>1E-3</c:v>
                </c:pt>
                <c:pt idx="3942">
                  <c:v>1E-3</c:v>
                </c:pt>
                <c:pt idx="3943">
                  <c:v>1E-3</c:v>
                </c:pt>
                <c:pt idx="3944">
                  <c:v>1E-3</c:v>
                </c:pt>
                <c:pt idx="3945">
                  <c:v>1E-3</c:v>
                </c:pt>
                <c:pt idx="3946">
                  <c:v>1E-3</c:v>
                </c:pt>
                <c:pt idx="3947">
                  <c:v>1E-3</c:v>
                </c:pt>
                <c:pt idx="3948">
                  <c:v>1E-3</c:v>
                </c:pt>
                <c:pt idx="3949">
                  <c:v>1E-3</c:v>
                </c:pt>
                <c:pt idx="3950">
                  <c:v>1E-3</c:v>
                </c:pt>
                <c:pt idx="3951">
                  <c:v>1E-3</c:v>
                </c:pt>
                <c:pt idx="3952">
                  <c:v>1E-3</c:v>
                </c:pt>
                <c:pt idx="3953">
                  <c:v>1E-3</c:v>
                </c:pt>
                <c:pt idx="3954">
                  <c:v>1E-3</c:v>
                </c:pt>
                <c:pt idx="3955">
                  <c:v>1E-3</c:v>
                </c:pt>
                <c:pt idx="3956">
                  <c:v>1E-3</c:v>
                </c:pt>
                <c:pt idx="3957">
                  <c:v>1E-3</c:v>
                </c:pt>
                <c:pt idx="3958">
                  <c:v>1E-3</c:v>
                </c:pt>
                <c:pt idx="3959">
                  <c:v>1E-3</c:v>
                </c:pt>
                <c:pt idx="3960">
                  <c:v>1E-3</c:v>
                </c:pt>
                <c:pt idx="3961">
                  <c:v>1E-3</c:v>
                </c:pt>
                <c:pt idx="3962">
                  <c:v>1E-3</c:v>
                </c:pt>
                <c:pt idx="3963">
                  <c:v>1E-3</c:v>
                </c:pt>
                <c:pt idx="3964">
                  <c:v>1E-3</c:v>
                </c:pt>
                <c:pt idx="3965">
                  <c:v>1E-3</c:v>
                </c:pt>
                <c:pt idx="3966">
                  <c:v>1E-3</c:v>
                </c:pt>
                <c:pt idx="3967">
                  <c:v>1E-3</c:v>
                </c:pt>
                <c:pt idx="3968">
                  <c:v>1E-3</c:v>
                </c:pt>
                <c:pt idx="3969">
                  <c:v>1E-3</c:v>
                </c:pt>
                <c:pt idx="3970">
                  <c:v>1E-3</c:v>
                </c:pt>
                <c:pt idx="3971">
                  <c:v>1E-3</c:v>
                </c:pt>
                <c:pt idx="3972">
                  <c:v>1E-3</c:v>
                </c:pt>
                <c:pt idx="3973">
                  <c:v>1E-3</c:v>
                </c:pt>
                <c:pt idx="3974">
                  <c:v>1E-3</c:v>
                </c:pt>
                <c:pt idx="3975">
                  <c:v>1E-3</c:v>
                </c:pt>
                <c:pt idx="3976">
                  <c:v>1E-3</c:v>
                </c:pt>
                <c:pt idx="3977">
                  <c:v>1E-3</c:v>
                </c:pt>
                <c:pt idx="3978">
                  <c:v>1E-3</c:v>
                </c:pt>
                <c:pt idx="3979">
                  <c:v>1E-3</c:v>
                </c:pt>
                <c:pt idx="3980">
                  <c:v>1E-3</c:v>
                </c:pt>
                <c:pt idx="3981">
                  <c:v>1E-3</c:v>
                </c:pt>
                <c:pt idx="3982">
                  <c:v>1E-3</c:v>
                </c:pt>
                <c:pt idx="3983">
                  <c:v>1E-3</c:v>
                </c:pt>
                <c:pt idx="3984">
                  <c:v>1E-3</c:v>
                </c:pt>
                <c:pt idx="3985">
                  <c:v>1E-3</c:v>
                </c:pt>
                <c:pt idx="3986">
                  <c:v>1E-3</c:v>
                </c:pt>
                <c:pt idx="3987">
                  <c:v>1E-3</c:v>
                </c:pt>
                <c:pt idx="3988">
                  <c:v>1E-3</c:v>
                </c:pt>
                <c:pt idx="3989">
                  <c:v>1E-3</c:v>
                </c:pt>
                <c:pt idx="3990">
                  <c:v>1E-3</c:v>
                </c:pt>
                <c:pt idx="3991">
                  <c:v>1E-3</c:v>
                </c:pt>
                <c:pt idx="3992">
                  <c:v>1E-3</c:v>
                </c:pt>
                <c:pt idx="3993">
                  <c:v>1E-3</c:v>
                </c:pt>
                <c:pt idx="3994">
                  <c:v>1E-3</c:v>
                </c:pt>
                <c:pt idx="3995">
                  <c:v>1E-3</c:v>
                </c:pt>
                <c:pt idx="3996">
                  <c:v>1E-3</c:v>
                </c:pt>
                <c:pt idx="3997">
                  <c:v>1E-3</c:v>
                </c:pt>
                <c:pt idx="3998">
                  <c:v>1E-3</c:v>
                </c:pt>
                <c:pt idx="3999">
                  <c:v>1E-3</c:v>
                </c:pt>
                <c:pt idx="4000">
                  <c:v>1E-3</c:v>
                </c:pt>
                <c:pt idx="4001">
                  <c:v>1E-3</c:v>
                </c:pt>
                <c:pt idx="4002">
                  <c:v>1E-3</c:v>
                </c:pt>
                <c:pt idx="4003">
                  <c:v>1E-3</c:v>
                </c:pt>
                <c:pt idx="4004">
                  <c:v>1E-3</c:v>
                </c:pt>
                <c:pt idx="4005">
                  <c:v>1E-3</c:v>
                </c:pt>
                <c:pt idx="4006">
                  <c:v>1E-3</c:v>
                </c:pt>
                <c:pt idx="4007">
                  <c:v>1E-3</c:v>
                </c:pt>
                <c:pt idx="4008">
                  <c:v>1E-3</c:v>
                </c:pt>
                <c:pt idx="4009">
                  <c:v>1E-3</c:v>
                </c:pt>
                <c:pt idx="4010">
                  <c:v>1E-3</c:v>
                </c:pt>
                <c:pt idx="4011">
                  <c:v>1E-3</c:v>
                </c:pt>
                <c:pt idx="4012">
                  <c:v>1E-3</c:v>
                </c:pt>
                <c:pt idx="4013">
                  <c:v>1E-3</c:v>
                </c:pt>
                <c:pt idx="4014">
                  <c:v>1E-3</c:v>
                </c:pt>
                <c:pt idx="4015">
                  <c:v>1E-3</c:v>
                </c:pt>
                <c:pt idx="4016">
                  <c:v>1E-3</c:v>
                </c:pt>
                <c:pt idx="4017">
                  <c:v>1E-3</c:v>
                </c:pt>
                <c:pt idx="4018">
                  <c:v>1E-3</c:v>
                </c:pt>
                <c:pt idx="4019">
                  <c:v>1E-3</c:v>
                </c:pt>
                <c:pt idx="4020">
                  <c:v>1E-3</c:v>
                </c:pt>
                <c:pt idx="4021">
                  <c:v>1E-3</c:v>
                </c:pt>
                <c:pt idx="4022">
                  <c:v>1E-3</c:v>
                </c:pt>
                <c:pt idx="4023">
                  <c:v>1E-3</c:v>
                </c:pt>
                <c:pt idx="4024">
                  <c:v>1E-3</c:v>
                </c:pt>
                <c:pt idx="4025">
                  <c:v>1E-3</c:v>
                </c:pt>
                <c:pt idx="4026">
                  <c:v>1E-3</c:v>
                </c:pt>
                <c:pt idx="4027">
                  <c:v>1E-3</c:v>
                </c:pt>
                <c:pt idx="4028">
                  <c:v>1E-3</c:v>
                </c:pt>
                <c:pt idx="4029">
                  <c:v>1E-3</c:v>
                </c:pt>
                <c:pt idx="4030">
                  <c:v>1E-3</c:v>
                </c:pt>
                <c:pt idx="4031">
                  <c:v>1E-3</c:v>
                </c:pt>
                <c:pt idx="4032">
                  <c:v>1E-3</c:v>
                </c:pt>
                <c:pt idx="4033">
                  <c:v>1E-3</c:v>
                </c:pt>
                <c:pt idx="4034">
                  <c:v>1E-3</c:v>
                </c:pt>
                <c:pt idx="4035">
                  <c:v>1E-3</c:v>
                </c:pt>
                <c:pt idx="4036">
                  <c:v>1E-3</c:v>
                </c:pt>
                <c:pt idx="4037">
                  <c:v>1E-3</c:v>
                </c:pt>
                <c:pt idx="4038">
                  <c:v>1E-3</c:v>
                </c:pt>
                <c:pt idx="4039">
                  <c:v>1E-3</c:v>
                </c:pt>
                <c:pt idx="4040">
                  <c:v>1E-3</c:v>
                </c:pt>
                <c:pt idx="4041">
                  <c:v>1E-3</c:v>
                </c:pt>
                <c:pt idx="4042">
                  <c:v>1E-3</c:v>
                </c:pt>
                <c:pt idx="4043">
                  <c:v>1E-3</c:v>
                </c:pt>
                <c:pt idx="4044">
                  <c:v>1E-3</c:v>
                </c:pt>
                <c:pt idx="4045">
                  <c:v>1E-3</c:v>
                </c:pt>
                <c:pt idx="4046">
                  <c:v>1E-3</c:v>
                </c:pt>
                <c:pt idx="4047">
                  <c:v>1E-3</c:v>
                </c:pt>
                <c:pt idx="4048">
                  <c:v>1E-3</c:v>
                </c:pt>
                <c:pt idx="4049">
                  <c:v>1E-3</c:v>
                </c:pt>
                <c:pt idx="4050">
                  <c:v>1E-3</c:v>
                </c:pt>
                <c:pt idx="4051">
                  <c:v>1E-3</c:v>
                </c:pt>
                <c:pt idx="4052">
                  <c:v>1E-3</c:v>
                </c:pt>
                <c:pt idx="4053">
                  <c:v>1E-3</c:v>
                </c:pt>
                <c:pt idx="4054">
                  <c:v>1E-3</c:v>
                </c:pt>
                <c:pt idx="4055">
                  <c:v>1E-3</c:v>
                </c:pt>
                <c:pt idx="4056">
                  <c:v>1E-3</c:v>
                </c:pt>
                <c:pt idx="4057">
                  <c:v>1E-3</c:v>
                </c:pt>
                <c:pt idx="4058">
                  <c:v>1E-3</c:v>
                </c:pt>
                <c:pt idx="4059">
                  <c:v>1E-3</c:v>
                </c:pt>
                <c:pt idx="4060">
                  <c:v>1E-3</c:v>
                </c:pt>
                <c:pt idx="4061">
                  <c:v>1E-3</c:v>
                </c:pt>
                <c:pt idx="4062">
                  <c:v>1E-3</c:v>
                </c:pt>
                <c:pt idx="4063">
                  <c:v>1E-3</c:v>
                </c:pt>
                <c:pt idx="4064">
                  <c:v>1E-3</c:v>
                </c:pt>
                <c:pt idx="4065">
                  <c:v>1E-3</c:v>
                </c:pt>
                <c:pt idx="4066">
                  <c:v>1E-3</c:v>
                </c:pt>
                <c:pt idx="4067">
                  <c:v>1E-3</c:v>
                </c:pt>
                <c:pt idx="4068">
                  <c:v>1E-3</c:v>
                </c:pt>
                <c:pt idx="4069">
                  <c:v>1E-3</c:v>
                </c:pt>
                <c:pt idx="4070">
                  <c:v>1E-3</c:v>
                </c:pt>
                <c:pt idx="4071">
                  <c:v>1E-3</c:v>
                </c:pt>
                <c:pt idx="4072">
                  <c:v>1E-3</c:v>
                </c:pt>
                <c:pt idx="4073">
                  <c:v>1E-3</c:v>
                </c:pt>
                <c:pt idx="4074">
                  <c:v>1E-3</c:v>
                </c:pt>
                <c:pt idx="4075">
                  <c:v>1E-3</c:v>
                </c:pt>
                <c:pt idx="4076">
                  <c:v>1E-3</c:v>
                </c:pt>
                <c:pt idx="4077">
                  <c:v>1E-3</c:v>
                </c:pt>
                <c:pt idx="4078">
                  <c:v>1E-3</c:v>
                </c:pt>
                <c:pt idx="4079">
                  <c:v>1E-3</c:v>
                </c:pt>
                <c:pt idx="4080">
                  <c:v>1E-3</c:v>
                </c:pt>
                <c:pt idx="4081">
                  <c:v>1E-3</c:v>
                </c:pt>
                <c:pt idx="4082">
                  <c:v>1E-3</c:v>
                </c:pt>
                <c:pt idx="4083">
                  <c:v>1E-3</c:v>
                </c:pt>
                <c:pt idx="4084">
                  <c:v>1E-3</c:v>
                </c:pt>
                <c:pt idx="4085">
                  <c:v>1E-3</c:v>
                </c:pt>
                <c:pt idx="4086">
                  <c:v>1E-3</c:v>
                </c:pt>
                <c:pt idx="4087">
                  <c:v>1E-3</c:v>
                </c:pt>
                <c:pt idx="4088">
                  <c:v>1E-3</c:v>
                </c:pt>
                <c:pt idx="4089">
                  <c:v>1E-3</c:v>
                </c:pt>
                <c:pt idx="4090">
                  <c:v>1E-3</c:v>
                </c:pt>
                <c:pt idx="4091">
                  <c:v>1E-3</c:v>
                </c:pt>
                <c:pt idx="4092">
                  <c:v>1E-3</c:v>
                </c:pt>
                <c:pt idx="4093">
                  <c:v>1E-3</c:v>
                </c:pt>
                <c:pt idx="4094">
                  <c:v>1E-3</c:v>
                </c:pt>
                <c:pt idx="4095">
                  <c:v>1E-3</c:v>
                </c:pt>
                <c:pt idx="4096">
                  <c:v>1E-3</c:v>
                </c:pt>
                <c:pt idx="4097">
                  <c:v>1E-3</c:v>
                </c:pt>
                <c:pt idx="4098">
                  <c:v>1E-3</c:v>
                </c:pt>
                <c:pt idx="4099">
                  <c:v>1E-3</c:v>
                </c:pt>
                <c:pt idx="4100">
                  <c:v>1E-3</c:v>
                </c:pt>
                <c:pt idx="4101">
                  <c:v>1E-3</c:v>
                </c:pt>
                <c:pt idx="4102">
                  <c:v>1E-3</c:v>
                </c:pt>
                <c:pt idx="4103">
                  <c:v>1E-3</c:v>
                </c:pt>
                <c:pt idx="4104">
                  <c:v>1E-3</c:v>
                </c:pt>
                <c:pt idx="4105">
                  <c:v>1E-3</c:v>
                </c:pt>
                <c:pt idx="4106">
                  <c:v>1E-3</c:v>
                </c:pt>
                <c:pt idx="4107">
                  <c:v>1E-3</c:v>
                </c:pt>
                <c:pt idx="4108">
                  <c:v>1E-3</c:v>
                </c:pt>
                <c:pt idx="4109">
                  <c:v>1E-3</c:v>
                </c:pt>
                <c:pt idx="4110">
                  <c:v>1E-3</c:v>
                </c:pt>
                <c:pt idx="4111">
                  <c:v>1E-3</c:v>
                </c:pt>
                <c:pt idx="4112">
                  <c:v>1E-3</c:v>
                </c:pt>
                <c:pt idx="4113">
                  <c:v>1E-3</c:v>
                </c:pt>
                <c:pt idx="4114">
                  <c:v>1E-3</c:v>
                </c:pt>
                <c:pt idx="4115">
                  <c:v>1E-3</c:v>
                </c:pt>
                <c:pt idx="4116">
                  <c:v>1E-3</c:v>
                </c:pt>
                <c:pt idx="4117">
                  <c:v>1E-3</c:v>
                </c:pt>
                <c:pt idx="4118">
                  <c:v>1E-3</c:v>
                </c:pt>
                <c:pt idx="4119">
                  <c:v>1E-3</c:v>
                </c:pt>
                <c:pt idx="4120">
                  <c:v>1E-3</c:v>
                </c:pt>
                <c:pt idx="4121">
                  <c:v>1E-3</c:v>
                </c:pt>
                <c:pt idx="4122">
                  <c:v>1E-3</c:v>
                </c:pt>
                <c:pt idx="4123">
                  <c:v>1E-3</c:v>
                </c:pt>
                <c:pt idx="4124">
                  <c:v>1E-3</c:v>
                </c:pt>
                <c:pt idx="4125">
                  <c:v>1E-3</c:v>
                </c:pt>
                <c:pt idx="4126">
                  <c:v>1E-3</c:v>
                </c:pt>
                <c:pt idx="4127">
                  <c:v>1E-3</c:v>
                </c:pt>
                <c:pt idx="4128">
                  <c:v>1E-3</c:v>
                </c:pt>
                <c:pt idx="4129">
                  <c:v>1E-3</c:v>
                </c:pt>
                <c:pt idx="4130">
                  <c:v>1E-3</c:v>
                </c:pt>
                <c:pt idx="4131">
                  <c:v>1E-3</c:v>
                </c:pt>
                <c:pt idx="4132">
                  <c:v>1E-3</c:v>
                </c:pt>
                <c:pt idx="4133">
                  <c:v>1E-3</c:v>
                </c:pt>
                <c:pt idx="4134">
                  <c:v>1E-3</c:v>
                </c:pt>
                <c:pt idx="4135">
                  <c:v>1E-3</c:v>
                </c:pt>
                <c:pt idx="4136">
                  <c:v>1E-3</c:v>
                </c:pt>
                <c:pt idx="4137">
                  <c:v>1E-3</c:v>
                </c:pt>
                <c:pt idx="4138">
                  <c:v>1E-3</c:v>
                </c:pt>
                <c:pt idx="4139">
                  <c:v>1E-3</c:v>
                </c:pt>
                <c:pt idx="4140">
                  <c:v>1E-3</c:v>
                </c:pt>
                <c:pt idx="4141">
                  <c:v>1E-3</c:v>
                </c:pt>
                <c:pt idx="4142">
                  <c:v>1E-3</c:v>
                </c:pt>
                <c:pt idx="4143">
                  <c:v>1E-3</c:v>
                </c:pt>
                <c:pt idx="4144">
                  <c:v>1E-3</c:v>
                </c:pt>
                <c:pt idx="4145">
                  <c:v>1E-3</c:v>
                </c:pt>
                <c:pt idx="4146">
                  <c:v>1E-3</c:v>
                </c:pt>
                <c:pt idx="4147">
                  <c:v>1E-3</c:v>
                </c:pt>
                <c:pt idx="4148">
                  <c:v>1E-3</c:v>
                </c:pt>
                <c:pt idx="4149">
                  <c:v>1E-3</c:v>
                </c:pt>
                <c:pt idx="4150">
                  <c:v>1E-3</c:v>
                </c:pt>
                <c:pt idx="4151">
                  <c:v>1E-3</c:v>
                </c:pt>
                <c:pt idx="4152">
                  <c:v>1E-3</c:v>
                </c:pt>
                <c:pt idx="4153">
                  <c:v>1E-3</c:v>
                </c:pt>
                <c:pt idx="4154">
                  <c:v>1E-3</c:v>
                </c:pt>
                <c:pt idx="4155">
                  <c:v>1E-3</c:v>
                </c:pt>
                <c:pt idx="4156">
                  <c:v>1E-3</c:v>
                </c:pt>
                <c:pt idx="4157">
                  <c:v>1E-3</c:v>
                </c:pt>
                <c:pt idx="4158">
                  <c:v>1E-3</c:v>
                </c:pt>
                <c:pt idx="4159">
                  <c:v>1E-3</c:v>
                </c:pt>
                <c:pt idx="4160">
                  <c:v>1E-3</c:v>
                </c:pt>
                <c:pt idx="4161">
                  <c:v>1E-3</c:v>
                </c:pt>
                <c:pt idx="4162">
                  <c:v>1E-3</c:v>
                </c:pt>
                <c:pt idx="4163">
                  <c:v>1E-3</c:v>
                </c:pt>
                <c:pt idx="4164">
                  <c:v>1E-3</c:v>
                </c:pt>
                <c:pt idx="4165">
                  <c:v>1E-3</c:v>
                </c:pt>
                <c:pt idx="4166">
                  <c:v>1E-3</c:v>
                </c:pt>
                <c:pt idx="4167">
                  <c:v>1E-3</c:v>
                </c:pt>
                <c:pt idx="4168">
                  <c:v>1E-3</c:v>
                </c:pt>
                <c:pt idx="4169">
                  <c:v>1E-3</c:v>
                </c:pt>
                <c:pt idx="4170">
                  <c:v>1E-3</c:v>
                </c:pt>
                <c:pt idx="4171">
                  <c:v>1E-3</c:v>
                </c:pt>
                <c:pt idx="4172">
                  <c:v>1E-3</c:v>
                </c:pt>
                <c:pt idx="4173">
                  <c:v>1E-3</c:v>
                </c:pt>
                <c:pt idx="4174">
                  <c:v>1E-3</c:v>
                </c:pt>
                <c:pt idx="4175">
                  <c:v>1E-3</c:v>
                </c:pt>
                <c:pt idx="4176">
                  <c:v>1E-3</c:v>
                </c:pt>
                <c:pt idx="4177">
                  <c:v>1E-3</c:v>
                </c:pt>
                <c:pt idx="4178">
                  <c:v>1E-3</c:v>
                </c:pt>
                <c:pt idx="4179">
                  <c:v>1E-3</c:v>
                </c:pt>
                <c:pt idx="4180">
                  <c:v>1E-3</c:v>
                </c:pt>
                <c:pt idx="4181">
                  <c:v>1E-3</c:v>
                </c:pt>
                <c:pt idx="4182">
                  <c:v>1E-3</c:v>
                </c:pt>
                <c:pt idx="4183">
                  <c:v>1E-3</c:v>
                </c:pt>
                <c:pt idx="4184">
                  <c:v>1E-3</c:v>
                </c:pt>
                <c:pt idx="4185">
                  <c:v>1E-3</c:v>
                </c:pt>
                <c:pt idx="4186">
                  <c:v>1E-3</c:v>
                </c:pt>
                <c:pt idx="4187">
                  <c:v>1E-3</c:v>
                </c:pt>
                <c:pt idx="4188">
                  <c:v>1E-3</c:v>
                </c:pt>
                <c:pt idx="4189">
                  <c:v>1E-3</c:v>
                </c:pt>
                <c:pt idx="4190">
                  <c:v>1E-3</c:v>
                </c:pt>
                <c:pt idx="4191">
                  <c:v>1E-3</c:v>
                </c:pt>
                <c:pt idx="4192">
                  <c:v>1E-3</c:v>
                </c:pt>
                <c:pt idx="4193">
                  <c:v>1E-3</c:v>
                </c:pt>
                <c:pt idx="4194">
                  <c:v>1E-3</c:v>
                </c:pt>
                <c:pt idx="4195">
                  <c:v>1E-3</c:v>
                </c:pt>
                <c:pt idx="4196">
                  <c:v>1E-3</c:v>
                </c:pt>
                <c:pt idx="4197">
                  <c:v>1E-3</c:v>
                </c:pt>
                <c:pt idx="4198">
                  <c:v>1E-3</c:v>
                </c:pt>
                <c:pt idx="4199">
                  <c:v>1E-3</c:v>
                </c:pt>
                <c:pt idx="4200">
                  <c:v>1E-3</c:v>
                </c:pt>
                <c:pt idx="4201">
                  <c:v>1E-3</c:v>
                </c:pt>
                <c:pt idx="4202">
                  <c:v>1E-3</c:v>
                </c:pt>
                <c:pt idx="4203">
                  <c:v>1E-3</c:v>
                </c:pt>
                <c:pt idx="4204">
                  <c:v>1E-3</c:v>
                </c:pt>
                <c:pt idx="4205">
                  <c:v>1E-3</c:v>
                </c:pt>
                <c:pt idx="4206">
                  <c:v>1E-3</c:v>
                </c:pt>
                <c:pt idx="4207">
                  <c:v>1E-3</c:v>
                </c:pt>
                <c:pt idx="4208">
                  <c:v>1E-3</c:v>
                </c:pt>
                <c:pt idx="4209">
                  <c:v>1E-3</c:v>
                </c:pt>
                <c:pt idx="4210">
                  <c:v>1E-3</c:v>
                </c:pt>
                <c:pt idx="4211">
                  <c:v>1E-3</c:v>
                </c:pt>
                <c:pt idx="4212">
                  <c:v>1E-3</c:v>
                </c:pt>
                <c:pt idx="4213">
                  <c:v>1E-3</c:v>
                </c:pt>
                <c:pt idx="4214">
                  <c:v>1E-3</c:v>
                </c:pt>
                <c:pt idx="4215">
                  <c:v>1E-3</c:v>
                </c:pt>
                <c:pt idx="4216">
                  <c:v>1E-3</c:v>
                </c:pt>
                <c:pt idx="4217">
                  <c:v>1E-3</c:v>
                </c:pt>
                <c:pt idx="4218">
                  <c:v>1E-3</c:v>
                </c:pt>
                <c:pt idx="4219">
                  <c:v>1E-3</c:v>
                </c:pt>
                <c:pt idx="4220">
                  <c:v>1E-3</c:v>
                </c:pt>
                <c:pt idx="4221">
                  <c:v>1E-3</c:v>
                </c:pt>
                <c:pt idx="4222">
                  <c:v>1E-3</c:v>
                </c:pt>
                <c:pt idx="4223">
                  <c:v>1E-3</c:v>
                </c:pt>
                <c:pt idx="4224">
                  <c:v>1E-3</c:v>
                </c:pt>
                <c:pt idx="4225">
                  <c:v>1E-3</c:v>
                </c:pt>
                <c:pt idx="4226">
                  <c:v>1E-3</c:v>
                </c:pt>
                <c:pt idx="4227">
                  <c:v>1E-3</c:v>
                </c:pt>
                <c:pt idx="4228">
                  <c:v>1E-3</c:v>
                </c:pt>
                <c:pt idx="4229">
                  <c:v>1E-3</c:v>
                </c:pt>
                <c:pt idx="4230">
                  <c:v>1E-3</c:v>
                </c:pt>
                <c:pt idx="4231">
                  <c:v>1E-3</c:v>
                </c:pt>
                <c:pt idx="4232">
                  <c:v>1E-3</c:v>
                </c:pt>
                <c:pt idx="4233">
                  <c:v>1E-3</c:v>
                </c:pt>
                <c:pt idx="4234">
                  <c:v>1E-3</c:v>
                </c:pt>
                <c:pt idx="4235">
                  <c:v>1E-3</c:v>
                </c:pt>
                <c:pt idx="4236">
                  <c:v>1E-3</c:v>
                </c:pt>
                <c:pt idx="4237">
                  <c:v>1E-3</c:v>
                </c:pt>
                <c:pt idx="4238">
                  <c:v>1E-3</c:v>
                </c:pt>
                <c:pt idx="4239">
                  <c:v>1E-3</c:v>
                </c:pt>
                <c:pt idx="4240">
                  <c:v>1E-3</c:v>
                </c:pt>
                <c:pt idx="4241">
                  <c:v>1E-3</c:v>
                </c:pt>
                <c:pt idx="4242">
                  <c:v>1E-3</c:v>
                </c:pt>
                <c:pt idx="4243">
                  <c:v>1E-3</c:v>
                </c:pt>
                <c:pt idx="4244">
                  <c:v>1E-3</c:v>
                </c:pt>
                <c:pt idx="4245">
                  <c:v>1E-3</c:v>
                </c:pt>
                <c:pt idx="4246">
                  <c:v>1E-3</c:v>
                </c:pt>
                <c:pt idx="4247">
                  <c:v>1E-3</c:v>
                </c:pt>
                <c:pt idx="4248">
                  <c:v>1E-3</c:v>
                </c:pt>
                <c:pt idx="4249">
                  <c:v>1E-3</c:v>
                </c:pt>
                <c:pt idx="4250">
                  <c:v>1E-3</c:v>
                </c:pt>
                <c:pt idx="4251">
                  <c:v>1E-3</c:v>
                </c:pt>
                <c:pt idx="4252">
                  <c:v>1E-3</c:v>
                </c:pt>
                <c:pt idx="4253">
                  <c:v>1E-3</c:v>
                </c:pt>
                <c:pt idx="4254">
                  <c:v>1E-3</c:v>
                </c:pt>
                <c:pt idx="4255">
                  <c:v>1E-3</c:v>
                </c:pt>
                <c:pt idx="4256">
                  <c:v>1E-3</c:v>
                </c:pt>
                <c:pt idx="4257">
                  <c:v>1E-3</c:v>
                </c:pt>
                <c:pt idx="4258">
                  <c:v>1E-3</c:v>
                </c:pt>
                <c:pt idx="4259">
                  <c:v>1E-3</c:v>
                </c:pt>
                <c:pt idx="4260">
                  <c:v>1E-3</c:v>
                </c:pt>
                <c:pt idx="4261">
                  <c:v>1E-3</c:v>
                </c:pt>
                <c:pt idx="4262">
                  <c:v>1E-3</c:v>
                </c:pt>
                <c:pt idx="4263">
                  <c:v>1E-3</c:v>
                </c:pt>
                <c:pt idx="4264">
                  <c:v>1E-3</c:v>
                </c:pt>
                <c:pt idx="4265">
                  <c:v>1E-3</c:v>
                </c:pt>
                <c:pt idx="4266">
                  <c:v>1E-3</c:v>
                </c:pt>
                <c:pt idx="4267">
                  <c:v>1E-3</c:v>
                </c:pt>
                <c:pt idx="4268">
                  <c:v>1E-3</c:v>
                </c:pt>
                <c:pt idx="4269">
                  <c:v>1E-3</c:v>
                </c:pt>
                <c:pt idx="4270">
                  <c:v>1E-3</c:v>
                </c:pt>
                <c:pt idx="4271">
                  <c:v>1E-3</c:v>
                </c:pt>
                <c:pt idx="4272">
                  <c:v>1E-3</c:v>
                </c:pt>
                <c:pt idx="4273">
                  <c:v>1E-3</c:v>
                </c:pt>
                <c:pt idx="4274">
                  <c:v>1E-3</c:v>
                </c:pt>
                <c:pt idx="4275">
                  <c:v>1E-3</c:v>
                </c:pt>
                <c:pt idx="4276">
                  <c:v>1E-3</c:v>
                </c:pt>
                <c:pt idx="4277">
                  <c:v>1E-3</c:v>
                </c:pt>
                <c:pt idx="4278">
                  <c:v>1E-3</c:v>
                </c:pt>
                <c:pt idx="4279">
                  <c:v>1E-3</c:v>
                </c:pt>
                <c:pt idx="4280">
                  <c:v>1E-3</c:v>
                </c:pt>
                <c:pt idx="4281">
                  <c:v>1E-3</c:v>
                </c:pt>
                <c:pt idx="4282">
                  <c:v>1E-3</c:v>
                </c:pt>
                <c:pt idx="4283">
                  <c:v>1E-3</c:v>
                </c:pt>
                <c:pt idx="4284">
                  <c:v>1E-3</c:v>
                </c:pt>
                <c:pt idx="4285">
                  <c:v>1E-3</c:v>
                </c:pt>
                <c:pt idx="4286">
                  <c:v>1E-3</c:v>
                </c:pt>
                <c:pt idx="4287">
                  <c:v>1E-3</c:v>
                </c:pt>
                <c:pt idx="4288">
                  <c:v>1E-3</c:v>
                </c:pt>
                <c:pt idx="4289">
                  <c:v>1E-3</c:v>
                </c:pt>
                <c:pt idx="4290">
                  <c:v>1E-3</c:v>
                </c:pt>
                <c:pt idx="4291">
                  <c:v>1E-3</c:v>
                </c:pt>
                <c:pt idx="4292">
                  <c:v>1E-3</c:v>
                </c:pt>
                <c:pt idx="4293">
                  <c:v>1E-3</c:v>
                </c:pt>
                <c:pt idx="4294">
                  <c:v>1E-3</c:v>
                </c:pt>
                <c:pt idx="4295">
                  <c:v>1E-3</c:v>
                </c:pt>
                <c:pt idx="4296">
                  <c:v>1E-3</c:v>
                </c:pt>
                <c:pt idx="4297">
                  <c:v>1E-3</c:v>
                </c:pt>
                <c:pt idx="4298">
                  <c:v>1E-3</c:v>
                </c:pt>
                <c:pt idx="4299">
                  <c:v>1E-3</c:v>
                </c:pt>
                <c:pt idx="4300">
                  <c:v>1E-3</c:v>
                </c:pt>
                <c:pt idx="4301">
                  <c:v>1E-3</c:v>
                </c:pt>
                <c:pt idx="4302">
                  <c:v>1E-3</c:v>
                </c:pt>
                <c:pt idx="4303">
                  <c:v>1E-3</c:v>
                </c:pt>
                <c:pt idx="4304">
                  <c:v>1E-3</c:v>
                </c:pt>
                <c:pt idx="4305">
                  <c:v>1E-3</c:v>
                </c:pt>
                <c:pt idx="4306">
                  <c:v>1E-3</c:v>
                </c:pt>
                <c:pt idx="4307">
                  <c:v>1E-3</c:v>
                </c:pt>
                <c:pt idx="4308">
                  <c:v>1E-3</c:v>
                </c:pt>
                <c:pt idx="4309">
                  <c:v>1E-3</c:v>
                </c:pt>
                <c:pt idx="4310">
                  <c:v>1E-3</c:v>
                </c:pt>
                <c:pt idx="4311">
                  <c:v>1E-3</c:v>
                </c:pt>
                <c:pt idx="4312">
                  <c:v>1E-3</c:v>
                </c:pt>
                <c:pt idx="4313">
                  <c:v>1E-3</c:v>
                </c:pt>
                <c:pt idx="4314">
                  <c:v>1E-3</c:v>
                </c:pt>
                <c:pt idx="4315">
                  <c:v>1E-3</c:v>
                </c:pt>
                <c:pt idx="4316">
                  <c:v>1E-3</c:v>
                </c:pt>
                <c:pt idx="4317">
                  <c:v>1E-3</c:v>
                </c:pt>
                <c:pt idx="4318">
                  <c:v>1E-3</c:v>
                </c:pt>
                <c:pt idx="4319">
                  <c:v>1E-3</c:v>
                </c:pt>
                <c:pt idx="4320">
                  <c:v>1E-3</c:v>
                </c:pt>
                <c:pt idx="4321">
                  <c:v>1E-3</c:v>
                </c:pt>
                <c:pt idx="4322">
                  <c:v>1E-3</c:v>
                </c:pt>
                <c:pt idx="4323">
                  <c:v>1E-3</c:v>
                </c:pt>
                <c:pt idx="4324">
                  <c:v>1E-3</c:v>
                </c:pt>
                <c:pt idx="4325">
                  <c:v>1E-3</c:v>
                </c:pt>
                <c:pt idx="4326">
                  <c:v>1E-3</c:v>
                </c:pt>
                <c:pt idx="4327">
                  <c:v>1E-3</c:v>
                </c:pt>
                <c:pt idx="4328">
                  <c:v>1E-3</c:v>
                </c:pt>
                <c:pt idx="4329">
                  <c:v>1E-3</c:v>
                </c:pt>
                <c:pt idx="4330">
                  <c:v>1E-3</c:v>
                </c:pt>
                <c:pt idx="4331">
                  <c:v>1E-3</c:v>
                </c:pt>
                <c:pt idx="4332">
                  <c:v>1E-3</c:v>
                </c:pt>
                <c:pt idx="4333">
                  <c:v>1E-3</c:v>
                </c:pt>
                <c:pt idx="4334">
                  <c:v>1E-3</c:v>
                </c:pt>
                <c:pt idx="4335">
                  <c:v>1E-3</c:v>
                </c:pt>
                <c:pt idx="4336">
                  <c:v>1E-3</c:v>
                </c:pt>
                <c:pt idx="4337">
                  <c:v>1E-3</c:v>
                </c:pt>
                <c:pt idx="4338">
                  <c:v>1E-3</c:v>
                </c:pt>
                <c:pt idx="4339">
                  <c:v>1E-3</c:v>
                </c:pt>
                <c:pt idx="4340">
                  <c:v>1E-3</c:v>
                </c:pt>
                <c:pt idx="4341">
                  <c:v>1E-3</c:v>
                </c:pt>
                <c:pt idx="4342">
                  <c:v>1E-3</c:v>
                </c:pt>
                <c:pt idx="4343">
                  <c:v>1E-3</c:v>
                </c:pt>
                <c:pt idx="4344">
                  <c:v>1E-3</c:v>
                </c:pt>
                <c:pt idx="4345">
                  <c:v>1E-3</c:v>
                </c:pt>
                <c:pt idx="4346">
                  <c:v>1E-3</c:v>
                </c:pt>
                <c:pt idx="4347">
                  <c:v>1E-3</c:v>
                </c:pt>
                <c:pt idx="4348">
                  <c:v>1E-3</c:v>
                </c:pt>
                <c:pt idx="4349">
                  <c:v>1E-3</c:v>
                </c:pt>
                <c:pt idx="4350">
                  <c:v>1E-3</c:v>
                </c:pt>
                <c:pt idx="4351">
                  <c:v>1E-3</c:v>
                </c:pt>
                <c:pt idx="4352">
                  <c:v>1E-3</c:v>
                </c:pt>
                <c:pt idx="4353">
                  <c:v>1E-3</c:v>
                </c:pt>
                <c:pt idx="4354">
                  <c:v>1E-3</c:v>
                </c:pt>
                <c:pt idx="4355">
                  <c:v>1E-3</c:v>
                </c:pt>
                <c:pt idx="4356">
                  <c:v>1E-3</c:v>
                </c:pt>
                <c:pt idx="4357">
                  <c:v>1E-3</c:v>
                </c:pt>
                <c:pt idx="4358">
                  <c:v>1E-3</c:v>
                </c:pt>
                <c:pt idx="4359">
                  <c:v>1E-3</c:v>
                </c:pt>
                <c:pt idx="4360">
                  <c:v>1E-3</c:v>
                </c:pt>
                <c:pt idx="4361">
                  <c:v>1E-3</c:v>
                </c:pt>
                <c:pt idx="4362">
                  <c:v>1E-3</c:v>
                </c:pt>
                <c:pt idx="4363">
                  <c:v>1E-3</c:v>
                </c:pt>
                <c:pt idx="4364">
                  <c:v>1E-3</c:v>
                </c:pt>
                <c:pt idx="4365">
                  <c:v>1E-3</c:v>
                </c:pt>
                <c:pt idx="4366">
                  <c:v>1E-3</c:v>
                </c:pt>
                <c:pt idx="4367">
                  <c:v>1E-3</c:v>
                </c:pt>
                <c:pt idx="4368">
                  <c:v>1E-3</c:v>
                </c:pt>
                <c:pt idx="4369">
                  <c:v>1E-3</c:v>
                </c:pt>
                <c:pt idx="4370">
                  <c:v>1E-3</c:v>
                </c:pt>
                <c:pt idx="4371">
                  <c:v>1E-3</c:v>
                </c:pt>
                <c:pt idx="4372">
                  <c:v>1E-3</c:v>
                </c:pt>
                <c:pt idx="4373">
                  <c:v>1E-3</c:v>
                </c:pt>
                <c:pt idx="4374">
                  <c:v>1E-3</c:v>
                </c:pt>
                <c:pt idx="4375">
                  <c:v>1E-3</c:v>
                </c:pt>
                <c:pt idx="4376">
                  <c:v>1E-3</c:v>
                </c:pt>
                <c:pt idx="4377">
                  <c:v>1E-3</c:v>
                </c:pt>
                <c:pt idx="4378">
                  <c:v>1E-3</c:v>
                </c:pt>
                <c:pt idx="4379">
                  <c:v>1E-3</c:v>
                </c:pt>
                <c:pt idx="4380">
                  <c:v>1E-3</c:v>
                </c:pt>
                <c:pt idx="4381">
                  <c:v>1E-3</c:v>
                </c:pt>
                <c:pt idx="4382">
                  <c:v>1E-3</c:v>
                </c:pt>
                <c:pt idx="4383">
                  <c:v>1E-3</c:v>
                </c:pt>
                <c:pt idx="4384">
                  <c:v>1E-3</c:v>
                </c:pt>
                <c:pt idx="4385">
                  <c:v>1E-3</c:v>
                </c:pt>
                <c:pt idx="4386">
                  <c:v>1E-3</c:v>
                </c:pt>
                <c:pt idx="4387">
                  <c:v>1E-3</c:v>
                </c:pt>
                <c:pt idx="4388">
                  <c:v>1E-3</c:v>
                </c:pt>
                <c:pt idx="4389">
                  <c:v>1E-3</c:v>
                </c:pt>
                <c:pt idx="4390">
                  <c:v>1E-3</c:v>
                </c:pt>
                <c:pt idx="4391">
                  <c:v>1E-3</c:v>
                </c:pt>
                <c:pt idx="4392">
                  <c:v>1E-3</c:v>
                </c:pt>
                <c:pt idx="4393">
                  <c:v>1E-3</c:v>
                </c:pt>
                <c:pt idx="4394">
                  <c:v>1E-3</c:v>
                </c:pt>
                <c:pt idx="4395">
                  <c:v>1E-3</c:v>
                </c:pt>
                <c:pt idx="4396">
                  <c:v>1E-3</c:v>
                </c:pt>
                <c:pt idx="4397">
                  <c:v>1E-3</c:v>
                </c:pt>
                <c:pt idx="4398">
                  <c:v>1E-3</c:v>
                </c:pt>
                <c:pt idx="4399">
                  <c:v>1E-3</c:v>
                </c:pt>
                <c:pt idx="4400">
                  <c:v>1E-3</c:v>
                </c:pt>
                <c:pt idx="4401">
                  <c:v>1E-3</c:v>
                </c:pt>
                <c:pt idx="4402">
                  <c:v>1E-3</c:v>
                </c:pt>
                <c:pt idx="4403">
                  <c:v>1E-3</c:v>
                </c:pt>
                <c:pt idx="4404">
                  <c:v>1E-3</c:v>
                </c:pt>
                <c:pt idx="4405">
                  <c:v>1E-3</c:v>
                </c:pt>
                <c:pt idx="4406">
                  <c:v>1E-3</c:v>
                </c:pt>
                <c:pt idx="4407">
                  <c:v>1E-3</c:v>
                </c:pt>
                <c:pt idx="4408">
                  <c:v>1E-3</c:v>
                </c:pt>
                <c:pt idx="4409">
                  <c:v>1E-3</c:v>
                </c:pt>
                <c:pt idx="4410">
                  <c:v>1E-3</c:v>
                </c:pt>
                <c:pt idx="4411">
                  <c:v>1E-3</c:v>
                </c:pt>
                <c:pt idx="4412">
                  <c:v>1E-3</c:v>
                </c:pt>
                <c:pt idx="4413">
                  <c:v>1E-3</c:v>
                </c:pt>
                <c:pt idx="4414">
                  <c:v>1E-3</c:v>
                </c:pt>
                <c:pt idx="4415">
                  <c:v>1E-3</c:v>
                </c:pt>
                <c:pt idx="4416">
                  <c:v>1E-3</c:v>
                </c:pt>
                <c:pt idx="4417">
                  <c:v>1E-3</c:v>
                </c:pt>
                <c:pt idx="4418">
                  <c:v>1E-3</c:v>
                </c:pt>
                <c:pt idx="4419">
                  <c:v>1E-3</c:v>
                </c:pt>
                <c:pt idx="4420">
                  <c:v>1E-3</c:v>
                </c:pt>
                <c:pt idx="4421">
                  <c:v>1E-3</c:v>
                </c:pt>
                <c:pt idx="4422">
                  <c:v>1E-3</c:v>
                </c:pt>
                <c:pt idx="4423">
                  <c:v>1E-3</c:v>
                </c:pt>
                <c:pt idx="4424">
                  <c:v>1E-3</c:v>
                </c:pt>
                <c:pt idx="4425">
                  <c:v>1E-3</c:v>
                </c:pt>
                <c:pt idx="4426">
                  <c:v>1E-3</c:v>
                </c:pt>
                <c:pt idx="4427">
                  <c:v>1E-3</c:v>
                </c:pt>
                <c:pt idx="4428">
                  <c:v>1E-3</c:v>
                </c:pt>
                <c:pt idx="4429">
                  <c:v>1E-3</c:v>
                </c:pt>
                <c:pt idx="4430">
                  <c:v>1E-3</c:v>
                </c:pt>
                <c:pt idx="4431">
                  <c:v>1E-3</c:v>
                </c:pt>
                <c:pt idx="4432">
                  <c:v>1E-3</c:v>
                </c:pt>
                <c:pt idx="4433">
                  <c:v>1E-3</c:v>
                </c:pt>
                <c:pt idx="4434">
                  <c:v>1E-3</c:v>
                </c:pt>
                <c:pt idx="4435">
                  <c:v>1E-3</c:v>
                </c:pt>
                <c:pt idx="4436">
                  <c:v>1E-3</c:v>
                </c:pt>
                <c:pt idx="4437">
                  <c:v>1E-3</c:v>
                </c:pt>
                <c:pt idx="4438">
                  <c:v>1E-3</c:v>
                </c:pt>
                <c:pt idx="4439">
                  <c:v>1E-3</c:v>
                </c:pt>
                <c:pt idx="4440">
                  <c:v>1E-3</c:v>
                </c:pt>
                <c:pt idx="4441">
                  <c:v>1E-3</c:v>
                </c:pt>
                <c:pt idx="4442">
                  <c:v>1E-3</c:v>
                </c:pt>
                <c:pt idx="4443">
                  <c:v>1E-3</c:v>
                </c:pt>
                <c:pt idx="4444">
                  <c:v>1E-3</c:v>
                </c:pt>
                <c:pt idx="4445">
                  <c:v>1E-3</c:v>
                </c:pt>
                <c:pt idx="4446">
                  <c:v>1E-3</c:v>
                </c:pt>
                <c:pt idx="4447">
                  <c:v>1E-3</c:v>
                </c:pt>
                <c:pt idx="4448">
                  <c:v>1E-3</c:v>
                </c:pt>
                <c:pt idx="4449">
                  <c:v>1E-3</c:v>
                </c:pt>
                <c:pt idx="4450">
                  <c:v>1E-3</c:v>
                </c:pt>
                <c:pt idx="4451">
                  <c:v>1E-3</c:v>
                </c:pt>
                <c:pt idx="4452">
                  <c:v>1E-3</c:v>
                </c:pt>
                <c:pt idx="4453">
                  <c:v>1E-3</c:v>
                </c:pt>
                <c:pt idx="4454">
                  <c:v>1E-3</c:v>
                </c:pt>
                <c:pt idx="4455">
                  <c:v>1E-3</c:v>
                </c:pt>
                <c:pt idx="4456">
                  <c:v>1E-3</c:v>
                </c:pt>
                <c:pt idx="4457">
                  <c:v>1E-3</c:v>
                </c:pt>
                <c:pt idx="4458">
                  <c:v>1E-3</c:v>
                </c:pt>
                <c:pt idx="4459">
                  <c:v>1E-3</c:v>
                </c:pt>
                <c:pt idx="4460">
                  <c:v>1E-3</c:v>
                </c:pt>
                <c:pt idx="4461">
                  <c:v>1E-3</c:v>
                </c:pt>
                <c:pt idx="4462">
                  <c:v>1E-3</c:v>
                </c:pt>
                <c:pt idx="4463">
                  <c:v>1E-3</c:v>
                </c:pt>
                <c:pt idx="4464">
                  <c:v>1E-3</c:v>
                </c:pt>
                <c:pt idx="4465">
                  <c:v>1E-3</c:v>
                </c:pt>
                <c:pt idx="4466">
                  <c:v>1E-3</c:v>
                </c:pt>
                <c:pt idx="4467">
                  <c:v>1E-3</c:v>
                </c:pt>
                <c:pt idx="4468">
                  <c:v>1E-3</c:v>
                </c:pt>
                <c:pt idx="4469">
                  <c:v>1E-3</c:v>
                </c:pt>
                <c:pt idx="4470">
                  <c:v>1E-3</c:v>
                </c:pt>
                <c:pt idx="4471">
                  <c:v>1E-3</c:v>
                </c:pt>
                <c:pt idx="4472">
                  <c:v>1E-3</c:v>
                </c:pt>
                <c:pt idx="4473">
                  <c:v>1E-3</c:v>
                </c:pt>
                <c:pt idx="4474">
                  <c:v>1E-3</c:v>
                </c:pt>
                <c:pt idx="4475">
                  <c:v>1E-3</c:v>
                </c:pt>
                <c:pt idx="4476">
                  <c:v>1E-3</c:v>
                </c:pt>
                <c:pt idx="4477">
                  <c:v>1E-3</c:v>
                </c:pt>
                <c:pt idx="4478">
                  <c:v>1E-3</c:v>
                </c:pt>
                <c:pt idx="4479">
                  <c:v>1E-3</c:v>
                </c:pt>
                <c:pt idx="4480">
                  <c:v>1E-3</c:v>
                </c:pt>
                <c:pt idx="4481">
                  <c:v>1E-3</c:v>
                </c:pt>
                <c:pt idx="4482">
                  <c:v>1E-3</c:v>
                </c:pt>
                <c:pt idx="4483">
                  <c:v>1E-3</c:v>
                </c:pt>
                <c:pt idx="4484">
                  <c:v>1E-3</c:v>
                </c:pt>
                <c:pt idx="4485">
                  <c:v>1E-3</c:v>
                </c:pt>
                <c:pt idx="4486">
                  <c:v>1E-3</c:v>
                </c:pt>
                <c:pt idx="4487">
                  <c:v>1E-3</c:v>
                </c:pt>
                <c:pt idx="4488">
                  <c:v>1E-3</c:v>
                </c:pt>
                <c:pt idx="4489">
                  <c:v>1E-3</c:v>
                </c:pt>
                <c:pt idx="4490">
                  <c:v>1E-3</c:v>
                </c:pt>
                <c:pt idx="4491">
                  <c:v>1E-3</c:v>
                </c:pt>
                <c:pt idx="4492">
                  <c:v>1E-3</c:v>
                </c:pt>
                <c:pt idx="4493">
                  <c:v>1E-3</c:v>
                </c:pt>
                <c:pt idx="4494">
                  <c:v>1E-3</c:v>
                </c:pt>
                <c:pt idx="4495">
                  <c:v>1E-3</c:v>
                </c:pt>
                <c:pt idx="4496">
                  <c:v>1E-3</c:v>
                </c:pt>
                <c:pt idx="4497">
                  <c:v>1E-3</c:v>
                </c:pt>
                <c:pt idx="4498">
                  <c:v>1E-3</c:v>
                </c:pt>
                <c:pt idx="4499">
                  <c:v>1E-3</c:v>
                </c:pt>
                <c:pt idx="4500">
                  <c:v>1E-3</c:v>
                </c:pt>
                <c:pt idx="4501">
                  <c:v>1E-3</c:v>
                </c:pt>
                <c:pt idx="4502">
                  <c:v>1E-3</c:v>
                </c:pt>
                <c:pt idx="4503">
                  <c:v>1E-3</c:v>
                </c:pt>
                <c:pt idx="4504">
                  <c:v>1E-3</c:v>
                </c:pt>
                <c:pt idx="4505">
                  <c:v>1E-3</c:v>
                </c:pt>
                <c:pt idx="4506">
                  <c:v>1E-3</c:v>
                </c:pt>
                <c:pt idx="4507">
                  <c:v>1E-3</c:v>
                </c:pt>
                <c:pt idx="4508">
                  <c:v>1E-3</c:v>
                </c:pt>
                <c:pt idx="4509">
                  <c:v>1E-3</c:v>
                </c:pt>
                <c:pt idx="4510">
                  <c:v>1E-3</c:v>
                </c:pt>
                <c:pt idx="4511">
                  <c:v>1E-3</c:v>
                </c:pt>
                <c:pt idx="4512">
                  <c:v>1E-3</c:v>
                </c:pt>
                <c:pt idx="4513">
                  <c:v>1E-3</c:v>
                </c:pt>
                <c:pt idx="4514">
                  <c:v>1E-3</c:v>
                </c:pt>
                <c:pt idx="4515">
                  <c:v>1E-3</c:v>
                </c:pt>
                <c:pt idx="4516">
                  <c:v>1E-3</c:v>
                </c:pt>
                <c:pt idx="4517">
                  <c:v>1E-3</c:v>
                </c:pt>
                <c:pt idx="4518">
                  <c:v>1E-3</c:v>
                </c:pt>
                <c:pt idx="4519">
                  <c:v>1E-3</c:v>
                </c:pt>
                <c:pt idx="4520">
                  <c:v>1E-3</c:v>
                </c:pt>
                <c:pt idx="4521">
                  <c:v>1E-3</c:v>
                </c:pt>
                <c:pt idx="4522">
                  <c:v>1E-3</c:v>
                </c:pt>
                <c:pt idx="4523">
                  <c:v>1E-3</c:v>
                </c:pt>
                <c:pt idx="4524">
                  <c:v>1E-3</c:v>
                </c:pt>
                <c:pt idx="4525">
                  <c:v>1E-3</c:v>
                </c:pt>
                <c:pt idx="4526">
                  <c:v>1E-3</c:v>
                </c:pt>
                <c:pt idx="4527">
                  <c:v>1E-3</c:v>
                </c:pt>
                <c:pt idx="4528">
                  <c:v>1E-3</c:v>
                </c:pt>
                <c:pt idx="4529">
                  <c:v>1E-3</c:v>
                </c:pt>
                <c:pt idx="4530">
                  <c:v>1E-3</c:v>
                </c:pt>
                <c:pt idx="4531">
                  <c:v>1E-3</c:v>
                </c:pt>
                <c:pt idx="4532">
                  <c:v>1E-3</c:v>
                </c:pt>
                <c:pt idx="4533">
                  <c:v>1E-3</c:v>
                </c:pt>
                <c:pt idx="4534">
                  <c:v>1E-3</c:v>
                </c:pt>
                <c:pt idx="4535">
                  <c:v>1E-3</c:v>
                </c:pt>
                <c:pt idx="4536">
                  <c:v>1E-3</c:v>
                </c:pt>
                <c:pt idx="4537">
                  <c:v>1E-3</c:v>
                </c:pt>
                <c:pt idx="4538">
                  <c:v>1E-3</c:v>
                </c:pt>
                <c:pt idx="4539">
                  <c:v>1E-3</c:v>
                </c:pt>
                <c:pt idx="4540">
                  <c:v>1E-3</c:v>
                </c:pt>
                <c:pt idx="4541">
                  <c:v>1E-3</c:v>
                </c:pt>
                <c:pt idx="4542">
                  <c:v>1E-3</c:v>
                </c:pt>
                <c:pt idx="4543">
                  <c:v>1E-3</c:v>
                </c:pt>
                <c:pt idx="4544">
                  <c:v>1E-3</c:v>
                </c:pt>
                <c:pt idx="4545">
                  <c:v>1E-3</c:v>
                </c:pt>
                <c:pt idx="4546">
                  <c:v>1E-3</c:v>
                </c:pt>
                <c:pt idx="4547">
                  <c:v>1E-3</c:v>
                </c:pt>
                <c:pt idx="4548">
                  <c:v>1E-3</c:v>
                </c:pt>
                <c:pt idx="4549">
                  <c:v>1E-3</c:v>
                </c:pt>
                <c:pt idx="4550">
                  <c:v>1E-3</c:v>
                </c:pt>
                <c:pt idx="4551">
                  <c:v>1E-3</c:v>
                </c:pt>
                <c:pt idx="4552">
                  <c:v>1E-3</c:v>
                </c:pt>
                <c:pt idx="4553">
                  <c:v>1E-3</c:v>
                </c:pt>
                <c:pt idx="4554">
                  <c:v>1E-3</c:v>
                </c:pt>
                <c:pt idx="4555">
                  <c:v>1E-3</c:v>
                </c:pt>
                <c:pt idx="4556">
                  <c:v>1E-3</c:v>
                </c:pt>
                <c:pt idx="4557">
                  <c:v>1E-3</c:v>
                </c:pt>
                <c:pt idx="4558">
                  <c:v>1E-3</c:v>
                </c:pt>
                <c:pt idx="4559">
                  <c:v>1E-3</c:v>
                </c:pt>
                <c:pt idx="4560">
                  <c:v>1E-3</c:v>
                </c:pt>
                <c:pt idx="4561">
                  <c:v>1E-3</c:v>
                </c:pt>
                <c:pt idx="4562">
                  <c:v>1E-3</c:v>
                </c:pt>
                <c:pt idx="4563">
                  <c:v>1E-3</c:v>
                </c:pt>
                <c:pt idx="4564">
                  <c:v>1E-3</c:v>
                </c:pt>
                <c:pt idx="4565">
                  <c:v>1E-3</c:v>
                </c:pt>
                <c:pt idx="4566">
                  <c:v>1E-3</c:v>
                </c:pt>
                <c:pt idx="4567">
                  <c:v>1E-3</c:v>
                </c:pt>
                <c:pt idx="4568">
                  <c:v>1E-3</c:v>
                </c:pt>
                <c:pt idx="4569">
                  <c:v>1E-3</c:v>
                </c:pt>
                <c:pt idx="4570">
                  <c:v>1E-3</c:v>
                </c:pt>
                <c:pt idx="4571">
                  <c:v>1E-3</c:v>
                </c:pt>
                <c:pt idx="4572">
                  <c:v>1E-3</c:v>
                </c:pt>
                <c:pt idx="4573">
                  <c:v>1E-3</c:v>
                </c:pt>
                <c:pt idx="4574">
                  <c:v>1E-3</c:v>
                </c:pt>
                <c:pt idx="4575">
                  <c:v>1E-3</c:v>
                </c:pt>
                <c:pt idx="4576">
                  <c:v>1E-3</c:v>
                </c:pt>
                <c:pt idx="4577">
                  <c:v>1E-3</c:v>
                </c:pt>
                <c:pt idx="4578">
                  <c:v>1E-3</c:v>
                </c:pt>
                <c:pt idx="4579">
                  <c:v>1E-3</c:v>
                </c:pt>
                <c:pt idx="4580">
                  <c:v>1E-3</c:v>
                </c:pt>
                <c:pt idx="4581">
                  <c:v>1E-3</c:v>
                </c:pt>
                <c:pt idx="4582">
                  <c:v>1E-3</c:v>
                </c:pt>
                <c:pt idx="4583">
                  <c:v>1E-3</c:v>
                </c:pt>
                <c:pt idx="4584">
                  <c:v>1E-3</c:v>
                </c:pt>
                <c:pt idx="4585">
                  <c:v>1E-3</c:v>
                </c:pt>
                <c:pt idx="4586">
                  <c:v>1E-3</c:v>
                </c:pt>
                <c:pt idx="4587">
                  <c:v>1E-3</c:v>
                </c:pt>
                <c:pt idx="4588">
                  <c:v>1E-3</c:v>
                </c:pt>
                <c:pt idx="4589">
                  <c:v>1E-3</c:v>
                </c:pt>
                <c:pt idx="4590">
                  <c:v>1E-3</c:v>
                </c:pt>
                <c:pt idx="4591">
                  <c:v>1E-3</c:v>
                </c:pt>
                <c:pt idx="4592">
                  <c:v>1E-3</c:v>
                </c:pt>
                <c:pt idx="4593">
                  <c:v>1E-3</c:v>
                </c:pt>
                <c:pt idx="4594">
                  <c:v>1E-3</c:v>
                </c:pt>
                <c:pt idx="4595">
                  <c:v>1E-3</c:v>
                </c:pt>
                <c:pt idx="4596">
                  <c:v>1E-3</c:v>
                </c:pt>
                <c:pt idx="4597">
                  <c:v>1E-3</c:v>
                </c:pt>
                <c:pt idx="4598">
                  <c:v>1E-3</c:v>
                </c:pt>
                <c:pt idx="4599">
                  <c:v>1E-3</c:v>
                </c:pt>
                <c:pt idx="4600">
                  <c:v>1E-3</c:v>
                </c:pt>
                <c:pt idx="4601">
                  <c:v>1E-3</c:v>
                </c:pt>
                <c:pt idx="4602">
                  <c:v>1E-3</c:v>
                </c:pt>
                <c:pt idx="4603">
                  <c:v>1E-3</c:v>
                </c:pt>
                <c:pt idx="4604">
                  <c:v>1E-3</c:v>
                </c:pt>
                <c:pt idx="4605">
                  <c:v>1E-3</c:v>
                </c:pt>
                <c:pt idx="4606">
                  <c:v>1E-3</c:v>
                </c:pt>
                <c:pt idx="4607">
                  <c:v>1E-3</c:v>
                </c:pt>
                <c:pt idx="4608">
                  <c:v>1E-3</c:v>
                </c:pt>
                <c:pt idx="4609">
                  <c:v>1E-3</c:v>
                </c:pt>
                <c:pt idx="4610">
                  <c:v>1E-3</c:v>
                </c:pt>
                <c:pt idx="4611">
                  <c:v>1E-3</c:v>
                </c:pt>
                <c:pt idx="4612">
                  <c:v>1E-3</c:v>
                </c:pt>
                <c:pt idx="4613">
                  <c:v>1E-3</c:v>
                </c:pt>
                <c:pt idx="4614">
                  <c:v>1E-3</c:v>
                </c:pt>
                <c:pt idx="4615">
                  <c:v>1E-3</c:v>
                </c:pt>
                <c:pt idx="4616">
                  <c:v>1E-3</c:v>
                </c:pt>
                <c:pt idx="4617">
                  <c:v>1E-3</c:v>
                </c:pt>
                <c:pt idx="4618">
                  <c:v>1E-3</c:v>
                </c:pt>
                <c:pt idx="4619">
                  <c:v>1E-3</c:v>
                </c:pt>
                <c:pt idx="4620">
                  <c:v>1E-3</c:v>
                </c:pt>
                <c:pt idx="4621">
                  <c:v>1E-3</c:v>
                </c:pt>
                <c:pt idx="4622">
                  <c:v>1E-3</c:v>
                </c:pt>
                <c:pt idx="4623">
                  <c:v>1E-3</c:v>
                </c:pt>
                <c:pt idx="4624">
                  <c:v>1E-3</c:v>
                </c:pt>
                <c:pt idx="4625">
                  <c:v>1E-3</c:v>
                </c:pt>
                <c:pt idx="4626">
                  <c:v>1E-3</c:v>
                </c:pt>
                <c:pt idx="4627">
                  <c:v>1E-3</c:v>
                </c:pt>
                <c:pt idx="4628">
                  <c:v>1E-3</c:v>
                </c:pt>
                <c:pt idx="4629">
                  <c:v>1E-3</c:v>
                </c:pt>
                <c:pt idx="4630">
                  <c:v>1E-3</c:v>
                </c:pt>
                <c:pt idx="4631">
                  <c:v>1E-3</c:v>
                </c:pt>
                <c:pt idx="4632">
                  <c:v>1E-3</c:v>
                </c:pt>
                <c:pt idx="4633">
                  <c:v>1E-3</c:v>
                </c:pt>
                <c:pt idx="4634">
                  <c:v>1E-3</c:v>
                </c:pt>
                <c:pt idx="4635">
                  <c:v>1E-3</c:v>
                </c:pt>
                <c:pt idx="4636">
                  <c:v>1E-3</c:v>
                </c:pt>
                <c:pt idx="4637">
                  <c:v>1E-3</c:v>
                </c:pt>
                <c:pt idx="4638">
                  <c:v>1E-3</c:v>
                </c:pt>
                <c:pt idx="4639">
                  <c:v>1E-3</c:v>
                </c:pt>
                <c:pt idx="4640">
                  <c:v>1E-3</c:v>
                </c:pt>
                <c:pt idx="4641">
                  <c:v>1E-3</c:v>
                </c:pt>
                <c:pt idx="4642">
                  <c:v>1E-3</c:v>
                </c:pt>
                <c:pt idx="4643">
                  <c:v>1E-3</c:v>
                </c:pt>
                <c:pt idx="4644">
                  <c:v>1E-3</c:v>
                </c:pt>
                <c:pt idx="4645">
                  <c:v>1E-3</c:v>
                </c:pt>
                <c:pt idx="4646">
                  <c:v>1E-3</c:v>
                </c:pt>
                <c:pt idx="4647">
                  <c:v>1E-3</c:v>
                </c:pt>
                <c:pt idx="4648">
                  <c:v>1E-3</c:v>
                </c:pt>
                <c:pt idx="4649">
                  <c:v>1E-3</c:v>
                </c:pt>
                <c:pt idx="4650">
                  <c:v>1E-3</c:v>
                </c:pt>
                <c:pt idx="4651">
                  <c:v>1E-3</c:v>
                </c:pt>
                <c:pt idx="4652">
                  <c:v>1E-3</c:v>
                </c:pt>
                <c:pt idx="4653">
                  <c:v>1E-3</c:v>
                </c:pt>
                <c:pt idx="4654">
                  <c:v>1E-3</c:v>
                </c:pt>
                <c:pt idx="4655">
                  <c:v>1E-3</c:v>
                </c:pt>
                <c:pt idx="4656">
                  <c:v>1E-3</c:v>
                </c:pt>
                <c:pt idx="4657">
                  <c:v>1E-3</c:v>
                </c:pt>
                <c:pt idx="4658">
                  <c:v>1E-3</c:v>
                </c:pt>
                <c:pt idx="4659">
                  <c:v>1E-3</c:v>
                </c:pt>
                <c:pt idx="4660">
                  <c:v>1E-3</c:v>
                </c:pt>
                <c:pt idx="4661">
                  <c:v>1E-3</c:v>
                </c:pt>
                <c:pt idx="4662">
                  <c:v>1E-3</c:v>
                </c:pt>
                <c:pt idx="4663">
                  <c:v>1E-3</c:v>
                </c:pt>
                <c:pt idx="4664">
                  <c:v>1E-3</c:v>
                </c:pt>
                <c:pt idx="4665">
                  <c:v>1E-3</c:v>
                </c:pt>
                <c:pt idx="4666">
                  <c:v>1E-3</c:v>
                </c:pt>
                <c:pt idx="4667">
                  <c:v>1E-3</c:v>
                </c:pt>
                <c:pt idx="4668">
                  <c:v>1E-3</c:v>
                </c:pt>
                <c:pt idx="4669">
                  <c:v>1E-3</c:v>
                </c:pt>
                <c:pt idx="4670">
                  <c:v>1E-3</c:v>
                </c:pt>
                <c:pt idx="4671">
                  <c:v>1E-3</c:v>
                </c:pt>
                <c:pt idx="4672">
                  <c:v>1E-3</c:v>
                </c:pt>
                <c:pt idx="4673">
                  <c:v>1E-3</c:v>
                </c:pt>
                <c:pt idx="4674">
                  <c:v>1E-3</c:v>
                </c:pt>
                <c:pt idx="4675">
                  <c:v>1E-3</c:v>
                </c:pt>
                <c:pt idx="4676">
                  <c:v>1E-3</c:v>
                </c:pt>
                <c:pt idx="4677">
                  <c:v>1E-3</c:v>
                </c:pt>
                <c:pt idx="4678">
                  <c:v>1E-3</c:v>
                </c:pt>
                <c:pt idx="4679">
                  <c:v>1E-3</c:v>
                </c:pt>
                <c:pt idx="4680">
                  <c:v>1E-3</c:v>
                </c:pt>
                <c:pt idx="4681">
                  <c:v>1E-3</c:v>
                </c:pt>
                <c:pt idx="4682">
                  <c:v>1E-3</c:v>
                </c:pt>
                <c:pt idx="4683">
                  <c:v>1E-3</c:v>
                </c:pt>
                <c:pt idx="4684">
                  <c:v>1E-3</c:v>
                </c:pt>
                <c:pt idx="4685">
                  <c:v>1E-3</c:v>
                </c:pt>
                <c:pt idx="4686">
                  <c:v>1E-3</c:v>
                </c:pt>
                <c:pt idx="4687">
                  <c:v>1E-3</c:v>
                </c:pt>
                <c:pt idx="4688">
                  <c:v>1E-3</c:v>
                </c:pt>
                <c:pt idx="4689">
                  <c:v>1E-3</c:v>
                </c:pt>
                <c:pt idx="4690">
                  <c:v>1E-3</c:v>
                </c:pt>
                <c:pt idx="4691">
                  <c:v>1E-3</c:v>
                </c:pt>
                <c:pt idx="4692">
                  <c:v>1E-3</c:v>
                </c:pt>
                <c:pt idx="4693">
                  <c:v>1E-3</c:v>
                </c:pt>
                <c:pt idx="4694">
                  <c:v>1E-3</c:v>
                </c:pt>
                <c:pt idx="4695">
                  <c:v>1E-3</c:v>
                </c:pt>
                <c:pt idx="4696">
                  <c:v>1E-3</c:v>
                </c:pt>
                <c:pt idx="4697">
                  <c:v>1E-3</c:v>
                </c:pt>
                <c:pt idx="4698">
                  <c:v>1E-3</c:v>
                </c:pt>
                <c:pt idx="4699">
                  <c:v>1E-3</c:v>
                </c:pt>
                <c:pt idx="4700">
                  <c:v>1E-3</c:v>
                </c:pt>
                <c:pt idx="4701">
                  <c:v>1E-3</c:v>
                </c:pt>
                <c:pt idx="4702">
                  <c:v>1E-3</c:v>
                </c:pt>
                <c:pt idx="4703">
                  <c:v>1E-3</c:v>
                </c:pt>
                <c:pt idx="4704">
                  <c:v>1E-3</c:v>
                </c:pt>
                <c:pt idx="4705">
                  <c:v>1E-3</c:v>
                </c:pt>
                <c:pt idx="4706">
                  <c:v>1E-3</c:v>
                </c:pt>
                <c:pt idx="4707">
                  <c:v>1E-3</c:v>
                </c:pt>
                <c:pt idx="4708">
                  <c:v>1E-3</c:v>
                </c:pt>
                <c:pt idx="4709">
                  <c:v>1E-3</c:v>
                </c:pt>
                <c:pt idx="4710">
                  <c:v>1E-3</c:v>
                </c:pt>
                <c:pt idx="4711">
                  <c:v>1E-3</c:v>
                </c:pt>
                <c:pt idx="4712">
                  <c:v>1E-3</c:v>
                </c:pt>
                <c:pt idx="4713">
                  <c:v>1E-3</c:v>
                </c:pt>
                <c:pt idx="4714">
                  <c:v>1E-3</c:v>
                </c:pt>
                <c:pt idx="4715">
                  <c:v>1E-3</c:v>
                </c:pt>
                <c:pt idx="4716">
                  <c:v>1E-3</c:v>
                </c:pt>
                <c:pt idx="4717">
                  <c:v>1E-3</c:v>
                </c:pt>
                <c:pt idx="4718">
                  <c:v>1E-3</c:v>
                </c:pt>
                <c:pt idx="4719">
                  <c:v>1E-3</c:v>
                </c:pt>
                <c:pt idx="4720">
                  <c:v>1E-3</c:v>
                </c:pt>
                <c:pt idx="4721">
                  <c:v>1E-3</c:v>
                </c:pt>
                <c:pt idx="4722">
                  <c:v>1E-3</c:v>
                </c:pt>
                <c:pt idx="4723">
                  <c:v>1E-3</c:v>
                </c:pt>
                <c:pt idx="4724">
                  <c:v>1E-3</c:v>
                </c:pt>
                <c:pt idx="4725">
                  <c:v>1E-3</c:v>
                </c:pt>
                <c:pt idx="4726">
                  <c:v>1E-3</c:v>
                </c:pt>
                <c:pt idx="4727">
                  <c:v>1E-3</c:v>
                </c:pt>
                <c:pt idx="4728">
                  <c:v>1E-3</c:v>
                </c:pt>
                <c:pt idx="4729">
                  <c:v>1E-3</c:v>
                </c:pt>
                <c:pt idx="4730">
                  <c:v>1E-3</c:v>
                </c:pt>
                <c:pt idx="4731">
                  <c:v>1E-3</c:v>
                </c:pt>
                <c:pt idx="4732">
                  <c:v>1E-3</c:v>
                </c:pt>
                <c:pt idx="4733">
                  <c:v>1E-3</c:v>
                </c:pt>
                <c:pt idx="4734">
                  <c:v>1E-3</c:v>
                </c:pt>
                <c:pt idx="4735">
                  <c:v>1E-3</c:v>
                </c:pt>
                <c:pt idx="4736">
                  <c:v>1E-3</c:v>
                </c:pt>
                <c:pt idx="4737">
                  <c:v>1E-3</c:v>
                </c:pt>
                <c:pt idx="4738">
                  <c:v>1E-3</c:v>
                </c:pt>
                <c:pt idx="4739">
                  <c:v>1E-3</c:v>
                </c:pt>
                <c:pt idx="4740">
                  <c:v>1E-3</c:v>
                </c:pt>
                <c:pt idx="4741">
                  <c:v>1E-3</c:v>
                </c:pt>
                <c:pt idx="4742">
                  <c:v>1E-3</c:v>
                </c:pt>
                <c:pt idx="4743">
                  <c:v>1E-3</c:v>
                </c:pt>
                <c:pt idx="4744">
                  <c:v>1E-3</c:v>
                </c:pt>
                <c:pt idx="4745">
                  <c:v>1E-3</c:v>
                </c:pt>
                <c:pt idx="4746">
                  <c:v>1E-3</c:v>
                </c:pt>
                <c:pt idx="4747">
                  <c:v>1E-3</c:v>
                </c:pt>
                <c:pt idx="4748">
                  <c:v>1E-3</c:v>
                </c:pt>
                <c:pt idx="4749">
                  <c:v>1E-3</c:v>
                </c:pt>
                <c:pt idx="4750">
                  <c:v>1E-3</c:v>
                </c:pt>
                <c:pt idx="4751">
                  <c:v>1E-3</c:v>
                </c:pt>
                <c:pt idx="4752">
                  <c:v>1E-3</c:v>
                </c:pt>
                <c:pt idx="4753">
                  <c:v>1E-3</c:v>
                </c:pt>
                <c:pt idx="4754">
                  <c:v>1E-3</c:v>
                </c:pt>
                <c:pt idx="4755">
                  <c:v>1E-3</c:v>
                </c:pt>
                <c:pt idx="4756">
                  <c:v>1E-3</c:v>
                </c:pt>
                <c:pt idx="4757">
                  <c:v>1E-3</c:v>
                </c:pt>
                <c:pt idx="4758">
                  <c:v>1E-3</c:v>
                </c:pt>
                <c:pt idx="4759">
                  <c:v>1E-3</c:v>
                </c:pt>
                <c:pt idx="4760">
                  <c:v>1E-3</c:v>
                </c:pt>
                <c:pt idx="4761">
                  <c:v>1E-3</c:v>
                </c:pt>
                <c:pt idx="4762">
                  <c:v>1E-3</c:v>
                </c:pt>
                <c:pt idx="4763">
                  <c:v>1E-3</c:v>
                </c:pt>
                <c:pt idx="4764">
                  <c:v>1E-3</c:v>
                </c:pt>
                <c:pt idx="4765">
                  <c:v>1E-3</c:v>
                </c:pt>
                <c:pt idx="4766">
                  <c:v>1E-3</c:v>
                </c:pt>
                <c:pt idx="4767">
                  <c:v>1E-3</c:v>
                </c:pt>
                <c:pt idx="4768">
                  <c:v>1E-3</c:v>
                </c:pt>
                <c:pt idx="4769">
                  <c:v>1E-3</c:v>
                </c:pt>
                <c:pt idx="4770">
                  <c:v>1E-3</c:v>
                </c:pt>
                <c:pt idx="4771">
                  <c:v>1E-3</c:v>
                </c:pt>
                <c:pt idx="4772">
                  <c:v>1E-3</c:v>
                </c:pt>
                <c:pt idx="4773">
                  <c:v>1E-3</c:v>
                </c:pt>
                <c:pt idx="4774">
                  <c:v>1E-3</c:v>
                </c:pt>
                <c:pt idx="4775">
                  <c:v>1E-3</c:v>
                </c:pt>
                <c:pt idx="4776">
                  <c:v>1E-3</c:v>
                </c:pt>
                <c:pt idx="4777">
                  <c:v>1E-3</c:v>
                </c:pt>
                <c:pt idx="4778">
                  <c:v>1E-3</c:v>
                </c:pt>
                <c:pt idx="4779">
                  <c:v>1E-3</c:v>
                </c:pt>
                <c:pt idx="4780">
                  <c:v>1E-3</c:v>
                </c:pt>
                <c:pt idx="4781">
                  <c:v>1E-3</c:v>
                </c:pt>
                <c:pt idx="4782">
                  <c:v>1E-3</c:v>
                </c:pt>
                <c:pt idx="4783">
                  <c:v>1E-3</c:v>
                </c:pt>
                <c:pt idx="4784">
                  <c:v>1E-3</c:v>
                </c:pt>
                <c:pt idx="4785">
                  <c:v>1E-3</c:v>
                </c:pt>
                <c:pt idx="4786">
                  <c:v>1E-3</c:v>
                </c:pt>
                <c:pt idx="4787">
                  <c:v>1E-3</c:v>
                </c:pt>
                <c:pt idx="4788">
                  <c:v>1E-3</c:v>
                </c:pt>
                <c:pt idx="4789">
                  <c:v>1E-3</c:v>
                </c:pt>
                <c:pt idx="4790">
                  <c:v>1E-3</c:v>
                </c:pt>
                <c:pt idx="4791">
                  <c:v>1E-3</c:v>
                </c:pt>
                <c:pt idx="4792">
                  <c:v>1E-3</c:v>
                </c:pt>
                <c:pt idx="4793">
                  <c:v>1E-3</c:v>
                </c:pt>
                <c:pt idx="4794">
                  <c:v>1E-3</c:v>
                </c:pt>
                <c:pt idx="4795">
                  <c:v>1E-3</c:v>
                </c:pt>
                <c:pt idx="4796">
                  <c:v>1E-3</c:v>
                </c:pt>
                <c:pt idx="4797">
                  <c:v>1E-3</c:v>
                </c:pt>
                <c:pt idx="4798">
                  <c:v>1E-3</c:v>
                </c:pt>
                <c:pt idx="4799">
                  <c:v>1E-3</c:v>
                </c:pt>
                <c:pt idx="4800">
                  <c:v>1E-3</c:v>
                </c:pt>
                <c:pt idx="4801">
                  <c:v>1E-3</c:v>
                </c:pt>
                <c:pt idx="4802">
                  <c:v>1E-3</c:v>
                </c:pt>
                <c:pt idx="4803">
                  <c:v>1E-3</c:v>
                </c:pt>
                <c:pt idx="4804">
                  <c:v>1E-3</c:v>
                </c:pt>
                <c:pt idx="4805">
                  <c:v>1E-3</c:v>
                </c:pt>
                <c:pt idx="4806">
                  <c:v>1E-3</c:v>
                </c:pt>
                <c:pt idx="4807">
                  <c:v>1E-3</c:v>
                </c:pt>
                <c:pt idx="4808">
                  <c:v>1E-3</c:v>
                </c:pt>
                <c:pt idx="4809">
                  <c:v>1E-3</c:v>
                </c:pt>
                <c:pt idx="4810">
                  <c:v>1E-3</c:v>
                </c:pt>
                <c:pt idx="4811">
                  <c:v>1E-3</c:v>
                </c:pt>
                <c:pt idx="4812">
                  <c:v>1E-3</c:v>
                </c:pt>
                <c:pt idx="4813">
                  <c:v>1E-3</c:v>
                </c:pt>
                <c:pt idx="4814">
                  <c:v>1E-3</c:v>
                </c:pt>
                <c:pt idx="4815">
                  <c:v>1E-3</c:v>
                </c:pt>
                <c:pt idx="4816">
                  <c:v>1E-3</c:v>
                </c:pt>
                <c:pt idx="4817">
                  <c:v>1E-3</c:v>
                </c:pt>
                <c:pt idx="4818">
                  <c:v>1E-3</c:v>
                </c:pt>
                <c:pt idx="4819">
                  <c:v>1E-3</c:v>
                </c:pt>
                <c:pt idx="4820">
                  <c:v>1E-3</c:v>
                </c:pt>
                <c:pt idx="4821">
                  <c:v>1E-3</c:v>
                </c:pt>
                <c:pt idx="4822">
                  <c:v>1E-3</c:v>
                </c:pt>
                <c:pt idx="4823">
                  <c:v>1E-3</c:v>
                </c:pt>
                <c:pt idx="4824">
                  <c:v>1E-3</c:v>
                </c:pt>
                <c:pt idx="4825">
                  <c:v>1E-3</c:v>
                </c:pt>
                <c:pt idx="4826">
                  <c:v>1E-3</c:v>
                </c:pt>
                <c:pt idx="4827">
                  <c:v>1E-3</c:v>
                </c:pt>
                <c:pt idx="4828">
                  <c:v>1E-3</c:v>
                </c:pt>
                <c:pt idx="4829">
                  <c:v>1E-3</c:v>
                </c:pt>
                <c:pt idx="4830">
                  <c:v>1E-3</c:v>
                </c:pt>
                <c:pt idx="4831">
                  <c:v>1E-3</c:v>
                </c:pt>
                <c:pt idx="4832">
                  <c:v>1E-3</c:v>
                </c:pt>
                <c:pt idx="4833">
                  <c:v>1E-3</c:v>
                </c:pt>
                <c:pt idx="4834">
                  <c:v>1E-3</c:v>
                </c:pt>
                <c:pt idx="4835">
                  <c:v>1E-3</c:v>
                </c:pt>
                <c:pt idx="4836">
                  <c:v>1E-3</c:v>
                </c:pt>
                <c:pt idx="4837">
                  <c:v>1E-3</c:v>
                </c:pt>
                <c:pt idx="4838">
                  <c:v>1E-3</c:v>
                </c:pt>
                <c:pt idx="4839">
                  <c:v>1E-3</c:v>
                </c:pt>
                <c:pt idx="4840">
                  <c:v>1E-3</c:v>
                </c:pt>
                <c:pt idx="4841">
                  <c:v>1E-3</c:v>
                </c:pt>
                <c:pt idx="4842">
                  <c:v>1E-3</c:v>
                </c:pt>
                <c:pt idx="4843">
                  <c:v>1E-3</c:v>
                </c:pt>
                <c:pt idx="4844">
                  <c:v>1E-3</c:v>
                </c:pt>
                <c:pt idx="4845">
                  <c:v>1E-3</c:v>
                </c:pt>
                <c:pt idx="4846">
                  <c:v>1E-3</c:v>
                </c:pt>
                <c:pt idx="4847">
                  <c:v>1E-3</c:v>
                </c:pt>
                <c:pt idx="4848">
                  <c:v>1E-3</c:v>
                </c:pt>
                <c:pt idx="4849">
                  <c:v>1E-3</c:v>
                </c:pt>
                <c:pt idx="4850">
                  <c:v>1E-3</c:v>
                </c:pt>
                <c:pt idx="4851">
                  <c:v>1E-3</c:v>
                </c:pt>
                <c:pt idx="4852">
                  <c:v>1E-3</c:v>
                </c:pt>
                <c:pt idx="4853">
                  <c:v>1E-3</c:v>
                </c:pt>
                <c:pt idx="4854">
                  <c:v>1E-3</c:v>
                </c:pt>
                <c:pt idx="4855">
                  <c:v>1E-3</c:v>
                </c:pt>
                <c:pt idx="4856">
                  <c:v>1E-3</c:v>
                </c:pt>
                <c:pt idx="4857">
                  <c:v>1E-3</c:v>
                </c:pt>
                <c:pt idx="4858">
                  <c:v>1E-3</c:v>
                </c:pt>
                <c:pt idx="4859">
                  <c:v>1E-3</c:v>
                </c:pt>
                <c:pt idx="4860">
                  <c:v>1E-3</c:v>
                </c:pt>
                <c:pt idx="4861">
                  <c:v>1E-3</c:v>
                </c:pt>
                <c:pt idx="4862">
                  <c:v>1E-3</c:v>
                </c:pt>
                <c:pt idx="4863">
                  <c:v>1E-3</c:v>
                </c:pt>
                <c:pt idx="4864">
                  <c:v>1E-3</c:v>
                </c:pt>
                <c:pt idx="4865">
                  <c:v>1E-3</c:v>
                </c:pt>
                <c:pt idx="4866">
                  <c:v>1E-3</c:v>
                </c:pt>
                <c:pt idx="4867">
                  <c:v>1E-3</c:v>
                </c:pt>
                <c:pt idx="4868">
                  <c:v>1E-3</c:v>
                </c:pt>
                <c:pt idx="4869">
                  <c:v>1E-3</c:v>
                </c:pt>
                <c:pt idx="4870">
                  <c:v>1E-3</c:v>
                </c:pt>
                <c:pt idx="4871">
                  <c:v>1E-3</c:v>
                </c:pt>
                <c:pt idx="4872">
                  <c:v>1E-3</c:v>
                </c:pt>
                <c:pt idx="4873">
                  <c:v>1E-3</c:v>
                </c:pt>
                <c:pt idx="4874">
                  <c:v>1E-3</c:v>
                </c:pt>
                <c:pt idx="4875">
                  <c:v>1E-3</c:v>
                </c:pt>
                <c:pt idx="4876">
                  <c:v>1E-3</c:v>
                </c:pt>
                <c:pt idx="4877">
                  <c:v>1E-3</c:v>
                </c:pt>
                <c:pt idx="4878">
                  <c:v>1E-3</c:v>
                </c:pt>
                <c:pt idx="4879">
                  <c:v>1E-3</c:v>
                </c:pt>
                <c:pt idx="4880">
                  <c:v>1E-3</c:v>
                </c:pt>
                <c:pt idx="4881">
                  <c:v>1E-3</c:v>
                </c:pt>
                <c:pt idx="4882">
                  <c:v>1E-3</c:v>
                </c:pt>
                <c:pt idx="4883">
                  <c:v>1E-3</c:v>
                </c:pt>
                <c:pt idx="4884">
                  <c:v>1E-3</c:v>
                </c:pt>
                <c:pt idx="4885">
                  <c:v>1E-3</c:v>
                </c:pt>
                <c:pt idx="4886">
                  <c:v>1E-3</c:v>
                </c:pt>
                <c:pt idx="4887">
                  <c:v>1E-3</c:v>
                </c:pt>
                <c:pt idx="4888">
                  <c:v>1E-3</c:v>
                </c:pt>
                <c:pt idx="4889">
                  <c:v>1E-3</c:v>
                </c:pt>
                <c:pt idx="4890">
                  <c:v>1E-3</c:v>
                </c:pt>
                <c:pt idx="4891">
                  <c:v>1E-3</c:v>
                </c:pt>
                <c:pt idx="4892">
                  <c:v>1E-3</c:v>
                </c:pt>
                <c:pt idx="4893">
                  <c:v>1E-3</c:v>
                </c:pt>
                <c:pt idx="4894">
                  <c:v>1E-3</c:v>
                </c:pt>
                <c:pt idx="4895">
                  <c:v>1E-3</c:v>
                </c:pt>
                <c:pt idx="4896">
                  <c:v>1E-3</c:v>
                </c:pt>
                <c:pt idx="4897">
                  <c:v>1E-3</c:v>
                </c:pt>
                <c:pt idx="4898">
                  <c:v>1E-3</c:v>
                </c:pt>
                <c:pt idx="4899">
                  <c:v>1E-3</c:v>
                </c:pt>
                <c:pt idx="4900">
                  <c:v>1E-3</c:v>
                </c:pt>
                <c:pt idx="4901">
                  <c:v>1E-3</c:v>
                </c:pt>
                <c:pt idx="4902">
                  <c:v>1E-3</c:v>
                </c:pt>
                <c:pt idx="4903">
                  <c:v>1E-3</c:v>
                </c:pt>
                <c:pt idx="4904">
                  <c:v>1E-3</c:v>
                </c:pt>
                <c:pt idx="4905">
                  <c:v>1E-3</c:v>
                </c:pt>
                <c:pt idx="4906">
                  <c:v>1E-3</c:v>
                </c:pt>
                <c:pt idx="4907">
                  <c:v>1E-3</c:v>
                </c:pt>
                <c:pt idx="4908">
                  <c:v>1E-3</c:v>
                </c:pt>
                <c:pt idx="4909">
                  <c:v>1E-3</c:v>
                </c:pt>
                <c:pt idx="4910">
                  <c:v>1E-3</c:v>
                </c:pt>
                <c:pt idx="4911">
                  <c:v>1E-3</c:v>
                </c:pt>
                <c:pt idx="4912">
                  <c:v>1E-3</c:v>
                </c:pt>
                <c:pt idx="4913">
                  <c:v>1E-3</c:v>
                </c:pt>
                <c:pt idx="4914">
                  <c:v>1E-3</c:v>
                </c:pt>
                <c:pt idx="4915">
                  <c:v>1E-3</c:v>
                </c:pt>
                <c:pt idx="4916">
                  <c:v>1E-3</c:v>
                </c:pt>
                <c:pt idx="4917">
                  <c:v>1E-3</c:v>
                </c:pt>
                <c:pt idx="4918">
                  <c:v>1E-3</c:v>
                </c:pt>
                <c:pt idx="4919">
                  <c:v>1E-3</c:v>
                </c:pt>
                <c:pt idx="4920">
                  <c:v>1E-3</c:v>
                </c:pt>
                <c:pt idx="4921">
                  <c:v>1E-3</c:v>
                </c:pt>
                <c:pt idx="4922">
                  <c:v>1E-3</c:v>
                </c:pt>
                <c:pt idx="4923">
                  <c:v>1E-3</c:v>
                </c:pt>
                <c:pt idx="4924">
                  <c:v>1E-3</c:v>
                </c:pt>
                <c:pt idx="4925">
                  <c:v>1E-3</c:v>
                </c:pt>
                <c:pt idx="4926">
                  <c:v>1E-3</c:v>
                </c:pt>
                <c:pt idx="4927">
                  <c:v>1E-3</c:v>
                </c:pt>
                <c:pt idx="4928">
                  <c:v>1E-3</c:v>
                </c:pt>
                <c:pt idx="4929">
                  <c:v>1E-3</c:v>
                </c:pt>
                <c:pt idx="4930">
                  <c:v>1E-3</c:v>
                </c:pt>
                <c:pt idx="4931">
                  <c:v>1E-3</c:v>
                </c:pt>
                <c:pt idx="4932">
                  <c:v>1E-3</c:v>
                </c:pt>
                <c:pt idx="4933">
                  <c:v>1E-3</c:v>
                </c:pt>
                <c:pt idx="4934">
                  <c:v>1E-3</c:v>
                </c:pt>
                <c:pt idx="4935">
                  <c:v>1E-3</c:v>
                </c:pt>
                <c:pt idx="4936">
                  <c:v>1E-3</c:v>
                </c:pt>
                <c:pt idx="4937">
                  <c:v>1E-3</c:v>
                </c:pt>
                <c:pt idx="4938">
                  <c:v>1E-3</c:v>
                </c:pt>
                <c:pt idx="4939">
                  <c:v>1E-3</c:v>
                </c:pt>
                <c:pt idx="4940">
                  <c:v>1E-3</c:v>
                </c:pt>
                <c:pt idx="4941">
                  <c:v>1E-3</c:v>
                </c:pt>
                <c:pt idx="4942">
                  <c:v>1E-3</c:v>
                </c:pt>
                <c:pt idx="4943">
                  <c:v>1E-3</c:v>
                </c:pt>
                <c:pt idx="4944">
                  <c:v>1E-3</c:v>
                </c:pt>
                <c:pt idx="4945">
                  <c:v>1E-3</c:v>
                </c:pt>
                <c:pt idx="4946">
                  <c:v>1E-3</c:v>
                </c:pt>
                <c:pt idx="4947">
                  <c:v>1E-3</c:v>
                </c:pt>
                <c:pt idx="4948">
                  <c:v>1E-3</c:v>
                </c:pt>
                <c:pt idx="4949">
                  <c:v>1E-3</c:v>
                </c:pt>
                <c:pt idx="4950">
                  <c:v>1E-3</c:v>
                </c:pt>
                <c:pt idx="4951">
                  <c:v>1E-3</c:v>
                </c:pt>
                <c:pt idx="4952">
                  <c:v>1E-3</c:v>
                </c:pt>
                <c:pt idx="4953">
                  <c:v>1E-3</c:v>
                </c:pt>
                <c:pt idx="4954">
                  <c:v>1E-3</c:v>
                </c:pt>
                <c:pt idx="4955">
                  <c:v>1E-3</c:v>
                </c:pt>
                <c:pt idx="4956">
                  <c:v>1E-3</c:v>
                </c:pt>
                <c:pt idx="4957">
                  <c:v>1E-3</c:v>
                </c:pt>
                <c:pt idx="4958">
                  <c:v>1E-3</c:v>
                </c:pt>
                <c:pt idx="4959">
                  <c:v>1E-3</c:v>
                </c:pt>
                <c:pt idx="4960">
                  <c:v>1E-3</c:v>
                </c:pt>
                <c:pt idx="4961">
                  <c:v>1E-3</c:v>
                </c:pt>
                <c:pt idx="4962">
                  <c:v>1E-3</c:v>
                </c:pt>
                <c:pt idx="4963">
                  <c:v>1E-3</c:v>
                </c:pt>
                <c:pt idx="4964">
                  <c:v>1E-3</c:v>
                </c:pt>
                <c:pt idx="4965">
                  <c:v>1E-3</c:v>
                </c:pt>
                <c:pt idx="4966">
                  <c:v>1E-3</c:v>
                </c:pt>
                <c:pt idx="4967">
                  <c:v>1E-3</c:v>
                </c:pt>
                <c:pt idx="4968">
                  <c:v>1E-3</c:v>
                </c:pt>
                <c:pt idx="4969">
                  <c:v>1E-3</c:v>
                </c:pt>
                <c:pt idx="4970">
                  <c:v>1E-3</c:v>
                </c:pt>
                <c:pt idx="4971">
                  <c:v>1E-3</c:v>
                </c:pt>
                <c:pt idx="4972">
                  <c:v>1E-3</c:v>
                </c:pt>
                <c:pt idx="4973">
                  <c:v>1E-3</c:v>
                </c:pt>
                <c:pt idx="4974">
                  <c:v>1E-3</c:v>
                </c:pt>
                <c:pt idx="4975">
                  <c:v>1E-3</c:v>
                </c:pt>
                <c:pt idx="4976">
                  <c:v>1E-3</c:v>
                </c:pt>
                <c:pt idx="4977">
                  <c:v>1E-3</c:v>
                </c:pt>
                <c:pt idx="4978">
                  <c:v>1E-3</c:v>
                </c:pt>
                <c:pt idx="4979">
                  <c:v>1E-3</c:v>
                </c:pt>
                <c:pt idx="4980">
                  <c:v>1E-3</c:v>
                </c:pt>
                <c:pt idx="4981">
                  <c:v>1E-3</c:v>
                </c:pt>
                <c:pt idx="4982">
                  <c:v>1E-3</c:v>
                </c:pt>
                <c:pt idx="4983">
                  <c:v>1E-3</c:v>
                </c:pt>
                <c:pt idx="4984">
                  <c:v>1E-3</c:v>
                </c:pt>
                <c:pt idx="4985">
                  <c:v>1E-3</c:v>
                </c:pt>
                <c:pt idx="4986">
                  <c:v>1E-3</c:v>
                </c:pt>
                <c:pt idx="4987">
                  <c:v>1E-3</c:v>
                </c:pt>
                <c:pt idx="4988">
                  <c:v>1E-3</c:v>
                </c:pt>
                <c:pt idx="4989">
                  <c:v>1E-3</c:v>
                </c:pt>
                <c:pt idx="4990">
                  <c:v>1E-3</c:v>
                </c:pt>
                <c:pt idx="4991">
                  <c:v>1E-3</c:v>
                </c:pt>
                <c:pt idx="4992">
                  <c:v>1E-3</c:v>
                </c:pt>
                <c:pt idx="4993">
                  <c:v>1E-3</c:v>
                </c:pt>
                <c:pt idx="4994">
                  <c:v>1E-3</c:v>
                </c:pt>
                <c:pt idx="4995">
                  <c:v>1E-3</c:v>
                </c:pt>
                <c:pt idx="4996">
                  <c:v>1E-3</c:v>
                </c:pt>
                <c:pt idx="4997">
                  <c:v>1E-3</c:v>
                </c:pt>
                <c:pt idx="4998">
                  <c:v>1E-3</c:v>
                </c:pt>
                <c:pt idx="4999">
                  <c:v>1E-3</c:v>
                </c:pt>
                <c:pt idx="5000">
                  <c:v>1E-3</c:v>
                </c:pt>
                <c:pt idx="5001">
                  <c:v>1E-3</c:v>
                </c:pt>
                <c:pt idx="5002">
                  <c:v>1E-3</c:v>
                </c:pt>
                <c:pt idx="5003">
                  <c:v>1E-3</c:v>
                </c:pt>
                <c:pt idx="5004">
                  <c:v>1E-3</c:v>
                </c:pt>
                <c:pt idx="5005">
                  <c:v>1E-3</c:v>
                </c:pt>
                <c:pt idx="5006">
                  <c:v>1E-3</c:v>
                </c:pt>
                <c:pt idx="5007">
                  <c:v>1E-3</c:v>
                </c:pt>
                <c:pt idx="5008">
                  <c:v>1E-3</c:v>
                </c:pt>
                <c:pt idx="5009">
                  <c:v>1E-3</c:v>
                </c:pt>
                <c:pt idx="5010">
                  <c:v>1E-3</c:v>
                </c:pt>
                <c:pt idx="5011">
                  <c:v>1E-3</c:v>
                </c:pt>
                <c:pt idx="5012">
                  <c:v>1E-3</c:v>
                </c:pt>
                <c:pt idx="5013">
                  <c:v>1E-3</c:v>
                </c:pt>
                <c:pt idx="5014">
                  <c:v>1E-3</c:v>
                </c:pt>
                <c:pt idx="5015">
                  <c:v>1E-3</c:v>
                </c:pt>
                <c:pt idx="5016">
                  <c:v>1E-3</c:v>
                </c:pt>
                <c:pt idx="5017">
                  <c:v>1E-3</c:v>
                </c:pt>
                <c:pt idx="5018">
                  <c:v>1E-3</c:v>
                </c:pt>
                <c:pt idx="5019">
                  <c:v>1E-3</c:v>
                </c:pt>
                <c:pt idx="5020">
                  <c:v>1E-3</c:v>
                </c:pt>
                <c:pt idx="5021">
                  <c:v>1E-3</c:v>
                </c:pt>
                <c:pt idx="5022">
                  <c:v>1E-3</c:v>
                </c:pt>
                <c:pt idx="5023">
                  <c:v>1E-3</c:v>
                </c:pt>
                <c:pt idx="5024">
                  <c:v>1E-3</c:v>
                </c:pt>
                <c:pt idx="5025">
                  <c:v>1E-3</c:v>
                </c:pt>
                <c:pt idx="5026">
                  <c:v>1E-3</c:v>
                </c:pt>
                <c:pt idx="5027">
                  <c:v>1E-3</c:v>
                </c:pt>
                <c:pt idx="5028">
                  <c:v>1E-3</c:v>
                </c:pt>
                <c:pt idx="5029">
                  <c:v>1E-3</c:v>
                </c:pt>
                <c:pt idx="5030">
                  <c:v>1E-3</c:v>
                </c:pt>
                <c:pt idx="5031">
                  <c:v>1E-3</c:v>
                </c:pt>
                <c:pt idx="5032">
                  <c:v>1E-3</c:v>
                </c:pt>
                <c:pt idx="5033">
                  <c:v>1E-3</c:v>
                </c:pt>
                <c:pt idx="5034">
                  <c:v>1E-3</c:v>
                </c:pt>
                <c:pt idx="5035">
                  <c:v>1E-3</c:v>
                </c:pt>
                <c:pt idx="5036">
                  <c:v>1E-3</c:v>
                </c:pt>
                <c:pt idx="5037">
                  <c:v>1E-3</c:v>
                </c:pt>
                <c:pt idx="5038">
                  <c:v>1E-3</c:v>
                </c:pt>
                <c:pt idx="5039">
                  <c:v>1E-3</c:v>
                </c:pt>
                <c:pt idx="5040">
                  <c:v>1E-3</c:v>
                </c:pt>
                <c:pt idx="5041">
                  <c:v>1E-3</c:v>
                </c:pt>
                <c:pt idx="5042">
                  <c:v>1E-3</c:v>
                </c:pt>
                <c:pt idx="5043">
                  <c:v>1E-3</c:v>
                </c:pt>
                <c:pt idx="5044">
                  <c:v>1E-3</c:v>
                </c:pt>
                <c:pt idx="5045">
                  <c:v>1E-3</c:v>
                </c:pt>
                <c:pt idx="5046">
                  <c:v>1E-3</c:v>
                </c:pt>
                <c:pt idx="5047">
                  <c:v>1E-3</c:v>
                </c:pt>
                <c:pt idx="5048">
                  <c:v>1E-3</c:v>
                </c:pt>
                <c:pt idx="5049">
                  <c:v>1E-3</c:v>
                </c:pt>
                <c:pt idx="5050">
                  <c:v>1E-3</c:v>
                </c:pt>
                <c:pt idx="5051">
                  <c:v>1E-3</c:v>
                </c:pt>
                <c:pt idx="5052">
                  <c:v>1E-3</c:v>
                </c:pt>
                <c:pt idx="5053">
                  <c:v>1E-3</c:v>
                </c:pt>
                <c:pt idx="5054">
                  <c:v>1E-3</c:v>
                </c:pt>
                <c:pt idx="5055">
                  <c:v>1E-3</c:v>
                </c:pt>
                <c:pt idx="5056">
                  <c:v>1E-3</c:v>
                </c:pt>
                <c:pt idx="5057">
                  <c:v>1E-3</c:v>
                </c:pt>
                <c:pt idx="5058">
                  <c:v>1E-3</c:v>
                </c:pt>
                <c:pt idx="5059">
                  <c:v>1E-3</c:v>
                </c:pt>
                <c:pt idx="5060">
                  <c:v>1E-3</c:v>
                </c:pt>
                <c:pt idx="5061">
                  <c:v>1E-3</c:v>
                </c:pt>
                <c:pt idx="5062">
                  <c:v>1E-3</c:v>
                </c:pt>
                <c:pt idx="5063">
                  <c:v>1E-3</c:v>
                </c:pt>
                <c:pt idx="5064">
                  <c:v>1E-3</c:v>
                </c:pt>
                <c:pt idx="5065">
                  <c:v>1E-3</c:v>
                </c:pt>
                <c:pt idx="5066">
                  <c:v>1E-3</c:v>
                </c:pt>
                <c:pt idx="5067">
                  <c:v>1E-3</c:v>
                </c:pt>
                <c:pt idx="5068">
                  <c:v>1E-3</c:v>
                </c:pt>
                <c:pt idx="5069">
                  <c:v>1E-3</c:v>
                </c:pt>
                <c:pt idx="5070">
                  <c:v>1E-3</c:v>
                </c:pt>
                <c:pt idx="5071">
                  <c:v>1E-3</c:v>
                </c:pt>
                <c:pt idx="5072">
                  <c:v>1E-3</c:v>
                </c:pt>
                <c:pt idx="5073">
                  <c:v>1E-3</c:v>
                </c:pt>
                <c:pt idx="5074">
                  <c:v>1E-3</c:v>
                </c:pt>
                <c:pt idx="5075">
                  <c:v>1E-3</c:v>
                </c:pt>
                <c:pt idx="5076">
                  <c:v>1E-3</c:v>
                </c:pt>
                <c:pt idx="5077">
                  <c:v>1E-3</c:v>
                </c:pt>
                <c:pt idx="5078">
                  <c:v>1E-3</c:v>
                </c:pt>
                <c:pt idx="5079">
                  <c:v>1E-3</c:v>
                </c:pt>
                <c:pt idx="5080">
                  <c:v>1E-3</c:v>
                </c:pt>
                <c:pt idx="5081">
                  <c:v>1E-3</c:v>
                </c:pt>
                <c:pt idx="5082">
                  <c:v>1E-3</c:v>
                </c:pt>
                <c:pt idx="5083">
                  <c:v>1E-3</c:v>
                </c:pt>
                <c:pt idx="5084">
                  <c:v>1E-3</c:v>
                </c:pt>
                <c:pt idx="5085">
                  <c:v>1E-3</c:v>
                </c:pt>
                <c:pt idx="5086">
                  <c:v>1E-3</c:v>
                </c:pt>
                <c:pt idx="5087">
                  <c:v>1E-3</c:v>
                </c:pt>
                <c:pt idx="5088">
                  <c:v>1E-3</c:v>
                </c:pt>
                <c:pt idx="5089">
                  <c:v>1E-3</c:v>
                </c:pt>
                <c:pt idx="5090">
                  <c:v>1E-3</c:v>
                </c:pt>
                <c:pt idx="5091">
                  <c:v>1E-3</c:v>
                </c:pt>
                <c:pt idx="5092">
                  <c:v>1E-3</c:v>
                </c:pt>
                <c:pt idx="5093">
                  <c:v>1E-3</c:v>
                </c:pt>
                <c:pt idx="5094">
                  <c:v>1E-3</c:v>
                </c:pt>
                <c:pt idx="5095">
                  <c:v>1E-3</c:v>
                </c:pt>
                <c:pt idx="5096">
                  <c:v>1E-3</c:v>
                </c:pt>
                <c:pt idx="5097">
                  <c:v>1E-3</c:v>
                </c:pt>
                <c:pt idx="5098">
                  <c:v>1E-3</c:v>
                </c:pt>
                <c:pt idx="5099">
                  <c:v>1E-3</c:v>
                </c:pt>
                <c:pt idx="5100">
                  <c:v>1E-3</c:v>
                </c:pt>
                <c:pt idx="5101">
                  <c:v>1E-3</c:v>
                </c:pt>
                <c:pt idx="5102">
                  <c:v>1E-3</c:v>
                </c:pt>
                <c:pt idx="5103">
                  <c:v>1E-3</c:v>
                </c:pt>
                <c:pt idx="5104">
                  <c:v>1E-3</c:v>
                </c:pt>
                <c:pt idx="5105">
                  <c:v>1E-3</c:v>
                </c:pt>
                <c:pt idx="5106">
                  <c:v>1E-3</c:v>
                </c:pt>
                <c:pt idx="5107">
                  <c:v>1E-3</c:v>
                </c:pt>
                <c:pt idx="5108">
                  <c:v>1E-3</c:v>
                </c:pt>
                <c:pt idx="5109">
                  <c:v>1E-3</c:v>
                </c:pt>
                <c:pt idx="5110">
                  <c:v>1E-3</c:v>
                </c:pt>
                <c:pt idx="5111">
                  <c:v>1E-3</c:v>
                </c:pt>
                <c:pt idx="5112">
                  <c:v>1E-3</c:v>
                </c:pt>
                <c:pt idx="5113">
                  <c:v>1E-3</c:v>
                </c:pt>
                <c:pt idx="5114">
                  <c:v>1E-3</c:v>
                </c:pt>
                <c:pt idx="5115">
                  <c:v>1E-3</c:v>
                </c:pt>
                <c:pt idx="5116">
                  <c:v>1E-3</c:v>
                </c:pt>
                <c:pt idx="5117">
                  <c:v>1E-3</c:v>
                </c:pt>
                <c:pt idx="5118">
                  <c:v>1E-3</c:v>
                </c:pt>
                <c:pt idx="5119">
                  <c:v>1E-3</c:v>
                </c:pt>
                <c:pt idx="5120">
                  <c:v>1E-3</c:v>
                </c:pt>
                <c:pt idx="5121">
                  <c:v>1E-3</c:v>
                </c:pt>
                <c:pt idx="5122">
                  <c:v>1E-3</c:v>
                </c:pt>
                <c:pt idx="5123">
                  <c:v>1E-3</c:v>
                </c:pt>
                <c:pt idx="5124">
                  <c:v>1E-3</c:v>
                </c:pt>
                <c:pt idx="5125">
                  <c:v>1E-3</c:v>
                </c:pt>
                <c:pt idx="5126">
                  <c:v>1E-3</c:v>
                </c:pt>
                <c:pt idx="5127">
                  <c:v>1E-3</c:v>
                </c:pt>
                <c:pt idx="5128">
                  <c:v>1E-3</c:v>
                </c:pt>
                <c:pt idx="5129">
                  <c:v>1E-3</c:v>
                </c:pt>
                <c:pt idx="5130">
                  <c:v>1E-3</c:v>
                </c:pt>
                <c:pt idx="5131">
                  <c:v>1E-3</c:v>
                </c:pt>
                <c:pt idx="5132">
                  <c:v>1E-3</c:v>
                </c:pt>
                <c:pt idx="5133">
                  <c:v>1E-3</c:v>
                </c:pt>
                <c:pt idx="5134">
                  <c:v>1E-3</c:v>
                </c:pt>
                <c:pt idx="5135">
                  <c:v>1E-3</c:v>
                </c:pt>
                <c:pt idx="5136">
                  <c:v>1E-3</c:v>
                </c:pt>
                <c:pt idx="5137">
                  <c:v>1E-3</c:v>
                </c:pt>
                <c:pt idx="5138">
                  <c:v>1E-3</c:v>
                </c:pt>
                <c:pt idx="5139">
                  <c:v>1E-3</c:v>
                </c:pt>
                <c:pt idx="5140">
                  <c:v>1E-3</c:v>
                </c:pt>
                <c:pt idx="5141">
                  <c:v>1E-3</c:v>
                </c:pt>
                <c:pt idx="5142">
                  <c:v>1E-3</c:v>
                </c:pt>
                <c:pt idx="5143">
                  <c:v>1E-3</c:v>
                </c:pt>
                <c:pt idx="5144">
                  <c:v>1E-3</c:v>
                </c:pt>
                <c:pt idx="5145">
                  <c:v>1E-3</c:v>
                </c:pt>
                <c:pt idx="5146">
                  <c:v>1E-3</c:v>
                </c:pt>
                <c:pt idx="5147">
                  <c:v>1E-3</c:v>
                </c:pt>
                <c:pt idx="5148">
                  <c:v>1E-3</c:v>
                </c:pt>
                <c:pt idx="5149">
                  <c:v>1E-3</c:v>
                </c:pt>
                <c:pt idx="5150">
                  <c:v>1E-3</c:v>
                </c:pt>
                <c:pt idx="5151">
                  <c:v>1E-3</c:v>
                </c:pt>
                <c:pt idx="5152">
                  <c:v>1E-3</c:v>
                </c:pt>
                <c:pt idx="5153">
                  <c:v>1E-3</c:v>
                </c:pt>
                <c:pt idx="5154">
                  <c:v>1E-3</c:v>
                </c:pt>
                <c:pt idx="5155">
                  <c:v>1E-3</c:v>
                </c:pt>
                <c:pt idx="5156">
                  <c:v>1E-3</c:v>
                </c:pt>
                <c:pt idx="5157">
                  <c:v>1E-3</c:v>
                </c:pt>
                <c:pt idx="5158">
                  <c:v>1E-3</c:v>
                </c:pt>
                <c:pt idx="5159">
                  <c:v>1E-3</c:v>
                </c:pt>
                <c:pt idx="5160">
                  <c:v>1E-3</c:v>
                </c:pt>
                <c:pt idx="5161">
                  <c:v>1E-3</c:v>
                </c:pt>
                <c:pt idx="5162">
                  <c:v>1E-3</c:v>
                </c:pt>
                <c:pt idx="5163">
                  <c:v>1E-3</c:v>
                </c:pt>
                <c:pt idx="5164">
                  <c:v>1E-3</c:v>
                </c:pt>
                <c:pt idx="5165">
                  <c:v>1E-3</c:v>
                </c:pt>
                <c:pt idx="5166">
                  <c:v>1E-3</c:v>
                </c:pt>
                <c:pt idx="5167">
                  <c:v>1E-3</c:v>
                </c:pt>
                <c:pt idx="5168">
                  <c:v>1E-3</c:v>
                </c:pt>
                <c:pt idx="5169">
                  <c:v>1E-3</c:v>
                </c:pt>
                <c:pt idx="5170">
                  <c:v>1E-3</c:v>
                </c:pt>
                <c:pt idx="5171">
                  <c:v>1E-3</c:v>
                </c:pt>
                <c:pt idx="5172">
                  <c:v>1E-3</c:v>
                </c:pt>
                <c:pt idx="5173">
                  <c:v>1E-3</c:v>
                </c:pt>
                <c:pt idx="5174">
                  <c:v>1E-3</c:v>
                </c:pt>
                <c:pt idx="5175">
                  <c:v>1E-3</c:v>
                </c:pt>
                <c:pt idx="5176">
                  <c:v>1E-3</c:v>
                </c:pt>
                <c:pt idx="5177">
                  <c:v>1E-3</c:v>
                </c:pt>
                <c:pt idx="5178">
                  <c:v>1E-3</c:v>
                </c:pt>
                <c:pt idx="5179">
                  <c:v>1E-3</c:v>
                </c:pt>
                <c:pt idx="5180">
                  <c:v>1E-3</c:v>
                </c:pt>
                <c:pt idx="5181">
                  <c:v>1E-3</c:v>
                </c:pt>
                <c:pt idx="5182">
                  <c:v>1E-3</c:v>
                </c:pt>
                <c:pt idx="5183">
                  <c:v>1E-3</c:v>
                </c:pt>
                <c:pt idx="5184">
                  <c:v>1E-3</c:v>
                </c:pt>
                <c:pt idx="5185">
                  <c:v>1E-3</c:v>
                </c:pt>
                <c:pt idx="5186">
                  <c:v>1E-3</c:v>
                </c:pt>
                <c:pt idx="5187">
                  <c:v>1E-3</c:v>
                </c:pt>
                <c:pt idx="5188">
                  <c:v>1E-3</c:v>
                </c:pt>
                <c:pt idx="5189">
                  <c:v>1E-3</c:v>
                </c:pt>
                <c:pt idx="5190">
                  <c:v>1E-3</c:v>
                </c:pt>
                <c:pt idx="5191">
                  <c:v>1E-3</c:v>
                </c:pt>
                <c:pt idx="5192">
                  <c:v>1E-3</c:v>
                </c:pt>
                <c:pt idx="5193">
                  <c:v>1E-3</c:v>
                </c:pt>
                <c:pt idx="5194">
                  <c:v>1E-3</c:v>
                </c:pt>
                <c:pt idx="5195">
                  <c:v>1E-3</c:v>
                </c:pt>
                <c:pt idx="5196">
                  <c:v>1E-3</c:v>
                </c:pt>
                <c:pt idx="5197">
                  <c:v>1E-3</c:v>
                </c:pt>
                <c:pt idx="5198">
                  <c:v>1E-3</c:v>
                </c:pt>
                <c:pt idx="5199">
                  <c:v>1E-3</c:v>
                </c:pt>
                <c:pt idx="5200">
                  <c:v>1E-3</c:v>
                </c:pt>
                <c:pt idx="5201">
                  <c:v>1E-3</c:v>
                </c:pt>
                <c:pt idx="5202">
                  <c:v>1E-3</c:v>
                </c:pt>
                <c:pt idx="5203">
                  <c:v>1E-3</c:v>
                </c:pt>
                <c:pt idx="5204">
                  <c:v>1E-3</c:v>
                </c:pt>
                <c:pt idx="5205">
                  <c:v>1E-3</c:v>
                </c:pt>
                <c:pt idx="5206">
                  <c:v>1E-3</c:v>
                </c:pt>
                <c:pt idx="5207">
                  <c:v>1E-3</c:v>
                </c:pt>
                <c:pt idx="5208">
                  <c:v>1E-3</c:v>
                </c:pt>
                <c:pt idx="5209">
                  <c:v>1E-3</c:v>
                </c:pt>
                <c:pt idx="5210">
                  <c:v>1E-3</c:v>
                </c:pt>
                <c:pt idx="5211">
                  <c:v>1E-3</c:v>
                </c:pt>
                <c:pt idx="5212">
                  <c:v>1E-3</c:v>
                </c:pt>
                <c:pt idx="5213">
                  <c:v>1E-3</c:v>
                </c:pt>
                <c:pt idx="5214">
                  <c:v>1E-3</c:v>
                </c:pt>
                <c:pt idx="5215">
                  <c:v>1E-3</c:v>
                </c:pt>
                <c:pt idx="5216">
                  <c:v>1E-3</c:v>
                </c:pt>
                <c:pt idx="5217">
                  <c:v>1E-3</c:v>
                </c:pt>
                <c:pt idx="5218">
                  <c:v>1E-3</c:v>
                </c:pt>
                <c:pt idx="5219">
                  <c:v>1E-3</c:v>
                </c:pt>
                <c:pt idx="5220">
                  <c:v>1E-3</c:v>
                </c:pt>
                <c:pt idx="5221">
                  <c:v>1E-3</c:v>
                </c:pt>
                <c:pt idx="5222">
                  <c:v>1E-3</c:v>
                </c:pt>
                <c:pt idx="5223">
                  <c:v>1E-3</c:v>
                </c:pt>
                <c:pt idx="5224">
                  <c:v>1E-3</c:v>
                </c:pt>
                <c:pt idx="5225">
                  <c:v>1E-3</c:v>
                </c:pt>
                <c:pt idx="5226">
                  <c:v>1E-3</c:v>
                </c:pt>
                <c:pt idx="5227">
                  <c:v>1E-3</c:v>
                </c:pt>
                <c:pt idx="5228">
                  <c:v>1E-3</c:v>
                </c:pt>
                <c:pt idx="5229">
                  <c:v>1E-3</c:v>
                </c:pt>
                <c:pt idx="5230">
                  <c:v>1E-3</c:v>
                </c:pt>
                <c:pt idx="5231">
                  <c:v>1E-3</c:v>
                </c:pt>
                <c:pt idx="5232">
                  <c:v>1E-3</c:v>
                </c:pt>
                <c:pt idx="5233">
                  <c:v>1E-3</c:v>
                </c:pt>
                <c:pt idx="5234">
                  <c:v>1E-3</c:v>
                </c:pt>
                <c:pt idx="5235">
                  <c:v>1E-3</c:v>
                </c:pt>
                <c:pt idx="5236">
                  <c:v>1E-3</c:v>
                </c:pt>
                <c:pt idx="5237">
                  <c:v>1E-3</c:v>
                </c:pt>
                <c:pt idx="5238">
                  <c:v>1E-3</c:v>
                </c:pt>
                <c:pt idx="5239">
                  <c:v>1E-3</c:v>
                </c:pt>
                <c:pt idx="5240">
                  <c:v>1E-3</c:v>
                </c:pt>
                <c:pt idx="5241">
                  <c:v>1E-3</c:v>
                </c:pt>
                <c:pt idx="5242">
                  <c:v>1E-3</c:v>
                </c:pt>
                <c:pt idx="5243">
                  <c:v>1E-3</c:v>
                </c:pt>
                <c:pt idx="5244">
                  <c:v>1E-3</c:v>
                </c:pt>
                <c:pt idx="5245">
                  <c:v>1E-3</c:v>
                </c:pt>
                <c:pt idx="5246">
                  <c:v>1E-3</c:v>
                </c:pt>
                <c:pt idx="5247">
                  <c:v>1E-3</c:v>
                </c:pt>
                <c:pt idx="5248">
                  <c:v>1E-3</c:v>
                </c:pt>
                <c:pt idx="5249">
                  <c:v>1E-3</c:v>
                </c:pt>
                <c:pt idx="5250">
                  <c:v>1E-3</c:v>
                </c:pt>
                <c:pt idx="5251">
                  <c:v>1E-3</c:v>
                </c:pt>
                <c:pt idx="5252">
                  <c:v>1E-3</c:v>
                </c:pt>
                <c:pt idx="5253">
                  <c:v>1E-3</c:v>
                </c:pt>
                <c:pt idx="5254">
                  <c:v>1E-3</c:v>
                </c:pt>
                <c:pt idx="5255">
                  <c:v>1E-3</c:v>
                </c:pt>
                <c:pt idx="5256">
                  <c:v>1E-3</c:v>
                </c:pt>
                <c:pt idx="5257">
                  <c:v>1E-3</c:v>
                </c:pt>
                <c:pt idx="5258">
                  <c:v>1E-3</c:v>
                </c:pt>
                <c:pt idx="5259">
                  <c:v>1E-3</c:v>
                </c:pt>
                <c:pt idx="5260">
                  <c:v>1E-3</c:v>
                </c:pt>
                <c:pt idx="5261">
                  <c:v>1E-3</c:v>
                </c:pt>
                <c:pt idx="5262">
                  <c:v>1E-3</c:v>
                </c:pt>
                <c:pt idx="5263">
                  <c:v>1E-3</c:v>
                </c:pt>
                <c:pt idx="5264">
                  <c:v>1E-3</c:v>
                </c:pt>
                <c:pt idx="5265">
                  <c:v>1E-3</c:v>
                </c:pt>
                <c:pt idx="5266">
                  <c:v>1E-3</c:v>
                </c:pt>
                <c:pt idx="5267">
                  <c:v>1E-3</c:v>
                </c:pt>
                <c:pt idx="5268">
                  <c:v>1E-3</c:v>
                </c:pt>
                <c:pt idx="5269">
                  <c:v>1E-3</c:v>
                </c:pt>
                <c:pt idx="5270">
                  <c:v>1E-3</c:v>
                </c:pt>
                <c:pt idx="5271">
                  <c:v>1E-3</c:v>
                </c:pt>
                <c:pt idx="5272">
                  <c:v>1E-3</c:v>
                </c:pt>
                <c:pt idx="5273">
                  <c:v>1E-3</c:v>
                </c:pt>
                <c:pt idx="5274">
                  <c:v>1E-3</c:v>
                </c:pt>
                <c:pt idx="5275">
                  <c:v>1E-3</c:v>
                </c:pt>
                <c:pt idx="5276">
                  <c:v>1E-3</c:v>
                </c:pt>
                <c:pt idx="5277">
                  <c:v>1E-3</c:v>
                </c:pt>
                <c:pt idx="5278">
                  <c:v>1E-3</c:v>
                </c:pt>
                <c:pt idx="5279">
                  <c:v>1E-3</c:v>
                </c:pt>
                <c:pt idx="5280">
                  <c:v>1E-3</c:v>
                </c:pt>
                <c:pt idx="5281">
                  <c:v>1E-3</c:v>
                </c:pt>
                <c:pt idx="5282">
                  <c:v>1E-3</c:v>
                </c:pt>
                <c:pt idx="5283">
                  <c:v>1E-3</c:v>
                </c:pt>
                <c:pt idx="5284">
                  <c:v>1E-3</c:v>
                </c:pt>
                <c:pt idx="5285">
                  <c:v>1E-3</c:v>
                </c:pt>
                <c:pt idx="5286">
                  <c:v>1E-3</c:v>
                </c:pt>
                <c:pt idx="5287">
                  <c:v>1E-3</c:v>
                </c:pt>
                <c:pt idx="5288">
                  <c:v>1E-3</c:v>
                </c:pt>
                <c:pt idx="5289">
                  <c:v>1E-3</c:v>
                </c:pt>
                <c:pt idx="5290">
                  <c:v>1E-3</c:v>
                </c:pt>
                <c:pt idx="5291">
                  <c:v>1E-3</c:v>
                </c:pt>
                <c:pt idx="5292">
                  <c:v>1E-3</c:v>
                </c:pt>
                <c:pt idx="5293">
                  <c:v>1E-3</c:v>
                </c:pt>
                <c:pt idx="5294">
                  <c:v>1E-3</c:v>
                </c:pt>
                <c:pt idx="5295">
                  <c:v>1E-3</c:v>
                </c:pt>
                <c:pt idx="5296">
                  <c:v>1E-3</c:v>
                </c:pt>
                <c:pt idx="5297">
                  <c:v>1E-3</c:v>
                </c:pt>
                <c:pt idx="5298">
                  <c:v>1E-3</c:v>
                </c:pt>
                <c:pt idx="5299">
                  <c:v>1E-3</c:v>
                </c:pt>
                <c:pt idx="5300">
                  <c:v>1E-3</c:v>
                </c:pt>
                <c:pt idx="5301">
                  <c:v>1E-3</c:v>
                </c:pt>
                <c:pt idx="5302">
                  <c:v>1E-3</c:v>
                </c:pt>
                <c:pt idx="5303">
                  <c:v>1E-3</c:v>
                </c:pt>
                <c:pt idx="5304">
                  <c:v>1E-3</c:v>
                </c:pt>
                <c:pt idx="5305">
                  <c:v>1E-3</c:v>
                </c:pt>
                <c:pt idx="5306">
                  <c:v>1E-3</c:v>
                </c:pt>
                <c:pt idx="5307">
                  <c:v>1E-3</c:v>
                </c:pt>
                <c:pt idx="5308">
                  <c:v>1E-3</c:v>
                </c:pt>
                <c:pt idx="5309">
                  <c:v>1E-3</c:v>
                </c:pt>
                <c:pt idx="5310">
                  <c:v>1E-3</c:v>
                </c:pt>
                <c:pt idx="5311">
                  <c:v>1E-3</c:v>
                </c:pt>
                <c:pt idx="5312">
                  <c:v>1E-3</c:v>
                </c:pt>
                <c:pt idx="5313">
                  <c:v>1E-3</c:v>
                </c:pt>
                <c:pt idx="5314">
                  <c:v>1E-3</c:v>
                </c:pt>
                <c:pt idx="5315">
                  <c:v>1E-3</c:v>
                </c:pt>
                <c:pt idx="5316">
                  <c:v>1E-3</c:v>
                </c:pt>
                <c:pt idx="5317">
                  <c:v>1E-3</c:v>
                </c:pt>
                <c:pt idx="5318">
                  <c:v>1E-3</c:v>
                </c:pt>
                <c:pt idx="5319">
                  <c:v>1E-3</c:v>
                </c:pt>
                <c:pt idx="5320">
                  <c:v>1E-3</c:v>
                </c:pt>
                <c:pt idx="5321">
                  <c:v>1E-3</c:v>
                </c:pt>
                <c:pt idx="5322">
                  <c:v>1E-3</c:v>
                </c:pt>
                <c:pt idx="5323">
                  <c:v>1E-3</c:v>
                </c:pt>
                <c:pt idx="5324">
                  <c:v>1E-3</c:v>
                </c:pt>
                <c:pt idx="5325">
                  <c:v>1E-3</c:v>
                </c:pt>
                <c:pt idx="5326">
                  <c:v>1E-3</c:v>
                </c:pt>
                <c:pt idx="5327">
                  <c:v>1E-3</c:v>
                </c:pt>
                <c:pt idx="5328">
                  <c:v>1E-3</c:v>
                </c:pt>
                <c:pt idx="5329">
                  <c:v>1E-3</c:v>
                </c:pt>
                <c:pt idx="5330">
                  <c:v>1E-3</c:v>
                </c:pt>
                <c:pt idx="5331">
                  <c:v>1E-3</c:v>
                </c:pt>
                <c:pt idx="5332">
                  <c:v>1E-3</c:v>
                </c:pt>
                <c:pt idx="5333">
                  <c:v>1E-3</c:v>
                </c:pt>
                <c:pt idx="5334">
                  <c:v>1E-3</c:v>
                </c:pt>
                <c:pt idx="5335">
                  <c:v>1E-3</c:v>
                </c:pt>
                <c:pt idx="5336">
                  <c:v>1E-3</c:v>
                </c:pt>
                <c:pt idx="5337">
                  <c:v>1E-3</c:v>
                </c:pt>
                <c:pt idx="5338">
                  <c:v>1E-3</c:v>
                </c:pt>
                <c:pt idx="5339">
                  <c:v>1E-3</c:v>
                </c:pt>
                <c:pt idx="5340">
                  <c:v>1E-3</c:v>
                </c:pt>
                <c:pt idx="5341">
                  <c:v>1E-3</c:v>
                </c:pt>
                <c:pt idx="5342">
                  <c:v>1E-3</c:v>
                </c:pt>
                <c:pt idx="5343">
                  <c:v>1E-3</c:v>
                </c:pt>
                <c:pt idx="5344">
                  <c:v>1E-3</c:v>
                </c:pt>
                <c:pt idx="5345">
                  <c:v>1E-3</c:v>
                </c:pt>
                <c:pt idx="5346">
                  <c:v>1E-3</c:v>
                </c:pt>
                <c:pt idx="5347">
                  <c:v>1E-3</c:v>
                </c:pt>
                <c:pt idx="5348">
                  <c:v>1E-3</c:v>
                </c:pt>
                <c:pt idx="5349">
                  <c:v>1E-3</c:v>
                </c:pt>
                <c:pt idx="5350">
                  <c:v>1E-3</c:v>
                </c:pt>
                <c:pt idx="5351">
                  <c:v>1E-3</c:v>
                </c:pt>
                <c:pt idx="5352">
                  <c:v>1E-3</c:v>
                </c:pt>
                <c:pt idx="5353">
                  <c:v>1E-3</c:v>
                </c:pt>
                <c:pt idx="5354">
                  <c:v>1E-3</c:v>
                </c:pt>
                <c:pt idx="5355">
                  <c:v>1E-3</c:v>
                </c:pt>
                <c:pt idx="5356">
                  <c:v>1E-3</c:v>
                </c:pt>
                <c:pt idx="5357">
                  <c:v>1E-3</c:v>
                </c:pt>
                <c:pt idx="5358">
                  <c:v>1E-3</c:v>
                </c:pt>
                <c:pt idx="5359">
                  <c:v>1E-3</c:v>
                </c:pt>
                <c:pt idx="5360">
                  <c:v>1E-3</c:v>
                </c:pt>
                <c:pt idx="5361">
                  <c:v>1E-3</c:v>
                </c:pt>
                <c:pt idx="5362">
                  <c:v>1E-3</c:v>
                </c:pt>
                <c:pt idx="5363">
                  <c:v>1E-3</c:v>
                </c:pt>
                <c:pt idx="5364">
                  <c:v>1E-3</c:v>
                </c:pt>
                <c:pt idx="5365">
                  <c:v>1E-3</c:v>
                </c:pt>
                <c:pt idx="5366">
                  <c:v>1E-3</c:v>
                </c:pt>
                <c:pt idx="5367">
                  <c:v>1E-3</c:v>
                </c:pt>
                <c:pt idx="5368">
                  <c:v>1E-3</c:v>
                </c:pt>
                <c:pt idx="5369">
                  <c:v>1E-3</c:v>
                </c:pt>
                <c:pt idx="5370">
                  <c:v>1E-3</c:v>
                </c:pt>
                <c:pt idx="5371">
                  <c:v>1E-3</c:v>
                </c:pt>
                <c:pt idx="5372">
                  <c:v>1E-3</c:v>
                </c:pt>
                <c:pt idx="5373">
                  <c:v>1E-3</c:v>
                </c:pt>
                <c:pt idx="5374">
                  <c:v>1E-3</c:v>
                </c:pt>
                <c:pt idx="5375">
                  <c:v>1E-3</c:v>
                </c:pt>
                <c:pt idx="5376">
                  <c:v>1E-3</c:v>
                </c:pt>
                <c:pt idx="5377">
                  <c:v>1E-3</c:v>
                </c:pt>
                <c:pt idx="5378">
                  <c:v>1E-3</c:v>
                </c:pt>
                <c:pt idx="5379">
                  <c:v>1E-3</c:v>
                </c:pt>
                <c:pt idx="5380">
                  <c:v>1E-3</c:v>
                </c:pt>
                <c:pt idx="5381">
                  <c:v>1E-3</c:v>
                </c:pt>
                <c:pt idx="5382">
                  <c:v>1E-3</c:v>
                </c:pt>
                <c:pt idx="5383">
                  <c:v>1E-3</c:v>
                </c:pt>
                <c:pt idx="5384">
                  <c:v>1E-3</c:v>
                </c:pt>
                <c:pt idx="5385">
                  <c:v>1E-3</c:v>
                </c:pt>
                <c:pt idx="5386">
                  <c:v>1E-3</c:v>
                </c:pt>
                <c:pt idx="5387">
                  <c:v>1E-3</c:v>
                </c:pt>
                <c:pt idx="5388">
                  <c:v>1E-3</c:v>
                </c:pt>
                <c:pt idx="5389">
                  <c:v>1E-3</c:v>
                </c:pt>
                <c:pt idx="5390">
                  <c:v>1E-3</c:v>
                </c:pt>
                <c:pt idx="5391">
                  <c:v>1E-3</c:v>
                </c:pt>
                <c:pt idx="5392">
                  <c:v>1E-3</c:v>
                </c:pt>
                <c:pt idx="5393">
                  <c:v>1E-3</c:v>
                </c:pt>
                <c:pt idx="5394">
                  <c:v>1E-3</c:v>
                </c:pt>
                <c:pt idx="5395">
                  <c:v>1E-3</c:v>
                </c:pt>
                <c:pt idx="5396">
                  <c:v>1E-3</c:v>
                </c:pt>
                <c:pt idx="5397">
                  <c:v>1E-3</c:v>
                </c:pt>
                <c:pt idx="5398">
                  <c:v>1E-3</c:v>
                </c:pt>
                <c:pt idx="5399">
                  <c:v>1E-3</c:v>
                </c:pt>
                <c:pt idx="5400">
                  <c:v>1E-3</c:v>
                </c:pt>
                <c:pt idx="5401">
                  <c:v>1E-3</c:v>
                </c:pt>
                <c:pt idx="5402">
                  <c:v>1E-3</c:v>
                </c:pt>
                <c:pt idx="5403">
                  <c:v>1E-3</c:v>
                </c:pt>
                <c:pt idx="5404">
                  <c:v>1E-3</c:v>
                </c:pt>
                <c:pt idx="5405">
                  <c:v>1E-3</c:v>
                </c:pt>
                <c:pt idx="5406">
                  <c:v>1E-3</c:v>
                </c:pt>
                <c:pt idx="5407">
                  <c:v>1E-3</c:v>
                </c:pt>
                <c:pt idx="5408">
                  <c:v>1E-3</c:v>
                </c:pt>
                <c:pt idx="5409">
                  <c:v>1E-3</c:v>
                </c:pt>
                <c:pt idx="5410">
                  <c:v>1E-3</c:v>
                </c:pt>
                <c:pt idx="5411">
                  <c:v>1E-3</c:v>
                </c:pt>
                <c:pt idx="5412">
                  <c:v>1E-3</c:v>
                </c:pt>
                <c:pt idx="5413">
                  <c:v>1E-3</c:v>
                </c:pt>
                <c:pt idx="5414">
                  <c:v>1E-3</c:v>
                </c:pt>
                <c:pt idx="5415">
                  <c:v>1E-3</c:v>
                </c:pt>
                <c:pt idx="5416">
                  <c:v>1E-3</c:v>
                </c:pt>
                <c:pt idx="5417">
                  <c:v>1E-3</c:v>
                </c:pt>
                <c:pt idx="5418">
                  <c:v>1E-3</c:v>
                </c:pt>
                <c:pt idx="5419">
                  <c:v>1E-3</c:v>
                </c:pt>
                <c:pt idx="5420">
                  <c:v>1E-3</c:v>
                </c:pt>
                <c:pt idx="5421">
                  <c:v>1E-3</c:v>
                </c:pt>
                <c:pt idx="5422">
                  <c:v>1E-3</c:v>
                </c:pt>
                <c:pt idx="5423">
                  <c:v>1E-3</c:v>
                </c:pt>
                <c:pt idx="5424">
                  <c:v>1E-3</c:v>
                </c:pt>
                <c:pt idx="5425">
                  <c:v>1E-3</c:v>
                </c:pt>
                <c:pt idx="5426">
                  <c:v>1E-3</c:v>
                </c:pt>
                <c:pt idx="5427">
                  <c:v>1E-3</c:v>
                </c:pt>
                <c:pt idx="5428">
                  <c:v>1E-3</c:v>
                </c:pt>
                <c:pt idx="5429">
                  <c:v>1E-3</c:v>
                </c:pt>
                <c:pt idx="5430">
                  <c:v>1E-3</c:v>
                </c:pt>
                <c:pt idx="5431">
                  <c:v>1E-3</c:v>
                </c:pt>
                <c:pt idx="5432">
                  <c:v>1E-3</c:v>
                </c:pt>
                <c:pt idx="5433">
                  <c:v>1E-3</c:v>
                </c:pt>
                <c:pt idx="5434">
                  <c:v>1E-3</c:v>
                </c:pt>
                <c:pt idx="5435">
                  <c:v>1E-3</c:v>
                </c:pt>
                <c:pt idx="5436">
                  <c:v>1E-3</c:v>
                </c:pt>
                <c:pt idx="5437">
                  <c:v>1E-3</c:v>
                </c:pt>
                <c:pt idx="5438">
                  <c:v>1E-3</c:v>
                </c:pt>
                <c:pt idx="5439">
                  <c:v>1E-3</c:v>
                </c:pt>
                <c:pt idx="5440">
                  <c:v>1E-3</c:v>
                </c:pt>
                <c:pt idx="5441">
                  <c:v>1E-3</c:v>
                </c:pt>
                <c:pt idx="5442">
                  <c:v>1E-3</c:v>
                </c:pt>
                <c:pt idx="5443">
                  <c:v>1E-3</c:v>
                </c:pt>
                <c:pt idx="5444">
                  <c:v>1E-3</c:v>
                </c:pt>
                <c:pt idx="5445">
                  <c:v>1E-3</c:v>
                </c:pt>
                <c:pt idx="5446">
                  <c:v>1E-3</c:v>
                </c:pt>
                <c:pt idx="5447">
                  <c:v>1E-3</c:v>
                </c:pt>
                <c:pt idx="5448">
                  <c:v>1E-3</c:v>
                </c:pt>
                <c:pt idx="5449">
                  <c:v>1E-3</c:v>
                </c:pt>
                <c:pt idx="5450">
                  <c:v>1E-3</c:v>
                </c:pt>
                <c:pt idx="5451">
                  <c:v>1E-3</c:v>
                </c:pt>
                <c:pt idx="5452">
                  <c:v>1E-3</c:v>
                </c:pt>
                <c:pt idx="5453">
                  <c:v>1E-3</c:v>
                </c:pt>
                <c:pt idx="5454">
                  <c:v>1E-3</c:v>
                </c:pt>
                <c:pt idx="5455">
                  <c:v>1E-3</c:v>
                </c:pt>
                <c:pt idx="5456">
                  <c:v>1E-3</c:v>
                </c:pt>
                <c:pt idx="5457">
                  <c:v>1E-3</c:v>
                </c:pt>
                <c:pt idx="5458">
                  <c:v>1E-3</c:v>
                </c:pt>
                <c:pt idx="5459">
                  <c:v>1E-3</c:v>
                </c:pt>
                <c:pt idx="5460">
                  <c:v>1E-3</c:v>
                </c:pt>
                <c:pt idx="5461">
                  <c:v>1E-3</c:v>
                </c:pt>
                <c:pt idx="5462">
                  <c:v>1E-3</c:v>
                </c:pt>
                <c:pt idx="5463">
                  <c:v>1E-3</c:v>
                </c:pt>
                <c:pt idx="5464">
                  <c:v>1E-3</c:v>
                </c:pt>
                <c:pt idx="5465">
                  <c:v>1E-3</c:v>
                </c:pt>
                <c:pt idx="5466">
                  <c:v>1E-3</c:v>
                </c:pt>
                <c:pt idx="5467">
                  <c:v>1E-3</c:v>
                </c:pt>
                <c:pt idx="5468">
                  <c:v>1E-3</c:v>
                </c:pt>
                <c:pt idx="5469">
                  <c:v>1E-3</c:v>
                </c:pt>
                <c:pt idx="5470">
                  <c:v>1E-3</c:v>
                </c:pt>
                <c:pt idx="5471">
                  <c:v>1E-3</c:v>
                </c:pt>
                <c:pt idx="5472">
                  <c:v>1E-3</c:v>
                </c:pt>
                <c:pt idx="5473">
                  <c:v>1E-3</c:v>
                </c:pt>
                <c:pt idx="5474">
                  <c:v>1E-3</c:v>
                </c:pt>
                <c:pt idx="5475">
                  <c:v>1E-3</c:v>
                </c:pt>
                <c:pt idx="5476">
                  <c:v>1E-3</c:v>
                </c:pt>
                <c:pt idx="5477">
                  <c:v>1E-3</c:v>
                </c:pt>
                <c:pt idx="5478">
                  <c:v>1E-3</c:v>
                </c:pt>
                <c:pt idx="5479">
                  <c:v>1E-3</c:v>
                </c:pt>
                <c:pt idx="5480">
                  <c:v>1E-3</c:v>
                </c:pt>
                <c:pt idx="5481">
                  <c:v>1E-3</c:v>
                </c:pt>
                <c:pt idx="5482">
                  <c:v>1E-3</c:v>
                </c:pt>
                <c:pt idx="5483">
                  <c:v>1E-3</c:v>
                </c:pt>
                <c:pt idx="5484">
                  <c:v>1E-3</c:v>
                </c:pt>
                <c:pt idx="5485">
                  <c:v>1E-3</c:v>
                </c:pt>
                <c:pt idx="5486">
                  <c:v>1E-3</c:v>
                </c:pt>
                <c:pt idx="5487">
                  <c:v>1E-3</c:v>
                </c:pt>
                <c:pt idx="5488">
                  <c:v>1E-3</c:v>
                </c:pt>
                <c:pt idx="5489">
                  <c:v>1E-3</c:v>
                </c:pt>
                <c:pt idx="5490">
                  <c:v>1E-3</c:v>
                </c:pt>
                <c:pt idx="5491">
                  <c:v>1E-3</c:v>
                </c:pt>
                <c:pt idx="5492">
                  <c:v>1E-3</c:v>
                </c:pt>
                <c:pt idx="5493">
                  <c:v>1E-3</c:v>
                </c:pt>
                <c:pt idx="5494">
                  <c:v>1E-3</c:v>
                </c:pt>
                <c:pt idx="5495">
                  <c:v>1E-3</c:v>
                </c:pt>
                <c:pt idx="5496">
                  <c:v>1E-3</c:v>
                </c:pt>
                <c:pt idx="5497">
                  <c:v>1E-3</c:v>
                </c:pt>
                <c:pt idx="5498">
                  <c:v>1E-3</c:v>
                </c:pt>
                <c:pt idx="5499">
                  <c:v>1E-3</c:v>
                </c:pt>
                <c:pt idx="5500">
                  <c:v>1E-3</c:v>
                </c:pt>
                <c:pt idx="5501">
                  <c:v>1E-3</c:v>
                </c:pt>
                <c:pt idx="5502">
                  <c:v>1E-3</c:v>
                </c:pt>
                <c:pt idx="5503">
                  <c:v>1E-3</c:v>
                </c:pt>
                <c:pt idx="5504">
                  <c:v>1E-3</c:v>
                </c:pt>
                <c:pt idx="5505">
                  <c:v>1E-3</c:v>
                </c:pt>
                <c:pt idx="5506">
                  <c:v>1E-3</c:v>
                </c:pt>
                <c:pt idx="5507">
                  <c:v>1E-3</c:v>
                </c:pt>
                <c:pt idx="5508">
                  <c:v>1E-3</c:v>
                </c:pt>
                <c:pt idx="5509">
                  <c:v>1E-3</c:v>
                </c:pt>
                <c:pt idx="5510">
                  <c:v>1E-3</c:v>
                </c:pt>
                <c:pt idx="5511">
                  <c:v>1E-3</c:v>
                </c:pt>
                <c:pt idx="5512">
                  <c:v>1E-3</c:v>
                </c:pt>
                <c:pt idx="5513">
                  <c:v>1E-3</c:v>
                </c:pt>
                <c:pt idx="5514">
                  <c:v>1E-3</c:v>
                </c:pt>
                <c:pt idx="5515">
                  <c:v>1E-3</c:v>
                </c:pt>
                <c:pt idx="5516">
                  <c:v>1E-3</c:v>
                </c:pt>
                <c:pt idx="5517">
                  <c:v>1E-3</c:v>
                </c:pt>
                <c:pt idx="5518">
                  <c:v>1E-3</c:v>
                </c:pt>
                <c:pt idx="5519">
                  <c:v>1E-3</c:v>
                </c:pt>
                <c:pt idx="5520">
                  <c:v>1E-3</c:v>
                </c:pt>
                <c:pt idx="5521">
                  <c:v>1E-3</c:v>
                </c:pt>
                <c:pt idx="5522">
                  <c:v>1E-3</c:v>
                </c:pt>
                <c:pt idx="5523">
                  <c:v>1E-3</c:v>
                </c:pt>
                <c:pt idx="5524">
                  <c:v>1E-3</c:v>
                </c:pt>
                <c:pt idx="5525">
                  <c:v>1E-3</c:v>
                </c:pt>
                <c:pt idx="5526">
                  <c:v>1E-3</c:v>
                </c:pt>
                <c:pt idx="5527">
                  <c:v>1E-3</c:v>
                </c:pt>
                <c:pt idx="5528">
                  <c:v>1E-3</c:v>
                </c:pt>
                <c:pt idx="5529">
                  <c:v>1E-3</c:v>
                </c:pt>
                <c:pt idx="5530">
                  <c:v>1E-3</c:v>
                </c:pt>
                <c:pt idx="5531">
                  <c:v>1E-3</c:v>
                </c:pt>
                <c:pt idx="5532">
                  <c:v>1E-3</c:v>
                </c:pt>
                <c:pt idx="5533">
                  <c:v>1E-3</c:v>
                </c:pt>
                <c:pt idx="5534">
                  <c:v>1E-3</c:v>
                </c:pt>
                <c:pt idx="5535">
                  <c:v>1E-3</c:v>
                </c:pt>
                <c:pt idx="5536">
                  <c:v>1E-3</c:v>
                </c:pt>
                <c:pt idx="5537">
                  <c:v>1E-3</c:v>
                </c:pt>
                <c:pt idx="5538">
                  <c:v>1E-3</c:v>
                </c:pt>
                <c:pt idx="5539">
                  <c:v>1E-3</c:v>
                </c:pt>
                <c:pt idx="5540">
                  <c:v>1E-3</c:v>
                </c:pt>
                <c:pt idx="5541">
                  <c:v>1E-3</c:v>
                </c:pt>
                <c:pt idx="5542">
                  <c:v>1E-3</c:v>
                </c:pt>
                <c:pt idx="5543">
                  <c:v>1E-3</c:v>
                </c:pt>
                <c:pt idx="5544">
                  <c:v>1E-3</c:v>
                </c:pt>
                <c:pt idx="5545">
                  <c:v>1E-3</c:v>
                </c:pt>
                <c:pt idx="5546">
                  <c:v>1E-3</c:v>
                </c:pt>
                <c:pt idx="5547">
                  <c:v>1E-3</c:v>
                </c:pt>
                <c:pt idx="5548">
                  <c:v>1E-3</c:v>
                </c:pt>
                <c:pt idx="5549">
                  <c:v>1E-3</c:v>
                </c:pt>
                <c:pt idx="5550">
                  <c:v>1E-3</c:v>
                </c:pt>
                <c:pt idx="5551">
                  <c:v>1E-3</c:v>
                </c:pt>
                <c:pt idx="5552">
                  <c:v>1E-3</c:v>
                </c:pt>
                <c:pt idx="5553">
                  <c:v>1E-3</c:v>
                </c:pt>
                <c:pt idx="5554">
                  <c:v>1E-3</c:v>
                </c:pt>
                <c:pt idx="5555">
                  <c:v>1E-3</c:v>
                </c:pt>
                <c:pt idx="5556">
                  <c:v>1E-3</c:v>
                </c:pt>
                <c:pt idx="5557">
                  <c:v>1E-3</c:v>
                </c:pt>
                <c:pt idx="5558">
                  <c:v>1E-3</c:v>
                </c:pt>
                <c:pt idx="5559">
                  <c:v>1E-3</c:v>
                </c:pt>
                <c:pt idx="5560">
                  <c:v>1E-3</c:v>
                </c:pt>
                <c:pt idx="5561">
                  <c:v>1E-3</c:v>
                </c:pt>
                <c:pt idx="5562">
                  <c:v>1E-3</c:v>
                </c:pt>
                <c:pt idx="5563">
                  <c:v>1E-3</c:v>
                </c:pt>
                <c:pt idx="5564">
                  <c:v>1E-3</c:v>
                </c:pt>
                <c:pt idx="5565">
                  <c:v>1E-3</c:v>
                </c:pt>
                <c:pt idx="5566">
                  <c:v>1E-3</c:v>
                </c:pt>
                <c:pt idx="5567">
                  <c:v>1E-3</c:v>
                </c:pt>
                <c:pt idx="5568">
                  <c:v>1E-3</c:v>
                </c:pt>
                <c:pt idx="5569">
                  <c:v>1E-3</c:v>
                </c:pt>
                <c:pt idx="5570">
                  <c:v>1E-3</c:v>
                </c:pt>
                <c:pt idx="5571">
                  <c:v>1E-3</c:v>
                </c:pt>
                <c:pt idx="5572">
                  <c:v>1E-3</c:v>
                </c:pt>
                <c:pt idx="5573">
                  <c:v>1E-3</c:v>
                </c:pt>
                <c:pt idx="5574">
                  <c:v>1E-3</c:v>
                </c:pt>
                <c:pt idx="5575">
                  <c:v>1E-3</c:v>
                </c:pt>
                <c:pt idx="5576">
                  <c:v>1E-3</c:v>
                </c:pt>
                <c:pt idx="5577">
                  <c:v>1E-3</c:v>
                </c:pt>
                <c:pt idx="5578">
                  <c:v>1E-3</c:v>
                </c:pt>
                <c:pt idx="5579">
                  <c:v>1E-3</c:v>
                </c:pt>
                <c:pt idx="5580">
                  <c:v>1E-3</c:v>
                </c:pt>
                <c:pt idx="5581">
                  <c:v>1E-3</c:v>
                </c:pt>
                <c:pt idx="5582">
                  <c:v>1E-3</c:v>
                </c:pt>
                <c:pt idx="5583">
                  <c:v>1E-3</c:v>
                </c:pt>
                <c:pt idx="5584">
                  <c:v>1E-3</c:v>
                </c:pt>
                <c:pt idx="5585">
                  <c:v>1E-3</c:v>
                </c:pt>
                <c:pt idx="5586">
                  <c:v>1E-3</c:v>
                </c:pt>
                <c:pt idx="5587">
                  <c:v>1E-3</c:v>
                </c:pt>
                <c:pt idx="5588">
                  <c:v>1E-3</c:v>
                </c:pt>
                <c:pt idx="5589">
                  <c:v>1E-3</c:v>
                </c:pt>
                <c:pt idx="5590">
                  <c:v>1E-3</c:v>
                </c:pt>
                <c:pt idx="5591">
                  <c:v>1E-3</c:v>
                </c:pt>
                <c:pt idx="5592">
                  <c:v>1E-3</c:v>
                </c:pt>
                <c:pt idx="5593">
                  <c:v>1E-3</c:v>
                </c:pt>
                <c:pt idx="5594">
                  <c:v>1E-3</c:v>
                </c:pt>
                <c:pt idx="5595">
                  <c:v>1E-3</c:v>
                </c:pt>
                <c:pt idx="5596">
                  <c:v>1E-3</c:v>
                </c:pt>
                <c:pt idx="5597">
                  <c:v>1E-3</c:v>
                </c:pt>
                <c:pt idx="5598">
                  <c:v>1E-3</c:v>
                </c:pt>
                <c:pt idx="5599">
                  <c:v>1E-3</c:v>
                </c:pt>
                <c:pt idx="5600">
                  <c:v>1E-3</c:v>
                </c:pt>
                <c:pt idx="5601">
                  <c:v>1E-3</c:v>
                </c:pt>
                <c:pt idx="5602">
                  <c:v>1E-3</c:v>
                </c:pt>
                <c:pt idx="5603">
                  <c:v>1E-3</c:v>
                </c:pt>
                <c:pt idx="5604">
                  <c:v>1E-3</c:v>
                </c:pt>
                <c:pt idx="5605">
                  <c:v>1E-3</c:v>
                </c:pt>
                <c:pt idx="5606">
                  <c:v>1E-3</c:v>
                </c:pt>
                <c:pt idx="5607">
                  <c:v>1E-3</c:v>
                </c:pt>
                <c:pt idx="5608">
                  <c:v>1E-3</c:v>
                </c:pt>
                <c:pt idx="5609">
                  <c:v>1E-3</c:v>
                </c:pt>
                <c:pt idx="5610">
                  <c:v>1E-3</c:v>
                </c:pt>
                <c:pt idx="5611">
                  <c:v>1E-3</c:v>
                </c:pt>
                <c:pt idx="5612">
                  <c:v>1E-3</c:v>
                </c:pt>
                <c:pt idx="5613">
                  <c:v>1E-3</c:v>
                </c:pt>
                <c:pt idx="5614">
                  <c:v>1E-3</c:v>
                </c:pt>
                <c:pt idx="5615">
                  <c:v>1E-3</c:v>
                </c:pt>
                <c:pt idx="5616">
                  <c:v>1E-3</c:v>
                </c:pt>
                <c:pt idx="5617">
                  <c:v>1E-3</c:v>
                </c:pt>
                <c:pt idx="5618">
                  <c:v>1E-3</c:v>
                </c:pt>
                <c:pt idx="5619">
                  <c:v>1E-3</c:v>
                </c:pt>
                <c:pt idx="5620">
                  <c:v>1E-3</c:v>
                </c:pt>
                <c:pt idx="5621">
                  <c:v>1E-3</c:v>
                </c:pt>
                <c:pt idx="5622">
                  <c:v>1E-3</c:v>
                </c:pt>
                <c:pt idx="5623">
                  <c:v>1E-3</c:v>
                </c:pt>
                <c:pt idx="5624">
                  <c:v>1E-3</c:v>
                </c:pt>
                <c:pt idx="5625">
                  <c:v>1E-3</c:v>
                </c:pt>
                <c:pt idx="5626">
                  <c:v>1E-3</c:v>
                </c:pt>
                <c:pt idx="5627">
                  <c:v>1E-3</c:v>
                </c:pt>
                <c:pt idx="5628">
                  <c:v>1E-3</c:v>
                </c:pt>
                <c:pt idx="5629">
                  <c:v>1E-3</c:v>
                </c:pt>
                <c:pt idx="5630">
                  <c:v>1E-3</c:v>
                </c:pt>
                <c:pt idx="5631">
                  <c:v>1E-3</c:v>
                </c:pt>
                <c:pt idx="5632">
                  <c:v>1E-3</c:v>
                </c:pt>
                <c:pt idx="5633">
                  <c:v>1E-3</c:v>
                </c:pt>
                <c:pt idx="5634">
                  <c:v>1E-3</c:v>
                </c:pt>
                <c:pt idx="5635">
                  <c:v>1E-3</c:v>
                </c:pt>
                <c:pt idx="5636">
                  <c:v>1E-3</c:v>
                </c:pt>
                <c:pt idx="5637">
                  <c:v>1E-3</c:v>
                </c:pt>
                <c:pt idx="5638">
                  <c:v>1E-3</c:v>
                </c:pt>
                <c:pt idx="5639">
                  <c:v>1E-3</c:v>
                </c:pt>
                <c:pt idx="5640">
                  <c:v>1E-3</c:v>
                </c:pt>
                <c:pt idx="5641">
                  <c:v>1E-3</c:v>
                </c:pt>
                <c:pt idx="5642">
                  <c:v>1E-3</c:v>
                </c:pt>
                <c:pt idx="5643">
                  <c:v>1E-3</c:v>
                </c:pt>
                <c:pt idx="5644">
                  <c:v>1E-3</c:v>
                </c:pt>
                <c:pt idx="5645">
                  <c:v>1E-3</c:v>
                </c:pt>
                <c:pt idx="5646">
                  <c:v>1E-3</c:v>
                </c:pt>
                <c:pt idx="5647">
                  <c:v>1E-3</c:v>
                </c:pt>
                <c:pt idx="5648">
                  <c:v>1E-3</c:v>
                </c:pt>
                <c:pt idx="5649">
                  <c:v>1E-3</c:v>
                </c:pt>
                <c:pt idx="5650">
                  <c:v>1E-3</c:v>
                </c:pt>
                <c:pt idx="5651">
                  <c:v>1E-3</c:v>
                </c:pt>
                <c:pt idx="5652">
                  <c:v>1E-3</c:v>
                </c:pt>
                <c:pt idx="5653">
                  <c:v>1E-3</c:v>
                </c:pt>
                <c:pt idx="5654">
                  <c:v>1E-3</c:v>
                </c:pt>
                <c:pt idx="5655">
                  <c:v>1E-3</c:v>
                </c:pt>
                <c:pt idx="5656">
                  <c:v>1E-3</c:v>
                </c:pt>
                <c:pt idx="5657">
                  <c:v>1E-3</c:v>
                </c:pt>
                <c:pt idx="5658">
                  <c:v>1E-3</c:v>
                </c:pt>
                <c:pt idx="5659">
                  <c:v>1E-3</c:v>
                </c:pt>
                <c:pt idx="5660">
                  <c:v>1E-3</c:v>
                </c:pt>
                <c:pt idx="5661">
                  <c:v>1E-3</c:v>
                </c:pt>
                <c:pt idx="5662">
                  <c:v>1E-3</c:v>
                </c:pt>
                <c:pt idx="5663">
                  <c:v>1E-3</c:v>
                </c:pt>
                <c:pt idx="5664">
                  <c:v>1E-3</c:v>
                </c:pt>
                <c:pt idx="5665">
                  <c:v>1E-3</c:v>
                </c:pt>
                <c:pt idx="5666">
                  <c:v>1E-3</c:v>
                </c:pt>
                <c:pt idx="5667">
                  <c:v>1E-3</c:v>
                </c:pt>
                <c:pt idx="5668">
                  <c:v>1E-3</c:v>
                </c:pt>
                <c:pt idx="5669">
                  <c:v>1E-3</c:v>
                </c:pt>
                <c:pt idx="5670">
                  <c:v>1E-3</c:v>
                </c:pt>
                <c:pt idx="5671">
                  <c:v>1E-3</c:v>
                </c:pt>
                <c:pt idx="5672">
                  <c:v>1E-3</c:v>
                </c:pt>
                <c:pt idx="5673">
                  <c:v>1E-3</c:v>
                </c:pt>
                <c:pt idx="5674">
                  <c:v>1E-3</c:v>
                </c:pt>
                <c:pt idx="5675">
                  <c:v>1E-3</c:v>
                </c:pt>
                <c:pt idx="5676">
                  <c:v>1E-3</c:v>
                </c:pt>
                <c:pt idx="5677">
                  <c:v>1E-3</c:v>
                </c:pt>
                <c:pt idx="5678">
                  <c:v>1E-3</c:v>
                </c:pt>
                <c:pt idx="5679">
                  <c:v>1E-3</c:v>
                </c:pt>
                <c:pt idx="5680">
                  <c:v>1E-3</c:v>
                </c:pt>
                <c:pt idx="5681">
                  <c:v>1E-3</c:v>
                </c:pt>
                <c:pt idx="5682">
                  <c:v>1E-3</c:v>
                </c:pt>
                <c:pt idx="5683">
                  <c:v>1E-3</c:v>
                </c:pt>
                <c:pt idx="5684">
                  <c:v>1E-3</c:v>
                </c:pt>
                <c:pt idx="5685">
                  <c:v>1E-3</c:v>
                </c:pt>
                <c:pt idx="5686">
                  <c:v>1E-3</c:v>
                </c:pt>
                <c:pt idx="5687">
                  <c:v>1E-3</c:v>
                </c:pt>
                <c:pt idx="5688">
                  <c:v>1E-3</c:v>
                </c:pt>
                <c:pt idx="5689">
                  <c:v>1E-3</c:v>
                </c:pt>
                <c:pt idx="5690">
                  <c:v>1E-3</c:v>
                </c:pt>
                <c:pt idx="5691">
                  <c:v>1E-3</c:v>
                </c:pt>
                <c:pt idx="5692">
                  <c:v>1E-3</c:v>
                </c:pt>
                <c:pt idx="5693">
                  <c:v>1E-3</c:v>
                </c:pt>
                <c:pt idx="5694">
                  <c:v>1E-3</c:v>
                </c:pt>
                <c:pt idx="5695">
                  <c:v>1E-3</c:v>
                </c:pt>
                <c:pt idx="5696">
                  <c:v>1E-3</c:v>
                </c:pt>
                <c:pt idx="5697">
                  <c:v>1E-3</c:v>
                </c:pt>
                <c:pt idx="5698">
                  <c:v>1E-3</c:v>
                </c:pt>
                <c:pt idx="5699">
                  <c:v>1E-3</c:v>
                </c:pt>
                <c:pt idx="5700">
                  <c:v>1E-3</c:v>
                </c:pt>
                <c:pt idx="5701">
                  <c:v>1E-3</c:v>
                </c:pt>
                <c:pt idx="5702">
                  <c:v>1E-3</c:v>
                </c:pt>
                <c:pt idx="5703">
                  <c:v>1E-3</c:v>
                </c:pt>
                <c:pt idx="5704">
                  <c:v>1E-3</c:v>
                </c:pt>
                <c:pt idx="5705">
                  <c:v>1E-3</c:v>
                </c:pt>
                <c:pt idx="5706">
                  <c:v>1E-3</c:v>
                </c:pt>
                <c:pt idx="5707">
                  <c:v>1E-3</c:v>
                </c:pt>
                <c:pt idx="5708">
                  <c:v>1E-3</c:v>
                </c:pt>
                <c:pt idx="5709">
                  <c:v>1E-3</c:v>
                </c:pt>
                <c:pt idx="5710">
                  <c:v>1E-3</c:v>
                </c:pt>
                <c:pt idx="5711">
                  <c:v>1E-3</c:v>
                </c:pt>
                <c:pt idx="5712">
                  <c:v>1E-3</c:v>
                </c:pt>
                <c:pt idx="5713">
                  <c:v>1E-3</c:v>
                </c:pt>
                <c:pt idx="5714">
                  <c:v>1E-3</c:v>
                </c:pt>
                <c:pt idx="5715">
                  <c:v>1E-3</c:v>
                </c:pt>
                <c:pt idx="5716">
                  <c:v>1E-3</c:v>
                </c:pt>
                <c:pt idx="5717">
                  <c:v>1E-3</c:v>
                </c:pt>
                <c:pt idx="5718">
                  <c:v>1E-3</c:v>
                </c:pt>
                <c:pt idx="5719">
                  <c:v>1E-3</c:v>
                </c:pt>
                <c:pt idx="5720">
                  <c:v>1E-3</c:v>
                </c:pt>
                <c:pt idx="5721">
                  <c:v>1E-3</c:v>
                </c:pt>
                <c:pt idx="5722">
                  <c:v>1E-3</c:v>
                </c:pt>
                <c:pt idx="5723">
                  <c:v>1E-3</c:v>
                </c:pt>
                <c:pt idx="5724">
                  <c:v>1E-3</c:v>
                </c:pt>
                <c:pt idx="5725">
                  <c:v>1E-3</c:v>
                </c:pt>
                <c:pt idx="5726">
                  <c:v>1E-3</c:v>
                </c:pt>
                <c:pt idx="5727">
                  <c:v>1E-3</c:v>
                </c:pt>
                <c:pt idx="5728">
                  <c:v>1E-3</c:v>
                </c:pt>
                <c:pt idx="5729">
                  <c:v>1E-3</c:v>
                </c:pt>
                <c:pt idx="5730">
                  <c:v>1E-3</c:v>
                </c:pt>
                <c:pt idx="5731">
                  <c:v>1E-3</c:v>
                </c:pt>
                <c:pt idx="5732">
                  <c:v>1E-3</c:v>
                </c:pt>
                <c:pt idx="5733">
                  <c:v>1E-3</c:v>
                </c:pt>
                <c:pt idx="5734">
                  <c:v>1E-3</c:v>
                </c:pt>
                <c:pt idx="5735">
                  <c:v>1E-3</c:v>
                </c:pt>
                <c:pt idx="5736">
                  <c:v>1E-3</c:v>
                </c:pt>
                <c:pt idx="5737">
                  <c:v>1E-3</c:v>
                </c:pt>
                <c:pt idx="5738">
                  <c:v>1E-3</c:v>
                </c:pt>
                <c:pt idx="5739">
                  <c:v>1E-3</c:v>
                </c:pt>
                <c:pt idx="5740">
                  <c:v>1E-3</c:v>
                </c:pt>
                <c:pt idx="5741">
                  <c:v>1E-3</c:v>
                </c:pt>
                <c:pt idx="5742">
                  <c:v>1E-3</c:v>
                </c:pt>
                <c:pt idx="5743">
                  <c:v>1E-3</c:v>
                </c:pt>
                <c:pt idx="5744">
                  <c:v>1E-3</c:v>
                </c:pt>
                <c:pt idx="5745">
                  <c:v>1E-3</c:v>
                </c:pt>
                <c:pt idx="5746">
                  <c:v>1E-3</c:v>
                </c:pt>
                <c:pt idx="5747">
                  <c:v>1E-3</c:v>
                </c:pt>
                <c:pt idx="5748">
                  <c:v>1E-3</c:v>
                </c:pt>
                <c:pt idx="5749">
                  <c:v>1E-3</c:v>
                </c:pt>
                <c:pt idx="5750">
                  <c:v>1E-3</c:v>
                </c:pt>
                <c:pt idx="5751">
                  <c:v>1E-3</c:v>
                </c:pt>
                <c:pt idx="5752">
                  <c:v>1E-3</c:v>
                </c:pt>
                <c:pt idx="5753">
                  <c:v>1E-3</c:v>
                </c:pt>
                <c:pt idx="5754">
                  <c:v>1E-3</c:v>
                </c:pt>
                <c:pt idx="5755">
                  <c:v>1E-3</c:v>
                </c:pt>
                <c:pt idx="5756">
                  <c:v>1E-3</c:v>
                </c:pt>
                <c:pt idx="5757">
                  <c:v>1E-3</c:v>
                </c:pt>
                <c:pt idx="5758">
                  <c:v>1E-3</c:v>
                </c:pt>
                <c:pt idx="5759">
                  <c:v>1E-3</c:v>
                </c:pt>
                <c:pt idx="5760">
                  <c:v>1E-3</c:v>
                </c:pt>
                <c:pt idx="5761">
                  <c:v>1E-3</c:v>
                </c:pt>
                <c:pt idx="5762">
                  <c:v>1E-3</c:v>
                </c:pt>
                <c:pt idx="5763">
                  <c:v>1E-3</c:v>
                </c:pt>
                <c:pt idx="5764">
                  <c:v>1E-3</c:v>
                </c:pt>
                <c:pt idx="5765">
                  <c:v>1E-3</c:v>
                </c:pt>
                <c:pt idx="5766">
                  <c:v>1E-3</c:v>
                </c:pt>
                <c:pt idx="5767">
                  <c:v>1E-3</c:v>
                </c:pt>
                <c:pt idx="5768">
                  <c:v>1E-3</c:v>
                </c:pt>
                <c:pt idx="5769">
                  <c:v>1E-3</c:v>
                </c:pt>
                <c:pt idx="5770">
                  <c:v>1E-3</c:v>
                </c:pt>
                <c:pt idx="5771">
                  <c:v>1E-3</c:v>
                </c:pt>
                <c:pt idx="5772">
                  <c:v>1E-3</c:v>
                </c:pt>
                <c:pt idx="5773">
                  <c:v>1E-3</c:v>
                </c:pt>
                <c:pt idx="5774">
                  <c:v>1E-3</c:v>
                </c:pt>
                <c:pt idx="5775">
                  <c:v>1E-3</c:v>
                </c:pt>
                <c:pt idx="5776">
                  <c:v>1E-3</c:v>
                </c:pt>
                <c:pt idx="5777">
                  <c:v>1E-3</c:v>
                </c:pt>
                <c:pt idx="5778">
                  <c:v>1E-3</c:v>
                </c:pt>
                <c:pt idx="5779">
                  <c:v>1E-3</c:v>
                </c:pt>
                <c:pt idx="5780">
                  <c:v>1E-3</c:v>
                </c:pt>
                <c:pt idx="5781">
                  <c:v>1E-3</c:v>
                </c:pt>
                <c:pt idx="5782">
                  <c:v>1E-3</c:v>
                </c:pt>
                <c:pt idx="5783">
                  <c:v>1E-3</c:v>
                </c:pt>
                <c:pt idx="5784">
                  <c:v>1E-3</c:v>
                </c:pt>
                <c:pt idx="5785">
                  <c:v>1E-3</c:v>
                </c:pt>
                <c:pt idx="5786">
                  <c:v>1E-3</c:v>
                </c:pt>
                <c:pt idx="5787">
                  <c:v>1E-3</c:v>
                </c:pt>
                <c:pt idx="5788">
                  <c:v>1E-3</c:v>
                </c:pt>
                <c:pt idx="5789">
                  <c:v>1E-3</c:v>
                </c:pt>
                <c:pt idx="5790">
                  <c:v>1E-3</c:v>
                </c:pt>
                <c:pt idx="5791">
                  <c:v>1E-3</c:v>
                </c:pt>
                <c:pt idx="5792">
                  <c:v>1E-3</c:v>
                </c:pt>
                <c:pt idx="5793">
                  <c:v>1E-3</c:v>
                </c:pt>
                <c:pt idx="5794">
                  <c:v>1E-3</c:v>
                </c:pt>
                <c:pt idx="5795">
                  <c:v>1E-3</c:v>
                </c:pt>
                <c:pt idx="5796">
                  <c:v>1E-3</c:v>
                </c:pt>
                <c:pt idx="5797">
                  <c:v>1E-3</c:v>
                </c:pt>
                <c:pt idx="5798">
                  <c:v>1E-3</c:v>
                </c:pt>
                <c:pt idx="5799">
                  <c:v>1E-3</c:v>
                </c:pt>
                <c:pt idx="5800">
                  <c:v>1E-3</c:v>
                </c:pt>
                <c:pt idx="5801">
                  <c:v>1E-3</c:v>
                </c:pt>
                <c:pt idx="5802">
                  <c:v>1E-3</c:v>
                </c:pt>
                <c:pt idx="5803">
                  <c:v>1E-3</c:v>
                </c:pt>
                <c:pt idx="5804">
                  <c:v>1E-3</c:v>
                </c:pt>
                <c:pt idx="5805">
                  <c:v>1E-3</c:v>
                </c:pt>
                <c:pt idx="5806">
                  <c:v>1E-3</c:v>
                </c:pt>
                <c:pt idx="5807">
                  <c:v>1E-3</c:v>
                </c:pt>
                <c:pt idx="5808">
                  <c:v>1E-3</c:v>
                </c:pt>
                <c:pt idx="5809">
                  <c:v>1E-3</c:v>
                </c:pt>
                <c:pt idx="5810">
                  <c:v>1E-3</c:v>
                </c:pt>
                <c:pt idx="5811">
                  <c:v>1E-3</c:v>
                </c:pt>
                <c:pt idx="5812">
                  <c:v>1E-3</c:v>
                </c:pt>
                <c:pt idx="5813">
                  <c:v>1E-3</c:v>
                </c:pt>
                <c:pt idx="5814">
                  <c:v>1E-3</c:v>
                </c:pt>
                <c:pt idx="5815">
                  <c:v>1E-3</c:v>
                </c:pt>
                <c:pt idx="5816">
                  <c:v>1E-3</c:v>
                </c:pt>
                <c:pt idx="5817">
                  <c:v>1E-3</c:v>
                </c:pt>
                <c:pt idx="5818">
                  <c:v>1E-3</c:v>
                </c:pt>
                <c:pt idx="5819">
                  <c:v>1E-3</c:v>
                </c:pt>
                <c:pt idx="5820">
                  <c:v>1E-3</c:v>
                </c:pt>
                <c:pt idx="5821">
                  <c:v>1E-3</c:v>
                </c:pt>
                <c:pt idx="5822">
                  <c:v>1E-3</c:v>
                </c:pt>
                <c:pt idx="5823">
                  <c:v>1E-3</c:v>
                </c:pt>
                <c:pt idx="5824">
                  <c:v>1E-3</c:v>
                </c:pt>
                <c:pt idx="5825">
                  <c:v>1E-3</c:v>
                </c:pt>
                <c:pt idx="5826">
                  <c:v>1E-3</c:v>
                </c:pt>
                <c:pt idx="5827">
                  <c:v>1E-3</c:v>
                </c:pt>
                <c:pt idx="5828">
                  <c:v>1E-3</c:v>
                </c:pt>
                <c:pt idx="5829">
                  <c:v>1E-3</c:v>
                </c:pt>
                <c:pt idx="5830">
                  <c:v>1E-3</c:v>
                </c:pt>
                <c:pt idx="5831">
                  <c:v>1E-3</c:v>
                </c:pt>
                <c:pt idx="5832">
                  <c:v>1E-3</c:v>
                </c:pt>
                <c:pt idx="5833">
                  <c:v>1E-3</c:v>
                </c:pt>
                <c:pt idx="5834">
                  <c:v>1E-3</c:v>
                </c:pt>
                <c:pt idx="5835">
                  <c:v>1E-3</c:v>
                </c:pt>
                <c:pt idx="5836">
                  <c:v>1E-3</c:v>
                </c:pt>
                <c:pt idx="5837">
                  <c:v>1E-3</c:v>
                </c:pt>
                <c:pt idx="5838">
                  <c:v>1E-3</c:v>
                </c:pt>
                <c:pt idx="5839">
                  <c:v>1E-3</c:v>
                </c:pt>
                <c:pt idx="5840">
                  <c:v>1E-3</c:v>
                </c:pt>
                <c:pt idx="5841">
                  <c:v>1E-3</c:v>
                </c:pt>
                <c:pt idx="5842">
                  <c:v>1E-3</c:v>
                </c:pt>
                <c:pt idx="5843">
                  <c:v>1E-3</c:v>
                </c:pt>
                <c:pt idx="5844">
                  <c:v>1E-3</c:v>
                </c:pt>
                <c:pt idx="5845">
                  <c:v>1E-3</c:v>
                </c:pt>
                <c:pt idx="5846">
                  <c:v>1E-3</c:v>
                </c:pt>
                <c:pt idx="5847">
                  <c:v>1E-3</c:v>
                </c:pt>
                <c:pt idx="5848">
                  <c:v>1E-3</c:v>
                </c:pt>
                <c:pt idx="5849">
                  <c:v>1E-3</c:v>
                </c:pt>
                <c:pt idx="5850">
                  <c:v>1E-3</c:v>
                </c:pt>
                <c:pt idx="5851">
                  <c:v>1E-3</c:v>
                </c:pt>
                <c:pt idx="5852">
                  <c:v>1E-3</c:v>
                </c:pt>
                <c:pt idx="5853">
                  <c:v>1E-3</c:v>
                </c:pt>
                <c:pt idx="5854">
                  <c:v>1E-3</c:v>
                </c:pt>
                <c:pt idx="5855">
                  <c:v>1E-3</c:v>
                </c:pt>
                <c:pt idx="5856">
                  <c:v>1E-3</c:v>
                </c:pt>
                <c:pt idx="5857">
                  <c:v>1E-3</c:v>
                </c:pt>
                <c:pt idx="5858">
                  <c:v>1E-3</c:v>
                </c:pt>
                <c:pt idx="5859">
                  <c:v>1E-3</c:v>
                </c:pt>
                <c:pt idx="5860">
                  <c:v>1E-3</c:v>
                </c:pt>
                <c:pt idx="5861">
                  <c:v>1E-3</c:v>
                </c:pt>
                <c:pt idx="5862">
                  <c:v>1E-3</c:v>
                </c:pt>
                <c:pt idx="5863">
                  <c:v>1E-3</c:v>
                </c:pt>
                <c:pt idx="5864">
                  <c:v>1E-3</c:v>
                </c:pt>
                <c:pt idx="5865">
                  <c:v>1E-3</c:v>
                </c:pt>
                <c:pt idx="5866">
                  <c:v>1E-3</c:v>
                </c:pt>
                <c:pt idx="5867">
                  <c:v>1E-3</c:v>
                </c:pt>
                <c:pt idx="5868">
                  <c:v>1E-3</c:v>
                </c:pt>
                <c:pt idx="5869">
                  <c:v>1E-3</c:v>
                </c:pt>
                <c:pt idx="5870">
                  <c:v>1E-3</c:v>
                </c:pt>
                <c:pt idx="5871">
                  <c:v>1E-3</c:v>
                </c:pt>
                <c:pt idx="5872">
                  <c:v>-1E-3</c:v>
                </c:pt>
                <c:pt idx="5873">
                  <c:v>-1E-3</c:v>
                </c:pt>
                <c:pt idx="5874">
                  <c:v>-1E-3</c:v>
                </c:pt>
                <c:pt idx="5875">
                  <c:v>-1E-3</c:v>
                </c:pt>
                <c:pt idx="5876">
                  <c:v>-1E-3</c:v>
                </c:pt>
                <c:pt idx="5877">
                  <c:v>-1E-3</c:v>
                </c:pt>
                <c:pt idx="5878">
                  <c:v>-1E-3</c:v>
                </c:pt>
                <c:pt idx="5879">
                  <c:v>-1E-3</c:v>
                </c:pt>
                <c:pt idx="5880">
                  <c:v>-1E-3</c:v>
                </c:pt>
                <c:pt idx="5881">
                  <c:v>-1E-3</c:v>
                </c:pt>
                <c:pt idx="5882">
                  <c:v>-1E-3</c:v>
                </c:pt>
                <c:pt idx="5883">
                  <c:v>-1E-3</c:v>
                </c:pt>
                <c:pt idx="5884">
                  <c:v>-1E-3</c:v>
                </c:pt>
                <c:pt idx="5885">
                  <c:v>-1E-3</c:v>
                </c:pt>
                <c:pt idx="5886">
                  <c:v>-1E-3</c:v>
                </c:pt>
                <c:pt idx="5887">
                  <c:v>-1E-3</c:v>
                </c:pt>
                <c:pt idx="5888">
                  <c:v>-1E-3</c:v>
                </c:pt>
                <c:pt idx="5889">
                  <c:v>-1E-3</c:v>
                </c:pt>
                <c:pt idx="5890">
                  <c:v>-1E-3</c:v>
                </c:pt>
                <c:pt idx="5891">
                  <c:v>-1E-3</c:v>
                </c:pt>
                <c:pt idx="5892">
                  <c:v>-1E-3</c:v>
                </c:pt>
                <c:pt idx="5893">
                  <c:v>-1E-3</c:v>
                </c:pt>
                <c:pt idx="5894">
                  <c:v>-1E-3</c:v>
                </c:pt>
                <c:pt idx="5895">
                  <c:v>-1E-3</c:v>
                </c:pt>
                <c:pt idx="5896">
                  <c:v>-1E-3</c:v>
                </c:pt>
                <c:pt idx="5897">
                  <c:v>-1E-3</c:v>
                </c:pt>
                <c:pt idx="5898">
                  <c:v>-1E-3</c:v>
                </c:pt>
                <c:pt idx="5899">
                  <c:v>-1E-3</c:v>
                </c:pt>
                <c:pt idx="5900">
                  <c:v>-1E-3</c:v>
                </c:pt>
                <c:pt idx="5901">
                  <c:v>-1E-3</c:v>
                </c:pt>
                <c:pt idx="5902">
                  <c:v>-1E-3</c:v>
                </c:pt>
                <c:pt idx="5903">
                  <c:v>-1E-3</c:v>
                </c:pt>
                <c:pt idx="5904">
                  <c:v>-1E-3</c:v>
                </c:pt>
                <c:pt idx="5905">
                  <c:v>-1E-3</c:v>
                </c:pt>
                <c:pt idx="5906">
                  <c:v>-1E-3</c:v>
                </c:pt>
                <c:pt idx="5907">
                  <c:v>-1E-3</c:v>
                </c:pt>
                <c:pt idx="5908">
                  <c:v>-1E-3</c:v>
                </c:pt>
                <c:pt idx="5909">
                  <c:v>-1E-3</c:v>
                </c:pt>
                <c:pt idx="5910">
                  <c:v>-1E-3</c:v>
                </c:pt>
                <c:pt idx="5911">
                  <c:v>-1E-3</c:v>
                </c:pt>
                <c:pt idx="5912">
                  <c:v>-1E-3</c:v>
                </c:pt>
                <c:pt idx="5913">
                  <c:v>-1E-3</c:v>
                </c:pt>
                <c:pt idx="5914">
                  <c:v>-1E-3</c:v>
                </c:pt>
                <c:pt idx="5915">
                  <c:v>-1E-3</c:v>
                </c:pt>
                <c:pt idx="5916">
                  <c:v>-1E-3</c:v>
                </c:pt>
                <c:pt idx="5917">
                  <c:v>-1E-3</c:v>
                </c:pt>
                <c:pt idx="5918">
                  <c:v>-1E-3</c:v>
                </c:pt>
                <c:pt idx="5919">
                  <c:v>-1E-3</c:v>
                </c:pt>
                <c:pt idx="5920">
                  <c:v>-1E-3</c:v>
                </c:pt>
                <c:pt idx="5921">
                  <c:v>-1E-3</c:v>
                </c:pt>
                <c:pt idx="5922">
                  <c:v>-1E-3</c:v>
                </c:pt>
                <c:pt idx="5923">
                  <c:v>-1E-3</c:v>
                </c:pt>
                <c:pt idx="5924">
                  <c:v>-1E-3</c:v>
                </c:pt>
                <c:pt idx="5925">
                  <c:v>-1E-3</c:v>
                </c:pt>
                <c:pt idx="5926">
                  <c:v>-1E-3</c:v>
                </c:pt>
                <c:pt idx="5927">
                  <c:v>-1E-3</c:v>
                </c:pt>
                <c:pt idx="5928">
                  <c:v>-1E-3</c:v>
                </c:pt>
                <c:pt idx="5929">
                  <c:v>-1E-3</c:v>
                </c:pt>
                <c:pt idx="5930">
                  <c:v>-1E-3</c:v>
                </c:pt>
                <c:pt idx="5931">
                  <c:v>-1E-3</c:v>
                </c:pt>
                <c:pt idx="5932">
                  <c:v>-1E-3</c:v>
                </c:pt>
                <c:pt idx="5933">
                  <c:v>-1E-3</c:v>
                </c:pt>
                <c:pt idx="5934">
                  <c:v>-1E-3</c:v>
                </c:pt>
                <c:pt idx="5935">
                  <c:v>-1E-3</c:v>
                </c:pt>
                <c:pt idx="5936">
                  <c:v>-1E-3</c:v>
                </c:pt>
                <c:pt idx="5937">
                  <c:v>-1E-3</c:v>
                </c:pt>
                <c:pt idx="5938">
                  <c:v>-1E-3</c:v>
                </c:pt>
                <c:pt idx="5939">
                  <c:v>-1E-3</c:v>
                </c:pt>
                <c:pt idx="5940">
                  <c:v>-1E-3</c:v>
                </c:pt>
                <c:pt idx="5941">
                  <c:v>-1E-3</c:v>
                </c:pt>
                <c:pt idx="5942">
                  <c:v>-1E-3</c:v>
                </c:pt>
                <c:pt idx="5943">
                  <c:v>-1E-3</c:v>
                </c:pt>
                <c:pt idx="5944">
                  <c:v>-1E-3</c:v>
                </c:pt>
                <c:pt idx="5945">
                  <c:v>-1E-3</c:v>
                </c:pt>
                <c:pt idx="5946">
                  <c:v>-1E-3</c:v>
                </c:pt>
                <c:pt idx="5947">
                  <c:v>-1E-3</c:v>
                </c:pt>
                <c:pt idx="5948">
                  <c:v>-1E-3</c:v>
                </c:pt>
                <c:pt idx="5949">
                  <c:v>-1E-3</c:v>
                </c:pt>
                <c:pt idx="5950">
                  <c:v>-1E-3</c:v>
                </c:pt>
                <c:pt idx="5951">
                  <c:v>-1E-3</c:v>
                </c:pt>
                <c:pt idx="5952">
                  <c:v>-1E-3</c:v>
                </c:pt>
                <c:pt idx="5953">
                  <c:v>-1E-3</c:v>
                </c:pt>
                <c:pt idx="5954">
                  <c:v>-1E-3</c:v>
                </c:pt>
                <c:pt idx="5955">
                  <c:v>-1E-3</c:v>
                </c:pt>
                <c:pt idx="5956">
                  <c:v>-1E-3</c:v>
                </c:pt>
                <c:pt idx="5957">
                  <c:v>-1E-3</c:v>
                </c:pt>
                <c:pt idx="5958">
                  <c:v>-1E-3</c:v>
                </c:pt>
                <c:pt idx="5959">
                  <c:v>-1E-3</c:v>
                </c:pt>
                <c:pt idx="5960">
                  <c:v>-1E-3</c:v>
                </c:pt>
                <c:pt idx="5961">
                  <c:v>-1E-3</c:v>
                </c:pt>
                <c:pt idx="5962">
                  <c:v>-1E-3</c:v>
                </c:pt>
                <c:pt idx="5963">
                  <c:v>-1E-3</c:v>
                </c:pt>
                <c:pt idx="5964">
                  <c:v>-1E-3</c:v>
                </c:pt>
                <c:pt idx="5965">
                  <c:v>-1E-3</c:v>
                </c:pt>
                <c:pt idx="5966">
                  <c:v>-1E-3</c:v>
                </c:pt>
                <c:pt idx="5967">
                  <c:v>-1E-3</c:v>
                </c:pt>
                <c:pt idx="5968">
                  <c:v>-1E-3</c:v>
                </c:pt>
                <c:pt idx="5969">
                  <c:v>-1E-3</c:v>
                </c:pt>
                <c:pt idx="5970">
                  <c:v>-1E-3</c:v>
                </c:pt>
                <c:pt idx="5971">
                  <c:v>-1E-3</c:v>
                </c:pt>
                <c:pt idx="5972">
                  <c:v>-1E-3</c:v>
                </c:pt>
                <c:pt idx="5973">
                  <c:v>-1E-3</c:v>
                </c:pt>
                <c:pt idx="5974">
                  <c:v>-1E-3</c:v>
                </c:pt>
                <c:pt idx="5975">
                  <c:v>-1E-3</c:v>
                </c:pt>
                <c:pt idx="5976">
                  <c:v>-1E-3</c:v>
                </c:pt>
                <c:pt idx="5977">
                  <c:v>-1E-3</c:v>
                </c:pt>
                <c:pt idx="5978">
                  <c:v>-1E-3</c:v>
                </c:pt>
                <c:pt idx="5979">
                  <c:v>-1E-3</c:v>
                </c:pt>
                <c:pt idx="5980">
                  <c:v>-1E-3</c:v>
                </c:pt>
                <c:pt idx="5981">
                  <c:v>-1E-3</c:v>
                </c:pt>
                <c:pt idx="5982">
                  <c:v>-1E-3</c:v>
                </c:pt>
                <c:pt idx="5983">
                  <c:v>-1E-3</c:v>
                </c:pt>
                <c:pt idx="5984">
                  <c:v>-1E-3</c:v>
                </c:pt>
                <c:pt idx="5985">
                  <c:v>-1E-3</c:v>
                </c:pt>
                <c:pt idx="5986">
                  <c:v>-1E-3</c:v>
                </c:pt>
                <c:pt idx="5987">
                  <c:v>-1E-3</c:v>
                </c:pt>
                <c:pt idx="5988">
                  <c:v>-1E-3</c:v>
                </c:pt>
                <c:pt idx="5989">
                  <c:v>-1E-3</c:v>
                </c:pt>
                <c:pt idx="5990">
                  <c:v>-1E-3</c:v>
                </c:pt>
                <c:pt idx="5991">
                  <c:v>-1E-3</c:v>
                </c:pt>
                <c:pt idx="5992">
                  <c:v>-1E-3</c:v>
                </c:pt>
                <c:pt idx="5993">
                  <c:v>-1E-3</c:v>
                </c:pt>
                <c:pt idx="5994">
                  <c:v>-1E-3</c:v>
                </c:pt>
                <c:pt idx="5995">
                  <c:v>-1E-3</c:v>
                </c:pt>
                <c:pt idx="5996">
                  <c:v>-1E-3</c:v>
                </c:pt>
                <c:pt idx="5997">
                  <c:v>-1E-3</c:v>
                </c:pt>
                <c:pt idx="5998">
                  <c:v>-1E-3</c:v>
                </c:pt>
                <c:pt idx="5999">
                  <c:v>-1E-3</c:v>
                </c:pt>
                <c:pt idx="6000">
                  <c:v>-1E-3</c:v>
                </c:pt>
                <c:pt idx="6001">
                  <c:v>-1E-3</c:v>
                </c:pt>
                <c:pt idx="6002">
                  <c:v>-1E-3</c:v>
                </c:pt>
                <c:pt idx="6003">
                  <c:v>-1E-3</c:v>
                </c:pt>
                <c:pt idx="6004">
                  <c:v>-1E-3</c:v>
                </c:pt>
                <c:pt idx="6005">
                  <c:v>-1E-3</c:v>
                </c:pt>
                <c:pt idx="6006">
                  <c:v>-1E-3</c:v>
                </c:pt>
                <c:pt idx="6007">
                  <c:v>-1E-3</c:v>
                </c:pt>
                <c:pt idx="6008">
                  <c:v>-1E-3</c:v>
                </c:pt>
                <c:pt idx="6009">
                  <c:v>-1E-3</c:v>
                </c:pt>
                <c:pt idx="6010">
                  <c:v>-1E-3</c:v>
                </c:pt>
                <c:pt idx="6011">
                  <c:v>-1E-3</c:v>
                </c:pt>
                <c:pt idx="6012">
                  <c:v>-1E-3</c:v>
                </c:pt>
                <c:pt idx="6013">
                  <c:v>-1E-3</c:v>
                </c:pt>
                <c:pt idx="6014">
                  <c:v>-1E-3</c:v>
                </c:pt>
                <c:pt idx="6015">
                  <c:v>-1E-3</c:v>
                </c:pt>
                <c:pt idx="6016">
                  <c:v>-1E-3</c:v>
                </c:pt>
                <c:pt idx="6017">
                  <c:v>-1E-3</c:v>
                </c:pt>
                <c:pt idx="6018">
                  <c:v>-1E-3</c:v>
                </c:pt>
                <c:pt idx="6019">
                  <c:v>-1E-3</c:v>
                </c:pt>
                <c:pt idx="6020">
                  <c:v>-1E-3</c:v>
                </c:pt>
                <c:pt idx="6021">
                  <c:v>-1E-3</c:v>
                </c:pt>
                <c:pt idx="6022">
                  <c:v>-1E-3</c:v>
                </c:pt>
                <c:pt idx="6023">
                  <c:v>-1E-3</c:v>
                </c:pt>
                <c:pt idx="6024">
                  <c:v>-1E-3</c:v>
                </c:pt>
                <c:pt idx="6025">
                  <c:v>-1E-3</c:v>
                </c:pt>
                <c:pt idx="6026">
                  <c:v>-1E-3</c:v>
                </c:pt>
                <c:pt idx="6027">
                  <c:v>-1E-3</c:v>
                </c:pt>
                <c:pt idx="6028">
                  <c:v>-1E-3</c:v>
                </c:pt>
                <c:pt idx="6029">
                  <c:v>-1E-3</c:v>
                </c:pt>
                <c:pt idx="6030">
                  <c:v>-1E-3</c:v>
                </c:pt>
                <c:pt idx="6031">
                  <c:v>-1E-3</c:v>
                </c:pt>
                <c:pt idx="6032">
                  <c:v>-1E-3</c:v>
                </c:pt>
                <c:pt idx="6033">
                  <c:v>-1E-3</c:v>
                </c:pt>
                <c:pt idx="6034">
                  <c:v>-1E-3</c:v>
                </c:pt>
                <c:pt idx="6035">
                  <c:v>-1E-3</c:v>
                </c:pt>
                <c:pt idx="6036">
                  <c:v>-1E-3</c:v>
                </c:pt>
                <c:pt idx="6037">
                  <c:v>-1E-3</c:v>
                </c:pt>
                <c:pt idx="6038">
                  <c:v>-1E-3</c:v>
                </c:pt>
                <c:pt idx="6039">
                  <c:v>-1E-3</c:v>
                </c:pt>
                <c:pt idx="6040">
                  <c:v>-1E-3</c:v>
                </c:pt>
                <c:pt idx="6041">
                  <c:v>-1E-3</c:v>
                </c:pt>
                <c:pt idx="6042">
                  <c:v>-1E-3</c:v>
                </c:pt>
                <c:pt idx="6043">
                  <c:v>-1E-3</c:v>
                </c:pt>
                <c:pt idx="6044">
                  <c:v>-1E-3</c:v>
                </c:pt>
                <c:pt idx="6045">
                  <c:v>-1E-3</c:v>
                </c:pt>
                <c:pt idx="6046">
                  <c:v>-1E-3</c:v>
                </c:pt>
                <c:pt idx="6047">
                  <c:v>-1E-3</c:v>
                </c:pt>
                <c:pt idx="6048">
                  <c:v>-1E-3</c:v>
                </c:pt>
                <c:pt idx="6049">
                  <c:v>-1E-3</c:v>
                </c:pt>
                <c:pt idx="6050">
                  <c:v>-1E-3</c:v>
                </c:pt>
                <c:pt idx="6051">
                  <c:v>-1E-3</c:v>
                </c:pt>
                <c:pt idx="6052">
                  <c:v>-1E-3</c:v>
                </c:pt>
                <c:pt idx="6053">
                  <c:v>-1E-3</c:v>
                </c:pt>
                <c:pt idx="6054">
                  <c:v>-1E-3</c:v>
                </c:pt>
                <c:pt idx="6055">
                  <c:v>-1E-3</c:v>
                </c:pt>
                <c:pt idx="6056">
                  <c:v>-1E-3</c:v>
                </c:pt>
                <c:pt idx="6057">
                  <c:v>-1E-3</c:v>
                </c:pt>
                <c:pt idx="6058">
                  <c:v>-1E-3</c:v>
                </c:pt>
                <c:pt idx="6059">
                  <c:v>-1E-3</c:v>
                </c:pt>
                <c:pt idx="6060">
                  <c:v>-1E-3</c:v>
                </c:pt>
                <c:pt idx="6061">
                  <c:v>-1E-3</c:v>
                </c:pt>
                <c:pt idx="6062">
                  <c:v>-1E-3</c:v>
                </c:pt>
                <c:pt idx="6063">
                  <c:v>-1E-3</c:v>
                </c:pt>
                <c:pt idx="6064">
                  <c:v>-1E-3</c:v>
                </c:pt>
                <c:pt idx="6065">
                  <c:v>-1E-3</c:v>
                </c:pt>
                <c:pt idx="6066">
                  <c:v>-1E-3</c:v>
                </c:pt>
                <c:pt idx="6067">
                  <c:v>-1E-3</c:v>
                </c:pt>
                <c:pt idx="6068">
                  <c:v>-1E-3</c:v>
                </c:pt>
                <c:pt idx="6069">
                  <c:v>-1E-3</c:v>
                </c:pt>
                <c:pt idx="6070">
                  <c:v>-1E-3</c:v>
                </c:pt>
                <c:pt idx="6071">
                  <c:v>-1E-3</c:v>
                </c:pt>
                <c:pt idx="6072">
                  <c:v>-1E-3</c:v>
                </c:pt>
                <c:pt idx="6073">
                  <c:v>-1E-3</c:v>
                </c:pt>
                <c:pt idx="6074">
                  <c:v>-1E-3</c:v>
                </c:pt>
                <c:pt idx="6075">
                  <c:v>-1E-3</c:v>
                </c:pt>
                <c:pt idx="6076">
                  <c:v>-1E-3</c:v>
                </c:pt>
                <c:pt idx="6077">
                  <c:v>-1E-3</c:v>
                </c:pt>
                <c:pt idx="6078">
                  <c:v>-1E-3</c:v>
                </c:pt>
                <c:pt idx="6079">
                  <c:v>-1E-3</c:v>
                </c:pt>
                <c:pt idx="6080">
                  <c:v>-1E-3</c:v>
                </c:pt>
                <c:pt idx="6081">
                  <c:v>-1E-3</c:v>
                </c:pt>
                <c:pt idx="6082">
                  <c:v>-1E-3</c:v>
                </c:pt>
                <c:pt idx="6083">
                  <c:v>-1E-3</c:v>
                </c:pt>
                <c:pt idx="6084">
                  <c:v>-1E-3</c:v>
                </c:pt>
                <c:pt idx="6085">
                  <c:v>-1E-3</c:v>
                </c:pt>
                <c:pt idx="6086">
                  <c:v>-1E-3</c:v>
                </c:pt>
                <c:pt idx="6087">
                  <c:v>-1E-3</c:v>
                </c:pt>
                <c:pt idx="6088">
                  <c:v>-1E-3</c:v>
                </c:pt>
                <c:pt idx="6089">
                  <c:v>-1E-3</c:v>
                </c:pt>
                <c:pt idx="6090">
                  <c:v>-1E-3</c:v>
                </c:pt>
                <c:pt idx="6091">
                  <c:v>-1E-3</c:v>
                </c:pt>
                <c:pt idx="6092">
                  <c:v>-1E-3</c:v>
                </c:pt>
                <c:pt idx="6093">
                  <c:v>-1E-3</c:v>
                </c:pt>
                <c:pt idx="6094">
                  <c:v>-1E-3</c:v>
                </c:pt>
                <c:pt idx="6095">
                  <c:v>-1E-3</c:v>
                </c:pt>
                <c:pt idx="6096">
                  <c:v>-1E-3</c:v>
                </c:pt>
                <c:pt idx="6097">
                  <c:v>-1E-3</c:v>
                </c:pt>
                <c:pt idx="6098">
                  <c:v>-1E-3</c:v>
                </c:pt>
                <c:pt idx="6099">
                  <c:v>-1E-3</c:v>
                </c:pt>
                <c:pt idx="6100">
                  <c:v>-1E-3</c:v>
                </c:pt>
                <c:pt idx="6101">
                  <c:v>-1E-3</c:v>
                </c:pt>
                <c:pt idx="6102">
                  <c:v>-1E-3</c:v>
                </c:pt>
                <c:pt idx="6103">
                  <c:v>-1E-3</c:v>
                </c:pt>
                <c:pt idx="6104">
                  <c:v>-1E-3</c:v>
                </c:pt>
                <c:pt idx="6105">
                  <c:v>-1E-3</c:v>
                </c:pt>
                <c:pt idx="6106">
                  <c:v>-1E-3</c:v>
                </c:pt>
                <c:pt idx="6107">
                  <c:v>-1E-3</c:v>
                </c:pt>
                <c:pt idx="6108">
                  <c:v>-1E-3</c:v>
                </c:pt>
                <c:pt idx="6109">
                  <c:v>-1E-3</c:v>
                </c:pt>
                <c:pt idx="6110">
                  <c:v>-1E-3</c:v>
                </c:pt>
                <c:pt idx="6111">
                  <c:v>-1E-3</c:v>
                </c:pt>
                <c:pt idx="6112">
                  <c:v>-1E-3</c:v>
                </c:pt>
                <c:pt idx="6113">
                  <c:v>-1E-3</c:v>
                </c:pt>
                <c:pt idx="6114">
                  <c:v>-1E-3</c:v>
                </c:pt>
                <c:pt idx="6115">
                  <c:v>-1E-3</c:v>
                </c:pt>
                <c:pt idx="6116">
                  <c:v>-1E-3</c:v>
                </c:pt>
                <c:pt idx="6117">
                  <c:v>-1E-3</c:v>
                </c:pt>
                <c:pt idx="6118">
                  <c:v>-1E-3</c:v>
                </c:pt>
                <c:pt idx="6119">
                  <c:v>-1E-3</c:v>
                </c:pt>
                <c:pt idx="6120">
                  <c:v>-1E-3</c:v>
                </c:pt>
                <c:pt idx="6121">
                  <c:v>-1E-3</c:v>
                </c:pt>
                <c:pt idx="6122">
                  <c:v>-1E-3</c:v>
                </c:pt>
                <c:pt idx="6123">
                  <c:v>-1E-3</c:v>
                </c:pt>
                <c:pt idx="6124">
                  <c:v>-1E-3</c:v>
                </c:pt>
                <c:pt idx="6125">
                  <c:v>-1E-3</c:v>
                </c:pt>
                <c:pt idx="6126">
                  <c:v>-1E-3</c:v>
                </c:pt>
                <c:pt idx="6127">
                  <c:v>-1E-3</c:v>
                </c:pt>
                <c:pt idx="6128">
                  <c:v>-1E-3</c:v>
                </c:pt>
                <c:pt idx="6129">
                  <c:v>-1E-3</c:v>
                </c:pt>
                <c:pt idx="6130">
                  <c:v>-1E-3</c:v>
                </c:pt>
                <c:pt idx="6131">
                  <c:v>-1E-3</c:v>
                </c:pt>
                <c:pt idx="6132">
                  <c:v>-1E-3</c:v>
                </c:pt>
                <c:pt idx="6133">
                  <c:v>-1E-3</c:v>
                </c:pt>
                <c:pt idx="6134">
                  <c:v>-1E-3</c:v>
                </c:pt>
                <c:pt idx="6135">
                  <c:v>-1E-3</c:v>
                </c:pt>
                <c:pt idx="6136">
                  <c:v>-1E-3</c:v>
                </c:pt>
                <c:pt idx="6137">
                  <c:v>-1E-3</c:v>
                </c:pt>
                <c:pt idx="6138">
                  <c:v>-1E-3</c:v>
                </c:pt>
                <c:pt idx="6139">
                  <c:v>-1E-3</c:v>
                </c:pt>
                <c:pt idx="6140">
                  <c:v>-1E-3</c:v>
                </c:pt>
                <c:pt idx="6141">
                  <c:v>-1E-3</c:v>
                </c:pt>
                <c:pt idx="6142">
                  <c:v>-1E-3</c:v>
                </c:pt>
                <c:pt idx="6143">
                  <c:v>-1E-3</c:v>
                </c:pt>
                <c:pt idx="6144">
                  <c:v>-1E-3</c:v>
                </c:pt>
                <c:pt idx="6145">
                  <c:v>-1E-3</c:v>
                </c:pt>
                <c:pt idx="6146">
                  <c:v>-1E-3</c:v>
                </c:pt>
                <c:pt idx="6147">
                  <c:v>-1E-3</c:v>
                </c:pt>
                <c:pt idx="6148">
                  <c:v>-1E-3</c:v>
                </c:pt>
                <c:pt idx="6149">
                  <c:v>-1E-3</c:v>
                </c:pt>
                <c:pt idx="6150">
                  <c:v>-1E-3</c:v>
                </c:pt>
                <c:pt idx="6151">
                  <c:v>-1E-3</c:v>
                </c:pt>
                <c:pt idx="6152">
                  <c:v>-1E-3</c:v>
                </c:pt>
                <c:pt idx="6153">
                  <c:v>-1E-3</c:v>
                </c:pt>
                <c:pt idx="6154">
                  <c:v>-1E-3</c:v>
                </c:pt>
                <c:pt idx="6155">
                  <c:v>-1E-3</c:v>
                </c:pt>
                <c:pt idx="6156">
                  <c:v>-1E-3</c:v>
                </c:pt>
                <c:pt idx="6157">
                  <c:v>-1E-3</c:v>
                </c:pt>
                <c:pt idx="6158">
                  <c:v>-1E-3</c:v>
                </c:pt>
                <c:pt idx="6159">
                  <c:v>-1E-3</c:v>
                </c:pt>
                <c:pt idx="6160">
                  <c:v>-1E-3</c:v>
                </c:pt>
                <c:pt idx="6161">
                  <c:v>-1E-3</c:v>
                </c:pt>
                <c:pt idx="6162">
                  <c:v>-1E-3</c:v>
                </c:pt>
                <c:pt idx="6163">
                  <c:v>-1E-3</c:v>
                </c:pt>
                <c:pt idx="6164">
                  <c:v>-1E-3</c:v>
                </c:pt>
                <c:pt idx="6165">
                  <c:v>-1E-3</c:v>
                </c:pt>
                <c:pt idx="6166">
                  <c:v>-1E-3</c:v>
                </c:pt>
                <c:pt idx="6167">
                  <c:v>-1E-3</c:v>
                </c:pt>
                <c:pt idx="6168">
                  <c:v>-1E-3</c:v>
                </c:pt>
                <c:pt idx="6169">
                  <c:v>-1E-3</c:v>
                </c:pt>
                <c:pt idx="6170">
                  <c:v>-1E-3</c:v>
                </c:pt>
                <c:pt idx="6171">
                  <c:v>-1E-3</c:v>
                </c:pt>
                <c:pt idx="6172">
                  <c:v>-1E-3</c:v>
                </c:pt>
                <c:pt idx="6173">
                  <c:v>-1E-3</c:v>
                </c:pt>
                <c:pt idx="6174">
                  <c:v>-1E-3</c:v>
                </c:pt>
                <c:pt idx="6175">
                  <c:v>-1E-3</c:v>
                </c:pt>
                <c:pt idx="6176">
                  <c:v>-1E-3</c:v>
                </c:pt>
                <c:pt idx="6177">
                  <c:v>-1E-3</c:v>
                </c:pt>
                <c:pt idx="6178">
                  <c:v>-1E-3</c:v>
                </c:pt>
                <c:pt idx="6179">
                  <c:v>-1E-3</c:v>
                </c:pt>
                <c:pt idx="6180">
                  <c:v>-1E-3</c:v>
                </c:pt>
                <c:pt idx="6181">
                  <c:v>-1E-3</c:v>
                </c:pt>
                <c:pt idx="6182">
                  <c:v>-1E-3</c:v>
                </c:pt>
                <c:pt idx="6183">
                  <c:v>-1E-3</c:v>
                </c:pt>
                <c:pt idx="6184">
                  <c:v>-1E-3</c:v>
                </c:pt>
                <c:pt idx="6185">
                  <c:v>-1E-3</c:v>
                </c:pt>
                <c:pt idx="6186">
                  <c:v>-1E-3</c:v>
                </c:pt>
                <c:pt idx="6187">
                  <c:v>-1E-3</c:v>
                </c:pt>
                <c:pt idx="6188">
                  <c:v>-1E-3</c:v>
                </c:pt>
                <c:pt idx="6189">
                  <c:v>-1E-3</c:v>
                </c:pt>
                <c:pt idx="6190">
                  <c:v>-1E-3</c:v>
                </c:pt>
                <c:pt idx="6191">
                  <c:v>-1E-3</c:v>
                </c:pt>
                <c:pt idx="6192">
                  <c:v>-1E-3</c:v>
                </c:pt>
                <c:pt idx="6193">
                  <c:v>-1E-3</c:v>
                </c:pt>
                <c:pt idx="6194">
                  <c:v>-1E-3</c:v>
                </c:pt>
                <c:pt idx="6195">
                  <c:v>-1E-3</c:v>
                </c:pt>
                <c:pt idx="6196">
                  <c:v>-1E-3</c:v>
                </c:pt>
                <c:pt idx="6197">
                  <c:v>-1E-3</c:v>
                </c:pt>
                <c:pt idx="6198">
                  <c:v>-1E-3</c:v>
                </c:pt>
                <c:pt idx="6199">
                  <c:v>-1E-3</c:v>
                </c:pt>
                <c:pt idx="6200">
                  <c:v>-1E-3</c:v>
                </c:pt>
                <c:pt idx="6201">
                  <c:v>-1E-3</c:v>
                </c:pt>
                <c:pt idx="6202">
                  <c:v>-1E-3</c:v>
                </c:pt>
                <c:pt idx="6203">
                  <c:v>-1E-3</c:v>
                </c:pt>
                <c:pt idx="6204">
                  <c:v>-1E-3</c:v>
                </c:pt>
                <c:pt idx="6205">
                  <c:v>-1E-3</c:v>
                </c:pt>
                <c:pt idx="6206">
                  <c:v>-1E-3</c:v>
                </c:pt>
                <c:pt idx="6207">
                  <c:v>-1E-3</c:v>
                </c:pt>
                <c:pt idx="6208">
                  <c:v>-1E-3</c:v>
                </c:pt>
                <c:pt idx="6209">
                  <c:v>-1E-3</c:v>
                </c:pt>
                <c:pt idx="6210">
                  <c:v>-1E-3</c:v>
                </c:pt>
                <c:pt idx="6211">
                  <c:v>-1E-3</c:v>
                </c:pt>
                <c:pt idx="6212">
                  <c:v>-1E-3</c:v>
                </c:pt>
                <c:pt idx="6213">
                  <c:v>-1E-3</c:v>
                </c:pt>
                <c:pt idx="6214">
                  <c:v>-1E-3</c:v>
                </c:pt>
                <c:pt idx="6215">
                  <c:v>-1E-3</c:v>
                </c:pt>
                <c:pt idx="6216">
                  <c:v>-1E-3</c:v>
                </c:pt>
                <c:pt idx="6217">
                  <c:v>-1E-3</c:v>
                </c:pt>
                <c:pt idx="6218">
                  <c:v>-1E-3</c:v>
                </c:pt>
                <c:pt idx="6219">
                  <c:v>-1E-3</c:v>
                </c:pt>
                <c:pt idx="6220">
                  <c:v>-1E-3</c:v>
                </c:pt>
                <c:pt idx="6221">
                  <c:v>-1E-3</c:v>
                </c:pt>
                <c:pt idx="6222">
                  <c:v>-1E-3</c:v>
                </c:pt>
                <c:pt idx="6223">
                  <c:v>-1E-3</c:v>
                </c:pt>
                <c:pt idx="6224">
                  <c:v>-1E-3</c:v>
                </c:pt>
                <c:pt idx="6225">
                  <c:v>-1E-3</c:v>
                </c:pt>
                <c:pt idx="6226">
                  <c:v>-1E-3</c:v>
                </c:pt>
                <c:pt idx="6227">
                  <c:v>-1E-3</c:v>
                </c:pt>
                <c:pt idx="6228">
                  <c:v>-1E-3</c:v>
                </c:pt>
                <c:pt idx="6229">
                  <c:v>-1E-3</c:v>
                </c:pt>
                <c:pt idx="6230">
                  <c:v>-1E-3</c:v>
                </c:pt>
                <c:pt idx="6231">
                  <c:v>-1E-3</c:v>
                </c:pt>
                <c:pt idx="6232">
                  <c:v>-1E-3</c:v>
                </c:pt>
                <c:pt idx="6233">
                  <c:v>-1E-3</c:v>
                </c:pt>
                <c:pt idx="6234">
                  <c:v>-1E-3</c:v>
                </c:pt>
                <c:pt idx="6235">
                  <c:v>-1E-3</c:v>
                </c:pt>
                <c:pt idx="6236">
                  <c:v>-1E-3</c:v>
                </c:pt>
                <c:pt idx="6237">
                  <c:v>-1E-3</c:v>
                </c:pt>
                <c:pt idx="6238">
                  <c:v>-1E-3</c:v>
                </c:pt>
                <c:pt idx="6239">
                  <c:v>-1E-3</c:v>
                </c:pt>
                <c:pt idx="6240">
                  <c:v>-1E-3</c:v>
                </c:pt>
                <c:pt idx="6241">
                  <c:v>-1E-3</c:v>
                </c:pt>
                <c:pt idx="6242">
                  <c:v>-1E-3</c:v>
                </c:pt>
                <c:pt idx="6243">
                  <c:v>-1E-3</c:v>
                </c:pt>
                <c:pt idx="6244">
                  <c:v>-1E-3</c:v>
                </c:pt>
                <c:pt idx="6245">
                  <c:v>-1E-3</c:v>
                </c:pt>
                <c:pt idx="6246">
                  <c:v>-1E-3</c:v>
                </c:pt>
                <c:pt idx="6247">
                  <c:v>-1E-3</c:v>
                </c:pt>
                <c:pt idx="6248">
                  <c:v>-1E-3</c:v>
                </c:pt>
                <c:pt idx="6249">
                  <c:v>-1E-3</c:v>
                </c:pt>
                <c:pt idx="6250">
                  <c:v>-1E-3</c:v>
                </c:pt>
                <c:pt idx="6251">
                  <c:v>-1E-3</c:v>
                </c:pt>
                <c:pt idx="6252">
                  <c:v>-1E-3</c:v>
                </c:pt>
                <c:pt idx="6253">
                  <c:v>-1E-3</c:v>
                </c:pt>
                <c:pt idx="6254">
                  <c:v>-1E-3</c:v>
                </c:pt>
                <c:pt idx="6255">
                  <c:v>-1E-3</c:v>
                </c:pt>
                <c:pt idx="6256">
                  <c:v>-1E-3</c:v>
                </c:pt>
                <c:pt idx="6257">
                  <c:v>-1E-3</c:v>
                </c:pt>
                <c:pt idx="6258">
                  <c:v>-1E-3</c:v>
                </c:pt>
                <c:pt idx="6259">
                  <c:v>-1E-3</c:v>
                </c:pt>
                <c:pt idx="6260">
                  <c:v>-1E-3</c:v>
                </c:pt>
                <c:pt idx="6261">
                  <c:v>-1E-3</c:v>
                </c:pt>
                <c:pt idx="6262">
                  <c:v>-1E-3</c:v>
                </c:pt>
                <c:pt idx="6263">
                  <c:v>-1E-3</c:v>
                </c:pt>
                <c:pt idx="6264">
                  <c:v>-1E-3</c:v>
                </c:pt>
                <c:pt idx="6265">
                  <c:v>-1E-3</c:v>
                </c:pt>
                <c:pt idx="6266">
                  <c:v>-1E-3</c:v>
                </c:pt>
                <c:pt idx="6267">
                  <c:v>-1E-3</c:v>
                </c:pt>
                <c:pt idx="6268">
                  <c:v>-1E-3</c:v>
                </c:pt>
                <c:pt idx="6269">
                  <c:v>-1E-3</c:v>
                </c:pt>
                <c:pt idx="6270">
                  <c:v>-1E-3</c:v>
                </c:pt>
                <c:pt idx="6271">
                  <c:v>-1E-3</c:v>
                </c:pt>
                <c:pt idx="6272">
                  <c:v>-1E-3</c:v>
                </c:pt>
                <c:pt idx="6273">
                  <c:v>-1E-3</c:v>
                </c:pt>
                <c:pt idx="6274">
                  <c:v>-1E-3</c:v>
                </c:pt>
                <c:pt idx="6275">
                  <c:v>-1E-3</c:v>
                </c:pt>
                <c:pt idx="6276">
                  <c:v>-1E-3</c:v>
                </c:pt>
                <c:pt idx="6277">
                  <c:v>-1E-3</c:v>
                </c:pt>
                <c:pt idx="6278">
                  <c:v>-1E-3</c:v>
                </c:pt>
                <c:pt idx="6279">
                  <c:v>-1E-3</c:v>
                </c:pt>
                <c:pt idx="6280">
                  <c:v>-1E-3</c:v>
                </c:pt>
                <c:pt idx="6281">
                  <c:v>-1E-3</c:v>
                </c:pt>
                <c:pt idx="6282">
                  <c:v>-1E-3</c:v>
                </c:pt>
                <c:pt idx="6283">
                  <c:v>-1E-3</c:v>
                </c:pt>
                <c:pt idx="6284">
                  <c:v>-1E-3</c:v>
                </c:pt>
                <c:pt idx="6285">
                  <c:v>-1E-3</c:v>
                </c:pt>
                <c:pt idx="6286">
                  <c:v>-1E-3</c:v>
                </c:pt>
                <c:pt idx="6287">
                  <c:v>-1E-3</c:v>
                </c:pt>
                <c:pt idx="6288">
                  <c:v>-1E-3</c:v>
                </c:pt>
                <c:pt idx="6289">
                  <c:v>-1E-3</c:v>
                </c:pt>
                <c:pt idx="6290">
                  <c:v>-1E-3</c:v>
                </c:pt>
                <c:pt idx="6291">
                  <c:v>-1E-3</c:v>
                </c:pt>
                <c:pt idx="6292">
                  <c:v>-1E-3</c:v>
                </c:pt>
                <c:pt idx="6293">
                  <c:v>-1E-3</c:v>
                </c:pt>
                <c:pt idx="6294">
                  <c:v>-1E-3</c:v>
                </c:pt>
                <c:pt idx="6295">
                  <c:v>-1E-3</c:v>
                </c:pt>
                <c:pt idx="6296">
                  <c:v>-1E-3</c:v>
                </c:pt>
                <c:pt idx="6297">
                  <c:v>-1E-3</c:v>
                </c:pt>
                <c:pt idx="6298">
                  <c:v>-1E-3</c:v>
                </c:pt>
                <c:pt idx="6299">
                  <c:v>-1E-3</c:v>
                </c:pt>
                <c:pt idx="6300">
                  <c:v>-1E-3</c:v>
                </c:pt>
                <c:pt idx="6301">
                  <c:v>-1E-3</c:v>
                </c:pt>
                <c:pt idx="6302">
                  <c:v>-1E-3</c:v>
                </c:pt>
                <c:pt idx="6303">
                  <c:v>-1E-3</c:v>
                </c:pt>
                <c:pt idx="6304">
                  <c:v>-1E-3</c:v>
                </c:pt>
                <c:pt idx="6305">
                  <c:v>-1E-3</c:v>
                </c:pt>
                <c:pt idx="6306">
                  <c:v>-1E-3</c:v>
                </c:pt>
                <c:pt idx="6307">
                  <c:v>-1E-3</c:v>
                </c:pt>
                <c:pt idx="6308">
                  <c:v>-1E-3</c:v>
                </c:pt>
                <c:pt idx="6309">
                  <c:v>-1E-3</c:v>
                </c:pt>
                <c:pt idx="6310">
                  <c:v>-1E-3</c:v>
                </c:pt>
                <c:pt idx="6311">
                  <c:v>-1E-3</c:v>
                </c:pt>
                <c:pt idx="6312">
                  <c:v>-1E-3</c:v>
                </c:pt>
                <c:pt idx="6313">
                  <c:v>-1E-3</c:v>
                </c:pt>
                <c:pt idx="6314">
                  <c:v>-1E-3</c:v>
                </c:pt>
                <c:pt idx="6315">
                  <c:v>-1E-3</c:v>
                </c:pt>
                <c:pt idx="6316">
                  <c:v>-1E-3</c:v>
                </c:pt>
                <c:pt idx="6317">
                  <c:v>-1E-3</c:v>
                </c:pt>
                <c:pt idx="6318">
                  <c:v>-1E-3</c:v>
                </c:pt>
                <c:pt idx="6319">
                  <c:v>-1E-3</c:v>
                </c:pt>
                <c:pt idx="6320">
                  <c:v>-1E-3</c:v>
                </c:pt>
                <c:pt idx="6321">
                  <c:v>-1E-3</c:v>
                </c:pt>
                <c:pt idx="6322">
                  <c:v>-1E-3</c:v>
                </c:pt>
                <c:pt idx="6323">
                  <c:v>-1E-3</c:v>
                </c:pt>
                <c:pt idx="6324">
                  <c:v>-1E-3</c:v>
                </c:pt>
                <c:pt idx="6325">
                  <c:v>-1E-3</c:v>
                </c:pt>
                <c:pt idx="6326">
                  <c:v>-1E-3</c:v>
                </c:pt>
                <c:pt idx="6327">
                  <c:v>-1E-3</c:v>
                </c:pt>
                <c:pt idx="6328">
                  <c:v>-1E-3</c:v>
                </c:pt>
                <c:pt idx="6329">
                  <c:v>-1E-3</c:v>
                </c:pt>
                <c:pt idx="6330">
                  <c:v>-1E-3</c:v>
                </c:pt>
                <c:pt idx="6331">
                  <c:v>-1E-3</c:v>
                </c:pt>
                <c:pt idx="6332">
                  <c:v>-1E-3</c:v>
                </c:pt>
                <c:pt idx="6333">
                  <c:v>-1E-3</c:v>
                </c:pt>
                <c:pt idx="6334">
                  <c:v>-1E-3</c:v>
                </c:pt>
                <c:pt idx="6335">
                  <c:v>-1E-3</c:v>
                </c:pt>
                <c:pt idx="6336">
                  <c:v>-1E-3</c:v>
                </c:pt>
                <c:pt idx="6337">
                  <c:v>-1E-3</c:v>
                </c:pt>
                <c:pt idx="6338">
                  <c:v>-1E-3</c:v>
                </c:pt>
                <c:pt idx="6339">
                  <c:v>-1E-3</c:v>
                </c:pt>
                <c:pt idx="6340">
                  <c:v>-1E-3</c:v>
                </c:pt>
                <c:pt idx="6341">
                  <c:v>-1E-3</c:v>
                </c:pt>
                <c:pt idx="6342">
                  <c:v>-1E-3</c:v>
                </c:pt>
                <c:pt idx="6343">
                  <c:v>-1E-3</c:v>
                </c:pt>
                <c:pt idx="6344">
                  <c:v>-1E-3</c:v>
                </c:pt>
                <c:pt idx="6345">
                  <c:v>-1E-3</c:v>
                </c:pt>
                <c:pt idx="6346">
                  <c:v>-1E-3</c:v>
                </c:pt>
                <c:pt idx="6347">
                  <c:v>-1E-3</c:v>
                </c:pt>
                <c:pt idx="6348">
                  <c:v>-1E-3</c:v>
                </c:pt>
                <c:pt idx="6349">
                  <c:v>-1E-3</c:v>
                </c:pt>
                <c:pt idx="6350">
                  <c:v>-1E-3</c:v>
                </c:pt>
                <c:pt idx="6351">
                  <c:v>-1E-3</c:v>
                </c:pt>
                <c:pt idx="6352">
                  <c:v>-1E-3</c:v>
                </c:pt>
                <c:pt idx="6353">
                  <c:v>-1E-3</c:v>
                </c:pt>
                <c:pt idx="6354">
                  <c:v>-1E-3</c:v>
                </c:pt>
                <c:pt idx="6355">
                  <c:v>-1E-3</c:v>
                </c:pt>
                <c:pt idx="6356">
                  <c:v>-1E-3</c:v>
                </c:pt>
                <c:pt idx="6357">
                  <c:v>-1E-3</c:v>
                </c:pt>
                <c:pt idx="6358">
                  <c:v>-1E-3</c:v>
                </c:pt>
                <c:pt idx="6359">
                  <c:v>-1E-3</c:v>
                </c:pt>
                <c:pt idx="6360">
                  <c:v>-1E-3</c:v>
                </c:pt>
                <c:pt idx="6361">
                  <c:v>-1E-3</c:v>
                </c:pt>
                <c:pt idx="6362">
                  <c:v>-1E-3</c:v>
                </c:pt>
                <c:pt idx="6363">
                  <c:v>-1E-3</c:v>
                </c:pt>
                <c:pt idx="6364">
                  <c:v>-1E-3</c:v>
                </c:pt>
                <c:pt idx="6365">
                  <c:v>-1E-3</c:v>
                </c:pt>
                <c:pt idx="6366">
                  <c:v>-1E-3</c:v>
                </c:pt>
                <c:pt idx="6367">
                  <c:v>-1E-3</c:v>
                </c:pt>
                <c:pt idx="6368">
                  <c:v>-1E-3</c:v>
                </c:pt>
                <c:pt idx="6369">
                  <c:v>-1E-3</c:v>
                </c:pt>
                <c:pt idx="6370">
                  <c:v>-1E-3</c:v>
                </c:pt>
                <c:pt idx="6371">
                  <c:v>-1E-3</c:v>
                </c:pt>
                <c:pt idx="6372">
                  <c:v>-1E-3</c:v>
                </c:pt>
                <c:pt idx="6373">
                  <c:v>-1E-3</c:v>
                </c:pt>
                <c:pt idx="6374">
                  <c:v>-1E-3</c:v>
                </c:pt>
                <c:pt idx="6375">
                  <c:v>-1E-3</c:v>
                </c:pt>
                <c:pt idx="6376">
                  <c:v>-1E-3</c:v>
                </c:pt>
                <c:pt idx="6377">
                  <c:v>-1E-3</c:v>
                </c:pt>
                <c:pt idx="6378">
                  <c:v>-1E-3</c:v>
                </c:pt>
                <c:pt idx="6379">
                  <c:v>-1E-3</c:v>
                </c:pt>
                <c:pt idx="6380">
                  <c:v>-1E-3</c:v>
                </c:pt>
                <c:pt idx="6381">
                  <c:v>-1E-3</c:v>
                </c:pt>
                <c:pt idx="6382">
                  <c:v>-1E-3</c:v>
                </c:pt>
                <c:pt idx="6383">
                  <c:v>-1E-3</c:v>
                </c:pt>
                <c:pt idx="6384">
                  <c:v>-1E-3</c:v>
                </c:pt>
                <c:pt idx="6385">
                  <c:v>-1E-3</c:v>
                </c:pt>
                <c:pt idx="6386">
                  <c:v>-1E-3</c:v>
                </c:pt>
                <c:pt idx="6387">
                  <c:v>-1E-3</c:v>
                </c:pt>
                <c:pt idx="6388">
                  <c:v>-1E-3</c:v>
                </c:pt>
                <c:pt idx="6389">
                  <c:v>-1E-3</c:v>
                </c:pt>
                <c:pt idx="6390">
                  <c:v>-1E-3</c:v>
                </c:pt>
                <c:pt idx="6391">
                  <c:v>-1E-3</c:v>
                </c:pt>
                <c:pt idx="6392">
                  <c:v>-1E-3</c:v>
                </c:pt>
                <c:pt idx="6393">
                  <c:v>-1E-3</c:v>
                </c:pt>
                <c:pt idx="6394">
                  <c:v>-1E-3</c:v>
                </c:pt>
                <c:pt idx="6395">
                  <c:v>-1E-3</c:v>
                </c:pt>
                <c:pt idx="6396">
                  <c:v>-1E-3</c:v>
                </c:pt>
                <c:pt idx="6397">
                  <c:v>-1E-3</c:v>
                </c:pt>
                <c:pt idx="6398">
                  <c:v>-1E-3</c:v>
                </c:pt>
                <c:pt idx="6399">
                  <c:v>-1E-3</c:v>
                </c:pt>
                <c:pt idx="6400">
                  <c:v>-1E-3</c:v>
                </c:pt>
                <c:pt idx="6401">
                  <c:v>-1E-3</c:v>
                </c:pt>
                <c:pt idx="6402">
                  <c:v>-1E-3</c:v>
                </c:pt>
                <c:pt idx="6403">
                  <c:v>-1E-3</c:v>
                </c:pt>
                <c:pt idx="6404">
                  <c:v>-1E-3</c:v>
                </c:pt>
                <c:pt idx="6405">
                  <c:v>-1E-3</c:v>
                </c:pt>
                <c:pt idx="6406">
                  <c:v>-1E-3</c:v>
                </c:pt>
                <c:pt idx="6407">
                  <c:v>-1E-3</c:v>
                </c:pt>
                <c:pt idx="6408">
                  <c:v>-1E-3</c:v>
                </c:pt>
                <c:pt idx="6409">
                  <c:v>-1E-3</c:v>
                </c:pt>
                <c:pt idx="6410">
                  <c:v>-1E-3</c:v>
                </c:pt>
                <c:pt idx="6411">
                  <c:v>-1E-3</c:v>
                </c:pt>
                <c:pt idx="6412">
                  <c:v>-1E-3</c:v>
                </c:pt>
                <c:pt idx="6413">
                  <c:v>-1E-3</c:v>
                </c:pt>
                <c:pt idx="6414">
                  <c:v>-1E-3</c:v>
                </c:pt>
                <c:pt idx="6415">
                  <c:v>-1E-3</c:v>
                </c:pt>
                <c:pt idx="6416">
                  <c:v>-1E-3</c:v>
                </c:pt>
                <c:pt idx="6417">
                  <c:v>-1E-3</c:v>
                </c:pt>
                <c:pt idx="6418">
                  <c:v>-1E-3</c:v>
                </c:pt>
                <c:pt idx="6419">
                  <c:v>-1E-3</c:v>
                </c:pt>
                <c:pt idx="6420">
                  <c:v>-1E-3</c:v>
                </c:pt>
                <c:pt idx="6421">
                  <c:v>-1E-3</c:v>
                </c:pt>
                <c:pt idx="6422">
                  <c:v>-1E-3</c:v>
                </c:pt>
                <c:pt idx="6423">
                  <c:v>-1E-3</c:v>
                </c:pt>
                <c:pt idx="6424">
                  <c:v>-1E-3</c:v>
                </c:pt>
                <c:pt idx="6425">
                  <c:v>-1E-3</c:v>
                </c:pt>
                <c:pt idx="6426">
                  <c:v>-1E-3</c:v>
                </c:pt>
                <c:pt idx="6427">
                  <c:v>-1E-3</c:v>
                </c:pt>
                <c:pt idx="6428">
                  <c:v>-1E-3</c:v>
                </c:pt>
                <c:pt idx="6429">
                  <c:v>-1E-3</c:v>
                </c:pt>
                <c:pt idx="6430">
                  <c:v>-1E-3</c:v>
                </c:pt>
                <c:pt idx="6431">
                  <c:v>-1E-3</c:v>
                </c:pt>
                <c:pt idx="6432">
                  <c:v>-1E-3</c:v>
                </c:pt>
                <c:pt idx="6433">
                  <c:v>-1E-3</c:v>
                </c:pt>
                <c:pt idx="6434">
                  <c:v>-1E-3</c:v>
                </c:pt>
                <c:pt idx="6435">
                  <c:v>-1E-3</c:v>
                </c:pt>
                <c:pt idx="6436">
                  <c:v>-1E-3</c:v>
                </c:pt>
                <c:pt idx="6437">
                  <c:v>-1E-3</c:v>
                </c:pt>
                <c:pt idx="6438">
                  <c:v>-1E-3</c:v>
                </c:pt>
                <c:pt idx="6439">
                  <c:v>-1E-3</c:v>
                </c:pt>
                <c:pt idx="6440">
                  <c:v>-1E-3</c:v>
                </c:pt>
                <c:pt idx="6441">
                  <c:v>-1E-3</c:v>
                </c:pt>
                <c:pt idx="6442">
                  <c:v>-1E-3</c:v>
                </c:pt>
                <c:pt idx="6443">
                  <c:v>-1E-3</c:v>
                </c:pt>
                <c:pt idx="6444">
                  <c:v>-1E-3</c:v>
                </c:pt>
                <c:pt idx="6445">
                  <c:v>-1E-3</c:v>
                </c:pt>
                <c:pt idx="6446">
                  <c:v>-1E-3</c:v>
                </c:pt>
                <c:pt idx="6447">
                  <c:v>-1E-3</c:v>
                </c:pt>
                <c:pt idx="6448">
                  <c:v>-1E-3</c:v>
                </c:pt>
                <c:pt idx="6449">
                  <c:v>-1E-3</c:v>
                </c:pt>
                <c:pt idx="6450">
                  <c:v>-1E-3</c:v>
                </c:pt>
                <c:pt idx="6451">
                  <c:v>-1E-3</c:v>
                </c:pt>
                <c:pt idx="6452">
                  <c:v>-1E-3</c:v>
                </c:pt>
                <c:pt idx="6453">
                  <c:v>-1E-3</c:v>
                </c:pt>
                <c:pt idx="6454">
                  <c:v>-1E-3</c:v>
                </c:pt>
                <c:pt idx="6455">
                  <c:v>-1E-3</c:v>
                </c:pt>
                <c:pt idx="6456">
                  <c:v>-1E-3</c:v>
                </c:pt>
                <c:pt idx="6457">
                  <c:v>-1E-3</c:v>
                </c:pt>
                <c:pt idx="6458">
                  <c:v>-1E-3</c:v>
                </c:pt>
                <c:pt idx="6459">
                  <c:v>-1E-3</c:v>
                </c:pt>
                <c:pt idx="6460">
                  <c:v>-1E-3</c:v>
                </c:pt>
                <c:pt idx="6461">
                  <c:v>-1E-3</c:v>
                </c:pt>
                <c:pt idx="6462">
                  <c:v>-1E-3</c:v>
                </c:pt>
                <c:pt idx="6463">
                  <c:v>-1E-3</c:v>
                </c:pt>
                <c:pt idx="6464">
                  <c:v>-1E-3</c:v>
                </c:pt>
                <c:pt idx="6465">
                  <c:v>-1E-3</c:v>
                </c:pt>
                <c:pt idx="6466">
                  <c:v>-1E-3</c:v>
                </c:pt>
                <c:pt idx="6467">
                  <c:v>-1E-3</c:v>
                </c:pt>
                <c:pt idx="6468">
                  <c:v>-1E-3</c:v>
                </c:pt>
                <c:pt idx="6469">
                  <c:v>-1E-3</c:v>
                </c:pt>
                <c:pt idx="6470">
                  <c:v>-1E-3</c:v>
                </c:pt>
                <c:pt idx="6471">
                  <c:v>-1E-3</c:v>
                </c:pt>
                <c:pt idx="6472">
                  <c:v>-1E-3</c:v>
                </c:pt>
                <c:pt idx="6473">
                  <c:v>-1E-3</c:v>
                </c:pt>
                <c:pt idx="6474">
                  <c:v>-1E-3</c:v>
                </c:pt>
                <c:pt idx="6475">
                  <c:v>-1E-3</c:v>
                </c:pt>
                <c:pt idx="6476">
                  <c:v>-1E-3</c:v>
                </c:pt>
                <c:pt idx="6477">
                  <c:v>-1E-3</c:v>
                </c:pt>
                <c:pt idx="6478">
                  <c:v>-1E-3</c:v>
                </c:pt>
                <c:pt idx="6479">
                  <c:v>-1E-3</c:v>
                </c:pt>
                <c:pt idx="6480">
                  <c:v>-1E-3</c:v>
                </c:pt>
                <c:pt idx="6481">
                  <c:v>-1E-3</c:v>
                </c:pt>
                <c:pt idx="6482">
                  <c:v>-1E-3</c:v>
                </c:pt>
                <c:pt idx="6483">
                  <c:v>-1E-3</c:v>
                </c:pt>
                <c:pt idx="6484">
                  <c:v>-1E-3</c:v>
                </c:pt>
                <c:pt idx="6485">
                  <c:v>-1E-3</c:v>
                </c:pt>
                <c:pt idx="6486">
                  <c:v>-1E-3</c:v>
                </c:pt>
                <c:pt idx="6487">
                  <c:v>-1E-3</c:v>
                </c:pt>
                <c:pt idx="6488">
                  <c:v>-1E-3</c:v>
                </c:pt>
                <c:pt idx="6489">
                  <c:v>-1E-3</c:v>
                </c:pt>
                <c:pt idx="6490">
                  <c:v>-1E-3</c:v>
                </c:pt>
                <c:pt idx="6491">
                  <c:v>-1E-3</c:v>
                </c:pt>
                <c:pt idx="6492">
                  <c:v>-1E-3</c:v>
                </c:pt>
                <c:pt idx="6493">
                  <c:v>-1E-3</c:v>
                </c:pt>
                <c:pt idx="6494">
                  <c:v>-1E-3</c:v>
                </c:pt>
                <c:pt idx="6495">
                  <c:v>-1E-3</c:v>
                </c:pt>
                <c:pt idx="6496">
                  <c:v>-1E-3</c:v>
                </c:pt>
                <c:pt idx="6497">
                  <c:v>-1E-3</c:v>
                </c:pt>
                <c:pt idx="6498">
                  <c:v>-1E-3</c:v>
                </c:pt>
                <c:pt idx="6499">
                  <c:v>-1E-3</c:v>
                </c:pt>
                <c:pt idx="6500">
                  <c:v>-1E-3</c:v>
                </c:pt>
                <c:pt idx="6501">
                  <c:v>-1E-3</c:v>
                </c:pt>
                <c:pt idx="6502">
                  <c:v>-1E-3</c:v>
                </c:pt>
                <c:pt idx="6503">
                  <c:v>-1E-3</c:v>
                </c:pt>
                <c:pt idx="6504">
                  <c:v>-1E-3</c:v>
                </c:pt>
                <c:pt idx="6505">
                  <c:v>-1E-3</c:v>
                </c:pt>
                <c:pt idx="6506">
                  <c:v>-1E-3</c:v>
                </c:pt>
                <c:pt idx="6507">
                  <c:v>-1E-3</c:v>
                </c:pt>
                <c:pt idx="6508">
                  <c:v>-1E-3</c:v>
                </c:pt>
                <c:pt idx="6509">
                  <c:v>-1E-3</c:v>
                </c:pt>
                <c:pt idx="6510">
                  <c:v>-1E-3</c:v>
                </c:pt>
                <c:pt idx="6511">
                  <c:v>-1E-3</c:v>
                </c:pt>
                <c:pt idx="6512">
                  <c:v>-1E-3</c:v>
                </c:pt>
                <c:pt idx="6513">
                  <c:v>-1E-3</c:v>
                </c:pt>
                <c:pt idx="6514">
                  <c:v>-1E-3</c:v>
                </c:pt>
                <c:pt idx="6515">
                  <c:v>-1E-3</c:v>
                </c:pt>
                <c:pt idx="6516">
                  <c:v>-1E-3</c:v>
                </c:pt>
                <c:pt idx="6517">
                  <c:v>-1E-3</c:v>
                </c:pt>
                <c:pt idx="6518">
                  <c:v>-1E-3</c:v>
                </c:pt>
                <c:pt idx="6519">
                  <c:v>-1E-3</c:v>
                </c:pt>
                <c:pt idx="6520">
                  <c:v>-1E-3</c:v>
                </c:pt>
                <c:pt idx="6521">
                  <c:v>-1E-3</c:v>
                </c:pt>
                <c:pt idx="6522">
                  <c:v>-1E-3</c:v>
                </c:pt>
                <c:pt idx="6523">
                  <c:v>-1E-3</c:v>
                </c:pt>
                <c:pt idx="6524">
                  <c:v>-1E-3</c:v>
                </c:pt>
                <c:pt idx="6525">
                  <c:v>-1E-3</c:v>
                </c:pt>
                <c:pt idx="6526">
                  <c:v>-1E-3</c:v>
                </c:pt>
                <c:pt idx="6527">
                  <c:v>-1E-3</c:v>
                </c:pt>
                <c:pt idx="6528">
                  <c:v>-1E-3</c:v>
                </c:pt>
                <c:pt idx="6529">
                  <c:v>-1E-3</c:v>
                </c:pt>
                <c:pt idx="6530">
                  <c:v>-1E-3</c:v>
                </c:pt>
                <c:pt idx="6531">
                  <c:v>-1E-3</c:v>
                </c:pt>
                <c:pt idx="6532">
                  <c:v>-1E-3</c:v>
                </c:pt>
                <c:pt idx="6533">
                  <c:v>-1E-3</c:v>
                </c:pt>
                <c:pt idx="6534">
                  <c:v>-1E-3</c:v>
                </c:pt>
                <c:pt idx="6535">
                  <c:v>-1E-3</c:v>
                </c:pt>
                <c:pt idx="6536">
                  <c:v>-1E-3</c:v>
                </c:pt>
                <c:pt idx="6537">
                  <c:v>-1E-3</c:v>
                </c:pt>
                <c:pt idx="6538">
                  <c:v>-1E-3</c:v>
                </c:pt>
                <c:pt idx="6539">
                  <c:v>-1E-3</c:v>
                </c:pt>
                <c:pt idx="6540">
                  <c:v>-1E-3</c:v>
                </c:pt>
                <c:pt idx="6541">
                  <c:v>-1E-3</c:v>
                </c:pt>
                <c:pt idx="6542">
                  <c:v>-1E-3</c:v>
                </c:pt>
                <c:pt idx="6543">
                  <c:v>-1E-3</c:v>
                </c:pt>
                <c:pt idx="6544">
                  <c:v>-1E-3</c:v>
                </c:pt>
                <c:pt idx="6545">
                  <c:v>-1E-3</c:v>
                </c:pt>
                <c:pt idx="6546">
                  <c:v>-1E-3</c:v>
                </c:pt>
                <c:pt idx="6547">
                  <c:v>-1E-3</c:v>
                </c:pt>
                <c:pt idx="6548">
                  <c:v>-1E-3</c:v>
                </c:pt>
                <c:pt idx="6549">
                  <c:v>-1E-3</c:v>
                </c:pt>
                <c:pt idx="6550">
                  <c:v>-1E-3</c:v>
                </c:pt>
                <c:pt idx="6551">
                  <c:v>-1E-3</c:v>
                </c:pt>
                <c:pt idx="6552">
                  <c:v>-1E-3</c:v>
                </c:pt>
                <c:pt idx="6553">
                  <c:v>-1E-3</c:v>
                </c:pt>
                <c:pt idx="6554">
                  <c:v>-1E-3</c:v>
                </c:pt>
                <c:pt idx="6555">
                  <c:v>-1E-3</c:v>
                </c:pt>
                <c:pt idx="6556">
                  <c:v>-1E-3</c:v>
                </c:pt>
                <c:pt idx="6557">
                  <c:v>-1E-3</c:v>
                </c:pt>
                <c:pt idx="6558">
                  <c:v>-1E-3</c:v>
                </c:pt>
                <c:pt idx="6559">
                  <c:v>-1E-3</c:v>
                </c:pt>
                <c:pt idx="6560">
                  <c:v>-1E-3</c:v>
                </c:pt>
                <c:pt idx="6561">
                  <c:v>-1E-3</c:v>
                </c:pt>
                <c:pt idx="6562">
                  <c:v>-1E-3</c:v>
                </c:pt>
                <c:pt idx="6563">
                  <c:v>-1E-3</c:v>
                </c:pt>
                <c:pt idx="6564">
                  <c:v>-1E-3</c:v>
                </c:pt>
                <c:pt idx="6565">
                  <c:v>-1E-3</c:v>
                </c:pt>
                <c:pt idx="6566">
                  <c:v>-1E-3</c:v>
                </c:pt>
                <c:pt idx="6567">
                  <c:v>-1E-3</c:v>
                </c:pt>
                <c:pt idx="6568">
                  <c:v>-1E-3</c:v>
                </c:pt>
                <c:pt idx="6569">
                  <c:v>-1E-3</c:v>
                </c:pt>
                <c:pt idx="6570">
                  <c:v>-1E-3</c:v>
                </c:pt>
                <c:pt idx="6571">
                  <c:v>-1E-3</c:v>
                </c:pt>
                <c:pt idx="6572">
                  <c:v>-1E-3</c:v>
                </c:pt>
                <c:pt idx="6573">
                  <c:v>-1E-3</c:v>
                </c:pt>
                <c:pt idx="6574">
                  <c:v>-1E-3</c:v>
                </c:pt>
                <c:pt idx="6575">
                  <c:v>-1E-3</c:v>
                </c:pt>
                <c:pt idx="6576">
                  <c:v>-1E-3</c:v>
                </c:pt>
                <c:pt idx="6577">
                  <c:v>-1E-3</c:v>
                </c:pt>
                <c:pt idx="6578">
                  <c:v>-1E-3</c:v>
                </c:pt>
                <c:pt idx="6579">
                  <c:v>-1E-3</c:v>
                </c:pt>
                <c:pt idx="6580">
                  <c:v>-1E-3</c:v>
                </c:pt>
                <c:pt idx="6581">
                  <c:v>-1E-3</c:v>
                </c:pt>
                <c:pt idx="6582">
                  <c:v>-1E-3</c:v>
                </c:pt>
                <c:pt idx="6583">
                  <c:v>-1E-3</c:v>
                </c:pt>
                <c:pt idx="6584">
                  <c:v>-1E-3</c:v>
                </c:pt>
                <c:pt idx="6585">
                  <c:v>-1E-3</c:v>
                </c:pt>
                <c:pt idx="6586">
                  <c:v>-1E-3</c:v>
                </c:pt>
                <c:pt idx="6587">
                  <c:v>-1E-3</c:v>
                </c:pt>
                <c:pt idx="6588">
                  <c:v>-1E-3</c:v>
                </c:pt>
                <c:pt idx="6589">
                  <c:v>-1E-3</c:v>
                </c:pt>
                <c:pt idx="6590">
                  <c:v>-1E-3</c:v>
                </c:pt>
                <c:pt idx="6591">
                  <c:v>-1E-3</c:v>
                </c:pt>
                <c:pt idx="6592">
                  <c:v>-1E-3</c:v>
                </c:pt>
                <c:pt idx="6593">
                  <c:v>-1E-3</c:v>
                </c:pt>
                <c:pt idx="6594">
                  <c:v>-1E-3</c:v>
                </c:pt>
                <c:pt idx="6595">
                  <c:v>-1E-3</c:v>
                </c:pt>
                <c:pt idx="6596">
                  <c:v>-1E-3</c:v>
                </c:pt>
                <c:pt idx="6597">
                  <c:v>-1E-3</c:v>
                </c:pt>
                <c:pt idx="6598">
                  <c:v>-1E-3</c:v>
                </c:pt>
                <c:pt idx="6599">
                  <c:v>-1E-3</c:v>
                </c:pt>
                <c:pt idx="6600">
                  <c:v>-1E-3</c:v>
                </c:pt>
                <c:pt idx="6601">
                  <c:v>-1E-3</c:v>
                </c:pt>
                <c:pt idx="6602">
                  <c:v>-1E-3</c:v>
                </c:pt>
                <c:pt idx="6603">
                  <c:v>-1E-3</c:v>
                </c:pt>
                <c:pt idx="6604">
                  <c:v>-1E-3</c:v>
                </c:pt>
                <c:pt idx="6605">
                  <c:v>-1E-3</c:v>
                </c:pt>
                <c:pt idx="6606">
                  <c:v>-1E-3</c:v>
                </c:pt>
                <c:pt idx="6607">
                  <c:v>-1E-3</c:v>
                </c:pt>
                <c:pt idx="6608">
                  <c:v>-1E-3</c:v>
                </c:pt>
                <c:pt idx="6609">
                  <c:v>-1E-3</c:v>
                </c:pt>
                <c:pt idx="6610">
                  <c:v>-1E-3</c:v>
                </c:pt>
                <c:pt idx="6611">
                  <c:v>-1E-3</c:v>
                </c:pt>
                <c:pt idx="6612">
                  <c:v>-1E-3</c:v>
                </c:pt>
                <c:pt idx="6613">
                  <c:v>-1E-3</c:v>
                </c:pt>
                <c:pt idx="6614">
                  <c:v>-1E-3</c:v>
                </c:pt>
                <c:pt idx="6615">
                  <c:v>-1E-3</c:v>
                </c:pt>
                <c:pt idx="6616">
                  <c:v>-1E-3</c:v>
                </c:pt>
                <c:pt idx="6617">
                  <c:v>-1E-3</c:v>
                </c:pt>
                <c:pt idx="6618">
                  <c:v>-1E-3</c:v>
                </c:pt>
                <c:pt idx="6619">
                  <c:v>-1E-3</c:v>
                </c:pt>
                <c:pt idx="6620">
                  <c:v>-1E-3</c:v>
                </c:pt>
                <c:pt idx="6621">
                  <c:v>-1E-3</c:v>
                </c:pt>
                <c:pt idx="6622">
                  <c:v>-1E-3</c:v>
                </c:pt>
                <c:pt idx="6623">
                  <c:v>-1E-3</c:v>
                </c:pt>
                <c:pt idx="6624">
                  <c:v>-1E-3</c:v>
                </c:pt>
                <c:pt idx="6625">
                  <c:v>-1E-3</c:v>
                </c:pt>
                <c:pt idx="6626">
                  <c:v>-1E-3</c:v>
                </c:pt>
                <c:pt idx="6627">
                  <c:v>-1E-3</c:v>
                </c:pt>
                <c:pt idx="6628">
                  <c:v>-1E-3</c:v>
                </c:pt>
                <c:pt idx="6629">
                  <c:v>-1E-3</c:v>
                </c:pt>
                <c:pt idx="6630">
                  <c:v>-1E-3</c:v>
                </c:pt>
                <c:pt idx="6631">
                  <c:v>-1E-3</c:v>
                </c:pt>
                <c:pt idx="6632">
                  <c:v>-1E-3</c:v>
                </c:pt>
                <c:pt idx="6633">
                  <c:v>-1E-3</c:v>
                </c:pt>
                <c:pt idx="6634">
                  <c:v>-1E-3</c:v>
                </c:pt>
                <c:pt idx="6635">
                  <c:v>-1E-3</c:v>
                </c:pt>
                <c:pt idx="6636">
                  <c:v>-1E-3</c:v>
                </c:pt>
                <c:pt idx="6637">
                  <c:v>-1E-3</c:v>
                </c:pt>
                <c:pt idx="6638">
                  <c:v>-1E-3</c:v>
                </c:pt>
                <c:pt idx="6639">
                  <c:v>-1E-3</c:v>
                </c:pt>
                <c:pt idx="6640">
                  <c:v>-1E-3</c:v>
                </c:pt>
                <c:pt idx="6641">
                  <c:v>-1E-3</c:v>
                </c:pt>
                <c:pt idx="6642">
                  <c:v>-1E-3</c:v>
                </c:pt>
                <c:pt idx="6643">
                  <c:v>-1E-3</c:v>
                </c:pt>
                <c:pt idx="6644">
                  <c:v>-1E-3</c:v>
                </c:pt>
                <c:pt idx="6645">
                  <c:v>-1E-3</c:v>
                </c:pt>
                <c:pt idx="6646">
                  <c:v>-1E-3</c:v>
                </c:pt>
                <c:pt idx="6647">
                  <c:v>-1E-3</c:v>
                </c:pt>
                <c:pt idx="6648">
                  <c:v>-1E-3</c:v>
                </c:pt>
                <c:pt idx="6649">
                  <c:v>-1E-3</c:v>
                </c:pt>
                <c:pt idx="6650">
                  <c:v>-1E-3</c:v>
                </c:pt>
                <c:pt idx="6651">
                  <c:v>-1E-3</c:v>
                </c:pt>
                <c:pt idx="6652">
                  <c:v>-1E-3</c:v>
                </c:pt>
                <c:pt idx="6653">
                  <c:v>-1E-3</c:v>
                </c:pt>
                <c:pt idx="6654">
                  <c:v>-1E-3</c:v>
                </c:pt>
                <c:pt idx="6655">
                  <c:v>-1E-3</c:v>
                </c:pt>
                <c:pt idx="6656">
                  <c:v>-1E-3</c:v>
                </c:pt>
                <c:pt idx="6657">
                  <c:v>-1E-3</c:v>
                </c:pt>
                <c:pt idx="6658">
                  <c:v>-1E-3</c:v>
                </c:pt>
                <c:pt idx="6659">
                  <c:v>-1E-3</c:v>
                </c:pt>
                <c:pt idx="6660">
                  <c:v>-1E-3</c:v>
                </c:pt>
                <c:pt idx="6661">
                  <c:v>-1E-3</c:v>
                </c:pt>
                <c:pt idx="6662">
                  <c:v>-1E-3</c:v>
                </c:pt>
                <c:pt idx="6663">
                  <c:v>-1E-3</c:v>
                </c:pt>
                <c:pt idx="6664">
                  <c:v>-1E-3</c:v>
                </c:pt>
                <c:pt idx="6665">
                  <c:v>-1E-3</c:v>
                </c:pt>
                <c:pt idx="6666">
                  <c:v>-1E-3</c:v>
                </c:pt>
                <c:pt idx="6667">
                  <c:v>-1E-3</c:v>
                </c:pt>
                <c:pt idx="6668">
                  <c:v>-1E-3</c:v>
                </c:pt>
                <c:pt idx="6669">
                  <c:v>-1E-3</c:v>
                </c:pt>
                <c:pt idx="6670">
                  <c:v>-1E-3</c:v>
                </c:pt>
                <c:pt idx="6671">
                  <c:v>-1E-3</c:v>
                </c:pt>
                <c:pt idx="6672">
                  <c:v>-1E-3</c:v>
                </c:pt>
                <c:pt idx="6673">
                  <c:v>-1E-3</c:v>
                </c:pt>
                <c:pt idx="6674">
                  <c:v>-1E-3</c:v>
                </c:pt>
                <c:pt idx="6675">
                  <c:v>-1E-3</c:v>
                </c:pt>
                <c:pt idx="6676">
                  <c:v>-1E-3</c:v>
                </c:pt>
                <c:pt idx="6677">
                  <c:v>-1E-3</c:v>
                </c:pt>
                <c:pt idx="6678">
                  <c:v>-1E-3</c:v>
                </c:pt>
                <c:pt idx="6679">
                  <c:v>-1E-3</c:v>
                </c:pt>
                <c:pt idx="6680">
                  <c:v>-1E-3</c:v>
                </c:pt>
                <c:pt idx="6681">
                  <c:v>-1E-3</c:v>
                </c:pt>
                <c:pt idx="6682">
                  <c:v>-1E-3</c:v>
                </c:pt>
                <c:pt idx="6683">
                  <c:v>-1E-3</c:v>
                </c:pt>
                <c:pt idx="6684">
                  <c:v>-1E-3</c:v>
                </c:pt>
                <c:pt idx="6685">
                  <c:v>-1E-3</c:v>
                </c:pt>
                <c:pt idx="6686">
                  <c:v>-1E-3</c:v>
                </c:pt>
                <c:pt idx="6687">
                  <c:v>-1E-3</c:v>
                </c:pt>
                <c:pt idx="6688">
                  <c:v>-1E-3</c:v>
                </c:pt>
                <c:pt idx="6689">
                  <c:v>-1E-3</c:v>
                </c:pt>
                <c:pt idx="6690">
                  <c:v>-1E-3</c:v>
                </c:pt>
                <c:pt idx="6691">
                  <c:v>-1E-3</c:v>
                </c:pt>
                <c:pt idx="6692">
                  <c:v>-1E-3</c:v>
                </c:pt>
                <c:pt idx="6693">
                  <c:v>-1E-3</c:v>
                </c:pt>
                <c:pt idx="6694">
                  <c:v>-1E-3</c:v>
                </c:pt>
                <c:pt idx="6695">
                  <c:v>-1E-3</c:v>
                </c:pt>
                <c:pt idx="6696">
                  <c:v>-1E-3</c:v>
                </c:pt>
                <c:pt idx="6697">
                  <c:v>-1E-3</c:v>
                </c:pt>
                <c:pt idx="6698">
                  <c:v>-1E-3</c:v>
                </c:pt>
                <c:pt idx="6699">
                  <c:v>-1E-3</c:v>
                </c:pt>
                <c:pt idx="6700">
                  <c:v>-1E-3</c:v>
                </c:pt>
                <c:pt idx="6701">
                  <c:v>-1E-3</c:v>
                </c:pt>
                <c:pt idx="6702">
                  <c:v>-1E-3</c:v>
                </c:pt>
                <c:pt idx="6703">
                  <c:v>-1E-3</c:v>
                </c:pt>
                <c:pt idx="6704">
                  <c:v>-1E-3</c:v>
                </c:pt>
                <c:pt idx="6705">
                  <c:v>-1E-3</c:v>
                </c:pt>
                <c:pt idx="6706">
                  <c:v>-1E-3</c:v>
                </c:pt>
                <c:pt idx="6707">
                  <c:v>-1E-3</c:v>
                </c:pt>
                <c:pt idx="6708">
                  <c:v>-1E-3</c:v>
                </c:pt>
                <c:pt idx="6709">
                  <c:v>-1E-3</c:v>
                </c:pt>
                <c:pt idx="6710">
                  <c:v>-1E-3</c:v>
                </c:pt>
                <c:pt idx="6711">
                  <c:v>-1E-3</c:v>
                </c:pt>
                <c:pt idx="6712">
                  <c:v>-1E-3</c:v>
                </c:pt>
                <c:pt idx="6713">
                  <c:v>-1E-3</c:v>
                </c:pt>
                <c:pt idx="6714">
                  <c:v>-1E-3</c:v>
                </c:pt>
                <c:pt idx="6715">
                  <c:v>-1E-3</c:v>
                </c:pt>
                <c:pt idx="6716">
                  <c:v>-1E-3</c:v>
                </c:pt>
                <c:pt idx="6717">
                  <c:v>-1E-3</c:v>
                </c:pt>
                <c:pt idx="6718">
                  <c:v>-1E-3</c:v>
                </c:pt>
                <c:pt idx="6719">
                  <c:v>-1E-3</c:v>
                </c:pt>
                <c:pt idx="6720">
                  <c:v>-1E-3</c:v>
                </c:pt>
                <c:pt idx="6721">
                  <c:v>-1E-3</c:v>
                </c:pt>
                <c:pt idx="6722">
                  <c:v>-1E-3</c:v>
                </c:pt>
                <c:pt idx="6723">
                  <c:v>-1E-3</c:v>
                </c:pt>
                <c:pt idx="6724">
                  <c:v>-1E-3</c:v>
                </c:pt>
                <c:pt idx="6725">
                  <c:v>-1E-3</c:v>
                </c:pt>
                <c:pt idx="6726">
                  <c:v>-1E-3</c:v>
                </c:pt>
                <c:pt idx="6727">
                  <c:v>-1E-3</c:v>
                </c:pt>
                <c:pt idx="6728">
                  <c:v>-1E-3</c:v>
                </c:pt>
                <c:pt idx="6729">
                  <c:v>-1E-3</c:v>
                </c:pt>
                <c:pt idx="6730">
                  <c:v>-1E-3</c:v>
                </c:pt>
                <c:pt idx="6731">
                  <c:v>-1E-3</c:v>
                </c:pt>
                <c:pt idx="6732">
                  <c:v>-1E-3</c:v>
                </c:pt>
                <c:pt idx="6733">
                  <c:v>-1E-3</c:v>
                </c:pt>
                <c:pt idx="6734">
                  <c:v>-1E-3</c:v>
                </c:pt>
                <c:pt idx="6735">
                  <c:v>-1E-3</c:v>
                </c:pt>
                <c:pt idx="6736">
                  <c:v>-1E-3</c:v>
                </c:pt>
                <c:pt idx="6737">
                  <c:v>-1E-3</c:v>
                </c:pt>
                <c:pt idx="6738">
                  <c:v>-1E-3</c:v>
                </c:pt>
                <c:pt idx="6739">
                  <c:v>-1E-3</c:v>
                </c:pt>
                <c:pt idx="6740">
                  <c:v>-1E-3</c:v>
                </c:pt>
                <c:pt idx="6741">
                  <c:v>-1E-3</c:v>
                </c:pt>
                <c:pt idx="6742">
                  <c:v>-1E-3</c:v>
                </c:pt>
                <c:pt idx="6743">
                  <c:v>-1E-3</c:v>
                </c:pt>
                <c:pt idx="6744">
                  <c:v>-1E-3</c:v>
                </c:pt>
                <c:pt idx="6745">
                  <c:v>-1E-3</c:v>
                </c:pt>
                <c:pt idx="6746">
                  <c:v>-1E-3</c:v>
                </c:pt>
                <c:pt idx="6747">
                  <c:v>-1E-3</c:v>
                </c:pt>
                <c:pt idx="6748">
                  <c:v>-1E-3</c:v>
                </c:pt>
                <c:pt idx="6749">
                  <c:v>-1E-3</c:v>
                </c:pt>
                <c:pt idx="6750">
                  <c:v>-1E-3</c:v>
                </c:pt>
                <c:pt idx="6751">
                  <c:v>-1E-3</c:v>
                </c:pt>
                <c:pt idx="6752">
                  <c:v>-1E-3</c:v>
                </c:pt>
                <c:pt idx="6753">
                  <c:v>-1E-3</c:v>
                </c:pt>
                <c:pt idx="6754">
                  <c:v>-1E-3</c:v>
                </c:pt>
                <c:pt idx="6755">
                  <c:v>-1E-3</c:v>
                </c:pt>
                <c:pt idx="6756">
                  <c:v>-1E-3</c:v>
                </c:pt>
                <c:pt idx="6757">
                  <c:v>-1E-3</c:v>
                </c:pt>
                <c:pt idx="6758">
                  <c:v>-1E-3</c:v>
                </c:pt>
                <c:pt idx="6759">
                  <c:v>-1E-3</c:v>
                </c:pt>
                <c:pt idx="6760">
                  <c:v>-1E-3</c:v>
                </c:pt>
                <c:pt idx="6761">
                  <c:v>-1E-3</c:v>
                </c:pt>
                <c:pt idx="6762">
                  <c:v>-1E-3</c:v>
                </c:pt>
                <c:pt idx="6763">
                  <c:v>-1E-3</c:v>
                </c:pt>
                <c:pt idx="6764">
                  <c:v>-1E-3</c:v>
                </c:pt>
                <c:pt idx="6765">
                  <c:v>-1E-3</c:v>
                </c:pt>
                <c:pt idx="6766">
                  <c:v>-1E-3</c:v>
                </c:pt>
                <c:pt idx="6767">
                  <c:v>-1E-3</c:v>
                </c:pt>
                <c:pt idx="6768">
                  <c:v>-1E-3</c:v>
                </c:pt>
                <c:pt idx="6769">
                  <c:v>-1E-3</c:v>
                </c:pt>
                <c:pt idx="6770">
                  <c:v>-1E-3</c:v>
                </c:pt>
                <c:pt idx="6771">
                  <c:v>-1E-3</c:v>
                </c:pt>
                <c:pt idx="6772">
                  <c:v>-1E-3</c:v>
                </c:pt>
                <c:pt idx="6773">
                  <c:v>-1E-3</c:v>
                </c:pt>
                <c:pt idx="6774">
                  <c:v>-1E-3</c:v>
                </c:pt>
                <c:pt idx="6775">
                  <c:v>-1E-3</c:v>
                </c:pt>
                <c:pt idx="6776">
                  <c:v>-1E-3</c:v>
                </c:pt>
                <c:pt idx="6777">
                  <c:v>-1E-3</c:v>
                </c:pt>
                <c:pt idx="6778">
                  <c:v>-1E-3</c:v>
                </c:pt>
                <c:pt idx="6779">
                  <c:v>-1E-3</c:v>
                </c:pt>
                <c:pt idx="6780">
                  <c:v>-1E-3</c:v>
                </c:pt>
                <c:pt idx="6781">
                  <c:v>-1E-3</c:v>
                </c:pt>
                <c:pt idx="6782">
                  <c:v>-1E-3</c:v>
                </c:pt>
                <c:pt idx="6783">
                  <c:v>-1E-3</c:v>
                </c:pt>
                <c:pt idx="6784">
                  <c:v>-1E-3</c:v>
                </c:pt>
                <c:pt idx="6785">
                  <c:v>-1E-3</c:v>
                </c:pt>
                <c:pt idx="6786">
                  <c:v>-1E-3</c:v>
                </c:pt>
                <c:pt idx="6787">
                  <c:v>-1E-3</c:v>
                </c:pt>
                <c:pt idx="6788">
                  <c:v>-1E-3</c:v>
                </c:pt>
                <c:pt idx="6789">
                  <c:v>-1E-3</c:v>
                </c:pt>
                <c:pt idx="6790">
                  <c:v>-1E-3</c:v>
                </c:pt>
                <c:pt idx="6791">
                  <c:v>-1E-3</c:v>
                </c:pt>
                <c:pt idx="6792">
                  <c:v>-1E-3</c:v>
                </c:pt>
                <c:pt idx="6793">
                  <c:v>-1E-3</c:v>
                </c:pt>
                <c:pt idx="6794">
                  <c:v>-1E-3</c:v>
                </c:pt>
                <c:pt idx="6795">
                  <c:v>-1E-3</c:v>
                </c:pt>
                <c:pt idx="6796">
                  <c:v>-1E-3</c:v>
                </c:pt>
                <c:pt idx="6797">
                  <c:v>-1E-3</c:v>
                </c:pt>
                <c:pt idx="6798">
                  <c:v>-1E-3</c:v>
                </c:pt>
                <c:pt idx="6799">
                  <c:v>-1E-3</c:v>
                </c:pt>
                <c:pt idx="6800">
                  <c:v>-1E-3</c:v>
                </c:pt>
                <c:pt idx="6801">
                  <c:v>-1E-3</c:v>
                </c:pt>
                <c:pt idx="6802">
                  <c:v>-1E-3</c:v>
                </c:pt>
                <c:pt idx="6803">
                  <c:v>-1E-3</c:v>
                </c:pt>
                <c:pt idx="6804">
                  <c:v>-1E-3</c:v>
                </c:pt>
                <c:pt idx="6805">
                  <c:v>-1E-3</c:v>
                </c:pt>
                <c:pt idx="6806">
                  <c:v>-1E-3</c:v>
                </c:pt>
                <c:pt idx="6807">
                  <c:v>-1E-3</c:v>
                </c:pt>
                <c:pt idx="6808">
                  <c:v>-1E-3</c:v>
                </c:pt>
                <c:pt idx="6809">
                  <c:v>-1E-3</c:v>
                </c:pt>
                <c:pt idx="6810">
                  <c:v>-1E-3</c:v>
                </c:pt>
                <c:pt idx="6811">
                  <c:v>-1E-3</c:v>
                </c:pt>
                <c:pt idx="6812">
                  <c:v>-1E-3</c:v>
                </c:pt>
                <c:pt idx="6813">
                  <c:v>-1E-3</c:v>
                </c:pt>
                <c:pt idx="6814">
                  <c:v>-1E-3</c:v>
                </c:pt>
                <c:pt idx="6815">
                  <c:v>-1E-3</c:v>
                </c:pt>
                <c:pt idx="6816">
                  <c:v>-1E-3</c:v>
                </c:pt>
                <c:pt idx="6817">
                  <c:v>-1E-3</c:v>
                </c:pt>
                <c:pt idx="6818">
                  <c:v>-1E-3</c:v>
                </c:pt>
                <c:pt idx="6819">
                  <c:v>-1E-3</c:v>
                </c:pt>
                <c:pt idx="6820">
                  <c:v>-1E-3</c:v>
                </c:pt>
                <c:pt idx="6821">
                  <c:v>-1E-3</c:v>
                </c:pt>
                <c:pt idx="6822">
                  <c:v>-1E-3</c:v>
                </c:pt>
                <c:pt idx="6823">
                  <c:v>-1E-3</c:v>
                </c:pt>
                <c:pt idx="6824">
                  <c:v>-1E-3</c:v>
                </c:pt>
                <c:pt idx="6825">
                  <c:v>-1E-3</c:v>
                </c:pt>
                <c:pt idx="6826">
                  <c:v>-1E-3</c:v>
                </c:pt>
                <c:pt idx="6827">
                  <c:v>-1E-3</c:v>
                </c:pt>
                <c:pt idx="6828">
                  <c:v>-1E-3</c:v>
                </c:pt>
                <c:pt idx="6829">
                  <c:v>-1E-3</c:v>
                </c:pt>
                <c:pt idx="6830">
                  <c:v>-1E-3</c:v>
                </c:pt>
                <c:pt idx="6831">
                  <c:v>-1E-3</c:v>
                </c:pt>
                <c:pt idx="6832">
                  <c:v>-1E-3</c:v>
                </c:pt>
                <c:pt idx="6833">
                  <c:v>-1E-3</c:v>
                </c:pt>
                <c:pt idx="6834">
                  <c:v>-1E-3</c:v>
                </c:pt>
                <c:pt idx="6835">
                  <c:v>-1E-3</c:v>
                </c:pt>
                <c:pt idx="6836">
                  <c:v>-1E-3</c:v>
                </c:pt>
                <c:pt idx="6837">
                  <c:v>-1E-3</c:v>
                </c:pt>
                <c:pt idx="6838">
                  <c:v>-1E-3</c:v>
                </c:pt>
                <c:pt idx="6839">
                  <c:v>-1E-3</c:v>
                </c:pt>
                <c:pt idx="6840">
                  <c:v>-1E-3</c:v>
                </c:pt>
                <c:pt idx="6841">
                  <c:v>-1E-3</c:v>
                </c:pt>
                <c:pt idx="6842">
                  <c:v>-1E-3</c:v>
                </c:pt>
                <c:pt idx="6843">
                  <c:v>-1E-3</c:v>
                </c:pt>
                <c:pt idx="6844">
                  <c:v>-1E-3</c:v>
                </c:pt>
                <c:pt idx="6845">
                  <c:v>-1E-3</c:v>
                </c:pt>
                <c:pt idx="6846">
                  <c:v>-1E-3</c:v>
                </c:pt>
                <c:pt idx="6847">
                  <c:v>-1E-3</c:v>
                </c:pt>
                <c:pt idx="6848">
                  <c:v>-1E-3</c:v>
                </c:pt>
                <c:pt idx="6849">
                  <c:v>-1E-3</c:v>
                </c:pt>
                <c:pt idx="6850">
                  <c:v>-1E-3</c:v>
                </c:pt>
                <c:pt idx="6851">
                  <c:v>-1E-3</c:v>
                </c:pt>
                <c:pt idx="6852">
                  <c:v>-1E-3</c:v>
                </c:pt>
                <c:pt idx="6853">
                  <c:v>-1E-3</c:v>
                </c:pt>
                <c:pt idx="6854">
                  <c:v>-1E-3</c:v>
                </c:pt>
                <c:pt idx="6855">
                  <c:v>-1E-3</c:v>
                </c:pt>
                <c:pt idx="6856">
                  <c:v>-1E-3</c:v>
                </c:pt>
                <c:pt idx="6857">
                  <c:v>-1E-3</c:v>
                </c:pt>
                <c:pt idx="6858">
                  <c:v>-1E-3</c:v>
                </c:pt>
                <c:pt idx="6859">
                  <c:v>-1E-3</c:v>
                </c:pt>
                <c:pt idx="6860">
                  <c:v>-1E-3</c:v>
                </c:pt>
                <c:pt idx="6861">
                  <c:v>-1E-3</c:v>
                </c:pt>
                <c:pt idx="6862">
                  <c:v>-1E-3</c:v>
                </c:pt>
                <c:pt idx="6863">
                  <c:v>-1E-3</c:v>
                </c:pt>
                <c:pt idx="6864">
                  <c:v>-1E-3</c:v>
                </c:pt>
                <c:pt idx="6865">
                  <c:v>-1E-3</c:v>
                </c:pt>
                <c:pt idx="6866">
                  <c:v>-1E-3</c:v>
                </c:pt>
                <c:pt idx="6867">
                  <c:v>-1E-3</c:v>
                </c:pt>
                <c:pt idx="6868">
                  <c:v>-1E-3</c:v>
                </c:pt>
                <c:pt idx="6869">
                  <c:v>-1E-3</c:v>
                </c:pt>
                <c:pt idx="6870">
                  <c:v>-1E-3</c:v>
                </c:pt>
                <c:pt idx="6871">
                  <c:v>-1E-3</c:v>
                </c:pt>
                <c:pt idx="6872">
                  <c:v>-1E-3</c:v>
                </c:pt>
                <c:pt idx="6873">
                  <c:v>-1E-3</c:v>
                </c:pt>
                <c:pt idx="6874">
                  <c:v>-1E-3</c:v>
                </c:pt>
                <c:pt idx="6875">
                  <c:v>-1E-3</c:v>
                </c:pt>
                <c:pt idx="6876">
                  <c:v>-1E-3</c:v>
                </c:pt>
                <c:pt idx="6877">
                  <c:v>-1E-3</c:v>
                </c:pt>
                <c:pt idx="6878">
                  <c:v>-1E-3</c:v>
                </c:pt>
                <c:pt idx="6879">
                  <c:v>-1E-3</c:v>
                </c:pt>
                <c:pt idx="6880">
                  <c:v>-1E-3</c:v>
                </c:pt>
                <c:pt idx="6881">
                  <c:v>-1E-3</c:v>
                </c:pt>
                <c:pt idx="6882">
                  <c:v>-1E-3</c:v>
                </c:pt>
                <c:pt idx="6883">
                  <c:v>-1E-3</c:v>
                </c:pt>
                <c:pt idx="6884">
                  <c:v>-1E-3</c:v>
                </c:pt>
                <c:pt idx="6885">
                  <c:v>-1E-3</c:v>
                </c:pt>
                <c:pt idx="6886">
                  <c:v>-1E-3</c:v>
                </c:pt>
                <c:pt idx="6887">
                  <c:v>-1E-3</c:v>
                </c:pt>
                <c:pt idx="6888">
                  <c:v>-1E-3</c:v>
                </c:pt>
                <c:pt idx="6889">
                  <c:v>-1E-3</c:v>
                </c:pt>
                <c:pt idx="6890">
                  <c:v>-1E-3</c:v>
                </c:pt>
                <c:pt idx="6891">
                  <c:v>-1E-3</c:v>
                </c:pt>
                <c:pt idx="6892">
                  <c:v>-1E-3</c:v>
                </c:pt>
                <c:pt idx="6893">
                  <c:v>-1E-3</c:v>
                </c:pt>
                <c:pt idx="6894">
                  <c:v>-1E-3</c:v>
                </c:pt>
                <c:pt idx="6895">
                  <c:v>-1E-3</c:v>
                </c:pt>
                <c:pt idx="6896">
                  <c:v>-1E-3</c:v>
                </c:pt>
                <c:pt idx="6897">
                  <c:v>-1E-3</c:v>
                </c:pt>
                <c:pt idx="6898">
                  <c:v>-1E-3</c:v>
                </c:pt>
                <c:pt idx="6899">
                  <c:v>-1E-3</c:v>
                </c:pt>
                <c:pt idx="6900">
                  <c:v>-1E-3</c:v>
                </c:pt>
                <c:pt idx="6901">
                  <c:v>-1E-3</c:v>
                </c:pt>
                <c:pt idx="6902">
                  <c:v>-1E-3</c:v>
                </c:pt>
                <c:pt idx="6903">
                  <c:v>-1E-3</c:v>
                </c:pt>
                <c:pt idx="6904">
                  <c:v>-1E-3</c:v>
                </c:pt>
                <c:pt idx="6905">
                  <c:v>-1E-3</c:v>
                </c:pt>
                <c:pt idx="6906">
                  <c:v>-1E-3</c:v>
                </c:pt>
                <c:pt idx="6907">
                  <c:v>-1E-3</c:v>
                </c:pt>
                <c:pt idx="6908">
                  <c:v>-1E-3</c:v>
                </c:pt>
                <c:pt idx="6909">
                  <c:v>-1E-3</c:v>
                </c:pt>
                <c:pt idx="6910">
                  <c:v>-1E-3</c:v>
                </c:pt>
                <c:pt idx="6911">
                  <c:v>-1E-3</c:v>
                </c:pt>
                <c:pt idx="6912">
                  <c:v>-1E-3</c:v>
                </c:pt>
                <c:pt idx="6913">
                  <c:v>-1E-3</c:v>
                </c:pt>
                <c:pt idx="6914">
                  <c:v>-1E-3</c:v>
                </c:pt>
                <c:pt idx="6915">
                  <c:v>-1E-3</c:v>
                </c:pt>
                <c:pt idx="6916">
                  <c:v>-1E-3</c:v>
                </c:pt>
                <c:pt idx="6917">
                  <c:v>-1E-3</c:v>
                </c:pt>
                <c:pt idx="6918">
                  <c:v>-1E-3</c:v>
                </c:pt>
                <c:pt idx="6919">
                  <c:v>-1E-3</c:v>
                </c:pt>
                <c:pt idx="6920">
                  <c:v>-1E-3</c:v>
                </c:pt>
                <c:pt idx="6921">
                  <c:v>-1E-3</c:v>
                </c:pt>
                <c:pt idx="6922">
                  <c:v>-1E-3</c:v>
                </c:pt>
                <c:pt idx="6923">
                  <c:v>-1E-3</c:v>
                </c:pt>
                <c:pt idx="6924">
                  <c:v>-1E-3</c:v>
                </c:pt>
                <c:pt idx="6925">
                  <c:v>-1E-3</c:v>
                </c:pt>
                <c:pt idx="6926">
                  <c:v>-1E-3</c:v>
                </c:pt>
                <c:pt idx="6927">
                  <c:v>-1E-3</c:v>
                </c:pt>
                <c:pt idx="6928">
                  <c:v>-1E-3</c:v>
                </c:pt>
                <c:pt idx="6929">
                  <c:v>-1E-3</c:v>
                </c:pt>
                <c:pt idx="6930">
                  <c:v>-1E-3</c:v>
                </c:pt>
                <c:pt idx="6931">
                  <c:v>-1E-3</c:v>
                </c:pt>
                <c:pt idx="6932">
                  <c:v>-1E-3</c:v>
                </c:pt>
                <c:pt idx="6933">
                  <c:v>-1E-3</c:v>
                </c:pt>
                <c:pt idx="6934">
                  <c:v>-1E-3</c:v>
                </c:pt>
                <c:pt idx="6935">
                  <c:v>-1E-3</c:v>
                </c:pt>
                <c:pt idx="6936">
                  <c:v>-1E-3</c:v>
                </c:pt>
                <c:pt idx="6937">
                  <c:v>-1E-3</c:v>
                </c:pt>
                <c:pt idx="6938">
                  <c:v>-1E-3</c:v>
                </c:pt>
                <c:pt idx="6939">
                  <c:v>-1E-3</c:v>
                </c:pt>
                <c:pt idx="6940">
                  <c:v>-1E-3</c:v>
                </c:pt>
                <c:pt idx="6941">
                  <c:v>-1E-3</c:v>
                </c:pt>
                <c:pt idx="6942">
                  <c:v>-1E-3</c:v>
                </c:pt>
                <c:pt idx="6943">
                  <c:v>-1E-3</c:v>
                </c:pt>
                <c:pt idx="6944">
                  <c:v>-1E-3</c:v>
                </c:pt>
                <c:pt idx="6945">
                  <c:v>-1E-3</c:v>
                </c:pt>
                <c:pt idx="6946">
                  <c:v>-1E-3</c:v>
                </c:pt>
                <c:pt idx="6947">
                  <c:v>-1E-3</c:v>
                </c:pt>
                <c:pt idx="6948">
                  <c:v>-1E-3</c:v>
                </c:pt>
                <c:pt idx="6949">
                  <c:v>-1E-3</c:v>
                </c:pt>
                <c:pt idx="6950">
                  <c:v>-1E-3</c:v>
                </c:pt>
                <c:pt idx="6951">
                  <c:v>-1E-3</c:v>
                </c:pt>
                <c:pt idx="6952">
                  <c:v>-1E-3</c:v>
                </c:pt>
                <c:pt idx="6953">
                  <c:v>-1E-3</c:v>
                </c:pt>
                <c:pt idx="6954">
                  <c:v>-1E-3</c:v>
                </c:pt>
                <c:pt idx="6955">
                  <c:v>-1E-3</c:v>
                </c:pt>
                <c:pt idx="6956">
                  <c:v>-1E-3</c:v>
                </c:pt>
                <c:pt idx="6957">
                  <c:v>-1E-3</c:v>
                </c:pt>
                <c:pt idx="6958">
                  <c:v>-1E-3</c:v>
                </c:pt>
                <c:pt idx="6959">
                  <c:v>-1E-3</c:v>
                </c:pt>
                <c:pt idx="6960">
                  <c:v>-1E-3</c:v>
                </c:pt>
                <c:pt idx="6961">
                  <c:v>-1E-3</c:v>
                </c:pt>
                <c:pt idx="6962">
                  <c:v>-1E-3</c:v>
                </c:pt>
                <c:pt idx="6963">
                  <c:v>-1E-3</c:v>
                </c:pt>
                <c:pt idx="6964">
                  <c:v>-1E-3</c:v>
                </c:pt>
                <c:pt idx="6965">
                  <c:v>-1E-3</c:v>
                </c:pt>
                <c:pt idx="6966">
                  <c:v>-1E-3</c:v>
                </c:pt>
                <c:pt idx="6967">
                  <c:v>-1E-3</c:v>
                </c:pt>
                <c:pt idx="6968">
                  <c:v>-1E-3</c:v>
                </c:pt>
                <c:pt idx="6969">
                  <c:v>-1E-3</c:v>
                </c:pt>
                <c:pt idx="6970">
                  <c:v>-1E-3</c:v>
                </c:pt>
                <c:pt idx="6971">
                  <c:v>-1E-3</c:v>
                </c:pt>
                <c:pt idx="6972">
                  <c:v>-1E-3</c:v>
                </c:pt>
                <c:pt idx="6973">
                  <c:v>-1E-3</c:v>
                </c:pt>
                <c:pt idx="6974">
                  <c:v>-1E-3</c:v>
                </c:pt>
                <c:pt idx="6975">
                  <c:v>-1E-3</c:v>
                </c:pt>
                <c:pt idx="6976">
                  <c:v>-1E-3</c:v>
                </c:pt>
                <c:pt idx="6977">
                  <c:v>-1E-3</c:v>
                </c:pt>
                <c:pt idx="6978">
                  <c:v>-1E-3</c:v>
                </c:pt>
                <c:pt idx="6979">
                  <c:v>-1E-3</c:v>
                </c:pt>
                <c:pt idx="6980">
                  <c:v>-1E-3</c:v>
                </c:pt>
                <c:pt idx="6981">
                  <c:v>-1E-3</c:v>
                </c:pt>
                <c:pt idx="6982">
                  <c:v>-1E-3</c:v>
                </c:pt>
                <c:pt idx="6983">
                  <c:v>-1E-3</c:v>
                </c:pt>
                <c:pt idx="6984">
                  <c:v>-1E-3</c:v>
                </c:pt>
                <c:pt idx="6985">
                  <c:v>-1E-3</c:v>
                </c:pt>
                <c:pt idx="6986">
                  <c:v>-1E-3</c:v>
                </c:pt>
                <c:pt idx="6987">
                  <c:v>-1E-3</c:v>
                </c:pt>
                <c:pt idx="6988">
                  <c:v>-1E-3</c:v>
                </c:pt>
                <c:pt idx="6989">
                  <c:v>-1E-3</c:v>
                </c:pt>
                <c:pt idx="6990">
                  <c:v>-1E-3</c:v>
                </c:pt>
                <c:pt idx="6991">
                  <c:v>-1E-3</c:v>
                </c:pt>
                <c:pt idx="6992">
                  <c:v>-1E-3</c:v>
                </c:pt>
                <c:pt idx="6993">
                  <c:v>-1E-3</c:v>
                </c:pt>
                <c:pt idx="6994">
                  <c:v>-1E-3</c:v>
                </c:pt>
                <c:pt idx="6995">
                  <c:v>-1E-3</c:v>
                </c:pt>
                <c:pt idx="6996">
                  <c:v>-1E-3</c:v>
                </c:pt>
                <c:pt idx="6997">
                  <c:v>-1E-3</c:v>
                </c:pt>
                <c:pt idx="6998">
                  <c:v>-1E-3</c:v>
                </c:pt>
                <c:pt idx="6999">
                  <c:v>-1E-3</c:v>
                </c:pt>
                <c:pt idx="7000">
                  <c:v>-1E-3</c:v>
                </c:pt>
                <c:pt idx="7001">
                  <c:v>-1E-3</c:v>
                </c:pt>
                <c:pt idx="7002">
                  <c:v>-1E-3</c:v>
                </c:pt>
                <c:pt idx="7003">
                  <c:v>-1E-3</c:v>
                </c:pt>
                <c:pt idx="7004">
                  <c:v>-1E-3</c:v>
                </c:pt>
                <c:pt idx="7005">
                  <c:v>-1E-3</c:v>
                </c:pt>
                <c:pt idx="7006">
                  <c:v>-1E-3</c:v>
                </c:pt>
                <c:pt idx="7007">
                  <c:v>-1E-3</c:v>
                </c:pt>
                <c:pt idx="7008">
                  <c:v>-1E-3</c:v>
                </c:pt>
                <c:pt idx="7009">
                  <c:v>-1E-3</c:v>
                </c:pt>
                <c:pt idx="7010">
                  <c:v>-1E-3</c:v>
                </c:pt>
                <c:pt idx="7011">
                  <c:v>-1E-3</c:v>
                </c:pt>
                <c:pt idx="7012">
                  <c:v>-1E-3</c:v>
                </c:pt>
                <c:pt idx="7013">
                  <c:v>-1E-3</c:v>
                </c:pt>
                <c:pt idx="7014">
                  <c:v>-1E-3</c:v>
                </c:pt>
                <c:pt idx="7015">
                  <c:v>-1E-3</c:v>
                </c:pt>
                <c:pt idx="7016">
                  <c:v>-1E-3</c:v>
                </c:pt>
                <c:pt idx="7017">
                  <c:v>-1E-3</c:v>
                </c:pt>
                <c:pt idx="7018">
                  <c:v>-1E-3</c:v>
                </c:pt>
                <c:pt idx="7019">
                  <c:v>-1E-3</c:v>
                </c:pt>
                <c:pt idx="7020">
                  <c:v>-1E-3</c:v>
                </c:pt>
                <c:pt idx="7021">
                  <c:v>-1E-3</c:v>
                </c:pt>
                <c:pt idx="7022">
                  <c:v>-1E-3</c:v>
                </c:pt>
                <c:pt idx="7023">
                  <c:v>-1E-3</c:v>
                </c:pt>
                <c:pt idx="7024">
                  <c:v>-1E-3</c:v>
                </c:pt>
                <c:pt idx="7025">
                  <c:v>-1E-3</c:v>
                </c:pt>
                <c:pt idx="7026">
                  <c:v>-1E-3</c:v>
                </c:pt>
                <c:pt idx="7027">
                  <c:v>-1E-3</c:v>
                </c:pt>
                <c:pt idx="7028">
                  <c:v>-1E-3</c:v>
                </c:pt>
                <c:pt idx="7029">
                  <c:v>-1E-3</c:v>
                </c:pt>
                <c:pt idx="7030">
                  <c:v>-1E-3</c:v>
                </c:pt>
                <c:pt idx="7031">
                  <c:v>-1E-3</c:v>
                </c:pt>
                <c:pt idx="7032">
                  <c:v>-1E-3</c:v>
                </c:pt>
                <c:pt idx="7033">
                  <c:v>-1E-3</c:v>
                </c:pt>
                <c:pt idx="7034">
                  <c:v>-1E-3</c:v>
                </c:pt>
                <c:pt idx="7035">
                  <c:v>-1E-3</c:v>
                </c:pt>
                <c:pt idx="7036">
                  <c:v>-1E-3</c:v>
                </c:pt>
                <c:pt idx="7037">
                  <c:v>-1E-3</c:v>
                </c:pt>
                <c:pt idx="7038">
                  <c:v>-1E-3</c:v>
                </c:pt>
                <c:pt idx="7039">
                  <c:v>-1E-3</c:v>
                </c:pt>
                <c:pt idx="7040">
                  <c:v>-1E-3</c:v>
                </c:pt>
                <c:pt idx="7041">
                  <c:v>-1E-3</c:v>
                </c:pt>
                <c:pt idx="7042">
                  <c:v>-1E-3</c:v>
                </c:pt>
                <c:pt idx="7043">
                  <c:v>-1E-3</c:v>
                </c:pt>
                <c:pt idx="7044">
                  <c:v>-1E-3</c:v>
                </c:pt>
                <c:pt idx="7045">
                  <c:v>-1E-3</c:v>
                </c:pt>
                <c:pt idx="7046">
                  <c:v>-1E-3</c:v>
                </c:pt>
                <c:pt idx="7047">
                  <c:v>-1E-3</c:v>
                </c:pt>
                <c:pt idx="7048">
                  <c:v>-1E-3</c:v>
                </c:pt>
                <c:pt idx="7049">
                  <c:v>-1E-3</c:v>
                </c:pt>
                <c:pt idx="7050">
                  <c:v>-1E-3</c:v>
                </c:pt>
                <c:pt idx="7051">
                  <c:v>-1E-3</c:v>
                </c:pt>
                <c:pt idx="7052">
                  <c:v>-1E-3</c:v>
                </c:pt>
                <c:pt idx="7053">
                  <c:v>-1E-3</c:v>
                </c:pt>
                <c:pt idx="7054">
                  <c:v>-1E-3</c:v>
                </c:pt>
                <c:pt idx="7055">
                  <c:v>-1E-3</c:v>
                </c:pt>
                <c:pt idx="7056">
                  <c:v>-1E-3</c:v>
                </c:pt>
                <c:pt idx="7057">
                  <c:v>-1E-3</c:v>
                </c:pt>
                <c:pt idx="7058">
                  <c:v>-1E-3</c:v>
                </c:pt>
                <c:pt idx="7059">
                  <c:v>-1E-3</c:v>
                </c:pt>
                <c:pt idx="7060">
                  <c:v>-1E-3</c:v>
                </c:pt>
                <c:pt idx="7061">
                  <c:v>-1E-3</c:v>
                </c:pt>
                <c:pt idx="7062">
                  <c:v>-1E-3</c:v>
                </c:pt>
                <c:pt idx="7063">
                  <c:v>-1E-3</c:v>
                </c:pt>
                <c:pt idx="7064">
                  <c:v>-1E-3</c:v>
                </c:pt>
                <c:pt idx="7065">
                  <c:v>-1E-3</c:v>
                </c:pt>
                <c:pt idx="7066">
                  <c:v>-1E-3</c:v>
                </c:pt>
                <c:pt idx="7067">
                  <c:v>-1E-3</c:v>
                </c:pt>
                <c:pt idx="7068">
                  <c:v>-1E-3</c:v>
                </c:pt>
                <c:pt idx="7069">
                  <c:v>-1E-3</c:v>
                </c:pt>
                <c:pt idx="7070">
                  <c:v>-1E-3</c:v>
                </c:pt>
                <c:pt idx="7071">
                  <c:v>-1E-3</c:v>
                </c:pt>
                <c:pt idx="7072">
                  <c:v>-1E-3</c:v>
                </c:pt>
                <c:pt idx="7073">
                  <c:v>-1E-3</c:v>
                </c:pt>
                <c:pt idx="7074">
                  <c:v>-1E-3</c:v>
                </c:pt>
                <c:pt idx="7075">
                  <c:v>-1E-3</c:v>
                </c:pt>
                <c:pt idx="7076">
                  <c:v>-1E-3</c:v>
                </c:pt>
                <c:pt idx="7077">
                  <c:v>-1E-3</c:v>
                </c:pt>
                <c:pt idx="7078">
                  <c:v>-1E-3</c:v>
                </c:pt>
                <c:pt idx="7079">
                  <c:v>-1E-3</c:v>
                </c:pt>
                <c:pt idx="7080">
                  <c:v>-1E-3</c:v>
                </c:pt>
                <c:pt idx="7081">
                  <c:v>-1E-3</c:v>
                </c:pt>
                <c:pt idx="7082">
                  <c:v>-1E-3</c:v>
                </c:pt>
                <c:pt idx="7083">
                  <c:v>-1E-3</c:v>
                </c:pt>
                <c:pt idx="7084">
                  <c:v>-1E-3</c:v>
                </c:pt>
                <c:pt idx="7085">
                  <c:v>-1E-3</c:v>
                </c:pt>
                <c:pt idx="7086">
                  <c:v>-1E-3</c:v>
                </c:pt>
                <c:pt idx="7087">
                  <c:v>-1E-3</c:v>
                </c:pt>
                <c:pt idx="7088">
                  <c:v>-1E-3</c:v>
                </c:pt>
                <c:pt idx="7089">
                  <c:v>-1E-3</c:v>
                </c:pt>
                <c:pt idx="7090">
                  <c:v>-1E-3</c:v>
                </c:pt>
                <c:pt idx="7091">
                  <c:v>-1E-3</c:v>
                </c:pt>
                <c:pt idx="7092">
                  <c:v>-1E-3</c:v>
                </c:pt>
                <c:pt idx="7093">
                  <c:v>-1E-3</c:v>
                </c:pt>
                <c:pt idx="7094">
                  <c:v>-1E-3</c:v>
                </c:pt>
                <c:pt idx="7095">
                  <c:v>-1E-3</c:v>
                </c:pt>
                <c:pt idx="7096">
                  <c:v>-1E-3</c:v>
                </c:pt>
                <c:pt idx="7097">
                  <c:v>-1E-3</c:v>
                </c:pt>
                <c:pt idx="7098">
                  <c:v>-1E-3</c:v>
                </c:pt>
                <c:pt idx="7099">
                  <c:v>-1E-3</c:v>
                </c:pt>
                <c:pt idx="7100">
                  <c:v>-1E-3</c:v>
                </c:pt>
                <c:pt idx="7101">
                  <c:v>-1E-3</c:v>
                </c:pt>
                <c:pt idx="7102">
                  <c:v>-1E-3</c:v>
                </c:pt>
                <c:pt idx="7103">
                  <c:v>-1E-3</c:v>
                </c:pt>
                <c:pt idx="7104">
                  <c:v>-1E-3</c:v>
                </c:pt>
                <c:pt idx="7105">
                  <c:v>-1E-3</c:v>
                </c:pt>
                <c:pt idx="7106">
                  <c:v>-1E-3</c:v>
                </c:pt>
                <c:pt idx="7107">
                  <c:v>-1E-3</c:v>
                </c:pt>
                <c:pt idx="7108">
                  <c:v>-1E-3</c:v>
                </c:pt>
                <c:pt idx="7109">
                  <c:v>-1E-3</c:v>
                </c:pt>
                <c:pt idx="7110">
                  <c:v>-1E-3</c:v>
                </c:pt>
                <c:pt idx="7111">
                  <c:v>-1E-3</c:v>
                </c:pt>
                <c:pt idx="7112">
                  <c:v>-1E-3</c:v>
                </c:pt>
                <c:pt idx="7113">
                  <c:v>-1E-3</c:v>
                </c:pt>
                <c:pt idx="7114">
                  <c:v>-1E-3</c:v>
                </c:pt>
                <c:pt idx="7115">
                  <c:v>-1E-3</c:v>
                </c:pt>
                <c:pt idx="7116">
                  <c:v>-1E-3</c:v>
                </c:pt>
                <c:pt idx="7117">
                  <c:v>-1E-3</c:v>
                </c:pt>
                <c:pt idx="7118">
                  <c:v>-1E-3</c:v>
                </c:pt>
                <c:pt idx="7119">
                  <c:v>-1E-3</c:v>
                </c:pt>
                <c:pt idx="7120">
                  <c:v>-1E-3</c:v>
                </c:pt>
                <c:pt idx="7121">
                  <c:v>-1E-3</c:v>
                </c:pt>
                <c:pt idx="7122">
                  <c:v>-1E-3</c:v>
                </c:pt>
                <c:pt idx="7123">
                  <c:v>-1E-3</c:v>
                </c:pt>
                <c:pt idx="7124">
                  <c:v>-1E-3</c:v>
                </c:pt>
                <c:pt idx="7125">
                  <c:v>-1E-3</c:v>
                </c:pt>
                <c:pt idx="7126">
                  <c:v>-1E-3</c:v>
                </c:pt>
                <c:pt idx="7127">
                  <c:v>-1E-3</c:v>
                </c:pt>
                <c:pt idx="7128">
                  <c:v>-1E-3</c:v>
                </c:pt>
                <c:pt idx="7129">
                  <c:v>-1E-3</c:v>
                </c:pt>
                <c:pt idx="7130">
                  <c:v>-1E-3</c:v>
                </c:pt>
                <c:pt idx="7131">
                  <c:v>-1E-3</c:v>
                </c:pt>
                <c:pt idx="7132">
                  <c:v>-1E-3</c:v>
                </c:pt>
                <c:pt idx="7133">
                  <c:v>-1E-3</c:v>
                </c:pt>
                <c:pt idx="7134">
                  <c:v>-1E-3</c:v>
                </c:pt>
                <c:pt idx="7135">
                  <c:v>-1E-3</c:v>
                </c:pt>
                <c:pt idx="7136">
                  <c:v>-1E-3</c:v>
                </c:pt>
                <c:pt idx="7137">
                  <c:v>-1E-3</c:v>
                </c:pt>
                <c:pt idx="7138">
                  <c:v>-1E-3</c:v>
                </c:pt>
                <c:pt idx="7139">
                  <c:v>-1E-3</c:v>
                </c:pt>
                <c:pt idx="7140">
                  <c:v>-1E-3</c:v>
                </c:pt>
                <c:pt idx="7141">
                  <c:v>-1E-3</c:v>
                </c:pt>
                <c:pt idx="7142">
                  <c:v>-1E-3</c:v>
                </c:pt>
                <c:pt idx="7143">
                  <c:v>-1E-3</c:v>
                </c:pt>
                <c:pt idx="7144">
                  <c:v>-1E-3</c:v>
                </c:pt>
                <c:pt idx="7145">
                  <c:v>-1E-3</c:v>
                </c:pt>
                <c:pt idx="7146">
                  <c:v>-1E-3</c:v>
                </c:pt>
                <c:pt idx="7147">
                  <c:v>-1E-3</c:v>
                </c:pt>
                <c:pt idx="7148">
                  <c:v>-1E-3</c:v>
                </c:pt>
                <c:pt idx="7149">
                  <c:v>-1E-3</c:v>
                </c:pt>
                <c:pt idx="7150">
                  <c:v>-1E-3</c:v>
                </c:pt>
                <c:pt idx="7151">
                  <c:v>-1E-3</c:v>
                </c:pt>
                <c:pt idx="7152">
                  <c:v>-1E-3</c:v>
                </c:pt>
                <c:pt idx="7153">
                  <c:v>-1E-3</c:v>
                </c:pt>
                <c:pt idx="7154">
                  <c:v>-1E-3</c:v>
                </c:pt>
                <c:pt idx="7155">
                  <c:v>-1E-3</c:v>
                </c:pt>
                <c:pt idx="7156">
                  <c:v>-1E-3</c:v>
                </c:pt>
                <c:pt idx="7157">
                  <c:v>-1E-3</c:v>
                </c:pt>
                <c:pt idx="7158">
                  <c:v>-1E-3</c:v>
                </c:pt>
                <c:pt idx="7159">
                  <c:v>-1E-3</c:v>
                </c:pt>
                <c:pt idx="7160">
                  <c:v>-1E-3</c:v>
                </c:pt>
                <c:pt idx="7161">
                  <c:v>-1E-3</c:v>
                </c:pt>
                <c:pt idx="7162">
                  <c:v>-1E-3</c:v>
                </c:pt>
                <c:pt idx="7163">
                  <c:v>-1E-3</c:v>
                </c:pt>
                <c:pt idx="7164">
                  <c:v>-1E-3</c:v>
                </c:pt>
                <c:pt idx="7165">
                  <c:v>-1E-3</c:v>
                </c:pt>
                <c:pt idx="7166">
                  <c:v>-1E-3</c:v>
                </c:pt>
                <c:pt idx="7167">
                  <c:v>-1E-3</c:v>
                </c:pt>
                <c:pt idx="7168">
                  <c:v>-1E-3</c:v>
                </c:pt>
                <c:pt idx="7169">
                  <c:v>-1E-3</c:v>
                </c:pt>
                <c:pt idx="7170">
                  <c:v>-1E-3</c:v>
                </c:pt>
                <c:pt idx="7171">
                  <c:v>-1E-3</c:v>
                </c:pt>
                <c:pt idx="7172">
                  <c:v>-1E-3</c:v>
                </c:pt>
                <c:pt idx="7173">
                  <c:v>-1E-3</c:v>
                </c:pt>
                <c:pt idx="7174">
                  <c:v>-1E-3</c:v>
                </c:pt>
                <c:pt idx="7175">
                  <c:v>-1E-3</c:v>
                </c:pt>
                <c:pt idx="7176">
                  <c:v>-1E-3</c:v>
                </c:pt>
                <c:pt idx="7177">
                  <c:v>-1E-3</c:v>
                </c:pt>
                <c:pt idx="7178">
                  <c:v>-1E-3</c:v>
                </c:pt>
                <c:pt idx="7179">
                  <c:v>-1E-3</c:v>
                </c:pt>
                <c:pt idx="7180">
                  <c:v>-1E-3</c:v>
                </c:pt>
                <c:pt idx="7181">
                  <c:v>-1E-3</c:v>
                </c:pt>
                <c:pt idx="7182">
                  <c:v>-1E-3</c:v>
                </c:pt>
                <c:pt idx="7183">
                  <c:v>-1E-3</c:v>
                </c:pt>
                <c:pt idx="7184">
                  <c:v>-1E-3</c:v>
                </c:pt>
                <c:pt idx="7185">
                  <c:v>-1E-3</c:v>
                </c:pt>
                <c:pt idx="7186">
                  <c:v>-1E-3</c:v>
                </c:pt>
                <c:pt idx="7187">
                  <c:v>-1E-3</c:v>
                </c:pt>
                <c:pt idx="7188">
                  <c:v>-1E-3</c:v>
                </c:pt>
                <c:pt idx="7189">
                  <c:v>-1E-3</c:v>
                </c:pt>
                <c:pt idx="7190">
                  <c:v>-1E-3</c:v>
                </c:pt>
                <c:pt idx="7191">
                  <c:v>-1E-3</c:v>
                </c:pt>
                <c:pt idx="7192">
                  <c:v>-1E-3</c:v>
                </c:pt>
                <c:pt idx="7193">
                  <c:v>-1E-3</c:v>
                </c:pt>
                <c:pt idx="7194">
                  <c:v>-1E-3</c:v>
                </c:pt>
                <c:pt idx="7195">
                  <c:v>-1E-3</c:v>
                </c:pt>
                <c:pt idx="7196">
                  <c:v>-1E-3</c:v>
                </c:pt>
                <c:pt idx="7197">
                  <c:v>-1E-3</c:v>
                </c:pt>
                <c:pt idx="7198">
                  <c:v>-1E-3</c:v>
                </c:pt>
                <c:pt idx="7199">
                  <c:v>-1E-3</c:v>
                </c:pt>
                <c:pt idx="7200">
                  <c:v>-1E-3</c:v>
                </c:pt>
                <c:pt idx="7201">
                  <c:v>-1E-3</c:v>
                </c:pt>
                <c:pt idx="7202">
                  <c:v>-1E-3</c:v>
                </c:pt>
                <c:pt idx="7203">
                  <c:v>-1E-3</c:v>
                </c:pt>
                <c:pt idx="7204">
                  <c:v>-1E-3</c:v>
                </c:pt>
                <c:pt idx="7205">
                  <c:v>-1E-3</c:v>
                </c:pt>
                <c:pt idx="7206">
                  <c:v>-1E-3</c:v>
                </c:pt>
                <c:pt idx="7207">
                  <c:v>-1E-3</c:v>
                </c:pt>
                <c:pt idx="7208">
                  <c:v>-1E-3</c:v>
                </c:pt>
                <c:pt idx="7209">
                  <c:v>-1E-3</c:v>
                </c:pt>
                <c:pt idx="7210">
                  <c:v>-1E-3</c:v>
                </c:pt>
                <c:pt idx="7211">
                  <c:v>-1E-3</c:v>
                </c:pt>
                <c:pt idx="7212">
                  <c:v>-1E-3</c:v>
                </c:pt>
                <c:pt idx="7213">
                  <c:v>-1E-3</c:v>
                </c:pt>
                <c:pt idx="7214">
                  <c:v>-1E-3</c:v>
                </c:pt>
                <c:pt idx="7215">
                  <c:v>-1E-3</c:v>
                </c:pt>
                <c:pt idx="7216">
                  <c:v>-1E-3</c:v>
                </c:pt>
                <c:pt idx="7217">
                  <c:v>-1E-3</c:v>
                </c:pt>
                <c:pt idx="7218">
                  <c:v>-1E-3</c:v>
                </c:pt>
                <c:pt idx="7219">
                  <c:v>-1E-3</c:v>
                </c:pt>
                <c:pt idx="7220">
                  <c:v>-1E-3</c:v>
                </c:pt>
                <c:pt idx="7221">
                  <c:v>-1E-3</c:v>
                </c:pt>
                <c:pt idx="7222">
                  <c:v>-1E-3</c:v>
                </c:pt>
                <c:pt idx="7223">
                  <c:v>-1E-3</c:v>
                </c:pt>
                <c:pt idx="7224">
                  <c:v>-1E-3</c:v>
                </c:pt>
                <c:pt idx="7225">
                  <c:v>-1E-3</c:v>
                </c:pt>
                <c:pt idx="7226">
                  <c:v>-1E-3</c:v>
                </c:pt>
                <c:pt idx="7227">
                  <c:v>-1E-3</c:v>
                </c:pt>
                <c:pt idx="7228">
                  <c:v>-1E-3</c:v>
                </c:pt>
                <c:pt idx="7229">
                  <c:v>-1E-3</c:v>
                </c:pt>
                <c:pt idx="7230">
                  <c:v>-1E-3</c:v>
                </c:pt>
                <c:pt idx="7231">
                  <c:v>-1E-3</c:v>
                </c:pt>
                <c:pt idx="7232">
                  <c:v>-1E-3</c:v>
                </c:pt>
                <c:pt idx="7233">
                  <c:v>-1E-3</c:v>
                </c:pt>
                <c:pt idx="7234">
                  <c:v>-1E-3</c:v>
                </c:pt>
                <c:pt idx="7235">
                  <c:v>-1E-3</c:v>
                </c:pt>
                <c:pt idx="7236">
                  <c:v>-1E-3</c:v>
                </c:pt>
                <c:pt idx="7237">
                  <c:v>-1E-3</c:v>
                </c:pt>
                <c:pt idx="7238">
                  <c:v>-1E-3</c:v>
                </c:pt>
                <c:pt idx="7239">
                  <c:v>-1E-3</c:v>
                </c:pt>
                <c:pt idx="7240">
                  <c:v>-1E-3</c:v>
                </c:pt>
                <c:pt idx="7241">
                  <c:v>-1E-3</c:v>
                </c:pt>
                <c:pt idx="7242">
                  <c:v>-1E-3</c:v>
                </c:pt>
                <c:pt idx="7243">
                  <c:v>-1E-3</c:v>
                </c:pt>
                <c:pt idx="7244">
                  <c:v>-1E-3</c:v>
                </c:pt>
                <c:pt idx="7245">
                  <c:v>-1E-3</c:v>
                </c:pt>
                <c:pt idx="7246">
                  <c:v>-1E-3</c:v>
                </c:pt>
                <c:pt idx="7247">
                  <c:v>-1E-3</c:v>
                </c:pt>
                <c:pt idx="7248">
                  <c:v>-1E-3</c:v>
                </c:pt>
                <c:pt idx="7249">
                  <c:v>-1E-3</c:v>
                </c:pt>
                <c:pt idx="7250">
                  <c:v>-1E-3</c:v>
                </c:pt>
                <c:pt idx="7251">
                  <c:v>-1E-3</c:v>
                </c:pt>
                <c:pt idx="7252">
                  <c:v>-1E-3</c:v>
                </c:pt>
                <c:pt idx="7253">
                  <c:v>-1E-3</c:v>
                </c:pt>
                <c:pt idx="7254">
                  <c:v>-1E-3</c:v>
                </c:pt>
                <c:pt idx="7255">
                  <c:v>-1E-3</c:v>
                </c:pt>
                <c:pt idx="7256">
                  <c:v>-1E-3</c:v>
                </c:pt>
                <c:pt idx="7257">
                  <c:v>-1E-3</c:v>
                </c:pt>
                <c:pt idx="7258">
                  <c:v>-1E-3</c:v>
                </c:pt>
                <c:pt idx="7259">
                  <c:v>-1E-3</c:v>
                </c:pt>
                <c:pt idx="7260">
                  <c:v>-1E-3</c:v>
                </c:pt>
                <c:pt idx="7261">
                  <c:v>-1E-3</c:v>
                </c:pt>
                <c:pt idx="7262">
                  <c:v>-1E-3</c:v>
                </c:pt>
                <c:pt idx="7263">
                  <c:v>-1E-3</c:v>
                </c:pt>
                <c:pt idx="7264">
                  <c:v>-1E-3</c:v>
                </c:pt>
                <c:pt idx="7265">
                  <c:v>-1E-3</c:v>
                </c:pt>
                <c:pt idx="7266">
                  <c:v>-1E-3</c:v>
                </c:pt>
                <c:pt idx="7267">
                  <c:v>-1E-3</c:v>
                </c:pt>
                <c:pt idx="7268">
                  <c:v>-1E-3</c:v>
                </c:pt>
                <c:pt idx="7269">
                  <c:v>-1E-3</c:v>
                </c:pt>
                <c:pt idx="7270">
                  <c:v>-1E-3</c:v>
                </c:pt>
                <c:pt idx="7271">
                  <c:v>-1E-3</c:v>
                </c:pt>
                <c:pt idx="7272">
                  <c:v>-1E-3</c:v>
                </c:pt>
                <c:pt idx="7273">
                  <c:v>-1E-3</c:v>
                </c:pt>
                <c:pt idx="7274">
                  <c:v>-1E-3</c:v>
                </c:pt>
                <c:pt idx="7275">
                  <c:v>-1E-3</c:v>
                </c:pt>
                <c:pt idx="7276">
                  <c:v>-1E-3</c:v>
                </c:pt>
                <c:pt idx="7277">
                  <c:v>-1E-3</c:v>
                </c:pt>
                <c:pt idx="7278">
                  <c:v>-1E-3</c:v>
                </c:pt>
                <c:pt idx="7279">
                  <c:v>-1E-3</c:v>
                </c:pt>
                <c:pt idx="7280">
                  <c:v>-1E-3</c:v>
                </c:pt>
                <c:pt idx="7281">
                  <c:v>-1E-3</c:v>
                </c:pt>
                <c:pt idx="7282">
                  <c:v>-1E-3</c:v>
                </c:pt>
                <c:pt idx="7283">
                  <c:v>-1E-3</c:v>
                </c:pt>
                <c:pt idx="7284">
                  <c:v>-1E-3</c:v>
                </c:pt>
                <c:pt idx="7285">
                  <c:v>-1E-3</c:v>
                </c:pt>
                <c:pt idx="7286">
                  <c:v>-1E-3</c:v>
                </c:pt>
                <c:pt idx="7287">
                  <c:v>-1E-3</c:v>
                </c:pt>
                <c:pt idx="7288">
                  <c:v>-1E-3</c:v>
                </c:pt>
                <c:pt idx="7289">
                  <c:v>-1E-3</c:v>
                </c:pt>
                <c:pt idx="7290">
                  <c:v>-1E-3</c:v>
                </c:pt>
                <c:pt idx="7291">
                  <c:v>-1E-3</c:v>
                </c:pt>
                <c:pt idx="7292">
                  <c:v>-1E-3</c:v>
                </c:pt>
                <c:pt idx="7293">
                  <c:v>-1E-3</c:v>
                </c:pt>
                <c:pt idx="7294">
                  <c:v>-1E-3</c:v>
                </c:pt>
                <c:pt idx="7295">
                  <c:v>-1E-3</c:v>
                </c:pt>
                <c:pt idx="7296">
                  <c:v>-1E-3</c:v>
                </c:pt>
                <c:pt idx="7297">
                  <c:v>-1E-3</c:v>
                </c:pt>
                <c:pt idx="7298">
                  <c:v>-1E-3</c:v>
                </c:pt>
                <c:pt idx="7299">
                  <c:v>-1E-3</c:v>
                </c:pt>
                <c:pt idx="7300">
                  <c:v>-1E-3</c:v>
                </c:pt>
                <c:pt idx="7301">
                  <c:v>-1E-3</c:v>
                </c:pt>
                <c:pt idx="7302">
                  <c:v>-1E-3</c:v>
                </c:pt>
                <c:pt idx="7303">
                  <c:v>-1E-3</c:v>
                </c:pt>
                <c:pt idx="7304">
                  <c:v>-1E-3</c:v>
                </c:pt>
                <c:pt idx="7305">
                  <c:v>-1E-3</c:v>
                </c:pt>
                <c:pt idx="7306">
                  <c:v>-1E-3</c:v>
                </c:pt>
                <c:pt idx="7307">
                  <c:v>-1E-3</c:v>
                </c:pt>
                <c:pt idx="7308">
                  <c:v>-1E-3</c:v>
                </c:pt>
                <c:pt idx="7309">
                  <c:v>-1E-3</c:v>
                </c:pt>
                <c:pt idx="7310">
                  <c:v>-1E-3</c:v>
                </c:pt>
                <c:pt idx="7311">
                  <c:v>-1E-3</c:v>
                </c:pt>
                <c:pt idx="7312">
                  <c:v>-1E-3</c:v>
                </c:pt>
                <c:pt idx="7313">
                  <c:v>-1E-3</c:v>
                </c:pt>
                <c:pt idx="7314">
                  <c:v>-1E-3</c:v>
                </c:pt>
                <c:pt idx="7315">
                  <c:v>-1E-3</c:v>
                </c:pt>
                <c:pt idx="7316">
                  <c:v>-1E-3</c:v>
                </c:pt>
                <c:pt idx="7317">
                  <c:v>-1E-3</c:v>
                </c:pt>
                <c:pt idx="7318">
                  <c:v>-1E-3</c:v>
                </c:pt>
                <c:pt idx="7319">
                  <c:v>-1E-3</c:v>
                </c:pt>
                <c:pt idx="7320">
                  <c:v>-1E-3</c:v>
                </c:pt>
                <c:pt idx="7321">
                  <c:v>-1E-3</c:v>
                </c:pt>
                <c:pt idx="7322">
                  <c:v>-1E-3</c:v>
                </c:pt>
                <c:pt idx="7323">
                  <c:v>-1E-3</c:v>
                </c:pt>
                <c:pt idx="7324">
                  <c:v>-1E-3</c:v>
                </c:pt>
                <c:pt idx="7325">
                  <c:v>-1E-3</c:v>
                </c:pt>
                <c:pt idx="7326">
                  <c:v>-1E-3</c:v>
                </c:pt>
                <c:pt idx="7327">
                  <c:v>-1E-3</c:v>
                </c:pt>
                <c:pt idx="7328">
                  <c:v>-1E-3</c:v>
                </c:pt>
                <c:pt idx="7329">
                  <c:v>-1E-3</c:v>
                </c:pt>
                <c:pt idx="7330">
                  <c:v>-1E-3</c:v>
                </c:pt>
                <c:pt idx="7331">
                  <c:v>-1E-3</c:v>
                </c:pt>
                <c:pt idx="7332">
                  <c:v>-1E-3</c:v>
                </c:pt>
                <c:pt idx="7333">
                  <c:v>-1E-3</c:v>
                </c:pt>
                <c:pt idx="7334">
                  <c:v>-1E-3</c:v>
                </c:pt>
                <c:pt idx="7335">
                  <c:v>-1E-3</c:v>
                </c:pt>
                <c:pt idx="7336">
                  <c:v>-1E-3</c:v>
                </c:pt>
                <c:pt idx="7337">
                  <c:v>-1E-3</c:v>
                </c:pt>
                <c:pt idx="7338">
                  <c:v>-1E-3</c:v>
                </c:pt>
                <c:pt idx="7339">
                  <c:v>-1E-3</c:v>
                </c:pt>
                <c:pt idx="7340">
                  <c:v>-1E-3</c:v>
                </c:pt>
                <c:pt idx="7341">
                  <c:v>-1E-3</c:v>
                </c:pt>
                <c:pt idx="7342">
                  <c:v>-1E-3</c:v>
                </c:pt>
                <c:pt idx="7343">
                  <c:v>-1E-3</c:v>
                </c:pt>
                <c:pt idx="7344">
                  <c:v>-1E-3</c:v>
                </c:pt>
                <c:pt idx="7345">
                  <c:v>-1E-3</c:v>
                </c:pt>
                <c:pt idx="7346">
                  <c:v>-1E-3</c:v>
                </c:pt>
                <c:pt idx="7347">
                  <c:v>-1E-3</c:v>
                </c:pt>
                <c:pt idx="7348">
                  <c:v>-1E-3</c:v>
                </c:pt>
                <c:pt idx="7349">
                  <c:v>-1E-3</c:v>
                </c:pt>
                <c:pt idx="7350">
                  <c:v>-1E-3</c:v>
                </c:pt>
                <c:pt idx="7351">
                  <c:v>-1E-3</c:v>
                </c:pt>
                <c:pt idx="7352">
                  <c:v>-1E-3</c:v>
                </c:pt>
                <c:pt idx="7353">
                  <c:v>-1E-3</c:v>
                </c:pt>
                <c:pt idx="7354">
                  <c:v>-1E-3</c:v>
                </c:pt>
                <c:pt idx="7355">
                  <c:v>-1E-3</c:v>
                </c:pt>
                <c:pt idx="7356">
                  <c:v>-1E-3</c:v>
                </c:pt>
                <c:pt idx="7357">
                  <c:v>-1E-3</c:v>
                </c:pt>
                <c:pt idx="7358">
                  <c:v>-1E-3</c:v>
                </c:pt>
                <c:pt idx="7359">
                  <c:v>-1E-3</c:v>
                </c:pt>
                <c:pt idx="7360">
                  <c:v>-1E-3</c:v>
                </c:pt>
                <c:pt idx="7361">
                  <c:v>-1E-3</c:v>
                </c:pt>
                <c:pt idx="7362">
                  <c:v>-1E-3</c:v>
                </c:pt>
                <c:pt idx="7363">
                  <c:v>-1E-3</c:v>
                </c:pt>
                <c:pt idx="7364">
                  <c:v>-1E-3</c:v>
                </c:pt>
                <c:pt idx="7365">
                  <c:v>-1E-3</c:v>
                </c:pt>
                <c:pt idx="7366">
                  <c:v>-1E-3</c:v>
                </c:pt>
                <c:pt idx="7367">
                  <c:v>-1E-3</c:v>
                </c:pt>
                <c:pt idx="7368">
                  <c:v>-1E-3</c:v>
                </c:pt>
                <c:pt idx="7369">
                  <c:v>-1E-3</c:v>
                </c:pt>
                <c:pt idx="7370">
                  <c:v>-1E-3</c:v>
                </c:pt>
                <c:pt idx="7371">
                  <c:v>-1E-3</c:v>
                </c:pt>
                <c:pt idx="7372">
                  <c:v>-1E-3</c:v>
                </c:pt>
                <c:pt idx="7373">
                  <c:v>-1E-3</c:v>
                </c:pt>
                <c:pt idx="7374">
                  <c:v>-1E-3</c:v>
                </c:pt>
                <c:pt idx="7375">
                  <c:v>-1E-3</c:v>
                </c:pt>
                <c:pt idx="7376">
                  <c:v>-1E-3</c:v>
                </c:pt>
                <c:pt idx="7377">
                  <c:v>-1E-3</c:v>
                </c:pt>
                <c:pt idx="7378">
                  <c:v>-1E-3</c:v>
                </c:pt>
                <c:pt idx="7379">
                  <c:v>-1E-3</c:v>
                </c:pt>
                <c:pt idx="7380">
                  <c:v>-1E-3</c:v>
                </c:pt>
                <c:pt idx="7381">
                  <c:v>-1E-3</c:v>
                </c:pt>
                <c:pt idx="7382">
                  <c:v>-1E-3</c:v>
                </c:pt>
                <c:pt idx="7383">
                  <c:v>-1E-3</c:v>
                </c:pt>
                <c:pt idx="7384">
                  <c:v>-1E-3</c:v>
                </c:pt>
                <c:pt idx="7385">
                  <c:v>-1E-3</c:v>
                </c:pt>
                <c:pt idx="7386">
                  <c:v>-1E-3</c:v>
                </c:pt>
                <c:pt idx="7387">
                  <c:v>-1E-3</c:v>
                </c:pt>
                <c:pt idx="7388">
                  <c:v>-1E-3</c:v>
                </c:pt>
                <c:pt idx="7389">
                  <c:v>-1E-3</c:v>
                </c:pt>
                <c:pt idx="7390">
                  <c:v>-1E-3</c:v>
                </c:pt>
                <c:pt idx="7391">
                  <c:v>-1E-3</c:v>
                </c:pt>
                <c:pt idx="7392">
                  <c:v>-1E-3</c:v>
                </c:pt>
                <c:pt idx="7393">
                  <c:v>-1E-3</c:v>
                </c:pt>
                <c:pt idx="7394">
                  <c:v>-1E-3</c:v>
                </c:pt>
                <c:pt idx="7395">
                  <c:v>-1E-3</c:v>
                </c:pt>
                <c:pt idx="7396">
                  <c:v>-1E-3</c:v>
                </c:pt>
                <c:pt idx="7397">
                  <c:v>-1E-3</c:v>
                </c:pt>
                <c:pt idx="7398">
                  <c:v>-1E-3</c:v>
                </c:pt>
                <c:pt idx="7399">
                  <c:v>-1E-3</c:v>
                </c:pt>
                <c:pt idx="7400">
                  <c:v>-1E-3</c:v>
                </c:pt>
                <c:pt idx="7401">
                  <c:v>-1E-3</c:v>
                </c:pt>
                <c:pt idx="7402">
                  <c:v>-1E-3</c:v>
                </c:pt>
                <c:pt idx="7403">
                  <c:v>-1E-3</c:v>
                </c:pt>
                <c:pt idx="7404">
                  <c:v>-1E-3</c:v>
                </c:pt>
                <c:pt idx="7405">
                  <c:v>-1E-3</c:v>
                </c:pt>
                <c:pt idx="7406">
                  <c:v>-1E-3</c:v>
                </c:pt>
                <c:pt idx="7407">
                  <c:v>-1E-3</c:v>
                </c:pt>
                <c:pt idx="7408">
                  <c:v>-1E-3</c:v>
                </c:pt>
                <c:pt idx="7409">
                  <c:v>-1E-3</c:v>
                </c:pt>
                <c:pt idx="7410">
                  <c:v>-1E-3</c:v>
                </c:pt>
                <c:pt idx="7411">
                  <c:v>-1E-3</c:v>
                </c:pt>
                <c:pt idx="7412">
                  <c:v>-1E-3</c:v>
                </c:pt>
                <c:pt idx="7413">
                  <c:v>-1E-3</c:v>
                </c:pt>
                <c:pt idx="7414">
                  <c:v>-1E-3</c:v>
                </c:pt>
                <c:pt idx="7415">
                  <c:v>-1E-3</c:v>
                </c:pt>
                <c:pt idx="7416">
                  <c:v>-1E-3</c:v>
                </c:pt>
                <c:pt idx="7417">
                  <c:v>-1E-3</c:v>
                </c:pt>
                <c:pt idx="7418">
                  <c:v>-1E-3</c:v>
                </c:pt>
                <c:pt idx="7419">
                  <c:v>-1E-3</c:v>
                </c:pt>
                <c:pt idx="7420">
                  <c:v>-1E-3</c:v>
                </c:pt>
                <c:pt idx="7421">
                  <c:v>-1E-3</c:v>
                </c:pt>
                <c:pt idx="7422">
                  <c:v>-1E-3</c:v>
                </c:pt>
                <c:pt idx="7423">
                  <c:v>-1E-3</c:v>
                </c:pt>
                <c:pt idx="7424">
                  <c:v>-1E-3</c:v>
                </c:pt>
                <c:pt idx="7425">
                  <c:v>-1E-3</c:v>
                </c:pt>
                <c:pt idx="7426">
                  <c:v>-1E-3</c:v>
                </c:pt>
                <c:pt idx="7427">
                  <c:v>-1E-3</c:v>
                </c:pt>
                <c:pt idx="7428">
                  <c:v>-1E-3</c:v>
                </c:pt>
                <c:pt idx="7429">
                  <c:v>-1E-3</c:v>
                </c:pt>
                <c:pt idx="7430">
                  <c:v>-1E-3</c:v>
                </c:pt>
                <c:pt idx="7431">
                  <c:v>-1E-3</c:v>
                </c:pt>
                <c:pt idx="7432">
                  <c:v>-1E-3</c:v>
                </c:pt>
                <c:pt idx="7433">
                  <c:v>-1E-3</c:v>
                </c:pt>
                <c:pt idx="7434">
                  <c:v>-1E-3</c:v>
                </c:pt>
                <c:pt idx="7435">
                  <c:v>-1E-3</c:v>
                </c:pt>
                <c:pt idx="7436">
                  <c:v>-1E-3</c:v>
                </c:pt>
                <c:pt idx="7437">
                  <c:v>-1E-3</c:v>
                </c:pt>
                <c:pt idx="7438">
                  <c:v>-1E-3</c:v>
                </c:pt>
                <c:pt idx="7439">
                  <c:v>-1E-3</c:v>
                </c:pt>
                <c:pt idx="7440">
                  <c:v>-1E-3</c:v>
                </c:pt>
                <c:pt idx="7441">
                  <c:v>-1E-3</c:v>
                </c:pt>
                <c:pt idx="7442">
                  <c:v>-1E-3</c:v>
                </c:pt>
                <c:pt idx="7443">
                  <c:v>-1E-3</c:v>
                </c:pt>
                <c:pt idx="7444">
                  <c:v>-1E-3</c:v>
                </c:pt>
                <c:pt idx="7445">
                  <c:v>-1E-3</c:v>
                </c:pt>
                <c:pt idx="7446">
                  <c:v>-1E-3</c:v>
                </c:pt>
                <c:pt idx="7447">
                  <c:v>-1E-3</c:v>
                </c:pt>
                <c:pt idx="7448">
                  <c:v>-1E-3</c:v>
                </c:pt>
                <c:pt idx="7449">
                  <c:v>-1E-3</c:v>
                </c:pt>
                <c:pt idx="7450">
                  <c:v>-1E-3</c:v>
                </c:pt>
                <c:pt idx="7451">
                  <c:v>-1E-3</c:v>
                </c:pt>
                <c:pt idx="7452">
                  <c:v>-1E-3</c:v>
                </c:pt>
                <c:pt idx="7453">
                  <c:v>-1E-3</c:v>
                </c:pt>
                <c:pt idx="7454">
                  <c:v>-1E-3</c:v>
                </c:pt>
                <c:pt idx="7455">
                  <c:v>-1E-3</c:v>
                </c:pt>
                <c:pt idx="7456">
                  <c:v>-1E-3</c:v>
                </c:pt>
                <c:pt idx="7457">
                  <c:v>-1E-3</c:v>
                </c:pt>
                <c:pt idx="7458">
                  <c:v>-1E-3</c:v>
                </c:pt>
                <c:pt idx="7459">
                  <c:v>-1E-3</c:v>
                </c:pt>
                <c:pt idx="7460">
                  <c:v>-1E-3</c:v>
                </c:pt>
                <c:pt idx="7461">
                  <c:v>-1E-3</c:v>
                </c:pt>
                <c:pt idx="7462">
                  <c:v>-1E-3</c:v>
                </c:pt>
                <c:pt idx="7463">
                  <c:v>-1E-3</c:v>
                </c:pt>
                <c:pt idx="7464">
                  <c:v>-1E-3</c:v>
                </c:pt>
                <c:pt idx="7465">
                  <c:v>-1E-3</c:v>
                </c:pt>
                <c:pt idx="7466">
                  <c:v>-1E-3</c:v>
                </c:pt>
                <c:pt idx="7467">
                  <c:v>-1E-3</c:v>
                </c:pt>
                <c:pt idx="7468">
                  <c:v>-1E-3</c:v>
                </c:pt>
                <c:pt idx="7469">
                  <c:v>-1E-3</c:v>
                </c:pt>
                <c:pt idx="7470">
                  <c:v>-1E-3</c:v>
                </c:pt>
                <c:pt idx="7471">
                  <c:v>-1E-3</c:v>
                </c:pt>
                <c:pt idx="7472">
                  <c:v>-1E-3</c:v>
                </c:pt>
                <c:pt idx="7473">
                  <c:v>-1E-3</c:v>
                </c:pt>
                <c:pt idx="7474">
                  <c:v>-1E-3</c:v>
                </c:pt>
                <c:pt idx="7475">
                  <c:v>-1E-3</c:v>
                </c:pt>
                <c:pt idx="7476">
                  <c:v>-1E-3</c:v>
                </c:pt>
                <c:pt idx="7477">
                  <c:v>-1E-3</c:v>
                </c:pt>
                <c:pt idx="7478">
                  <c:v>-1E-3</c:v>
                </c:pt>
                <c:pt idx="7479">
                  <c:v>-1E-3</c:v>
                </c:pt>
                <c:pt idx="7480">
                  <c:v>-1E-3</c:v>
                </c:pt>
                <c:pt idx="7481">
                  <c:v>-1E-3</c:v>
                </c:pt>
                <c:pt idx="7482">
                  <c:v>-1E-3</c:v>
                </c:pt>
                <c:pt idx="7483">
                  <c:v>-1E-3</c:v>
                </c:pt>
                <c:pt idx="7484">
                  <c:v>-1E-3</c:v>
                </c:pt>
                <c:pt idx="7485">
                  <c:v>-1E-3</c:v>
                </c:pt>
                <c:pt idx="7486">
                  <c:v>-1E-3</c:v>
                </c:pt>
                <c:pt idx="7487">
                  <c:v>-1E-3</c:v>
                </c:pt>
                <c:pt idx="7488">
                  <c:v>-1E-3</c:v>
                </c:pt>
                <c:pt idx="7489">
                  <c:v>-1E-3</c:v>
                </c:pt>
                <c:pt idx="7490">
                  <c:v>-1E-3</c:v>
                </c:pt>
                <c:pt idx="7491">
                  <c:v>-1E-3</c:v>
                </c:pt>
                <c:pt idx="7492">
                  <c:v>-1E-3</c:v>
                </c:pt>
                <c:pt idx="7493">
                  <c:v>-1E-3</c:v>
                </c:pt>
                <c:pt idx="7494">
                  <c:v>-1E-3</c:v>
                </c:pt>
                <c:pt idx="7495">
                  <c:v>-1E-3</c:v>
                </c:pt>
                <c:pt idx="7496">
                  <c:v>-1E-3</c:v>
                </c:pt>
                <c:pt idx="7497">
                  <c:v>-1E-3</c:v>
                </c:pt>
                <c:pt idx="7498">
                  <c:v>-1E-3</c:v>
                </c:pt>
                <c:pt idx="7499">
                  <c:v>-1E-3</c:v>
                </c:pt>
                <c:pt idx="7500">
                  <c:v>-1E-3</c:v>
                </c:pt>
                <c:pt idx="7501">
                  <c:v>-1E-3</c:v>
                </c:pt>
                <c:pt idx="7502">
                  <c:v>-1E-3</c:v>
                </c:pt>
                <c:pt idx="7503">
                  <c:v>-1E-3</c:v>
                </c:pt>
                <c:pt idx="7504">
                  <c:v>-1E-3</c:v>
                </c:pt>
                <c:pt idx="7505">
                  <c:v>-1E-3</c:v>
                </c:pt>
                <c:pt idx="7506">
                  <c:v>-1E-3</c:v>
                </c:pt>
                <c:pt idx="7507">
                  <c:v>-1E-3</c:v>
                </c:pt>
                <c:pt idx="7508">
                  <c:v>-1E-3</c:v>
                </c:pt>
                <c:pt idx="7509">
                  <c:v>-1E-3</c:v>
                </c:pt>
                <c:pt idx="7510">
                  <c:v>-1E-3</c:v>
                </c:pt>
                <c:pt idx="7511">
                  <c:v>-1E-3</c:v>
                </c:pt>
                <c:pt idx="7512">
                  <c:v>-1E-3</c:v>
                </c:pt>
                <c:pt idx="7513">
                  <c:v>-1E-3</c:v>
                </c:pt>
                <c:pt idx="7514">
                  <c:v>-1E-3</c:v>
                </c:pt>
                <c:pt idx="7515">
                  <c:v>-1E-3</c:v>
                </c:pt>
                <c:pt idx="7516">
                  <c:v>-1E-3</c:v>
                </c:pt>
                <c:pt idx="7517">
                  <c:v>-1E-3</c:v>
                </c:pt>
                <c:pt idx="7518">
                  <c:v>-1E-3</c:v>
                </c:pt>
                <c:pt idx="7519">
                  <c:v>-1E-3</c:v>
                </c:pt>
                <c:pt idx="7520">
                  <c:v>-1E-3</c:v>
                </c:pt>
                <c:pt idx="7521">
                  <c:v>-1E-3</c:v>
                </c:pt>
                <c:pt idx="7522">
                  <c:v>-1E-3</c:v>
                </c:pt>
                <c:pt idx="7523">
                  <c:v>-1E-3</c:v>
                </c:pt>
                <c:pt idx="7524">
                  <c:v>-1E-3</c:v>
                </c:pt>
                <c:pt idx="7525">
                  <c:v>-1E-3</c:v>
                </c:pt>
                <c:pt idx="7526">
                  <c:v>-1E-3</c:v>
                </c:pt>
                <c:pt idx="7527">
                  <c:v>-1E-3</c:v>
                </c:pt>
                <c:pt idx="7528">
                  <c:v>-1E-3</c:v>
                </c:pt>
                <c:pt idx="7529">
                  <c:v>-1E-3</c:v>
                </c:pt>
                <c:pt idx="7530">
                  <c:v>-1E-3</c:v>
                </c:pt>
                <c:pt idx="7531">
                  <c:v>-1E-3</c:v>
                </c:pt>
                <c:pt idx="7532">
                  <c:v>-1E-3</c:v>
                </c:pt>
                <c:pt idx="7533">
                  <c:v>-1E-3</c:v>
                </c:pt>
                <c:pt idx="7534">
                  <c:v>-1E-3</c:v>
                </c:pt>
                <c:pt idx="7535">
                  <c:v>-1E-3</c:v>
                </c:pt>
                <c:pt idx="7536">
                  <c:v>-1E-3</c:v>
                </c:pt>
                <c:pt idx="7537">
                  <c:v>-1E-3</c:v>
                </c:pt>
                <c:pt idx="7538">
                  <c:v>-1E-3</c:v>
                </c:pt>
                <c:pt idx="7539">
                  <c:v>-1E-3</c:v>
                </c:pt>
                <c:pt idx="7540">
                  <c:v>-1E-3</c:v>
                </c:pt>
                <c:pt idx="7541">
                  <c:v>-1E-3</c:v>
                </c:pt>
                <c:pt idx="7542">
                  <c:v>-1E-3</c:v>
                </c:pt>
                <c:pt idx="7543">
                  <c:v>-1E-3</c:v>
                </c:pt>
                <c:pt idx="7544">
                  <c:v>-1E-3</c:v>
                </c:pt>
                <c:pt idx="7545">
                  <c:v>-1E-3</c:v>
                </c:pt>
                <c:pt idx="7546">
                  <c:v>-1E-3</c:v>
                </c:pt>
                <c:pt idx="7547">
                  <c:v>-1E-3</c:v>
                </c:pt>
                <c:pt idx="7548">
                  <c:v>-1E-3</c:v>
                </c:pt>
                <c:pt idx="7549">
                  <c:v>-1E-3</c:v>
                </c:pt>
                <c:pt idx="7550">
                  <c:v>-1E-3</c:v>
                </c:pt>
                <c:pt idx="7551">
                  <c:v>-1E-3</c:v>
                </c:pt>
                <c:pt idx="7552">
                  <c:v>-1E-3</c:v>
                </c:pt>
                <c:pt idx="7553">
                  <c:v>-1E-3</c:v>
                </c:pt>
                <c:pt idx="7554">
                  <c:v>-1E-3</c:v>
                </c:pt>
                <c:pt idx="7555">
                  <c:v>-1E-3</c:v>
                </c:pt>
                <c:pt idx="7556">
                  <c:v>-1E-3</c:v>
                </c:pt>
                <c:pt idx="7557">
                  <c:v>-1E-3</c:v>
                </c:pt>
                <c:pt idx="7558">
                  <c:v>-1E-3</c:v>
                </c:pt>
                <c:pt idx="7559">
                  <c:v>-1E-3</c:v>
                </c:pt>
                <c:pt idx="7560">
                  <c:v>-1E-3</c:v>
                </c:pt>
                <c:pt idx="7561">
                  <c:v>-1E-3</c:v>
                </c:pt>
                <c:pt idx="7562">
                  <c:v>-1E-3</c:v>
                </c:pt>
                <c:pt idx="7563">
                  <c:v>-1E-3</c:v>
                </c:pt>
                <c:pt idx="7564">
                  <c:v>-1E-3</c:v>
                </c:pt>
                <c:pt idx="7565">
                  <c:v>-1E-3</c:v>
                </c:pt>
                <c:pt idx="7566">
                  <c:v>-1E-3</c:v>
                </c:pt>
                <c:pt idx="7567">
                  <c:v>-1E-3</c:v>
                </c:pt>
                <c:pt idx="7568">
                  <c:v>-1E-3</c:v>
                </c:pt>
                <c:pt idx="7569">
                  <c:v>-1E-3</c:v>
                </c:pt>
                <c:pt idx="7570">
                  <c:v>-1E-3</c:v>
                </c:pt>
                <c:pt idx="7571">
                  <c:v>-1E-3</c:v>
                </c:pt>
                <c:pt idx="7572">
                  <c:v>-1E-3</c:v>
                </c:pt>
                <c:pt idx="7573">
                  <c:v>-1E-3</c:v>
                </c:pt>
                <c:pt idx="7574">
                  <c:v>-1E-3</c:v>
                </c:pt>
                <c:pt idx="7575">
                  <c:v>-1E-3</c:v>
                </c:pt>
                <c:pt idx="7576">
                  <c:v>-1E-3</c:v>
                </c:pt>
                <c:pt idx="7577">
                  <c:v>-1E-3</c:v>
                </c:pt>
                <c:pt idx="7578">
                  <c:v>-1E-3</c:v>
                </c:pt>
                <c:pt idx="7579">
                  <c:v>-1E-3</c:v>
                </c:pt>
                <c:pt idx="7580">
                  <c:v>-1E-3</c:v>
                </c:pt>
                <c:pt idx="7581">
                  <c:v>-1E-3</c:v>
                </c:pt>
                <c:pt idx="7582">
                  <c:v>-1E-3</c:v>
                </c:pt>
                <c:pt idx="7583">
                  <c:v>-1E-3</c:v>
                </c:pt>
                <c:pt idx="7584">
                  <c:v>-1E-3</c:v>
                </c:pt>
                <c:pt idx="7585">
                  <c:v>-1E-3</c:v>
                </c:pt>
                <c:pt idx="7586">
                  <c:v>-1E-3</c:v>
                </c:pt>
                <c:pt idx="7587">
                  <c:v>-1E-3</c:v>
                </c:pt>
                <c:pt idx="7588">
                  <c:v>-1E-3</c:v>
                </c:pt>
                <c:pt idx="7589">
                  <c:v>-1E-3</c:v>
                </c:pt>
                <c:pt idx="7590">
                  <c:v>-1E-3</c:v>
                </c:pt>
                <c:pt idx="7591">
                  <c:v>-1E-3</c:v>
                </c:pt>
                <c:pt idx="7592">
                  <c:v>-1E-3</c:v>
                </c:pt>
                <c:pt idx="7593">
                  <c:v>-1E-3</c:v>
                </c:pt>
                <c:pt idx="7594">
                  <c:v>-1E-3</c:v>
                </c:pt>
                <c:pt idx="7595">
                  <c:v>-1E-3</c:v>
                </c:pt>
                <c:pt idx="7596">
                  <c:v>-1E-3</c:v>
                </c:pt>
                <c:pt idx="7597">
                  <c:v>-1E-3</c:v>
                </c:pt>
                <c:pt idx="7598">
                  <c:v>-1E-3</c:v>
                </c:pt>
                <c:pt idx="7599">
                  <c:v>-1E-3</c:v>
                </c:pt>
                <c:pt idx="7600">
                  <c:v>-1E-3</c:v>
                </c:pt>
                <c:pt idx="7601">
                  <c:v>-1E-3</c:v>
                </c:pt>
                <c:pt idx="7602">
                  <c:v>-1E-3</c:v>
                </c:pt>
                <c:pt idx="7603">
                  <c:v>-1E-3</c:v>
                </c:pt>
                <c:pt idx="7604">
                  <c:v>-1E-3</c:v>
                </c:pt>
                <c:pt idx="7605">
                  <c:v>-1E-3</c:v>
                </c:pt>
                <c:pt idx="7606">
                  <c:v>-1E-3</c:v>
                </c:pt>
                <c:pt idx="7607">
                  <c:v>-1E-3</c:v>
                </c:pt>
                <c:pt idx="7608">
                  <c:v>-1E-3</c:v>
                </c:pt>
                <c:pt idx="7609">
                  <c:v>-1E-3</c:v>
                </c:pt>
                <c:pt idx="7610">
                  <c:v>-1E-3</c:v>
                </c:pt>
                <c:pt idx="7611">
                  <c:v>-1E-3</c:v>
                </c:pt>
                <c:pt idx="7612">
                  <c:v>-1E-3</c:v>
                </c:pt>
                <c:pt idx="7613">
                  <c:v>-1E-3</c:v>
                </c:pt>
                <c:pt idx="7614">
                  <c:v>-1E-3</c:v>
                </c:pt>
                <c:pt idx="7615">
                  <c:v>-1E-3</c:v>
                </c:pt>
                <c:pt idx="7616">
                  <c:v>-1E-3</c:v>
                </c:pt>
                <c:pt idx="7617">
                  <c:v>-1E-3</c:v>
                </c:pt>
                <c:pt idx="7618">
                  <c:v>-1E-3</c:v>
                </c:pt>
                <c:pt idx="7619">
                  <c:v>-1E-3</c:v>
                </c:pt>
                <c:pt idx="7620">
                  <c:v>-1E-3</c:v>
                </c:pt>
                <c:pt idx="7621">
                  <c:v>-1E-3</c:v>
                </c:pt>
                <c:pt idx="7622">
                  <c:v>-1E-3</c:v>
                </c:pt>
                <c:pt idx="7623">
                  <c:v>-1E-3</c:v>
                </c:pt>
                <c:pt idx="7624">
                  <c:v>-1E-3</c:v>
                </c:pt>
                <c:pt idx="7625">
                  <c:v>-1E-3</c:v>
                </c:pt>
                <c:pt idx="7626">
                  <c:v>-1E-3</c:v>
                </c:pt>
                <c:pt idx="7627">
                  <c:v>-1E-3</c:v>
                </c:pt>
                <c:pt idx="7628">
                  <c:v>-1E-3</c:v>
                </c:pt>
                <c:pt idx="7629">
                  <c:v>-1E-3</c:v>
                </c:pt>
                <c:pt idx="7630">
                  <c:v>-1E-3</c:v>
                </c:pt>
                <c:pt idx="7631">
                  <c:v>-1E-3</c:v>
                </c:pt>
                <c:pt idx="7632">
                  <c:v>-1E-3</c:v>
                </c:pt>
                <c:pt idx="7633">
                  <c:v>-1E-3</c:v>
                </c:pt>
                <c:pt idx="7634">
                  <c:v>-1E-3</c:v>
                </c:pt>
                <c:pt idx="7635">
                  <c:v>-1E-3</c:v>
                </c:pt>
                <c:pt idx="7636">
                  <c:v>-1E-3</c:v>
                </c:pt>
                <c:pt idx="7637">
                  <c:v>-1E-3</c:v>
                </c:pt>
                <c:pt idx="7638">
                  <c:v>-1E-3</c:v>
                </c:pt>
                <c:pt idx="7639">
                  <c:v>-1E-3</c:v>
                </c:pt>
                <c:pt idx="7640">
                  <c:v>-1E-3</c:v>
                </c:pt>
                <c:pt idx="7641">
                  <c:v>-1E-3</c:v>
                </c:pt>
                <c:pt idx="7642">
                  <c:v>-1E-3</c:v>
                </c:pt>
                <c:pt idx="7643">
                  <c:v>-1E-3</c:v>
                </c:pt>
                <c:pt idx="7644">
                  <c:v>-1E-3</c:v>
                </c:pt>
                <c:pt idx="7645">
                  <c:v>-1E-3</c:v>
                </c:pt>
                <c:pt idx="7646">
                  <c:v>-1E-3</c:v>
                </c:pt>
                <c:pt idx="7647">
                  <c:v>-1E-3</c:v>
                </c:pt>
                <c:pt idx="7648">
                  <c:v>-1E-3</c:v>
                </c:pt>
                <c:pt idx="7649">
                  <c:v>-1E-3</c:v>
                </c:pt>
                <c:pt idx="7650">
                  <c:v>-1E-3</c:v>
                </c:pt>
                <c:pt idx="7651">
                  <c:v>-1E-3</c:v>
                </c:pt>
                <c:pt idx="7652">
                  <c:v>-1E-3</c:v>
                </c:pt>
                <c:pt idx="7653">
                  <c:v>-1E-3</c:v>
                </c:pt>
                <c:pt idx="7654">
                  <c:v>-1E-3</c:v>
                </c:pt>
                <c:pt idx="7655">
                  <c:v>-1E-3</c:v>
                </c:pt>
                <c:pt idx="7656">
                  <c:v>-1E-3</c:v>
                </c:pt>
                <c:pt idx="7657">
                  <c:v>-1E-3</c:v>
                </c:pt>
                <c:pt idx="7658">
                  <c:v>-1E-3</c:v>
                </c:pt>
                <c:pt idx="7659">
                  <c:v>-1E-3</c:v>
                </c:pt>
                <c:pt idx="7660">
                  <c:v>-1E-3</c:v>
                </c:pt>
                <c:pt idx="7661">
                  <c:v>-1E-3</c:v>
                </c:pt>
                <c:pt idx="7662">
                  <c:v>-1E-3</c:v>
                </c:pt>
                <c:pt idx="7663">
                  <c:v>-1E-3</c:v>
                </c:pt>
                <c:pt idx="7664">
                  <c:v>-1E-3</c:v>
                </c:pt>
                <c:pt idx="7665">
                  <c:v>-1E-3</c:v>
                </c:pt>
                <c:pt idx="7666">
                  <c:v>-1E-3</c:v>
                </c:pt>
                <c:pt idx="7667">
                  <c:v>-1E-3</c:v>
                </c:pt>
                <c:pt idx="7668">
                  <c:v>-1E-3</c:v>
                </c:pt>
                <c:pt idx="7669">
                  <c:v>-1E-3</c:v>
                </c:pt>
                <c:pt idx="7670">
                  <c:v>-1E-3</c:v>
                </c:pt>
                <c:pt idx="7671">
                  <c:v>-1E-3</c:v>
                </c:pt>
                <c:pt idx="7672">
                  <c:v>-1E-3</c:v>
                </c:pt>
                <c:pt idx="7673">
                  <c:v>-1E-3</c:v>
                </c:pt>
                <c:pt idx="7674">
                  <c:v>-1E-3</c:v>
                </c:pt>
                <c:pt idx="7675">
                  <c:v>-1E-3</c:v>
                </c:pt>
                <c:pt idx="7676">
                  <c:v>-1E-3</c:v>
                </c:pt>
                <c:pt idx="7677">
                  <c:v>-1E-3</c:v>
                </c:pt>
                <c:pt idx="7678">
                  <c:v>-1E-3</c:v>
                </c:pt>
                <c:pt idx="7679">
                  <c:v>-1E-3</c:v>
                </c:pt>
                <c:pt idx="7680">
                  <c:v>-1E-3</c:v>
                </c:pt>
                <c:pt idx="7681">
                  <c:v>-1E-3</c:v>
                </c:pt>
                <c:pt idx="7682">
                  <c:v>-1E-3</c:v>
                </c:pt>
                <c:pt idx="7683">
                  <c:v>-1E-3</c:v>
                </c:pt>
                <c:pt idx="7684">
                  <c:v>-1E-3</c:v>
                </c:pt>
                <c:pt idx="7685">
                  <c:v>-1E-3</c:v>
                </c:pt>
                <c:pt idx="7686">
                  <c:v>-1E-3</c:v>
                </c:pt>
                <c:pt idx="7687">
                  <c:v>-1E-3</c:v>
                </c:pt>
                <c:pt idx="7688">
                  <c:v>-1E-3</c:v>
                </c:pt>
                <c:pt idx="7689">
                  <c:v>-1E-3</c:v>
                </c:pt>
                <c:pt idx="7690">
                  <c:v>-1E-3</c:v>
                </c:pt>
                <c:pt idx="7691">
                  <c:v>-1E-3</c:v>
                </c:pt>
                <c:pt idx="7692">
                  <c:v>-1E-3</c:v>
                </c:pt>
                <c:pt idx="7693">
                  <c:v>-1E-3</c:v>
                </c:pt>
                <c:pt idx="7694">
                  <c:v>-1E-3</c:v>
                </c:pt>
                <c:pt idx="7695">
                  <c:v>-1E-3</c:v>
                </c:pt>
                <c:pt idx="7696">
                  <c:v>-1E-3</c:v>
                </c:pt>
                <c:pt idx="7697">
                  <c:v>-1E-3</c:v>
                </c:pt>
                <c:pt idx="7698">
                  <c:v>-1E-3</c:v>
                </c:pt>
                <c:pt idx="7699">
                  <c:v>-1E-3</c:v>
                </c:pt>
                <c:pt idx="7700">
                  <c:v>-1E-3</c:v>
                </c:pt>
                <c:pt idx="7701">
                  <c:v>-1E-3</c:v>
                </c:pt>
                <c:pt idx="7702">
                  <c:v>-1E-3</c:v>
                </c:pt>
                <c:pt idx="7703">
                  <c:v>-1E-3</c:v>
                </c:pt>
                <c:pt idx="7704">
                  <c:v>-1E-3</c:v>
                </c:pt>
                <c:pt idx="7705">
                  <c:v>-1E-3</c:v>
                </c:pt>
                <c:pt idx="7706">
                  <c:v>-1E-3</c:v>
                </c:pt>
                <c:pt idx="7707">
                  <c:v>-1E-3</c:v>
                </c:pt>
                <c:pt idx="7708">
                  <c:v>-1E-3</c:v>
                </c:pt>
                <c:pt idx="7709">
                  <c:v>-1E-3</c:v>
                </c:pt>
                <c:pt idx="7710">
                  <c:v>-1E-3</c:v>
                </c:pt>
                <c:pt idx="7711">
                  <c:v>-1E-3</c:v>
                </c:pt>
                <c:pt idx="7712">
                  <c:v>-1E-3</c:v>
                </c:pt>
                <c:pt idx="7713">
                  <c:v>-1E-3</c:v>
                </c:pt>
                <c:pt idx="7714">
                  <c:v>-1E-3</c:v>
                </c:pt>
                <c:pt idx="7715">
                  <c:v>-1E-3</c:v>
                </c:pt>
                <c:pt idx="7716">
                  <c:v>-1E-3</c:v>
                </c:pt>
                <c:pt idx="7717">
                  <c:v>-1E-3</c:v>
                </c:pt>
                <c:pt idx="7718">
                  <c:v>-1E-3</c:v>
                </c:pt>
                <c:pt idx="7719">
                  <c:v>-1E-3</c:v>
                </c:pt>
                <c:pt idx="7720">
                  <c:v>-1E-3</c:v>
                </c:pt>
                <c:pt idx="7721">
                  <c:v>-1E-3</c:v>
                </c:pt>
                <c:pt idx="7722">
                  <c:v>-1E-3</c:v>
                </c:pt>
                <c:pt idx="7723">
                  <c:v>-1E-3</c:v>
                </c:pt>
                <c:pt idx="7724">
                  <c:v>-1E-3</c:v>
                </c:pt>
                <c:pt idx="7725">
                  <c:v>-1E-3</c:v>
                </c:pt>
                <c:pt idx="7726">
                  <c:v>-1E-3</c:v>
                </c:pt>
                <c:pt idx="7727">
                  <c:v>-1E-3</c:v>
                </c:pt>
                <c:pt idx="7728">
                  <c:v>-1E-3</c:v>
                </c:pt>
                <c:pt idx="7729">
                  <c:v>-1E-3</c:v>
                </c:pt>
                <c:pt idx="7730">
                  <c:v>-1E-3</c:v>
                </c:pt>
                <c:pt idx="7731">
                  <c:v>-1E-3</c:v>
                </c:pt>
                <c:pt idx="7732">
                  <c:v>-1E-3</c:v>
                </c:pt>
                <c:pt idx="7733">
                  <c:v>-1E-3</c:v>
                </c:pt>
                <c:pt idx="7734">
                  <c:v>-1E-3</c:v>
                </c:pt>
                <c:pt idx="7735">
                  <c:v>-1E-3</c:v>
                </c:pt>
                <c:pt idx="7736">
                  <c:v>-1E-3</c:v>
                </c:pt>
                <c:pt idx="7737">
                  <c:v>-1E-3</c:v>
                </c:pt>
                <c:pt idx="7738">
                  <c:v>-1E-3</c:v>
                </c:pt>
                <c:pt idx="7739">
                  <c:v>-1E-3</c:v>
                </c:pt>
                <c:pt idx="7740">
                  <c:v>-1E-3</c:v>
                </c:pt>
                <c:pt idx="7741">
                  <c:v>-1E-3</c:v>
                </c:pt>
                <c:pt idx="7742">
                  <c:v>-1E-3</c:v>
                </c:pt>
                <c:pt idx="7743">
                  <c:v>-1E-3</c:v>
                </c:pt>
                <c:pt idx="7744">
                  <c:v>-1E-3</c:v>
                </c:pt>
                <c:pt idx="7745">
                  <c:v>-1E-3</c:v>
                </c:pt>
                <c:pt idx="7746">
                  <c:v>-1E-3</c:v>
                </c:pt>
                <c:pt idx="7747">
                  <c:v>-1E-3</c:v>
                </c:pt>
                <c:pt idx="7748">
                  <c:v>-1E-3</c:v>
                </c:pt>
                <c:pt idx="7749">
                  <c:v>-1E-3</c:v>
                </c:pt>
                <c:pt idx="7750">
                  <c:v>-1E-3</c:v>
                </c:pt>
                <c:pt idx="7751">
                  <c:v>-1E-3</c:v>
                </c:pt>
                <c:pt idx="7752">
                  <c:v>-1E-3</c:v>
                </c:pt>
                <c:pt idx="7753">
                  <c:v>-1E-3</c:v>
                </c:pt>
                <c:pt idx="7754">
                  <c:v>-1E-3</c:v>
                </c:pt>
                <c:pt idx="7755">
                  <c:v>-1E-3</c:v>
                </c:pt>
                <c:pt idx="7756">
                  <c:v>-1E-3</c:v>
                </c:pt>
                <c:pt idx="7757">
                  <c:v>-1E-3</c:v>
                </c:pt>
                <c:pt idx="7758">
                  <c:v>-1E-3</c:v>
                </c:pt>
                <c:pt idx="7759">
                  <c:v>-1E-3</c:v>
                </c:pt>
                <c:pt idx="7760">
                  <c:v>-1E-3</c:v>
                </c:pt>
                <c:pt idx="7761">
                  <c:v>-1E-3</c:v>
                </c:pt>
                <c:pt idx="7762">
                  <c:v>-1E-3</c:v>
                </c:pt>
                <c:pt idx="7763">
                  <c:v>-1E-3</c:v>
                </c:pt>
                <c:pt idx="7764">
                  <c:v>-1E-3</c:v>
                </c:pt>
                <c:pt idx="7765">
                  <c:v>-1E-3</c:v>
                </c:pt>
                <c:pt idx="7766">
                  <c:v>-1E-3</c:v>
                </c:pt>
                <c:pt idx="7767">
                  <c:v>-1E-3</c:v>
                </c:pt>
                <c:pt idx="7768">
                  <c:v>-1E-3</c:v>
                </c:pt>
                <c:pt idx="7769">
                  <c:v>-1E-3</c:v>
                </c:pt>
                <c:pt idx="7770">
                  <c:v>-1E-3</c:v>
                </c:pt>
                <c:pt idx="7771">
                  <c:v>-1E-3</c:v>
                </c:pt>
                <c:pt idx="7772">
                  <c:v>-1E-3</c:v>
                </c:pt>
                <c:pt idx="7773">
                  <c:v>-1E-3</c:v>
                </c:pt>
                <c:pt idx="7774">
                  <c:v>-1E-3</c:v>
                </c:pt>
                <c:pt idx="7775">
                  <c:v>-1E-3</c:v>
                </c:pt>
                <c:pt idx="7776">
                  <c:v>-1E-3</c:v>
                </c:pt>
                <c:pt idx="7777">
                  <c:v>-1E-3</c:v>
                </c:pt>
                <c:pt idx="7778">
                  <c:v>-1E-3</c:v>
                </c:pt>
                <c:pt idx="7779">
                  <c:v>-1E-3</c:v>
                </c:pt>
                <c:pt idx="7780">
                  <c:v>-1E-3</c:v>
                </c:pt>
                <c:pt idx="7781">
                  <c:v>-1E-3</c:v>
                </c:pt>
                <c:pt idx="7782">
                  <c:v>-1E-3</c:v>
                </c:pt>
                <c:pt idx="7783">
                  <c:v>-1E-3</c:v>
                </c:pt>
                <c:pt idx="7784">
                  <c:v>-1E-3</c:v>
                </c:pt>
                <c:pt idx="7785">
                  <c:v>-1E-3</c:v>
                </c:pt>
                <c:pt idx="7786">
                  <c:v>-1E-3</c:v>
                </c:pt>
                <c:pt idx="7787">
                  <c:v>-1E-3</c:v>
                </c:pt>
                <c:pt idx="7788">
                  <c:v>-1E-3</c:v>
                </c:pt>
                <c:pt idx="7789">
                  <c:v>-1E-3</c:v>
                </c:pt>
                <c:pt idx="7790">
                  <c:v>-1E-3</c:v>
                </c:pt>
                <c:pt idx="7791">
                  <c:v>-1E-3</c:v>
                </c:pt>
                <c:pt idx="7792">
                  <c:v>-1E-3</c:v>
                </c:pt>
                <c:pt idx="7793">
                  <c:v>-1E-3</c:v>
                </c:pt>
                <c:pt idx="7794">
                  <c:v>-1E-3</c:v>
                </c:pt>
                <c:pt idx="7795">
                  <c:v>-1E-3</c:v>
                </c:pt>
                <c:pt idx="7796">
                  <c:v>-1E-3</c:v>
                </c:pt>
                <c:pt idx="7797">
                  <c:v>-1E-3</c:v>
                </c:pt>
                <c:pt idx="7798">
                  <c:v>-1E-3</c:v>
                </c:pt>
                <c:pt idx="7799">
                  <c:v>-1E-3</c:v>
                </c:pt>
                <c:pt idx="7800">
                  <c:v>-1E-3</c:v>
                </c:pt>
                <c:pt idx="7801">
                  <c:v>-1E-3</c:v>
                </c:pt>
                <c:pt idx="7802">
                  <c:v>-1E-3</c:v>
                </c:pt>
                <c:pt idx="7803">
                  <c:v>-1E-3</c:v>
                </c:pt>
                <c:pt idx="7804">
                  <c:v>-1E-3</c:v>
                </c:pt>
                <c:pt idx="7805">
                  <c:v>-1E-3</c:v>
                </c:pt>
                <c:pt idx="7806">
                  <c:v>-1E-3</c:v>
                </c:pt>
                <c:pt idx="7807">
                  <c:v>-1E-3</c:v>
                </c:pt>
                <c:pt idx="7808">
                  <c:v>-1E-3</c:v>
                </c:pt>
                <c:pt idx="7809">
                  <c:v>-1E-3</c:v>
                </c:pt>
                <c:pt idx="7810">
                  <c:v>-1E-3</c:v>
                </c:pt>
                <c:pt idx="7811">
                  <c:v>-1E-3</c:v>
                </c:pt>
                <c:pt idx="7812">
                  <c:v>-1E-3</c:v>
                </c:pt>
                <c:pt idx="7813">
                  <c:v>-1E-3</c:v>
                </c:pt>
                <c:pt idx="7814">
                  <c:v>-1E-3</c:v>
                </c:pt>
                <c:pt idx="7815">
                  <c:v>-1E-3</c:v>
                </c:pt>
                <c:pt idx="7816">
                  <c:v>-1E-3</c:v>
                </c:pt>
                <c:pt idx="7817">
                  <c:v>-1E-3</c:v>
                </c:pt>
                <c:pt idx="7818">
                  <c:v>-1E-3</c:v>
                </c:pt>
                <c:pt idx="7819">
                  <c:v>-1E-3</c:v>
                </c:pt>
                <c:pt idx="7820">
                  <c:v>-1E-3</c:v>
                </c:pt>
                <c:pt idx="7821">
                  <c:v>-1E-3</c:v>
                </c:pt>
                <c:pt idx="7822">
                  <c:v>-1E-3</c:v>
                </c:pt>
                <c:pt idx="7823">
                  <c:v>-1E-3</c:v>
                </c:pt>
                <c:pt idx="7824">
                  <c:v>-1E-3</c:v>
                </c:pt>
                <c:pt idx="7825">
                  <c:v>-1E-3</c:v>
                </c:pt>
                <c:pt idx="7826">
                  <c:v>-1E-3</c:v>
                </c:pt>
                <c:pt idx="7827">
                  <c:v>-1E-3</c:v>
                </c:pt>
                <c:pt idx="7828">
                  <c:v>-1E-3</c:v>
                </c:pt>
                <c:pt idx="7829">
                  <c:v>-1E-3</c:v>
                </c:pt>
                <c:pt idx="7830">
                  <c:v>-1E-3</c:v>
                </c:pt>
                <c:pt idx="7831">
                  <c:v>-1E-3</c:v>
                </c:pt>
                <c:pt idx="7832">
                  <c:v>-1E-3</c:v>
                </c:pt>
                <c:pt idx="7833">
                  <c:v>-1E-3</c:v>
                </c:pt>
                <c:pt idx="7834">
                  <c:v>-1E-3</c:v>
                </c:pt>
                <c:pt idx="7835">
                  <c:v>-1E-3</c:v>
                </c:pt>
                <c:pt idx="7836">
                  <c:v>-1E-3</c:v>
                </c:pt>
                <c:pt idx="7837">
                  <c:v>-1E-3</c:v>
                </c:pt>
                <c:pt idx="7838">
                  <c:v>-1E-3</c:v>
                </c:pt>
                <c:pt idx="7839">
                  <c:v>-1E-3</c:v>
                </c:pt>
                <c:pt idx="7840">
                  <c:v>-1E-3</c:v>
                </c:pt>
                <c:pt idx="7841">
                  <c:v>-1E-3</c:v>
                </c:pt>
                <c:pt idx="7842">
                  <c:v>-1E-3</c:v>
                </c:pt>
                <c:pt idx="7843">
                  <c:v>-1E-3</c:v>
                </c:pt>
                <c:pt idx="7844">
                  <c:v>-1E-3</c:v>
                </c:pt>
                <c:pt idx="7845">
                  <c:v>-1E-3</c:v>
                </c:pt>
                <c:pt idx="7846">
                  <c:v>-1E-3</c:v>
                </c:pt>
                <c:pt idx="7847">
                  <c:v>-1E-3</c:v>
                </c:pt>
                <c:pt idx="7848">
                  <c:v>-1E-3</c:v>
                </c:pt>
                <c:pt idx="7849">
                  <c:v>-1E-3</c:v>
                </c:pt>
                <c:pt idx="7850">
                  <c:v>-1E-3</c:v>
                </c:pt>
                <c:pt idx="7851">
                  <c:v>-1E-3</c:v>
                </c:pt>
                <c:pt idx="7852">
                  <c:v>-1E-3</c:v>
                </c:pt>
                <c:pt idx="7853">
                  <c:v>-1E-3</c:v>
                </c:pt>
                <c:pt idx="7854">
                  <c:v>-1E-3</c:v>
                </c:pt>
                <c:pt idx="7855">
                  <c:v>-1E-3</c:v>
                </c:pt>
                <c:pt idx="7856">
                  <c:v>-1E-3</c:v>
                </c:pt>
                <c:pt idx="7857">
                  <c:v>-1E-3</c:v>
                </c:pt>
                <c:pt idx="7858">
                  <c:v>-1E-3</c:v>
                </c:pt>
                <c:pt idx="7859">
                  <c:v>-1E-3</c:v>
                </c:pt>
                <c:pt idx="7860">
                  <c:v>-1E-3</c:v>
                </c:pt>
                <c:pt idx="7861">
                  <c:v>-1E-3</c:v>
                </c:pt>
                <c:pt idx="7862">
                  <c:v>-1E-3</c:v>
                </c:pt>
                <c:pt idx="7863">
                  <c:v>-1E-3</c:v>
                </c:pt>
                <c:pt idx="7864">
                  <c:v>-1E-3</c:v>
                </c:pt>
                <c:pt idx="7865">
                  <c:v>-1E-3</c:v>
                </c:pt>
                <c:pt idx="7866">
                  <c:v>-1E-3</c:v>
                </c:pt>
                <c:pt idx="7867">
                  <c:v>-1E-3</c:v>
                </c:pt>
                <c:pt idx="7868">
                  <c:v>-1E-3</c:v>
                </c:pt>
                <c:pt idx="7869">
                  <c:v>-1E-3</c:v>
                </c:pt>
                <c:pt idx="7870">
                  <c:v>-1E-3</c:v>
                </c:pt>
                <c:pt idx="7871">
                  <c:v>-1E-3</c:v>
                </c:pt>
                <c:pt idx="7872">
                  <c:v>-1E-3</c:v>
                </c:pt>
                <c:pt idx="7873">
                  <c:v>-1E-3</c:v>
                </c:pt>
                <c:pt idx="7874">
                  <c:v>-1E-3</c:v>
                </c:pt>
                <c:pt idx="7875">
                  <c:v>-1E-3</c:v>
                </c:pt>
                <c:pt idx="7876">
                  <c:v>-1E-3</c:v>
                </c:pt>
                <c:pt idx="7877">
                  <c:v>-1E-3</c:v>
                </c:pt>
                <c:pt idx="7878">
                  <c:v>-1E-3</c:v>
                </c:pt>
                <c:pt idx="7879">
                  <c:v>-1E-3</c:v>
                </c:pt>
                <c:pt idx="7880">
                  <c:v>-1E-3</c:v>
                </c:pt>
                <c:pt idx="7881">
                  <c:v>-1E-3</c:v>
                </c:pt>
                <c:pt idx="7882">
                  <c:v>-1E-3</c:v>
                </c:pt>
                <c:pt idx="7883">
                  <c:v>-1E-3</c:v>
                </c:pt>
                <c:pt idx="7884">
                  <c:v>-1E-3</c:v>
                </c:pt>
                <c:pt idx="7885">
                  <c:v>-1E-3</c:v>
                </c:pt>
                <c:pt idx="7886">
                  <c:v>-1E-3</c:v>
                </c:pt>
                <c:pt idx="7887">
                  <c:v>-1E-3</c:v>
                </c:pt>
                <c:pt idx="7888">
                  <c:v>-1E-3</c:v>
                </c:pt>
                <c:pt idx="7889">
                  <c:v>-1E-3</c:v>
                </c:pt>
                <c:pt idx="7890">
                  <c:v>-1E-3</c:v>
                </c:pt>
                <c:pt idx="7891">
                  <c:v>-1E-3</c:v>
                </c:pt>
                <c:pt idx="7892">
                  <c:v>-1E-3</c:v>
                </c:pt>
                <c:pt idx="7893">
                  <c:v>-1E-3</c:v>
                </c:pt>
                <c:pt idx="7894">
                  <c:v>-1E-3</c:v>
                </c:pt>
                <c:pt idx="7895">
                  <c:v>-1E-3</c:v>
                </c:pt>
                <c:pt idx="7896">
                  <c:v>-1E-3</c:v>
                </c:pt>
                <c:pt idx="7897">
                  <c:v>-1E-3</c:v>
                </c:pt>
                <c:pt idx="7898">
                  <c:v>-1E-3</c:v>
                </c:pt>
                <c:pt idx="7899">
                  <c:v>-1E-3</c:v>
                </c:pt>
                <c:pt idx="7900">
                  <c:v>-1E-3</c:v>
                </c:pt>
                <c:pt idx="7901">
                  <c:v>-1E-3</c:v>
                </c:pt>
                <c:pt idx="7902">
                  <c:v>-1E-3</c:v>
                </c:pt>
                <c:pt idx="7903">
                  <c:v>-1E-3</c:v>
                </c:pt>
                <c:pt idx="7904">
                  <c:v>-1E-3</c:v>
                </c:pt>
                <c:pt idx="7905">
                  <c:v>-1E-3</c:v>
                </c:pt>
                <c:pt idx="7906">
                  <c:v>-1E-3</c:v>
                </c:pt>
                <c:pt idx="7907">
                  <c:v>-1E-3</c:v>
                </c:pt>
                <c:pt idx="7908">
                  <c:v>-1E-3</c:v>
                </c:pt>
                <c:pt idx="7909">
                  <c:v>-1E-3</c:v>
                </c:pt>
                <c:pt idx="7910">
                  <c:v>-1E-3</c:v>
                </c:pt>
                <c:pt idx="7911">
                  <c:v>-1E-3</c:v>
                </c:pt>
                <c:pt idx="7912">
                  <c:v>-1E-3</c:v>
                </c:pt>
                <c:pt idx="7913">
                  <c:v>-1E-3</c:v>
                </c:pt>
                <c:pt idx="7914">
                  <c:v>-1E-3</c:v>
                </c:pt>
                <c:pt idx="7915">
                  <c:v>-1E-3</c:v>
                </c:pt>
                <c:pt idx="7916">
                  <c:v>-1E-3</c:v>
                </c:pt>
                <c:pt idx="7917">
                  <c:v>-1E-3</c:v>
                </c:pt>
                <c:pt idx="7918">
                  <c:v>-1E-3</c:v>
                </c:pt>
                <c:pt idx="7919">
                  <c:v>-1E-3</c:v>
                </c:pt>
                <c:pt idx="7920">
                  <c:v>-1E-3</c:v>
                </c:pt>
                <c:pt idx="7921">
                  <c:v>-1E-3</c:v>
                </c:pt>
                <c:pt idx="7922">
                  <c:v>-1E-3</c:v>
                </c:pt>
                <c:pt idx="7923">
                  <c:v>-1E-3</c:v>
                </c:pt>
                <c:pt idx="7924">
                  <c:v>-1E-3</c:v>
                </c:pt>
                <c:pt idx="7925">
                  <c:v>-1E-3</c:v>
                </c:pt>
                <c:pt idx="7926">
                  <c:v>-1E-3</c:v>
                </c:pt>
                <c:pt idx="7927">
                  <c:v>-1E-3</c:v>
                </c:pt>
                <c:pt idx="7928">
                  <c:v>-1E-3</c:v>
                </c:pt>
                <c:pt idx="7929">
                  <c:v>-1E-3</c:v>
                </c:pt>
                <c:pt idx="7930">
                  <c:v>-1E-3</c:v>
                </c:pt>
                <c:pt idx="7931">
                  <c:v>-1E-3</c:v>
                </c:pt>
                <c:pt idx="7932">
                  <c:v>-1E-3</c:v>
                </c:pt>
                <c:pt idx="7933">
                  <c:v>-1E-3</c:v>
                </c:pt>
                <c:pt idx="7934">
                  <c:v>-1E-3</c:v>
                </c:pt>
                <c:pt idx="7935">
                  <c:v>-1E-3</c:v>
                </c:pt>
                <c:pt idx="7936">
                  <c:v>-1E-3</c:v>
                </c:pt>
                <c:pt idx="7937">
                  <c:v>-1E-3</c:v>
                </c:pt>
                <c:pt idx="7938">
                  <c:v>-1E-3</c:v>
                </c:pt>
                <c:pt idx="7939">
                  <c:v>-1E-3</c:v>
                </c:pt>
                <c:pt idx="7940">
                  <c:v>-1E-3</c:v>
                </c:pt>
                <c:pt idx="7941">
                  <c:v>-1E-3</c:v>
                </c:pt>
                <c:pt idx="7942">
                  <c:v>-1E-3</c:v>
                </c:pt>
                <c:pt idx="7943">
                  <c:v>-1E-3</c:v>
                </c:pt>
                <c:pt idx="7944">
                  <c:v>-1E-3</c:v>
                </c:pt>
                <c:pt idx="7945">
                  <c:v>-1E-3</c:v>
                </c:pt>
                <c:pt idx="7946">
                  <c:v>-1E-3</c:v>
                </c:pt>
                <c:pt idx="7947">
                  <c:v>-1E-3</c:v>
                </c:pt>
                <c:pt idx="7948">
                  <c:v>-1E-3</c:v>
                </c:pt>
                <c:pt idx="7949">
                  <c:v>-1E-3</c:v>
                </c:pt>
                <c:pt idx="7950">
                  <c:v>-1E-3</c:v>
                </c:pt>
                <c:pt idx="7951">
                  <c:v>-1E-3</c:v>
                </c:pt>
                <c:pt idx="7952">
                  <c:v>-1E-3</c:v>
                </c:pt>
                <c:pt idx="7953">
                  <c:v>-1E-3</c:v>
                </c:pt>
                <c:pt idx="7954">
                  <c:v>-1E-3</c:v>
                </c:pt>
                <c:pt idx="7955">
                  <c:v>-1E-3</c:v>
                </c:pt>
                <c:pt idx="7956">
                  <c:v>-1E-3</c:v>
                </c:pt>
                <c:pt idx="7957">
                  <c:v>-1E-3</c:v>
                </c:pt>
                <c:pt idx="7958">
                  <c:v>-1E-3</c:v>
                </c:pt>
                <c:pt idx="7959">
                  <c:v>-1E-3</c:v>
                </c:pt>
                <c:pt idx="7960">
                  <c:v>-1E-3</c:v>
                </c:pt>
                <c:pt idx="7961">
                  <c:v>-1E-3</c:v>
                </c:pt>
                <c:pt idx="7962">
                  <c:v>-1E-3</c:v>
                </c:pt>
                <c:pt idx="7963">
                  <c:v>-1E-3</c:v>
                </c:pt>
                <c:pt idx="7964">
                  <c:v>-1E-3</c:v>
                </c:pt>
                <c:pt idx="7965">
                  <c:v>-1E-3</c:v>
                </c:pt>
                <c:pt idx="7966">
                  <c:v>-1E-3</c:v>
                </c:pt>
                <c:pt idx="7967">
                  <c:v>-1E-3</c:v>
                </c:pt>
                <c:pt idx="7968">
                  <c:v>-1E-3</c:v>
                </c:pt>
                <c:pt idx="7969">
                  <c:v>-1E-3</c:v>
                </c:pt>
                <c:pt idx="7970">
                  <c:v>-1E-3</c:v>
                </c:pt>
                <c:pt idx="7971">
                  <c:v>-1E-3</c:v>
                </c:pt>
                <c:pt idx="7972">
                  <c:v>-1E-3</c:v>
                </c:pt>
                <c:pt idx="7973">
                  <c:v>-1E-3</c:v>
                </c:pt>
                <c:pt idx="7974">
                  <c:v>-1E-3</c:v>
                </c:pt>
                <c:pt idx="7975">
                  <c:v>-1E-3</c:v>
                </c:pt>
                <c:pt idx="7976">
                  <c:v>-1E-3</c:v>
                </c:pt>
                <c:pt idx="7977">
                  <c:v>-1E-3</c:v>
                </c:pt>
                <c:pt idx="7978">
                  <c:v>-1E-3</c:v>
                </c:pt>
                <c:pt idx="7979">
                  <c:v>-1E-3</c:v>
                </c:pt>
                <c:pt idx="7980">
                  <c:v>-1E-3</c:v>
                </c:pt>
                <c:pt idx="7981">
                  <c:v>-1E-3</c:v>
                </c:pt>
                <c:pt idx="7982">
                  <c:v>-1E-3</c:v>
                </c:pt>
                <c:pt idx="7983">
                  <c:v>-1E-3</c:v>
                </c:pt>
                <c:pt idx="7984">
                  <c:v>-1E-3</c:v>
                </c:pt>
                <c:pt idx="7985">
                  <c:v>-1E-3</c:v>
                </c:pt>
                <c:pt idx="7986">
                  <c:v>-1E-3</c:v>
                </c:pt>
                <c:pt idx="7987">
                  <c:v>-1E-3</c:v>
                </c:pt>
                <c:pt idx="7988">
                  <c:v>-1E-3</c:v>
                </c:pt>
                <c:pt idx="7989">
                  <c:v>-1E-3</c:v>
                </c:pt>
                <c:pt idx="7990">
                  <c:v>-1E-3</c:v>
                </c:pt>
                <c:pt idx="7991">
                  <c:v>-1E-3</c:v>
                </c:pt>
                <c:pt idx="7992">
                  <c:v>-1E-3</c:v>
                </c:pt>
                <c:pt idx="7993">
                  <c:v>-1E-3</c:v>
                </c:pt>
                <c:pt idx="7994">
                  <c:v>-1E-3</c:v>
                </c:pt>
                <c:pt idx="7995">
                  <c:v>-1E-3</c:v>
                </c:pt>
                <c:pt idx="7996">
                  <c:v>-1E-3</c:v>
                </c:pt>
                <c:pt idx="7997">
                  <c:v>-1E-3</c:v>
                </c:pt>
                <c:pt idx="7998">
                  <c:v>-1E-3</c:v>
                </c:pt>
                <c:pt idx="7999">
                  <c:v>-1E-3</c:v>
                </c:pt>
                <c:pt idx="8000">
                  <c:v>-1E-3</c:v>
                </c:pt>
                <c:pt idx="8001">
                  <c:v>-1E-3</c:v>
                </c:pt>
                <c:pt idx="8002">
                  <c:v>-1E-3</c:v>
                </c:pt>
                <c:pt idx="8003">
                  <c:v>-1E-3</c:v>
                </c:pt>
                <c:pt idx="8004">
                  <c:v>-1E-3</c:v>
                </c:pt>
                <c:pt idx="8005">
                  <c:v>-1E-3</c:v>
                </c:pt>
                <c:pt idx="8006">
                  <c:v>-1E-3</c:v>
                </c:pt>
                <c:pt idx="8007">
                  <c:v>-1E-3</c:v>
                </c:pt>
                <c:pt idx="8008">
                  <c:v>-1E-3</c:v>
                </c:pt>
                <c:pt idx="8009">
                  <c:v>-1E-3</c:v>
                </c:pt>
                <c:pt idx="8010">
                  <c:v>-1E-3</c:v>
                </c:pt>
                <c:pt idx="8011">
                  <c:v>-1E-3</c:v>
                </c:pt>
                <c:pt idx="8012">
                  <c:v>-1E-3</c:v>
                </c:pt>
                <c:pt idx="8013">
                  <c:v>-1E-3</c:v>
                </c:pt>
                <c:pt idx="8014">
                  <c:v>-1E-3</c:v>
                </c:pt>
                <c:pt idx="8015">
                  <c:v>-1E-3</c:v>
                </c:pt>
                <c:pt idx="8016">
                  <c:v>-1E-3</c:v>
                </c:pt>
                <c:pt idx="8017">
                  <c:v>-1E-3</c:v>
                </c:pt>
                <c:pt idx="8018">
                  <c:v>-1E-3</c:v>
                </c:pt>
                <c:pt idx="8019">
                  <c:v>-1E-3</c:v>
                </c:pt>
                <c:pt idx="8020">
                  <c:v>-1E-3</c:v>
                </c:pt>
                <c:pt idx="8021">
                  <c:v>-1E-3</c:v>
                </c:pt>
                <c:pt idx="8022">
                  <c:v>-1E-3</c:v>
                </c:pt>
                <c:pt idx="8023">
                  <c:v>-1E-3</c:v>
                </c:pt>
                <c:pt idx="8024">
                  <c:v>-1E-3</c:v>
                </c:pt>
                <c:pt idx="8025">
                  <c:v>-1E-3</c:v>
                </c:pt>
                <c:pt idx="8026">
                  <c:v>-1E-3</c:v>
                </c:pt>
                <c:pt idx="8027">
                  <c:v>-1E-3</c:v>
                </c:pt>
                <c:pt idx="8028">
                  <c:v>-1E-3</c:v>
                </c:pt>
                <c:pt idx="8029">
                  <c:v>-1E-3</c:v>
                </c:pt>
                <c:pt idx="8030">
                  <c:v>-1E-3</c:v>
                </c:pt>
                <c:pt idx="8031">
                  <c:v>-1E-3</c:v>
                </c:pt>
                <c:pt idx="8032">
                  <c:v>-1E-3</c:v>
                </c:pt>
                <c:pt idx="8033">
                  <c:v>-1E-3</c:v>
                </c:pt>
                <c:pt idx="8034">
                  <c:v>-1E-3</c:v>
                </c:pt>
                <c:pt idx="8035">
                  <c:v>-1E-3</c:v>
                </c:pt>
                <c:pt idx="8036">
                  <c:v>-1E-3</c:v>
                </c:pt>
                <c:pt idx="8037">
                  <c:v>-1E-3</c:v>
                </c:pt>
                <c:pt idx="8038">
                  <c:v>-1E-3</c:v>
                </c:pt>
                <c:pt idx="8039">
                  <c:v>-1E-3</c:v>
                </c:pt>
                <c:pt idx="8040">
                  <c:v>-1E-3</c:v>
                </c:pt>
                <c:pt idx="8041">
                  <c:v>-1E-3</c:v>
                </c:pt>
                <c:pt idx="8042">
                  <c:v>-1E-3</c:v>
                </c:pt>
                <c:pt idx="8043">
                  <c:v>-1E-3</c:v>
                </c:pt>
                <c:pt idx="8044">
                  <c:v>-1E-3</c:v>
                </c:pt>
                <c:pt idx="8045">
                  <c:v>-1E-3</c:v>
                </c:pt>
                <c:pt idx="8046">
                  <c:v>-1E-3</c:v>
                </c:pt>
                <c:pt idx="8047">
                  <c:v>-1E-3</c:v>
                </c:pt>
                <c:pt idx="8048">
                  <c:v>-1E-3</c:v>
                </c:pt>
                <c:pt idx="8049">
                  <c:v>-1E-3</c:v>
                </c:pt>
                <c:pt idx="8050">
                  <c:v>-1E-3</c:v>
                </c:pt>
                <c:pt idx="8051">
                  <c:v>-1E-3</c:v>
                </c:pt>
                <c:pt idx="8052">
                  <c:v>-1E-3</c:v>
                </c:pt>
                <c:pt idx="8053">
                  <c:v>-1E-3</c:v>
                </c:pt>
                <c:pt idx="8054">
                  <c:v>-1E-3</c:v>
                </c:pt>
                <c:pt idx="8055">
                  <c:v>-1E-3</c:v>
                </c:pt>
                <c:pt idx="8056">
                  <c:v>-1E-3</c:v>
                </c:pt>
                <c:pt idx="8057">
                  <c:v>-1E-3</c:v>
                </c:pt>
                <c:pt idx="8058">
                  <c:v>-1E-3</c:v>
                </c:pt>
                <c:pt idx="8059">
                  <c:v>-1E-3</c:v>
                </c:pt>
                <c:pt idx="8060">
                  <c:v>-1E-3</c:v>
                </c:pt>
                <c:pt idx="8061">
                  <c:v>-1E-3</c:v>
                </c:pt>
                <c:pt idx="8062">
                  <c:v>-1E-3</c:v>
                </c:pt>
                <c:pt idx="8063">
                  <c:v>-1E-3</c:v>
                </c:pt>
                <c:pt idx="8064">
                  <c:v>-1E-3</c:v>
                </c:pt>
                <c:pt idx="8065">
                  <c:v>-1E-3</c:v>
                </c:pt>
                <c:pt idx="8066">
                  <c:v>-1E-3</c:v>
                </c:pt>
                <c:pt idx="8067">
                  <c:v>-1E-3</c:v>
                </c:pt>
                <c:pt idx="8068">
                  <c:v>-1E-3</c:v>
                </c:pt>
                <c:pt idx="8069">
                  <c:v>-1E-3</c:v>
                </c:pt>
                <c:pt idx="8070">
                  <c:v>-1E-3</c:v>
                </c:pt>
                <c:pt idx="8071">
                  <c:v>-1E-3</c:v>
                </c:pt>
                <c:pt idx="8072">
                  <c:v>-1E-3</c:v>
                </c:pt>
                <c:pt idx="8073">
                  <c:v>-1E-3</c:v>
                </c:pt>
                <c:pt idx="8074">
                  <c:v>-1E-3</c:v>
                </c:pt>
                <c:pt idx="8075">
                  <c:v>-1E-3</c:v>
                </c:pt>
                <c:pt idx="8076">
                  <c:v>-1E-3</c:v>
                </c:pt>
                <c:pt idx="8077">
                  <c:v>-1E-3</c:v>
                </c:pt>
                <c:pt idx="8078">
                  <c:v>-1E-3</c:v>
                </c:pt>
                <c:pt idx="8079">
                  <c:v>-1E-3</c:v>
                </c:pt>
                <c:pt idx="8080">
                  <c:v>-1E-3</c:v>
                </c:pt>
                <c:pt idx="8081">
                  <c:v>-1E-3</c:v>
                </c:pt>
                <c:pt idx="8082">
                  <c:v>-1E-3</c:v>
                </c:pt>
                <c:pt idx="8083">
                  <c:v>-1E-3</c:v>
                </c:pt>
                <c:pt idx="8084">
                  <c:v>-1E-3</c:v>
                </c:pt>
                <c:pt idx="8085">
                  <c:v>-1E-3</c:v>
                </c:pt>
                <c:pt idx="8086">
                  <c:v>-1E-3</c:v>
                </c:pt>
                <c:pt idx="8087">
                  <c:v>-1E-3</c:v>
                </c:pt>
                <c:pt idx="8088">
                  <c:v>-1E-3</c:v>
                </c:pt>
                <c:pt idx="8089">
                  <c:v>-1E-3</c:v>
                </c:pt>
                <c:pt idx="8090">
                  <c:v>-1E-3</c:v>
                </c:pt>
                <c:pt idx="8091">
                  <c:v>-1E-3</c:v>
                </c:pt>
                <c:pt idx="8092">
                  <c:v>-1E-3</c:v>
                </c:pt>
                <c:pt idx="8093">
                  <c:v>-1E-3</c:v>
                </c:pt>
                <c:pt idx="8094">
                  <c:v>-1E-3</c:v>
                </c:pt>
                <c:pt idx="8095">
                  <c:v>-1E-3</c:v>
                </c:pt>
                <c:pt idx="8096">
                  <c:v>-1E-3</c:v>
                </c:pt>
                <c:pt idx="8097">
                  <c:v>-1E-3</c:v>
                </c:pt>
                <c:pt idx="8098">
                  <c:v>-1E-3</c:v>
                </c:pt>
                <c:pt idx="8099">
                  <c:v>-1E-3</c:v>
                </c:pt>
                <c:pt idx="8100">
                  <c:v>-1E-3</c:v>
                </c:pt>
                <c:pt idx="8101">
                  <c:v>-1E-3</c:v>
                </c:pt>
                <c:pt idx="8102">
                  <c:v>-1E-3</c:v>
                </c:pt>
                <c:pt idx="8103">
                  <c:v>-1E-3</c:v>
                </c:pt>
                <c:pt idx="8104">
                  <c:v>-1E-3</c:v>
                </c:pt>
                <c:pt idx="8105">
                  <c:v>-1E-3</c:v>
                </c:pt>
                <c:pt idx="8106">
                  <c:v>-1E-3</c:v>
                </c:pt>
                <c:pt idx="8107">
                  <c:v>-1E-3</c:v>
                </c:pt>
                <c:pt idx="8108">
                  <c:v>-1E-3</c:v>
                </c:pt>
                <c:pt idx="8109">
                  <c:v>-1E-3</c:v>
                </c:pt>
                <c:pt idx="8110">
                  <c:v>-1E-3</c:v>
                </c:pt>
                <c:pt idx="8111">
                  <c:v>-1E-3</c:v>
                </c:pt>
                <c:pt idx="8112">
                  <c:v>-1E-3</c:v>
                </c:pt>
                <c:pt idx="8113">
                  <c:v>-1E-3</c:v>
                </c:pt>
                <c:pt idx="8114">
                  <c:v>-1E-3</c:v>
                </c:pt>
                <c:pt idx="8115">
                  <c:v>-1E-3</c:v>
                </c:pt>
                <c:pt idx="8116">
                  <c:v>-1E-3</c:v>
                </c:pt>
                <c:pt idx="8117">
                  <c:v>-1E-3</c:v>
                </c:pt>
                <c:pt idx="8118">
                  <c:v>-1E-3</c:v>
                </c:pt>
                <c:pt idx="8119">
                  <c:v>-1E-3</c:v>
                </c:pt>
                <c:pt idx="8120">
                  <c:v>-1E-3</c:v>
                </c:pt>
                <c:pt idx="8121">
                  <c:v>-1E-3</c:v>
                </c:pt>
                <c:pt idx="8122">
                  <c:v>-1E-3</c:v>
                </c:pt>
                <c:pt idx="8123">
                  <c:v>-1E-3</c:v>
                </c:pt>
                <c:pt idx="8124">
                  <c:v>-1E-3</c:v>
                </c:pt>
                <c:pt idx="8125">
                  <c:v>-1E-3</c:v>
                </c:pt>
                <c:pt idx="8126">
                  <c:v>-1E-3</c:v>
                </c:pt>
                <c:pt idx="8127">
                  <c:v>-1E-3</c:v>
                </c:pt>
                <c:pt idx="8128">
                  <c:v>-1E-3</c:v>
                </c:pt>
                <c:pt idx="8129">
                  <c:v>-1E-3</c:v>
                </c:pt>
                <c:pt idx="8130">
                  <c:v>-1E-3</c:v>
                </c:pt>
                <c:pt idx="8131">
                  <c:v>-1E-3</c:v>
                </c:pt>
                <c:pt idx="8132">
                  <c:v>-1E-3</c:v>
                </c:pt>
                <c:pt idx="8133">
                  <c:v>-1E-3</c:v>
                </c:pt>
                <c:pt idx="8134">
                  <c:v>-1E-3</c:v>
                </c:pt>
                <c:pt idx="8135">
                  <c:v>-1E-3</c:v>
                </c:pt>
                <c:pt idx="8136">
                  <c:v>-1E-3</c:v>
                </c:pt>
                <c:pt idx="8137">
                  <c:v>-1E-3</c:v>
                </c:pt>
                <c:pt idx="8138">
                  <c:v>-1E-3</c:v>
                </c:pt>
                <c:pt idx="8139">
                  <c:v>-1E-3</c:v>
                </c:pt>
                <c:pt idx="8140">
                  <c:v>-1E-3</c:v>
                </c:pt>
                <c:pt idx="8141">
                  <c:v>-1E-3</c:v>
                </c:pt>
                <c:pt idx="8142">
                  <c:v>-1E-3</c:v>
                </c:pt>
                <c:pt idx="8143">
                  <c:v>-1E-3</c:v>
                </c:pt>
                <c:pt idx="8144">
                  <c:v>-1E-3</c:v>
                </c:pt>
                <c:pt idx="8145">
                  <c:v>-1E-3</c:v>
                </c:pt>
                <c:pt idx="8146">
                  <c:v>-1E-3</c:v>
                </c:pt>
                <c:pt idx="8147">
                  <c:v>-1E-3</c:v>
                </c:pt>
                <c:pt idx="8148">
                  <c:v>-1E-3</c:v>
                </c:pt>
                <c:pt idx="8149">
                  <c:v>-1E-3</c:v>
                </c:pt>
                <c:pt idx="8150">
                  <c:v>-1E-3</c:v>
                </c:pt>
                <c:pt idx="8151">
                  <c:v>-1E-3</c:v>
                </c:pt>
                <c:pt idx="8152">
                  <c:v>-1E-3</c:v>
                </c:pt>
                <c:pt idx="8153">
                  <c:v>-1E-3</c:v>
                </c:pt>
                <c:pt idx="8154">
                  <c:v>-1E-3</c:v>
                </c:pt>
                <c:pt idx="8155">
                  <c:v>-1E-3</c:v>
                </c:pt>
                <c:pt idx="8156">
                  <c:v>-1E-3</c:v>
                </c:pt>
                <c:pt idx="8157">
                  <c:v>-1E-3</c:v>
                </c:pt>
                <c:pt idx="8158">
                  <c:v>-1E-3</c:v>
                </c:pt>
                <c:pt idx="8159">
                  <c:v>-1E-3</c:v>
                </c:pt>
                <c:pt idx="8160">
                  <c:v>-1E-3</c:v>
                </c:pt>
                <c:pt idx="8161">
                  <c:v>-1E-3</c:v>
                </c:pt>
                <c:pt idx="8162">
                  <c:v>-1E-3</c:v>
                </c:pt>
                <c:pt idx="8163">
                  <c:v>-1E-3</c:v>
                </c:pt>
                <c:pt idx="8164">
                  <c:v>-1E-3</c:v>
                </c:pt>
                <c:pt idx="8165">
                  <c:v>-1E-3</c:v>
                </c:pt>
                <c:pt idx="8166">
                  <c:v>-1E-3</c:v>
                </c:pt>
                <c:pt idx="8167">
                  <c:v>-1E-3</c:v>
                </c:pt>
                <c:pt idx="8168">
                  <c:v>-1E-3</c:v>
                </c:pt>
                <c:pt idx="8169">
                  <c:v>-1E-3</c:v>
                </c:pt>
                <c:pt idx="8170">
                  <c:v>-1E-3</c:v>
                </c:pt>
                <c:pt idx="8171">
                  <c:v>-1E-3</c:v>
                </c:pt>
                <c:pt idx="8172">
                  <c:v>-1E-3</c:v>
                </c:pt>
                <c:pt idx="8173">
                  <c:v>-1E-3</c:v>
                </c:pt>
                <c:pt idx="8174">
                  <c:v>-1E-3</c:v>
                </c:pt>
                <c:pt idx="8175">
                  <c:v>-1E-3</c:v>
                </c:pt>
                <c:pt idx="8176">
                  <c:v>-1E-3</c:v>
                </c:pt>
                <c:pt idx="8177">
                  <c:v>-1E-3</c:v>
                </c:pt>
                <c:pt idx="8178">
                  <c:v>-1E-3</c:v>
                </c:pt>
                <c:pt idx="8179">
                  <c:v>-1E-3</c:v>
                </c:pt>
                <c:pt idx="8180">
                  <c:v>-1E-3</c:v>
                </c:pt>
                <c:pt idx="8181">
                  <c:v>-1E-3</c:v>
                </c:pt>
                <c:pt idx="8182">
                  <c:v>-1E-3</c:v>
                </c:pt>
                <c:pt idx="8183">
                  <c:v>-1E-3</c:v>
                </c:pt>
                <c:pt idx="8184">
                  <c:v>-1E-3</c:v>
                </c:pt>
                <c:pt idx="8185">
                  <c:v>-1E-3</c:v>
                </c:pt>
                <c:pt idx="8186">
                  <c:v>-1E-3</c:v>
                </c:pt>
                <c:pt idx="8187">
                  <c:v>-1E-3</c:v>
                </c:pt>
                <c:pt idx="8188">
                  <c:v>-1E-3</c:v>
                </c:pt>
                <c:pt idx="8189">
                  <c:v>-1E-3</c:v>
                </c:pt>
                <c:pt idx="8190">
                  <c:v>-1E-3</c:v>
                </c:pt>
                <c:pt idx="8191">
                  <c:v>-1E-3</c:v>
                </c:pt>
                <c:pt idx="8192">
                  <c:v>-1E-3</c:v>
                </c:pt>
                <c:pt idx="8193">
                  <c:v>-1E-3</c:v>
                </c:pt>
                <c:pt idx="8194">
                  <c:v>-1E-3</c:v>
                </c:pt>
                <c:pt idx="8195">
                  <c:v>-1E-3</c:v>
                </c:pt>
                <c:pt idx="8196">
                  <c:v>-1E-3</c:v>
                </c:pt>
                <c:pt idx="8197">
                  <c:v>-1E-3</c:v>
                </c:pt>
                <c:pt idx="8198">
                  <c:v>-1E-3</c:v>
                </c:pt>
                <c:pt idx="8199">
                  <c:v>-1E-3</c:v>
                </c:pt>
                <c:pt idx="8200">
                  <c:v>-1E-3</c:v>
                </c:pt>
                <c:pt idx="8201">
                  <c:v>-1E-3</c:v>
                </c:pt>
                <c:pt idx="8202">
                  <c:v>-1E-3</c:v>
                </c:pt>
                <c:pt idx="8203">
                  <c:v>-1E-3</c:v>
                </c:pt>
                <c:pt idx="8204">
                  <c:v>-1E-3</c:v>
                </c:pt>
                <c:pt idx="8205">
                  <c:v>-1E-3</c:v>
                </c:pt>
                <c:pt idx="8206">
                  <c:v>-1E-3</c:v>
                </c:pt>
                <c:pt idx="8207">
                  <c:v>-1E-3</c:v>
                </c:pt>
                <c:pt idx="8208">
                  <c:v>-1E-3</c:v>
                </c:pt>
                <c:pt idx="8209">
                  <c:v>-1E-3</c:v>
                </c:pt>
                <c:pt idx="8210">
                  <c:v>-1E-3</c:v>
                </c:pt>
                <c:pt idx="8211">
                  <c:v>-1E-3</c:v>
                </c:pt>
                <c:pt idx="8212">
                  <c:v>-1E-3</c:v>
                </c:pt>
                <c:pt idx="8213">
                  <c:v>-1E-3</c:v>
                </c:pt>
                <c:pt idx="8214">
                  <c:v>-1E-3</c:v>
                </c:pt>
                <c:pt idx="8215">
                  <c:v>-1E-3</c:v>
                </c:pt>
                <c:pt idx="8216">
                  <c:v>-1E-3</c:v>
                </c:pt>
                <c:pt idx="8217">
                  <c:v>-1E-3</c:v>
                </c:pt>
                <c:pt idx="8218">
                  <c:v>-1E-3</c:v>
                </c:pt>
                <c:pt idx="8219">
                  <c:v>-1E-3</c:v>
                </c:pt>
                <c:pt idx="8220">
                  <c:v>-1E-3</c:v>
                </c:pt>
                <c:pt idx="8221">
                  <c:v>-1E-3</c:v>
                </c:pt>
                <c:pt idx="8222">
                  <c:v>-1E-3</c:v>
                </c:pt>
                <c:pt idx="8223">
                  <c:v>-1E-3</c:v>
                </c:pt>
                <c:pt idx="8224">
                  <c:v>-1E-3</c:v>
                </c:pt>
                <c:pt idx="8225">
                  <c:v>-1E-3</c:v>
                </c:pt>
                <c:pt idx="8226">
                  <c:v>-1E-3</c:v>
                </c:pt>
                <c:pt idx="8227">
                  <c:v>-1E-3</c:v>
                </c:pt>
                <c:pt idx="8228">
                  <c:v>-1E-3</c:v>
                </c:pt>
                <c:pt idx="8229">
                  <c:v>-1E-3</c:v>
                </c:pt>
                <c:pt idx="8230">
                  <c:v>-1E-3</c:v>
                </c:pt>
                <c:pt idx="8231">
                  <c:v>-1E-3</c:v>
                </c:pt>
                <c:pt idx="8232">
                  <c:v>-1E-3</c:v>
                </c:pt>
                <c:pt idx="8233">
                  <c:v>-1E-3</c:v>
                </c:pt>
                <c:pt idx="8234">
                  <c:v>-1E-3</c:v>
                </c:pt>
                <c:pt idx="8235">
                  <c:v>-1E-3</c:v>
                </c:pt>
                <c:pt idx="8236">
                  <c:v>-1E-3</c:v>
                </c:pt>
                <c:pt idx="8237">
                  <c:v>-1E-3</c:v>
                </c:pt>
                <c:pt idx="8238">
                  <c:v>-1E-3</c:v>
                </c:pt>
                <c:pt idx="8239">
                  <c:v>-1E-3</c:v>
                </c:pt>
                <c:pt idx="8240">
                  <c:v>-1E-3</c:v>
                </c:pt>
                <c:pt idx="8241">
                  <c:v>-1E-3</c:v>
                </c:pt>
                <c:pt idx="8242">
                  <c:v>-1E-3</c:v>
                </c:pt>
                <c:pt idx="8243">
                  <c:v>-1E-3</c:v>
                </c:pt>
                <c:pt idx="8244">
                  <c:v>-1E-3</c:v>
                </c:pt>
                <c:pt idx="8245">
                  <c:v>-1E-3</c:v>
                </c:pt>
                <c:pt idx="8246">
                  <c:v>-1E-3</c:v>
                </c:pt>
                <c:pt idx="8247">
                  <c:v>-1E-3</c:v>
                </c:pt>
                <c:pt idx="8248">
                  <c:v>-1E-3</c:v>
                </c:pt>
                <c:pt idx="8249">
                  <c:v>-1E-3</c:v>
                </c:pt>
                <c:pt idx="8250">
                  <c:v>-1E-3</c:v>
                </c:pt>
                <c:pt idx="8251">
                  <c:v>-1E-3</c:v>
                </c:pt>
                <c:pt idx="8252">
                  <c:v>-1E-3</c:v>
                </c:pt>
                <c:pt idx="8253">
                  <c:v>-1E-3</c:v>
                </c:pt>
                <c:pt idx="8254">
                  <c:v>-1E-3</c:v>
                </c:pt>
                <c:pt idx="8255">
                  <c:v>-1E-3</c:v>
                </c:pt>
                <c:pt idx="8256">
                  <c:v>-1E-3</c:v>
                </c:pt>
                <c:pt idx="8257">
                  <c:v>-1E-3</c:v>
                </c:pt>
                <c:pt idx="8258">
                  <c:v>-1E-3</c:v>
                </c:pt>
                <c:pt idx="8259">
                  <c:v>-1E-3</c:v>
                </c:pt>
                <c:pt idx="8260">
                  <c:v>-1E-3</c:v>
                </c:pt>
                <c:pt idx="8261">
                  <c:v>-1E-3</c:v>
                </c:pt>
                <c:pt idx="8262">
                  <c:v>-1E-3</c:v>
                </c:pt>
                <c:pt idx="8263">
                  <c:v>-1E-3</c:v>
                </c:pt>
                <c:pt idx="8264">
                  <c:v>-1E-3</c:v>
                </c:pt>
                <c:pt idx="8265">
                  <c:v>-1E-3</c:v>
                </c:pt>
                <c:pt idx="8266">
                  <c:v>-1E-3</c:v>
                </c:pt>
                <c:pt idx="8267">
                  <c:v>-1E-3</c:v>
                </c:pt>
                <c:pt idx="8268">
                  <c:v>-1E-3</c:v>
                </c:pt>
                <c:pt idx="8269">
                  <c:v>-1E-3</c:v>
                </c:pt>
                <c:pt idx="8270">
                  <c:v>-1E-3</c:v>
                </c:pt>
                <c:pt idx="8271">
                  <c:v>-1E-3</c:v>
                </c:pt>
                <c:pt idx="8272">
                  <c:v>-1E-3</c:v>
                </c:pt>
                <c:pt idx="8273">
                  <c:v>-1E-3</c:v>
                </c:pt>
                <c:pt idx="8274">
                  <c:v>-1E-3</c:v>
                </c:pt>
                <c:pt idx="8275">
                  <c:v>-1E-3</c:v>
                </c:pt>
                <c:pt idx="8276">
                  <c:v>-1E-3</c:v>
                </c:pt>
                <c:pt idx="8277">
                  <c:v>-1E-3</c:v>
                </c:pt>
                <c:pt idx="8278">
                  <c:v>-1E-3</c:v>
                </c:pt>
                <c:pt idx="8279">
                  <c:v>-1E-3</c:v>
                </c:pt>
                <c:pt idx="8280">
                  <c:v>-1E-3</c:v>
                </c:pt>
                <c:pt idx="8281">
                  <c:v>-1E-3</c:v>
                </c:pt>
                <c:pt idx="8282">
                  <c:v>-1E-3</c:v>
                </c:pt>
                <c:pt idx="8283">
                  <c:v>-1E-3</c:v>
                </c:pt>
                <c:pt idx="8284">
                  <c:v>-1E-3</c:v>
                </c:pt>
                <c:pt idx="8285">
                  <c:v>-1E-3</c:v>
                </c:pt>
                <c:pt idx="8286">
                  <c:v>-1E-3</c:v>
                </c:pt>
                <c:pt idx="8287">
                  <c:v>-1E-3</c:v>
                </c:pt>
                <c:pt idx="8288">
                  <c:v>-1E-3</c:v>
                </c:pt>
                <c:pt idx="8289">
                  <c:v>-1E-3</c:v>
                </c:pt>
                <c:pt idx="8290">
                  <c:v>-1E-3</c:v>
                </c:pt>
                <c:pt idx="8291">
                  <c:v>-1E-3</c:v>
                </c:pt>
                <c:pt idx="8292">
                  <c:v>-1E-3</c:v>
                </c:pt>
                <c:pt idx="8293">
                  <c:v>-1E-3</c:v>
                </c:pt>
                <c:pt idx="8294">
                  <c:v>-1E-3</c:v>
                </c:pt>
                <c:pt idx="8295">
                  <c:v>-1E-3</c:v>
                </c:pt>
                <c:pt idx="8296">
                  <c:v>-1E-3</c:v>
                </c:pt>
                <c:pt idx="8297">
                  <c:v>-1E-3</c:v>
                </c:pt>
                <c:pt idx="8298">
                  <c:v>-1E-3</c:v>
                </c:pt>
                <c:pt idx="8299">
                  <c:v>-1E-3</c:v>
                </c:pt>
                <c:pt idx="8300">
                  <c:v>-1E-3</c:v>
                </c:pt>
                <c:pt idx="8301">
                  <c:v>-1E-3</c:v>
                </c:pt>
                <c:pt idx="8302">
                  <c:v>-1E-3</c:v>
                </c:pt>
                <c:pt idx="8303">
                  <c:v>-1E-3</c:v>
                </c:pt>
                <c:pt idx="8304">
                  <c:v>-1E-3</c:v>
                </c:pt>
                <c:pt idx="8305">
                  <c:v>-1E-3</c:v>
                </c:pt>
                <c:pt idx="8306">
                  <c:v>-1E-3</c:v>
                </c:pt>
                <c:pt idx="8307">
                  <c:v>-1E-3</c:v>
                </c:pt>
                <c:pt idx="8308">
                  <c:v>-1E-3</c:v>
                </c:pt>
                <c:pt idx="8309">
                  <c:v>-1E-3</c:v>
                </c:pt>
                <c:pt idx="8310">
                  <c:v>-1E-3</c:v>
                </c:pt>
                <c:pt idx="8311">
                  <c:v>-1E-3</c:v>
                </c:pt>
                <c:pt idx="8312">
                  <c:v>-1E-3</c:v>
                </c:pt>
                <c:pt idx="8313">
                  <c:v>-1E-3</c:v>
                </c:pt>
                <c:pt idx="8314">
                  <c:v>-1E-3</c:v>
                </c:pt>
                <c:pt idx="8315">
                  <c:v>-1E-3</c:v>
                </c:pt>
                <c:pt idx="8316">
                  <c:v>-1E-3</c:v>
                </c:pt>
                <c:pt idx="8317">
                  <c:v>-1E-3</c:v>
                </c:pt>
                <c:pt idx="8318">
                  <c:v>-1E-3</c:v>
                </c:pt>
                <c:pt idx="8319">
                  <c:v>-1E-3</c:v>
                </c:pt>
                <c:pt idx="8320">
                  <c:v>-1E-3</c:v>
                </c:pt>
                <c:pt idx="8321">
                  <c:v>-1E-3</c:v>
                </c:pt>
                <c:pt idx="8322">
                  <c:v>-1E-3</c:v>
                </c:pt>
                <c:pt idx="8323">
                  <c:v>-1E-3</c:v>
                </c:pt>
                <c:pt idx="8324">
                  <c:v>-1E-3</c:v>
                </c:pt>
                <c:pt idx="8325">
                  <c:v>-1E-3</c:v>
                </c:pt>
                <c:pt idx="8326">
                  <c:v>-1E-3</c:v>
                </c:pt>
                <c:pt idx="8327">
                  <c:v>-1E-3</c:v>
                </c:pt>
                <c:pt idx="8328">
                  <c:v>-1E-3</c:v>
                </c:pt>
                <c:pt idx="8329">
                  <c:v>-1E-3</c:v>
                </c:pt>
                <c:pt idx="8330">
                  <c:v>-1E-3</c:v>
                </c:pt>
                <c:pt idx="8331">
                  <c:v>-1E-3</c:v>
                </c:pt>
                <c:pt idx="8332">
                  <c:v>-1E-3</c:v>
                </c:pt>
                <c:pt idx="8333">
                  <c:v>-1E-3</c:v>
                </c:pt>
                <c:pt idx="8334">
                  <c:v>-1E-3</c:v>
                </c:pt>
                <c:pt idx="8335">
                  <c:v>-1E-3</c:v>
                </c:pt>
                <c:pt idx="8336">
                  <c:v>-1E-3</c:v>
                </c:pt>
                <c:pt idx="8337">
                  <c:v>-1E-3</c:v>
                </c:pt>
                <c:pt idx="8338">
                  <c:v>-1E-3</c:v>
                </c:pt>
                <c:pt idx="8339">
                  <c:v>-1E-3</c:v>
                </c:pt>
                <c:pt idx="8340">
                  <c:v>-1E-3</c:v>
                </c:pt>
                <c:pt idx="8341">
                  <c:v>-1E-3</c:v>
                </c:pt>
                <c:pt idx="8342">
                  <c:v>-1E-3</c:v>
                </c:pt>
                <c:pt idx="8343">
                  <c:v>-1E-3</c:v>
                </c:pt>
                <c:pt idx="8344">
                  <c:v>-1E-3</c:v>
                </c:pt>
                <c:pt idx="8345">
                  <c:v>-1E-3</c:v>
                </c:pt>
                <c:pt idx="8346">
                  <c:v>-1E-3</c:v>
                </c:pt>
                <c:pt idx="8347">
                  <c:v>-1E-3</c:v>
                </c:pt>
                <c:pt idx="8348">
                  <c:v>-1E-3</c:v>
                </c:pt>
                <c:pt idx="8349">
                  <c:v>-1E-3</c:v>
                </c:pt>
                <c:pt idx="8350">
                  <c:v>-1E-3</c:v>
                </c:pt>
                <c:pt idx="8351">
                  <c:v>-1E-3</c:v>
                </c:pt>
                <c:pt idx="8352">
                  <c:v>-1E-3</c:v>
                </c:pt>
                <c:pt idx="8353">
                  <c:v>-1E-3</c:v>
                </c:pt>
                <c:pt idx="8354">
                  <c:v>-1E-3</c:v>
                </c:pt>
                <c:pt idx="8355">
                  <c:v>-1E-3</c:v>
                </c:pt>
                <c:pt idx="8356">
                  <c:v>-1E-3</c:v>
                </c:pt>
                <c:pt idx="8357">
                  <c:v>-1E-3</c:v>
                </c:pt>
                <c:pt idx="8358">
                  <c:v>-1E-3</c:v>
                </c:pt>
                <c:pt idx="8359">
                  <c:v>-1E-3</c:v>
                </c:pt>
                <c:pt idx="8360">
                  <c:v>-1E-3</c:v>
                </c:pt>
                <c:pt idx="8361">
                  <c:v>-1E-3</c:v>
                </c:pt>
                <c:pt idx="8362">
                  <c:v>-1E-3</c:v>
                </c:pt>
                <c:pt idx="8363">
                  <c:v>-1E-3</c:v>
                </c:pt>
                <c:pt idx="8364">
                  <c:v>-1E-3</c:v>
                </c:pt>
                <c:pt idx="8365">
                  <c:v>-1E-3</c:v>
                </c:pt>
                <c:pt idx="8366">
                  <c:v>-1E-3</c:v>
                </c:pt>
                <c:pt idx="8367">
                  <c:v>-1E-3</c:v>
                </c:pt>
                <c:pt idx="8368">
                  <c:v>-1E-3</c:v>
                </c:pt>
                <c:pt idx="8369">
                  <c:v>-1E-3</c:v>
                </c:pt>
                <c:pt idx="8370">
                  <c:v>-1E-3</c:v>
                </c:pt>
                <c:pt idx="8371">
                  <c:v>-1E-3</c:v>
                </c:pt>
                <c:pt idx="8372">
                  <c:v>-1E-3</c:v>
                </c:pt>
                <c:pt idx="8373">
                  <c:v>-1E-3</c:v>
                </c:pt>
                <c:pt idx="8374">
                  <c:v>-1E-3</c:v>
                </c:pt>
                <c:pt idx="8375">
                  <c:v>-1E-3</c:v>
                </c:pt>
                <c:pt idx="8376">
                  <c:v>-1E-3</c:v>
                </c:pt>
                <c:pt idx="8377">
                  <c:v>-1E-3</c:v>
                </c:pt>
                <c:pt idx="8378">
                  <c:v>-1E-3</c:v>
                </c:pt>
                <c:pt idx="8379">
                  <c:v>-1E-3</c:v>
                </c:pt>
                <c:pt idx="8380">
                  <c:v>-1E-3</c:v>
                </c:pt>
                <c:pt idx="8381">
                  <c:v>-1E-3</c:v>
                </c:pt>
                <c:pt idx="8382">
                  <c:v>-1E-3</c:v>
                </c:pt>
                <c:pt idx="8383">
                  <c:v>-1E-3</c:v>
                </c:pt>
                <c:pt idx="8384">
                  <c:v>-1E-3</c:v>
                </c:pt>
                <c:pt idx="8385">
                  <c:v>-1E-3</c:v>
                </c:pt>
                <c:pt idx="8386">
                  <c:v>-1E-3</c:v>
                </c:pt>
                <c:pt idx="8387">
                  <c:v>-1E-3</c:v>
                </c:pt>
                <c:pt idx="8388">
                  <c:v>-1E-3</c:v>
                </c:pt>
                <c:pt idx="8389">
                  <c:v>-1E-3</c:v>
                </c:pt>
                <c:pt idx="8390">
                  <c:v>-1E-3</c:v>
                </c:pt>
                <c:pt idx="8391">
                  <c:v>-1E-3</c:v>
                </c:pt>
                <c:pt idx="8392">
                  <c:v>-1E-3</c:v>
                </c:pt>
                <c:pt idx="8393">
                  <c:v>-1E-3</c:v>
                </c:pt>
                <c:pt idx="8394">
                  <c:v>-1E-3</c:v>
                </c:pt>
                <c:pt idx="8395">
                  <c:v>-1E-3</c:v>
                </c:pt>
                <c:pt idx="8396">
                  <c:v>-1E-3</c:v>
                </c:pt>
                <c:pt idx="8397">
                  <c:v>-1E-3</c:v>
                </c:pt>
                <c:pt idx="8398">
                  <c:v>-1E-3</c:v>
                </c:pt>
                <c:pt idx="8399">
                  <c:v>-1E-3</c:v>
                </c:pt>
                <c:pt idx="8400">
                  <c:v>-1E-3</c:v>
                </c:pt>
                <c:pt idx="8401">
                  <c:v>-1E-3</c:v>
                </c:pt>
                <c:pt idx="8402">
                  <c:v>-1E-3</c:v>
                </c:pt>
                <c:pt idx="8403">
                  <c:v>-1E-3</c:v>
                </c:pt>
                <c:pt idx="8404">
                  <c:v>-1E-3</c:v>
                </c:pt>
                <c:pt idx="8405">
                  <c:v>-1E-3</c:v>
                </c:pt>
                <c:pt idx="8406">
                  <c:v>-1E-3</c:v>
                </c:pt>
                <c:pt idx="8407">
                  <c:v>-1E-3</c:v>
                </c:pt>
                <c:pt idx="8408">
                  <c:v>-1E-3</c:v>
                </c:pt>
                <c:pt idx="8409">
                  <c:v>-1E-3</c:v>
                </c:pt>
                <c:pt idx="8410">
                  <c:v>-1E-3</c:v>
                </c:pt>
                <c:pt idx="8411">
                  <c:v>-1E-3</c:v>
                </c:pt>
                <c:pt idx="8412">
                  <c:v>-1E-3</c:v>
                </c:pt>
                <c:pt idx="8413">
                  <c:v>-1E-3</c:v>
                </c:pt>
                <c:pt idx="8414">
                  <c:v>-1E-3</c:v>
                </c:pt>
                <c:pt idx="8415">
                  <c:v>-1E-3</c:v>
                </c:pt>
                <c:pt idx="8416">
                  <c:v>-1E-3</c:v>
                </c:pt>
                <c:pt idx="8417">
                  <c:v>-1E-3</c:v>
                </c:pt>
                <c:pt idx="8418">
                  <c:v>-1E-3</c:v>
                </c:pt>
                <c:pt idx="8419">
                  <c:v>-1E-3</c:v>
                </c:pt>
                <c:pt idx="8420">
                  <c:v>-1E-3</c:v>
                </c:pt>
                <c:pt idx="8421">
                  <c:v>-1E-3</c:v>
                </c:pt>
                <c:pt idx="8422">
                  <c:v>-1E-3</c:v>
                </c:pt>
                <c:pt idx="8423">
                  <c:v>-1E-3</c:v>
                </c:pt>
                <c:pt idx="8424">
                  <c:v>-1E-3</c:v>
                </c:pt>
                <c:pt idx="8425">
                  <c:v>-1E-3</c:v>
                </c:pt>
                <c:pt idx="8426">
                  <c:v>-1E-3</c:v>
                </c:pt>
                <c:pt idx="8427">
                  <c:v>-1E-3</c:v>
                </c:pt>
                <c:pt idx="8428">
                  <c:v>-1E-3</c:v>
                </c:pt>
                <c:pt idx="8429">
                  <c:v>-1E-3</c:v>
                </c:pt>
                <c:pt idx="8430">
                  <c:v>-1E-3</c:v>
                </c:pt>
                <c:pt idx="8431">
                  <c:v>-1E-3</c:v>
                </c:pt>
                <c:pt idx="8432">
                  <c:v>-1E-3</c:v>
                </c:pt>
                <c:pt idx="8433">
                  <c:v>-1E-3</c:v>
                </c:pt>
                <c:pt idx="8434">
                  <c:v>-1E-3</c:v>
                </c:pt>
                <c:pt idx="8435">
                  <c:v>-1E-3</c:v>
                </c:pt>
                <c:pt idx="8436">
                  <c:v>-1E-3</c:v>
                </c:pt>
                <c:pt idx="8437">
                  <c:v>-1E-3</c:v>
                </c:pt>
                <c:pt idx="8438">
                  <c:v>-1E-3</c:v>
                </c:pt>
                <c:pt idx="8439">
                  <c:v>-1E-3</c:v>
                </c:pt>
                <c:pt idx="8440">
                  <c:v>-1E-3</c:v>
                </c:pt>
                <c:pt idx="8441">
                  <c:v>-1E-3</c:v>
                </c:pt>
                <c:pt idx="8442">
                  <c:v>-1E-3</c:v>
                </c:pt>
                <c:pt idx="8443">
                  <c:v>-1E-3</c:v>
                </c:pt>
                <c:pt idx="8444">
                  <c:v>-1E-3</c:v>
                </c:pt>
                <c:pt idx="8445">
                  <c:v>-1E-3</c:v>
                </c:pt>
                <c:pt idx="8446">
                  <c:v>-1E-3</c:v>
                </c:pt>
                <c:pt idx="8447">
                  <c:v>-1E-3</c:v>
                </c:pt>
                <c:pt idx="8448">
                  <c:v>-1E-3</c:v>
                </c:pt>
                <c:pt idx="8449">
                  <c:v>-1E-3</c:v>
                </c:pt>
                <c:pt idx="8450">
                  <c:v>-1E-3</c:v>
                </c:pt>
                <c:pt idx="8451">
                  <c:v>-1E-3</c:v>
                </c:pt>
                <c:pt idx="8452">
                  <c:v>-1E-3</c:v>
                </c:pt>
                <c:pt idx="8453">
                  <c:v>-1E-3</c:v>
                </c:pt>
                <c:pt idx="8454">
                  <c:v>-1E-3</c:v>
                </c:pt>
                <c:pt idx="8455">
                  <c:v>-1E-3</c:v>
                </c:pt>
                <c:pt idx="8456">
                  <c:v>-1E-3</c:v>
                </c:pt>
                <c:pt idx="8457">
                  <c:v>-1E-3</c:v>
                </c:pt>
                <c:pt idx="8458">
                  <c:v>-1E-3</c:v>
                </c:pt>
                <c:pt idx="8459">
                  <c:v>-1E-3</c:v>
                </c:pt>
                <c:pt idx="8460">
                  <c:v>-1E-3</c:v>
                </c:pt>
                <c:pt idx="8461">
                  <c:v>-1E-3</c:v>
                </c:pt>
                <c:pt idx="8462">
                  <c:v>-1E-3</c:v>
                </c:pt>
                <c:pt idx="8463">
                  <c:v>-1E-3</c:v>
                </c:pt>
                <c:pt idx="8464">
                  <c:v>-1E-3</c:v>
                </c:pt>
                <c:pt idx="8465">
                  <c:v>-1E-3</c:v>
                </c:pt>
                <c:pt idx="8466">
                  <c:v>-1E-3</c:v>
                </c:pt>
                <c:pt idx="8467">
                  <c:v>-1E-3</c:v>
                </c:pt>
                <c:pt idx="8468">
                  <c:v>-1E-3</c:v>
                </c:pt>
                <c:pt idx="8469">
                  <c:v>-1E-3</c:v>
                </c:pt>
                <c:pt idx="8470">
                  <c:v>-1E-3</c:v>
                </c:pt>
                <c:pt idx="8471">
                  <c:v>-1E-3</c:v>
                </c:pt>
                <c:pt idx="8472">
                  <c:v>-1E-3</c:v>
                </c:pt>
                <c:pt idx="8473">
                  <c:v>-1E-3</c:v>
                </c:pt>
                <c:pt idx="8474">
                  <c:v>-1E-3</c:v>
                </c:pt>
                <c:pt idx="8475">
                  <c:v>-1E-3</c:v>
                </c:pt>
                <c:pt idx="8476">
                  <c:v>-1E-3</c:v>
                </c:pt>
                <c:pt idx="8477">
                  <c:v>-1E-3</c:v>
                </c:pt>
                <c:pt idx="8478">
                  <c:v>-1E-3</c:v>
                </c:pt>
                <c:pt idx="8479">
                  <c:v>-1E-3</c:v>
                </c:pt>
                <c:pt idx="8480">
                  <c:v>-1E-3</c:v>
                </c:pt>
                <c:pt idx="8481">
                  <c:v>-1E-3</c:v>
                </c:pt>
                <c:pt idx="8482">
                  <c:v>-1E-3</c:v>
                </c:pt>
                <c:pt idx="8483">
                  <c:v>-1E-3</c:v>
                </c:pt>
                <c:pt idx="8484">
                  <c:v>-1E-3</c:v>
                </c:pt>
                <c:pt idx="8485">
                  <c:v>-1E-3</c:v>
                </c:pt>
                <c:pt idx="8486">
                  <c:v>-1E-3</c:v>
                </c:pt>
                <c:pt idx="8487">
                  <c:v>-1E-3</c:v>
                </c:pt>
                <c:pt idx="8488">
                  <c:v>-1E-3</c:v>
                </c:pt>
                <c:pt idx="8489">
                  <c:v>-1E-3</c:v>
                </c:pt>
                <c:pt idx="8490">
                  <c:v>-1E-3</c:v>
                </c:pt>
                <c:pt idx="8491">
                  <c:v>-1E-3</c:v>
                </c:pt>
                <c:pt idx="8492">
                  <c:v>-1E-3</c:v>
                </c:pt>
                <c:pt idx="8493">
                  <c:v>-1E-3</c:v>
                </c:pt>
                <c:pt idx="8494">
                  <c:v>-1E-3</c:v>
                </c:pt>
                <c:pt idx="8495">
                  <c:v>-1E-3</c:v>
                </c:pt>
                <c:pt idx="8496">
                  <c:v>-1E-3</c:v>
                </c:pt>
                <c:pt idx="8497">
                  <c:v>-1E-3</c:v>
                </c:pt>
                <c:pt idx="8498">
                  <c:v>-1E-3</c:v>
                </c:pt>
                <c:pt idx="8499">
                  <c:v>-1E-3</c:v>
                </c:pt>
                <c:pt idx="8500">
                  <c:v>-1E-3</c:v>
                </c:pt>
                <c:pt idx="8501">
                  <c:v>-1E-3</c:v>
                </c:pt>
                <c:pt idx="8502">
                  <c:v>-1E-3</c:v>
                </c:pt>
                <c:pt idx="8503">
                  <c:v>-1E-3</c:v>
                </c:pt>
                <c:pt idx="8504">
                  <c:v>-1E-3</c:v>
                </c:pt>
                <c:pt idx="8505">
                  <c:v>-1E-3</c:v>
                </c:pt>
                <c:pt idx="8506">
                  <c:v>-1E-3</c:v>
                </c:pt>
                <c:pt idx="8507">
                  <c:v>-1E-3</c:v>
                </c:pt>
                <c:pt idx="8508">
                  <c:v>-1E-3</c:v>
                </c:pt>
                <c:pt idx="8509">
                  <c:v>-1E-3</c:v>
                </c:pt>
                <c:pt idx="8510">
                  <c:v>-1E-3</c:v>
                </c:pt>
                <c:pt idx="8511">
                  <c:v>-1E-3</c:v>
                </c:pt>
                <c:pt idx="8512">
                  <c:v>-1E-3</c:v>
                </c:pt>
                <c:pt idx="8513">
                  <c:v>-1E-3</c:v>
                </c:pt>
                <c:pt idx="8514">
                  <c:v>-1E-3</c:v>
                </c:pt>
                <c:pt idx="8515">
                  <c:v>-1E-3</c:v>
                </c:pt>
                <c:pt idx="8516">
                  <c:v>-1E-3</c:v>
                </c:pt>
                <c:pt idx="8517">
                  <c:v>-1E-3</c:v>
                </c:pt>
                <c:pt idx="8518">
                  <c:v>-1E-3</c:v>
                </c:pt>
                <c:pt idx="8519">
                  <c:v>-1E-3</c:v>
                </c:pt>
                <c:pt idx="8520">
                  <c:v>-1E-3</c:v>
                </c:pt>
                <c:pt idx="8521">
                  <c:v>-1E-3</c:v>
                </c:pt>
                <c:pt idx="8522">
                  <c:v>-1E-3</c:v>
                </c:pt>
                <c:pt idx="8523">
                  <c:v>-1E-3</c:v>
                </c:pt>
                <c:pt idx="8524">
                  <c:v>-1E-3</c:v>
                </c:pt>
                <c:pt idx="8525">
                  <c:v>-1E-3</c:v>
                </c:pt>
                <c:pt idx="8526">
                  <c:v>-1E-3</c:v>
                </c:pt>
                <c:pt idx="8527">
                  <c:v>-1E-3</c:v>
                </c:pt>
                <c:pt idx="8528">
                  <c:v>-1E-3</c:v>
                </c:pt>
                <c:pt idx="8529">
                  <c:v>-1E-3</c:v>
                </c:pt>
                <c:pt idx="8530">
                  <c:v>-1E-3</c:v>
                </c:pt>
                <c:pt idx="8531">
                  <c:v>-1E-3</c:v>
                </c:pt>
                <c:pt idx="8532">
                  <c:v>-1E-3</c:v>
                </c:pt>
                <c:pt idx="8533">
                  <c:v>-1E-3</c:v>
                </c:pt>
                <c:pt idx="8534">
                  <c:v>-1E-3</c:v>
                </c:pt>
                <c:pt idx="8535">
                  <c:v>-1E-3</c:v>
                </c:pt>
                <c:pt idx="8536">
                  <c:v>-1E-3</c:v>
                </c:pt>
                <c:pt idx="8537">
                  <c:v>-1E-3</c:v>
                </c:pt>
                <c:pt idx="8538">
                  <c:v>-1E-3</c:v>
                </c:pt>
                <c:pt idx="8539">
                  <c:v>-1E-3</c:v>
                </c:pt>
                <c:pt idx="8540">
                  <c:v>-1E-3</c:v>
                </c:pt>
                <c:pt idx="8541">
                  <c:v>-1E-3</c:v>
                </c:pt>
                <c:pt idx="8542">
                  <c:v>-1E-3</c:v>
                </c:pt>
                <c:pt idx="8543">
                  <c:v>-1E-3</c:v>
                </c:pt>
                <c:pt idx="8544">
                  <c:v>-1E-3</c:v>
                </c:pt>
                <c:pt idx="8545">
                  <c:v>-1E-3</c:v>
                </c:pt>
                <c:pt idx="8546">
                  <c:v>-1E-3</c:v>
                </c:pt>
                <c:pt idx="8547">
                  <c:v>-1E-3</c:v>
                </c:pt>
                <c:pt idx="8548">
                  <c:v>-1E-3</c:v>
                </c:pt>
                <c:pt idx="8549">
                  <c:v>-1E-3</c:v>
                </c:pt>
                <c:pt idx="8550">
                  <c:v>-1E-3</c:v>
                </c:pt>
                <c:pt idx="8551">
                  <c:v>-1E-3</c:v>
                </c:pt>
                <c:pt idx="8552">
                  <c:v>-1E-3</c:v>
                </c:pt>
                <c:pt idx="8553">
                  <c:v>-1E-3</c:v>
                </c:pt>
                <c:pt idx="8554">
                  <c:v>-1E-3</c:v>
                </c:pt>
                <c:pt idx="8555">
                  <c:v>-1E-3</c:v>
                </c:pt>
                <c:pt idx="8556">
                  <c:v>-1E-3</c:v>
                </c:pt>
                <c:pt idx="8557">
                  <c:v>-1E-3</c:v>
                </c:pt>
                <c:pt idx="8558">
                  <c:v>-1E-3</c:v>
                </c:pt>
                <c:pt idx="8559">
                  <c:v>-1E-3</c:v>
                </c:pt>
                <c:pt idx="8560">
                  <c:v>-1E-3</c:v>
                </c:pt>
                <c:pt idx="8561">
                  <c:v>-1E-3</c:v>
                </c:pt>
                <c:pt idx="8562">
                  <c:v>-1E-3</c:v>
                </c:pt>
                <c:pt idx="8563">
                  <c:v>-1E-3</c:v>
                </c:pt>
                <c:pt idx="8564">
                  <c:v>-1E-3</c:v>
                </c:pt>
                <c:pt idx="8565">
                  <c:v>-1E-3</c:v>
                </c:pt>
                <c:pt idx="8566">
                  <c:v>-1E-3</c:v>
                </c:pt>
                <c:pt idx="8567">
                  <c:v>-1E-3</c:v>
                </c:pt>
                <c:pt idx="8568">
                  <c:v>-1E-3</c:v>
                </c:pt>
                <c:pt idx="8569">
                  <c:v>-1E-3</c:v>
                </c:pt>
                <c:pt idx="8570">
                  <c:v>-1E-3</c:v>
                </c:pt>
                <c:pt idx="8571">
                  <c:v>-1E-3</c:v>
                </c:pt>
                <c:pt idx="8572">
                  <c:v>-1E-3</c:v>
                </c:pt>
                <c:pt idx="8573">
                  <c:v>-1E-3</c:v>
                </c:pt>
                <c:pt idx="8574">
                  <c:v>-1E-3</c:v>
                </c:pt>
                <c:pt idx="8575">
                  <c:v>-1E-3</c:v>
                </c:pt>
                <c:pt idx="8576">
                  <c:v>-1E-3</c:v>
                </c:pt>
                <c:pt idx="8577">
                  <c:v>-1E-3</c:v>
                </c:pt>
                <c:pt idx="8578">
                  <c:v>-1E-3</c:v>
                </c:pt>
                <c:pt idx="8579">
                  <c:v>-1E-3</c:v>
                </c:pt>
                <c:pt idx="8580">
                  <c:v>-1E-3</c:v>
                </c:pt>
                <c:pt idx="8581">
                  <c:v>-1E-3</c:v>
                </c:pt>
                <c:pt idx="8582">
                  <c:v>-1E-3</c:v>
                </c:pt>
                <c:pt idx="8583">
                  <c:v>-1E-3</c:v>
                </c:pt>
                <c:pt idx="8584">
                  <c:v>-1E-3</c:v>
                </c:pt>
                <c:pt idx="8585">
                  <c:v>-1E-3</c:v>
                </c:pt>
                <c:pt idx="8586">
                  <c:v>-1E-3</c:v>
                </c:pt>
                <c:pt idx="8587">
                  <c:v>-1E-3</c:v>
                </c:pt>
                <c:pt idx="8588">
                  <c:v>-1E-3</c:v>
                </c:pt>
                <c:pt idx="8589">
                  <c:v>-1E-3</c:v>
                </c:pt>
                <c:pt idx="8590">
                  <c:v>-1E-3</c:v>
                </c:pt>
                <c:pt idx="8591">
                  <c:v>-1E-3</c:v>
                </c:pt>
                <c:pt idx="8592">
                  <c:v>-1E-3</c:v>
                </c:pt>
                <c:pt idx="8593">
                  <c:v>-1E-3</c:v>
                </c:pt>
                <c:pt idx="8594">
                  <c:v>-1E-3</c:v>
                </c:pt>
                <c:pt idx="8595">
                  <c:v>-1E-3</c:v>
                </c:pt>
                <c:pt idx="8596">
                  <c:v>-1E-3</c:v>
                </c:pt>
                <c:pt idx="8597">
                  <c:v>-1E-3</c:v>
                </c:pt>
                <c:pt idx="8598">
                  <c:v>-1E-3</c:v>
                </c:pt>
                <c:pt idx="8599">
                  <c:v>-1E-3</c:v>
                </c:pt>
                <c:pt idx="8600">
                  <c:v>-1E-3</c:v>
                </c:pt>
                <c:pt idx="8601">
                  <c:v>-1E-3</c:v>
                </c:pt>
                <c:pt idx="8602">
                  <c:v>-1E-3</c:v>
                </c:pt>
                <c:pt idx="8603">
                  <c:v>-1E-3</c:v>
                </c:pt>
                <c:pt idx="8604">
                  <c:v>-1E-3</c:v>
                </c:pt>
                <c:pt idx="8605">
                  <c:v>-1E-3</c:v>
                </c:pt>
                <c:pt idx="8606">
                  <c:v>-1E-3</c:v>
                </c:pt>
                <c:pt idx="8607">
                  <c:v>-1E-3</c:v>
                </c:pt>
                <c:pt idx="8608">
                  <c:v>-1E-3</c:v>
                </c:pt>
                <c:pt idx="8609">
                  <c:v>-1E-3</c:v>
                </c:pt>
                <c:pt idx="8610">
                  <c:v>-1E-3</c:v>
                </c:pt>
                <c:pt idx="8611">
                  <c:v>-1E-3</c:v>
                </c:pt>
                <c:pt idx="8612">
                  <c:v>-1E-3</c:v>
                </c:pt>
                <c:pt idx="8613">
                  <c:v>-1E-3</c:v>
                </c:pt>
                <c:pt idx="8614">
                  <c:v>-1E-3</c:v>
                </c:pt>
                <c:pt idx="8615">
                  <c:v>-1E-3</c:v>
                </c:pt>
                <c:pt idx="8616">
                  <c:v>-1E-3</c:v>
                </c:pt>
                <c:pt idx="8617">
                  <c:v>-1E-3</c:v>
                </c:pt>
                <c:pt idx="8618">
                  <c:v>-1E-3</c:v>
                </c:pt>
                <c:pt idx="8619">
                  <c:v>-1E-3</c:v>
                </c:pt>
                <c:pt idx="8620">
                  <c:v>-1E-3</c:v>
                </c:pt>
                <c:pt idx="8621">
                  <c:v>-1E-3</c:v>
                </c:pt>
                <c:pt idx="8622">
                  <c:v>-1E-3</c:v>
                </c:pt>
                <c:pt idx="8623">
                  <c:v>-1E-3</c:v>
                </c:pt>
                <c:pt idx="8624">
                  <c:v>-1E-3</c:v>
                </c:pt>
                <c:pt idx="8625">
                  <c:v>-1E-3</c:v>
                </c:pt>
                <c:pt idx="8626">
                  <c:v>-1E-3</c:v>
                </c:pt>
                <c:pt idx="8627">
                  <c:v>-1E-3</c:v>
                </c:pt>
                <c:pt idx="8628">
                  <c:v>-1E-3</c:v>
                </c:pt>
                <c:pt idx="8629">
                  <c:v>-1E-3</c:v>
                </c:pt>
                <c:pt idx="8630">
                  <c:v>-1E-3</c:v>
                </c:pt>
                <c:pt idx="8631">
                  <c:v>-1E-3</c:v>
                </c:pt>
                <c:pt idx="8632">
                  <c:v>-1E-3</c:v>
                </c:pt>
                <c:pt idx="8633">
                  <c:v>-1E-3</c:v>
                </c:pt>
                <c:pt idx="8634">
                  <c:v>-1E-3</c:v>
                </c:pt>
                <c:pt idx="8635">
                  <c:v>-1E-3</c:v>
                </c:pt>
                <c:pt idx="8636">
                  <c:v>-1E-3</c:v>
                </c:pt>
                <c:pt idx="8637">
                  <c:v>-1E-3</c:v>
                </c:pt>
                <c:pt idx="8638">
                  <c:v>-1E-3</c:v>
                </c:pt>
                <c:pt idx="8639">
                  <c:v>-1E-3</c:v>
                </c:pt>
                <c:pt idx="8640">
                  <c:v>-1E-3</c:v>
                </c:pt>
                <c:pt idx="8641">
                  <c:v>-1E-3</c:v>
                </c:pt>
                <c:pt idx="8642">
                  <c:v>-1E-3</c:v>
                </c:pt>
                <c:pt idx="8643">
                  <c:v>-1E-3</c:v>
                </c:pt>
                <c:pt idx="8644">
                  <c:v>-1E-3</c:v>
                </c:pt>
                <c:pt idx="8645">
                  <c:v>-1E-3</c:v>
                </c:pt>
                <c:pt idx="8646">
                  <c:v>-1E-3</c:v>
                </c:pt>
                <c:pt idx="8647">
                  <c:v>-1E-3</c:v>
                </c:pt>
                <c:pt idx="8648">
                  <c:v>-1E-3</c:v>
                </c:pt>
                <c:pt idx="8649">
                  <c:v>-1E-3</c:v>
                </c:pt>
                <c:pt idx="8650">
                  <c:v>-1E-3</c:v>
                </c:pt>
                <c:pt idx="8651">
                  <c:v>-1E-3</c:v>
                </c:pt>
                <c:pt idx="8652">
                  <c:v>-1E-3</c:v>
                </c:pt>
                <c:pt idx="8653">
                  <c:v>-1E-3</c:v>
                </c:pt>
                <c:pt idx="8654">
                  <c:v>-1E-3</c:v>
                </c:pt>
                <c:pt idx="8655">
                  <c:v>-1E-3</c:v>
                </c:pt>
                <c:pt idx="8656">
                  <c:v>-1E-3</c:v>
                </c:pt>
                <c:pt idx="8657">
                  <c:v>-1E-3</c:v>
                </c:pt>
                <c:pt idx="8658">
                  <c:v>-1E-3</c:v>
                </c:pt>
                <c:pt idx="8659">
                  <c:v>-1E-3</c:v>
                </c:pt>
                <c:pt idx="8660">
                  <c:v>-1E-3</c:v>
                </c:pt>
                <c:pt idx="8661">
                  <c:v>-1E-3</c:v>
                </c:pt>
                <c:pt idx="8662">
                  <c:v>-1E-3</c:v>
                </c:pt>
                <c:pt idx="8663">
                  <c:v>-1E-3</c:v>
                </c:pt>
                <c:pt idx="8664">
                  <c:v>-1E-3</c:v>
                </c:pt>
                <c:pt idx="8665">
                  <c:v>-1E-3</c:v>
                </c:pt>
                <c:pt idx="8666">
                  <c:v>-1E-3</c:v>
                </c:pt>
                <c:pt idx="8667">
                  <c:v>-1E-3</c:v>
                </c:pt>
                <c:pt idx="8668">
                  <c:v>-1E-3</c:v>
                </c:pt>
                <c:pt idx="8669">
                  <c:v>-1E-3</c:v>
                </c:pt>
                <c:pt idx="8670">
                  <c:v>-1E-3</c:v>
                </c:pt>
                <c:pt idx="8671">
                  <c:v>-1E-3</c:v>
                </c:pt>
                <c:pt idx="8672">
                  <c:v>-1E-3</c:v>
                </c:pt>
                <c:pt idx="8673">
                  <c:v>-1E-3</c:v>
                </c:pt>
                <c:pt idx="8674">
                  <c:v>-1E-3</c:v>
                </c:pt>
                <c:pt idx="8675">
                  <c:v>-1E-3</c:v>
                </c:pt>
                <c:pt idx="8676">
                  <c:v>-1E-3</c:v>
                </c:pt>
                <c:pt idx="8677">
                  <c:v>-1E-3</c:v>
                </c:pt>
                <c:pt idx="8678">
                  <c:v>-1E-3</c:v>
                </c:pt>
                <c:pt idx="8679">
                  <c:v>-1E-3</c:v>
                </c:pt>
                <c:pt idx="8680">
                  <c:v>-1E-3</c:v>
                </c:pt>
                <c:pt idx="8681">
                  <c:v>-1E-3</c:v>
                </c:pt>
                <c:pt idx="8682">
                  <c:v>-1E-3</c:v>
                </c:pt>
                <c:pt idx="8683">
                  <c:v>-1E-3</c:v>
                </c:pt>
                <c:pt idx="8684">
                  <c:v>-1E-3</c:v>
                </c:pt>
                <c:pt idx="8685">
                  <c:v>-1E-3</c:v>
                </c:pt>
                <c:pt idx="8686">
                  <c:v>-1E-3</c:v>
                </c:pt>
                <c:pt idx="8687">
                  <c:v>-1E-3</c:v>
                </c:pt>
                <c:pt idx="8688">
                  <c:v>-1E-3</c:v>
                </c:pt>
                <c:pt idx="8689">
                  <c:v>-1E-3</c:v>
                </c:pt>
                <c:pt idx="8690">
                  <c:v>-1E-3</c:v>
                </c:pt>
                <c:pt idx="8691">
                  <c:v>-1E-3</c:v>
                </c:pt>
                <c:pt idx="8692">
                  <c:v>-1E-3</c:v>
                </c:pt>
                <c:pt idx="8693">
                  <c:v>-1E-3</c:v>
                </c:pt>
                <c:pt idx="8694">
                  <c:v>-1E-3</c:v>
                </c:pt>
                <c:pt idx="8695">
                  <c:v>-1E-3</c:v>
                </c:pt>
                <c:pt idx="8696">
                  <c:v>-1E-3</c:v>
                </c:pt>
                <c:pt idx="8697">
                  <c:v>-1E-3</c:v>
                </c:pt>
                <c:pt idx="8698">
                  <c:v>-1E-3</c:v>
                </c:pt>
                <c:pt idx="8699">
                  <c:v>-1E-3</c:v>
                </c:pt>
                <c:pt idx="8700">
                  <c:v>-1E-3</c:v>
                </c:pt>
                <c:pt idx="8701">
                  <c:v>-1E-3</c:v>
                </c:pt>
                <c:pt idx="8702">
                  <c:v>-1E-3</c:v>
                </c:pt>
                <c:pt idx="8703">
                  <c:v>-1E-3</c:v>
                </c:pt>
                <c:pt idx="8704">
                  <c:v>-1E-3</c:v>
                </c:pt>
                <c:pt idx="8705">
                  <c:v>-1E-3</c:v>
                </c:pt>
                <c:pt idx="8706">
                  <c:v>-1E-3</c:v>
                </c:pt>
                <c:pt idx="8707">
                  <c:v>-1E-3</c:v>
                </c:pt>
                <c:pt idx="8708">
                  <c:v>-1E-3</c:v>
                </c:pt>
                <c:pt idx="8709">
                  <c:v>-1E-3</c:v>
                </c:pt>
                <c:pt idx="8710">
                  <c:v>-1E-3</c:v>
                </c:pt>
                <c:pt idx="8711">
                  <c:v>-1E-3</c:v>
                </c:pt>
                <c:pt idx="8712">
                  <c:v>-1E-3</c:v>
                </c:pt>
                <c:pt idx="8713">
                  <c:v>-1E-3</c:v>
                </c:pt>
                <c:pt idx="8714">
                  <c:v>-1E-3</c:v>
                </c:pt>
                <c:pt idx="8715">
                  <c:v>-1E-3</c:v>
                </c:pt>
                <c:pt idx="8716">
                  <c:v>-1E-3</c:v>
                </c:pt>
                <c:pt idx="8717">
                  <c:v>-1E-3</c:v>
                </c:pt>
                <c:pt idx="8718">
                  <c:v>-1E-3</c:v>
                </c:pt>
                <c:pt idx="8719">
                  <c:v>-1E-3</c:v>
                </c:pt>
                <c:pt idx="8720">
                  <c:v>-1E-3</c:v>
                </c:pt>
                <c:pt idx="8721">
                  <c:v>-1E-3</c:v>
                </c:pt>
                <c:pt idx="8722">
                  <c:v>-1E-3</c:v>
                </c:pt>
                <c:pt idx="8723">
                  <c:v>-1E-3</c:v>
                </c:pt>
                <c:pt idx="8724">
                  <c:v>-1E-3</c:v>
                </c:pt>
                <c:pt idx="8725">
                  <c:v>-1E-3</c:v>
                </c:pt>
                <c:pt idx="8726">
                  <c:v>-1E-3</c:v>
                </c:pt>
                <c:pt idx="8727">
                  <c:v>-1E-3</c:v>
                </c:pt>
                <c:pt idx="8728">
                  <c:v>-1E-3</c:v>
                </c:pt>
                <c:pt idx="8729">
                  <c:v>-1E-3</c:v>
                </c:pt>
                <c:pt idx="8730">
                  <c:v>-1E-3</c:v>
                </c:pt>
                <c:pt idx="8731">
                  <c:v>-1E-3</c:v>
                </c:pt>
                <c:pt idx="8732">
                  <c:v>-1E-3</c:v>
                </c:pt>
                <c:pt idx="8733">
                  <c:v>-1E-3</c:v>
                </c:pt>
                <c:pt idx="8734">
                  <c:v>-1E-3</c:v>
                </c:pt>
                <c:pt idx="8735">
                  <c:v>-1E-3</c:v>
                </c:pt>
                <c:pt idx="8736">
                  <c:v>-1E-3</c:v>
                </c:pt>
                <c:pt idx="8737">
                  <c:v>-1E-3</c:v>
                </c:pt>
                <c:pt idx="8738">
                  <c:v>-1E-3</c:v>
                </c:pt>
                <c:pt idx="8739">
                  <c:v>-1E-3</c:v>
                </c:pt>
                <c:pt idx="8740">
                  <c:v>-1E-3</c:v>
                </c:pt>
                <c:pt idx="8741">
                  <c:v>-1E-3</c:v>
                </c:pt>
                <c:pt idx="8742">
                  <c:v>-1E-3</c:v>
                </c:pt>
                <c:pt idx="8743">
                  <c:v>-1E-3</c:v>
                </c:pt>
                <c:pt idx="8744">
                  <c:v>-1E-3</c:v>
                </c:pt>
                <c:pt idx="8745">
                  <c:v>-1E-3</c:v>
                </c:pt>
                <c:pt idx="8746">
                  <c:v>-1E-3</c:v>
                </c:pt>
                <c:pt idx="8747">
                  <c:v>-1E-3</c:v>
                </c:pt>
                <c:pt idx="8748">
                  <c:v>-1E-3</c:v>
                </c:pt>
                <c:pt idx="8749">
                  <c:v>-1E-3</c:v>
                </c:pt>
                <c:pt idx="8750">
                  <c:v>-1E-3</c:v>
                </c:pt>
                <c:pt idx="8751">
                  <c:v>-1E-3</c:v>
                </c:pt>
                <c:pt idx="8752">
                  <c:v>-1E-3</c:v>
                </c:pt>
                <c:pt idx="8753">
                  <c:v>-1E-3</c:v>
                </c:pt>
                <c:pt idx="8754">
                  <c:v>-1E-3</c:v>
                </c:pt>
                <c:pt idx="8755">
                  <c:v>-1E-3</c:v>
                </c:pt>
                <c:pt idx="8756">
                  <c:v>-1E-3</c:v>
                </c:pt>
                <c:pt idx="8757">
                  <c:v>-1E-3</c:v>
                </c:pt>
                <c:pt idx="8758">
                  <c:v>-1E-3</c:v>
                </c:pt>
                <c:pt idx="8759">
                  <c:v>-1E-3</c:v>
                </c:pt>
                <c:pt idx="8760">
                  <c:v>-1E-3</c:v>
                </c:pt>
                <c:pt idx="8761">
                  <c:v>-1E-3</c:v>
                </c:pt>
                <c:pt idx="8762">
                  <c:v>-1E-3</c:v>
                </c:pt>
                <c:pt idx="8763">
                  <c:v>-1E-3</c:v>
                </c:pt>
                <c:pt idx="8764">
                  <c:v>-1E-3</c:v>
                </c:pt>
                <c:pt idx="8765">
                  <c:v>-1E-3</c:v>
                </c:pt>
                <c:pt idx="8766">
                  <c:v>-1E-3</c:v>
                </c:pt>
                <c:pt idx="8767">
                  <c:v>-1E-3</c:v>
                </c:pt>
                <c:pt idx="8768">
                  <c:v>-1E-3</c:v>
                </c:pt>
                <c:pt idx="8769">
                  <c:v>-1E-3</c:v>
                </c:pt>
                <c:pt idx="8770">
                  <c:v>-1E-3</c:v>
                </c:pt>
                <c:pt idx="8771">
                  <c:v>-1E-3</c:v>
                </c:pt>
                <c:pt idx="8772">
                  <c:v>-1E-3</c:v>
                </c:pt>
                <c:pt idx="8773">
                  <c:v>-1E-3</c:v>
                </c:pt>
                <c:pt idx="8774">
                  <c:v>-1E-3</c:v>
                </c:pt>
                <c:pt idx="8775">
                  <c:v>-1E-3</c:v>
                </c:pt>
                <c:pt idx="8776">
                  <c:v>-1E-3</c:v>
                </c:pt>
                <c:pt idx="8777">
                  <c:v>-1E-3</c:v>
                </c:pt>
                <c:pt idx="8778">
                  <c:v>-1E-3</c:v>
                </c:pt>
                <c:pt idx="8779">
                  <c:v>-1E-3</c:v>
                </c:pt>
                <c:pt idx="8780">
                  <c:v>-1E-3</c:v>
                </c:pt>
                <c:pt idx="8781">
                  <c:v>-1E-3</c:v>
                </c:pt>
                <c:pt idx="8782">
                  <c:v>-1E-3</c:v>
                </c:pt>
                <c:pt idx="8783">
                  <c:v>-1E-3</c:v>
                </c:pt>
                <c:pt idx="8784">
                  <c:v>-1E-3</c:v>
                </c:pt>
                <c:pt idx="8785">
                  <c:v>-1E-3</c:v>
                </c:pt>
                <c:pt idx="8786">
                  <c:v>-1E-3</c:v>
                </c:pt>
                <c:pt idx="8787">
                  <c:v>-1E-3</c:v>
                </c:pt>
                <c:pt idx="8788">
                  <c:v>-1E-3</c:v>
                </c:pt>
                <c:pt idx="8789">
                  <c:v>-1E-3</c:v>
                </c:pt>
                <c:pt idx="8790">
                  <c:v>-1E-3</c:v>
                </c:pt>
                <c:pt idx="8791">
                  <c:v>-1E-3</c:v>
                </c:pt>
                <c:pt idx="8792">
                  <c:v>-1E-3</c:v>
                </c:pt>
                <c:pt idx="8793">
                  <c:v>-1E-3</c:v>
                </c:pt>
                <c:pt idx="8794">
                  <c:v>-1E-3</c:v>
                </c:pt>
                <c:pt idx="8795">
                  <c:v>-1E-3</c:v>
                </c:pt>
                <c:pt idx="8796">
                  <c:v>-1E-3</c:v>
                </c:pt>
                <c:pt idx="8797">
                  <c:v>-1E-3</c:v>
                </c:pt>
                <c:pt idx="8798">
                  <c:v>-1E-3</c:v>
                </c:pt>
                <c:pt idx="8799">
                  <c:v>-1E-3</c:v>
                </c:pt>
                <c:pt idx="8800">
                  <c:v>-1E-3</c:v>
                </c:pt>
                <c:pt idx="8801">
                  <c:v>-1E-3</c:v>
                </c:pt>
                <c:pt idx="8802">
                  <c:v>-1E-3</c:v>
                </c:pt>
                <c:pt idx="8803">
                  <c:v>-1E-3</c:v>
                </c:pt>
                <c:pt idx="8804">
                  <c:v>-1E-3</c:v>
                </c:pt>
                <c:pt idx="8805">
                  <c:v>-1E-3</c:v>
                </c:pt>
                <c:pt idx="8806">
                  <c:v>-1E-3</c:v>
                </c:pt>
                <c:pt idx="8807">
                  <c:v>-1E-3</c:v>
                </c:pt>
                <c:pt idx="8808">
                  <c:v>-1E-3</c:v>
                </c:pt>
                <c:pt idx="8809">
                  <c:v>-1E-3</c:v>
                </c:pt>
                <c:pt idx="8810">
                  <c:v>-1E-3</c:v>
                </c:pt>
                <c:pt idx="8811">
                  <c:v>-1E-3</c:v>
                </c:pt>
                <c:pt idx="8812">
                  <c:v>-1E-3</c:v>
                </c:pt>
                <c:pt idx="8813">
                  <c:v>-1E-3</c:v>
                </c:pt>
                <c:pt idx="8814">
                  <c:v>-1E-3</c:v>
                </c:pt>
                <c:pt idx="8815">
                  <c:v>-1E-3</c:v>
                </c:pt>
                <c:pt idx="8816">
                  <c:v>-1E-3</c:v>
                </c:pt>
                <c:pt idx="8817">
                  <c:v>-1E-3</c:v>
                </c:pt>
                <c:pt idx="8818">
                  <c:v>-1E-3</c:v>
                </c:pt>
                <c:pt idx="8819">
                  <c:v>-1E-3</c:v>
                </c:pt>
                <c:pt idx="8820">
                  <c:v>-1E-3</c:v>
                </c:pt>
                <c:pt idx="8821">
                  <c:v>-1E-3</c:v>
                </c:pt>
                <c:pt idx="8822">
                  <c:v>-1E-3</c:v>
                </c:pt>
                <c:pt idx="8823">
                  <c:v>-1E-3</c:v>
                </c:pt>
                <c:pt idx="8824">
                  <c:v>-1E-3</c:v>
                </c:pt>
                <c:pt idx="8825">
                  <c:v>-1E-3</c:v>
                </c:pt>
                <c:pt idx="8826">
                  <c:v>-1E-3</c:v>
                </c:pt>
                <c:pt idx="8827">
                  <c:v>-1E-3</c:v>
                </c:pt>
                <c:pt idx="8828">
                  <c:v>-1E-3</c:v>
                </c:pt>
                <c:pt idx="8829">
                  <c:v>-1E-3</c:v>
                </c:pt>
                <c:pt idx="8830">
                  <c:v>-1E-3</c:v>
                </c:pt>
                <c:pt idx="8831">
                  <c:v>-1E-3</c:v>
                </c:pt>
                <c:pt idx="8832">
                  <c:v>-1E-3</c:v>
                </c:pt>
                <c:pt idx="8833">
                  <c:v>-1E-3</c:v>
                </c:pt>
                <c:pt idx="8834">
                  <c:v>-1E-3</c:v>
                </c:pt>
                <c:pt idx="8835">
                  <c:v>-1E-3</c:v>
                </c:pt>
                <c:pt idx="8836">
                  <c:v>-1E-3</c:v>
                </c:pt>
                <c:pt idx="8837">
                  <c:v>-1E-3</c:v>
                </c:pt>
                <c:pt idx="8838">
                  <c:v>-1E-3</c:v>
                </c:pt>
                <c:pt idx="8839">
                  <c:v>-1E-3</c:v>
                </c:pt>
                <c:pt idx="8840">
                  <c:v>-1E-3</c:v>
                </c:pt>
                <c:pt idx="8841">
                  <c:v>-1E-3</c:v>
                </c:pt>
                <c:pt idx="8842">
                  <c:v>-1E-3</c:v>
                </c:pt>
                <c:pt idx="8843">
                  <c:v>-1E-3</c:v>
                </c:pt>
                <c:pt idx="8844">
                  <c:v>-1E-3</c:v>
                </c:pt>
                <c:pt idx="8845">
                  <c:v>-1E-3</c:v>
                </c:pt>
                <c:pt idx="8846">
                  <c:v>1E-3</c:v>
                </c:pt>
                <c:pt idx="8847">
                  <c:v>1E-3</c:v>
                </c:pt>
                <c:pt idx="8848">
                  <c:v>1E-3</c:v>
                </c:pt>
                <c:pt idx="8849">
                  <c:v>1E-3</c:v>
                </c:pt>
                <c:pt idx="8850">
                  <c:v>1E-3</c:v>
                </c:pt>
                <c:pt idx="8851">
                  <c:v>1E-3</c:v>
                </c:pt>
                <c:pt idx="8852">
                  <c:v>1E-3</c:v>
                </c:pt>
                <c:pt idx="8853">
                  <c:v>1E-3</c:v>
                </c:pt>
                <c:pt idx="8854">
                  <c:v>1E-3</c:v>
                </c:pt>
                <c:pt idx="8855">
                  <c:v>1E-3</c:v>
                </c:pt>
                <c:pt idx="8856">
                  <c:v>1E-3</c:v>
                </c:pt>
                <c:pt idx="8857">
                  <c:v>1E-3</c:v>
                </c:pt>
                <c:pt idx="8858">
                  <c:v>1E-3</c:v>
                </c:pt>
                <c:pt idx="8859">
                  <c:v>1E-3</c:v>
                </c:pt>
                <c:pt idx="8860">
                  <c:v>1E-3</c:v>
                </c:pt>
                <c:pt idx="8861">
                  <c:v>1E-3</c:v>
                </c:pt>
                <c:pt idx="8862">
                  <c:v>1E-3</c:v>
                </c:pt>
                <c:pt idx="8863">
                  <c:v>1E-3</c:v>
                </c:pt>
                <c:pt idx="8864">
                  <c:v>1E-3</c:v>
                </c:pt>
                <c:pt idx="8865">
                  <c:v>1E-3</c:v>
                </c:pt>
                <c:pt idx="8866">
                  <c:v>1E-3</c:v>
                </c:pt>
                <c:pt idx="8867">
                  <c:v>1E-3</c:v>
                </c:pt>
                <c:pt idx="8868">
                  <c:v>1E-3</c:v>
                </c:pt>
                <c:pt idx="8869">
                  <c:v>1E-3</c:v>
                </c:pt>
                <c:pt idx="8870">
                  <c:v>1E-3</c:v>
                </c:pt>
                <c:pt idx="8871">
                  <c:v>1E-3</c:v>
                </c:pt>
                <c:pt idx="8872">
                  <c:v>1E-3</c:v>
                </c:pt>
                <c:pt idx="8873">
                  <c:v>1E-3</c:v>
                </c:pt>
                <c:pt idx="8874">
                  <c:v>1E-3</c:v>
                </c:pt>
                <c:pt idx="8875">
                  <c:v>1E-3</c:v>
                </c:pt>
                <c:pt idx="8876">
                  <c:v>1E-3</c:v>
                </c:pt>
                <c:pt idx="8877">
                  <c:v>1E-3</c:v>
                </c:pt>
                <c:pt idx="8878">
                  <c:v>1E-3</c:v>
                </c:pt>
                <c:pt idx="8879">
                  <c:v>1E-3</c:v>
                </c:pt>
                <c:pt idx="8880">
                  <c:v>1E-3</c:v>
                </c:pt>
                <c:pt idx="8881">
                  <c:v>1E-3</c:v>
                </c:pt>
                <c:pt idx="8882">
                  <c:v>1E-3</c:v>
                </c:pt>
                <c:pt idx="8883">
                  <c:v>1E-3</c:v>
                </c:pt>
                <c:pt idx="8884">
                  <c:v>1E-3</c:v>
                </c:pt>
                <c:pt idx="8885">
                  <c:v>1E-3</c:v>
                </c:pt>
                <c:pt idx="8886">
                  <c:v>1E-3</c:v>
                </c:pt>
                <c:pt idx="8887">
                  <c:v>1E-3</c:v>
                </c:pt>
                <c:pt idx="8888">
                  <c:v>1E-3</c:v>
                </c:pt>
                <c:pt idx="8889">
                  <c:v>1E-3</c:v>
                </c:pt>
                <c:pt idx="8890">
                  <c:v>1E-3</c:v>
                </c:pt>
                <c:pt idx="8891">
                  <c:v>1E-3</c:v>
                </c:pt>
                <c:pt idx="8892">
                  <c:v>1E-3</c:v>
                </c:pt>
                <c:pt idx="8893">
                  <c:v>1E-3</c:v>
                </c:pt>
                <c:pt idx="8894">
                  <c:v>1E-3</c:v>
                </c:pt>
                <c:pt idx="8895">
                  <c:v>1E-3</c:v>
                </c:pt>
                <c:pt idx="8896">
                  <c:v>1E-3</c:v>
                </c:pt>
                <c:pt idx="8897">
                  <c:v>1E-3</c:v>
                </c:pt>
                <c:pt idx="8898">
                  <c:v>1E-3</c:v>
                </c:pt>
                <c:pt idx="8899">
                  <c:v>1E-3</c:v>
                </c:pt>
                <c:pt idx="8900">
                  <c:v>1E-3</c:v>
                </c:pt>
                <c:pt idx="8901">
                  <c:v>1E-3</c:v>
                </c:pt>
                <c:pt idx="8902">
                  <c:v>1E-3</c:v>
                </c:pt>
                <c:pt idx="8903">
                  <c:v>1E-3</c:v>
                </c:pt>
                <c:pt idx="8904">
                  <c:v>1E-3</c:v>
                </c:pt>
                <c:pt idx="8905">
                  <c:v>1E-3</c:v>
                </c:pt>
                <c:pt idx="8906">
                  <c:v>1E-3</c:v>
                </c:pt>
                <c:pt idx="8907">
                  <c:v>1E-3</c:v>
                </c:pt>
                <c:pt idx="8908">
                  <c:v>1E-3</c:v>
                </c:pt>
                <c:pt idx="8909">
                  <c:v>1E-3</c:v>
                </c:pt>
                <c:pt idx="8910">
                  <c:v>1E-3</c:v>
                </c:pt>
                <c:pt idx="8911">
                  <c:v>1E-3</c:v>
                </c:pt>
                <c:pt idx="8912">
                  <c:v>1E-3</c:v>
                </c:pt>
                <c:pt idx="8913">
                  <c:v>1E-3</c:v>
                </c:pt>
                <c:pt idx="8914">
                  <c:v>1E-3</c:v>
                </c:pt>
                <c:pt idx="8915">
                  <c:v>1E-3</c:v>
                </c:pt>
                <c:pt idx="8916">
                  <c:v>1E-3</c:v>
                </c:pt>
                <c:pt idx="8917">
                  <c:v>1E-3</c:v>
                </c:pt>
                <c:pt idx="8918">
                  <c:v>1E-3</c:v>
                </c:pt>
                <c:pt idx="8919">
                  <c:v>1E-3</c:v>
                </c:pt>
                <c:pt idx="8920">
                  <c:v>1E-3</c:v>
                </c:pt>
                <c:pt idx="8921">
                  <c:v>1E-3</c:v>
                </c:pt>
                <c:pt idx="8922">
                  <c:v>1E-3</c:v>
                </c:pt>
                <c:pt idx="8923">
                  <c:v>1E-3</c:v>
                </c:pt>
                <c:pt idx="8924">
                  <c:v>1E-3</c:v>
                </c:pt>
                <c:pt idx="8925">
                  <c:v>1E-3</c:v>
                </c:pt>
                <c:pt idx="8926">
                  <c:v>1E-3</c:v>
                </c:pt>
                <c:pt idx="8927">
                  <c:v>1E-3</c:v>
                </c:pt>
                <c:pt idx="8928">
                  <c:v>1E-3</c:v>
                </c:pt>
                <c:pt idx="8929">
                  <c:v>1E-3</c:v>
                </c:pt>
                <c:pt idx="8930">
                  <c:v>1E-3</c:v>
                </c:pt>
                <c:pt idx="8931">
                  <c:v>1E-3</c:v>
                </c:pt>
                <c:pt idx="8932">
                  <c:v>1E-3</c:v>
                </c:pt>
                <c:pt idx="8933">
                  <c:v>1E-3</c:v>
                </c:pt>
                <c:pt idx="8934">
                  <c:v>1E-3</c:v>
                </c:pt>
                <c:pt idx="8935">
                  <c:v>1E-3</c:v>
                </c:pt>
                <c:pt idx="8936">
                  <c:v>1E-3</c:v>
                </c:pt>
                <c:pt idx="8937">
                  <c:v>1E-3</c:v>
                </c:pt>
                <c:pt idx="8938">
                  <c:v>1E-3</c:v>
                </c:pt>
                <c:pt idx="8939">
                  <c:v>1E-3</c:v>
                </c:pt>
                <c:pt idx="8940">
                  <c:v>1E-3</c:v>
                </c:pt>
                <c:pt idx="8941">
                  <c:v>1E-3</c:v>
                </c:pt>
                <c:pt idx="8942">
                  <c:v>1E-3</c:v>
                </c:pt>
                <c:pt idx="8943">
                  <c:v>1E-3</c:v>
                </c:pt>
                <c:pt idx="8944">
                  <c:v>1E-3</c:v>
                </c:pt>
                <c:pt idx="8945">
                  <c:v>1E-3</c:v>
                </c:pt>
                <c:pt idx="8946">
                  <c:v>1E-3</c:v>
                </c:pt>
                <c:pt idx="8947">
                  <c:v>1E-3</c:v>
                </c:pt>
              </c:numCache>
            </c:numRef>
          </c:val>
          <c:smooth val="0"/>
          <c:extLst>
            <c:ext xmlns:c16="http://schemas.microsoft.com/office/drawing/2014/chart" uri="{C3380CC4-5D6E-409C-BE32-E72D297353CC}">
              <c16:uniqueId val="{00000002-27D4-4B1C-BABF-80723AC504D7}"/>
            </c:ext>
          </c:extLst>
        </c:ser>
        <c:ser>
          <c:idx val="3"/>
          <c:order val="3"/>
          <c:tx>
            <c:strRef>
              <c:f>Sheet1!$P$4</c:f>
              <c:strCache>
                <c:ptCount val="1"/>
                <c:pt idx="0">
                  <c:v>China</c:v>
                </c:pt>
              </c:strCache>
            </c:strRef>
          </c:tx>
          <c:spPr>
            <a:ln w="25400" cap="rnd" cmpd="sng" algn="ctr">
              <a:solidFill>
                <a:srgbClr val="DBD99A"/>
              </a:solidFill>
              <a:prstDash val="solid"/>
              <a:round/>
              <a:headEnd type="none" w="med" len="med"/>
              <a:tailEnd type="none" w="med" len="med"/>
            </a:ln>
          </c:spPr>
          <c:marker>
            <c:symbol val="none"/>
          </c:marker>
          <c:cat>
            <c:numRef>
              <c:f>Sheet1!$L$5:$L$8952</c:f>
              <c:numCache>
                <c:formatCode>m/d/yyyy</c:formatCode>
                <c:ptCount val="8948"/>
                <c:pt idx="0">
                  <c:v>36526</c:v>
                </c:pt>
                <c:pt idx="1">
                  <c:v>36527</c:v>
                </c:pt>
                <c:pt idx="2">
                  <c:v>36528</c:v>
                </c:pt>
                <c:pt idx="3">
                  <c:v>36529</c:v>
                </c:pt>
                <c:pt idx="4">
                  <c:v>36530</c:v>
                </c:pt>
                <c:pt idx="5">
                  <c:v>36531</c:v>
                </c:pt>
                <c:pt idx="6">
                  <c:v>36532</c:v>
                </c:pt>
                <c:pt idx="7">
                  <c:v>36533</c:v>
                </c:pt>
                <c:pt idx="8">
                  <c:v>36534</c:v>
                </c:pt>
                <c:pt idx="9">
                  <c:v>36535</c:v>
                </c:pt>
                <c:pt idx="10">
                  <c:v>36536</c:v>
                </c:pt>
                <c:pt idx="11">
                  <c:v>36537</c:v>
                </c:pt>
                <c:pt idx="12">
                  <c:v>36538</c:v>
                </c:pt>
                <c:pt idx="13">
                  <c:v>36539</c:v>
                </c:pt>
                <c:pt idx="14">
                  <c:v>36540</c:v>
                </c:pt>
                <c:pt idx="15">
                  <c:v>36541</c:v>
                </c:pt>
                <c:pt idx="16">
                  <c:v>36542</c:v>
                </c:pt>
                <c:pt idx="17">
                  <c:v>36543</c:v>
                </c:pt>
                <c:pt idx="18">
                  <c:v>36544</c:v>
                </c:pt>
                <c:pt idx="19">
                  <c:v>36545</c:v>
                </c:pt>
                <c:pt idx="20">
                  <c:v>36546</c:v>
                </c:pt>
                <c:pt idx="21">
                  <c:v>36547</c:v>
                </c:pt>
                <c:pt idx="22">
                  <c:v>36548</c:v>
                </c:pt>
                <c:pt idx="23">
                  <c:v>36549</c:v>
                </c:pt>
                <c:pt idx="24">
                  <c:v>36550</c:v>
                </c:pt>
                <c:pt idx="25">
                  <c:v>36551</c:v>
                </c:pt>
                <c:pt idx="26">
                  <c:v>36552</c:v>
                </c:pt>
                <c:pt idx="27">
                  <c:v>36553</c:v>
                </c:pt>
                <c:pt idx="28">
                  <c:v>36554</c:v>
                </c:pt>
                <c:pt idx="29">
                  <c:v>36555</c:v>
                </c:pt>
                <c:pt idx="30">
                  <c:v>36556</c:v>
                </c:pt>
                <c:pt idx="31">
                  <c:v>36557</c:v>
                </c:pt>
                <c:pt idx="32">
                  <c:v>36558</c:v>
                </c:pt>
                <c:pt idx="33">
                  <c:v>36559</c:v>
                </c:pt>
                <c:pt idx="34">
                  <c:v>36560</c:v>
                </c:pt>
                <c:pt idx="35">
                  <c:v>36561</c:v>
                </c:pt>
                <c:pt idx="36">
                  <c:v>36562</c:v>
                </c:pt>
                <c:pt idx="37">
                  <c:v>36563</c:v>
                </c:pt>
                <c:pt idx="38">
                  <c:v>36564</c:v>
                </c:pt>
                <c:pt idx="39">
                  <c:v>36565</c:v>
                </c:pt>
                <c:pt idx="40">
                  <c:v>36566</c:v>
                </c:pt>
                <c:pt idx="41">
                  <c:v>36567</c:v>
                </c:pt>
                <c:pt idx="42">
                  <c:v>36568</c:v>
                </c:pt>
                <c:pt idx="43">
                  <c:v>36569</c:v>
                </c:pt>
                <c:pt idx="44">
                  <c:v>36570</c:v>
                </c:pt>
                <c:pt idx="45">
                  <c:v>36571</c:v>
                </c:pt>
                <c:pt idx="46">
                  <c:v>36572</c:v>
                </c:pt>
                <c:pt idx="47">
                  <c:v>36573</c:v>
                </c:pt>
                <c:pt idx="48">
                  <c:v>36574</c:v>
                </c:pt>
                <c:pt idx="49">
                  <c:v>36575</c:v>
                </c:pt>
                <c:pt idx="50">
                  <c:v>36576</c:v>
                </c:pt>
                <c:pt idx="51">
                  <c:v>36577</c:v>
                </c:pt>
                <c:pt idx="52">
                  <c:v>36578</c:v>
                </c:pt>
                <c:pt idx="53">
                  <c:v>36579</c:v>
                </c:pt>
                <c:pt idx="54">
                  <c:v>36580</c:v>
                </c:pt>
                <c:pt idx="55">
                  <c:v>36581</c:v>
                </c:pt>
                <c:pt idx="56">
                  <c:v>36582</c:v>
                </c:pt>
                <c:pt idx="57">
                  <c:v>36583</c:v>
                </c:pt>
                <c:pt idx="58">
                  <c:v>36584</c:v>
                </c:pt>
                <c:pt idx="59">
                  <c:v>36585</c:v>
                </c:pt>
                <c:pt idx="60">
                  <c:v>36586</c:v>
                </c:pt>
                <c:pt idx="61">
                  <c:v>36587</c:v>
                </c:pt>
                <c:pt idx="62">
                  <c:v>36588</c:v>
                </c:pt>
                <c:pt idx="63">
                  <c:v>36589</c:v>
                </c:pt>
                <c:pt idx="64">
                  <c:v>36590</c:v>
                </c:pt>
                <c:pt idx="65">
                  <c:v>36591</c:v>
                </c:pt>
                <c:pt idx="66">
                  <c:v>36592</c:v>
                </c:pt>
                <c:pt idx="67">
                  <c:v>36593</c:v>
                </c:pt>
                <c:pt idx="68">
                  <c:v>36594</c:v>
                </c:pt>
                <c:pt idx="69">
                  <c:v>36595</c:v>
                </c:pt>
                <c:pt idx="70">
                  <c:v>36596</c:v>
                </c:pt>
                <c:pt idx="71">
                  <c:v>36597</c:v>
                </c:pt>
                <c:pt idx="72">
                  <c:v>36598</c:v>
                </c:pt>
                <c:pt idx="73">
                  <c:v>36599</c:v>
                </c:pt>
                <c:pt idx="74">
                  <c:v>36600</c:v>
                </c:pt>
                <c:pt idx="75">
                  <c:v>36601</c:v>
                </c:pt>
                <c:pt idx="76">
                  <c:v>36602</c:v>
                </c:pt>
                <c:pt idx="77">
                  <c:v>36603</c:v>
                </c:pt>
                <c:pt idx="78">
                  <c:v>36604</c:v>
                </c:pt>
                <c:pt idx="79">
                  <c:v>36605</c:v>
                </c:pt>
                <c:pt idx="80">
                  <c:v>36606</c:v>
                </c:pt>
                <c:pt idx="81">
                  <c:v>36607</c:v>
                </c:pt>
                <c:pt idx="82">
                  <c:v>36608</c:v>
                </c:pt>
                <c:pt idx="83">
                  <c:v>36609</c:v>
                </c:pt>
                <c:pt idx="84">
                  <c:v>36610</c:v>
                </c:pt>
                <c:pt idx="85">
                  <c:v>36611</c:v>
                </c:pt>
                <c:pt idx="86">
                  <c:v>36612</c:v>
                </c:pt>
                <c:pt idx="87">
                  <c:v>36613</c:v>
                </c:pt>
                <c:pt idx="88">
                  <c:v>36614</c:v>
                </c:pt>
                <c:pt idx="89">
                  <c:v>36615</c:v>
                </c:pt>
                <c:pt idx="90">
                  <c:v>36616</c:v>
                </c:pt>
                <c:pt idx="91">
                  <c:v>36617</c:v>
                </c:pt>
                <c:pt idx="92">
                  <c:v>36618</c:v>
                </c:pt>
                <c:pt idx="93">
                  <c:v>36619</c:v>
                </c:pt>
                <c:pt idx="94">
                  <c:v>36620</c:v>
                </c:pt>
                <c:pt idx="95">
                  <c:v>36621</c:v>
                </c:pt>
                <c:pt idx="96">
                  <c:v>36622</c:v>
                </c:pt>
                <c:pt idx="97">
                  <c:v>36623</c:v>
                </c:pt>
                <c:pt idx="98">
                  <c:v>36624</c:v>
                </c:pt>
                <c:pt idx="99">
                  <c:v>36625</c:v>
                </c:pt>
                <c:pt idx="100">
                  <c:v>36626</c:v>
                </c:pt>
                <c:pt idx="101">
                  <c:v>36627</c:v>
                </c:pt>
                <c:pt idx="102">
                  <c:v>36628</c:v>
                </c:pt>
                <c:pt idx="103">
                  <c:v>36629</c:v>
                </c:pt>
                <c:pt idx="104">
                  <c:v>36630</c:v>
                </c:pt>
                <c:pt idx="105">
                  <c:v>36631</c:v>
                </c:pt>
                <c:pt idx="106">
                  <c:v>36632</c:v>
                </c:pt>
                <c:pt idx="107">
                  <c:v>36633</c:v>
                </c:pt>
                <c:pt idx="108">
                  <c:v>36634</c:v>
                </c:pt>
                <c:pt idx="109">
                  <c:v>36635</c:v>
                </c:pt>
                <c:pt idx="110">
                  <c:v>36636</c:v>
                </c:pt>
                <c:pt idx="111">
                  <c:v>36637</c:v>
                </c:pt>
                <c:pt idx="112">
                  <c:v>36638</c:v>
                </c:pt>
                <c:pt idx="113">
                  <c:v>36639</c:v>
                </c:pt>
                <c:pt idx="114">
                  <c:v>36640</c:v>
                </c:pt>
                <c:pt idx="115">
                  <c:v>36641</c:v>
                </c:pt>
                <c:pt idx="116">
                  <c:v>36642</c:v>
                </c:pt>
                <c:pt idx="117">
                  <c:v>36643</c:v>
                </c:pt>
                <c:pt idx="118">
                  <c:v>36644</c:v>
                </c:pt>
                <c:pt idx="119">
                  <c:v>36645</c:v>
                </c:pt>
                <c:pt idx="120">
                  <c:v>36646</c:v>
                </c:pt>
                <c:pt idx="121">
                  <c:v>36647</c:v>
                </c:pt>
                <c:pt idx="122">
                  <c:v>36648</c:v>
                </c:pt>
                <c:pt idx="123">
                  <c:v>36649</c:v>
                </c:pt>
                <c:pt idx="124">
                  <c:v>36650</c:v>
                </c:pt>
                <c:pt idx="125">
                  <c:v>36651</c:v>
                </c:pt>
                <c:pt idx="126">
                  <c:v>36652</c:v>
                </c:pt>
                <c:pt idx="127">
                  <c:v>36653</c:v>
                </c:pt>
                <c:pt idx="128">
                  <c:v>36654</c:v>
                </c:pt>
                <c:pt idx="129">
                  <c:v>36655</c:v>
                </c:pt>
                <c:pt idx="130">
                  <c:v>36656</c:v>
                </c:pt>
                <c:pt idx="131">
                  <c:v>36657</c:v>
                </c:pt>
                <c:pt idx="132">
                  <c:v>36658</c:v>
                </c:pt>
                <c:pt idx="133">
                  <c:v>36659</c:v>
                </c:pt>
                <c:pt idx="134">
                  <c:v>36660</c:v>
                </c:pt>
                <c:pt idx="135">
                  <c:v>36661</c:v>
                </c:pt>
                <c:pt idx="136">
                  <c:v>36662</c:v>
                </c:pt>
                <c:pt idx="137">
                  <c:v>36663</c:v>
                </c:pt>
                <c:pt idx="138">
                  <c:v>36664</c:v>
                </c:pt>
                <c:pt idx="139">
                  <c:v>36665</c:v>
                </c:pt>
                <c:pt idx="140">
                  <c:v>36666</c:v>
                </c:pt>
                <c:pt idx="141">
                  <c:v>36667</c:v>
                </c:pt>
                <c:pt idx="142">
                  <c:v>36668</c:v>
                </c:pt>
                <c:pt idx="143">
                  <c:v>36669</c:v>
                </c:pt>
                <c:pt idx="144">
                  <c:v>36670</c:v>
                </c:pt>
                <c:pt idx="145">
                  <c:v>36671</c:v>
                </c:pt>
                <c:pt idx="146">
                  <c:v>36672</c:v>
                </c:pt>
                <c:pt idx="147">
                  <c:v>36673</c:v>
                </c:pt>
                <c:pt idx="148">
                  <c:v>36674</c:v>
                </c:pt>
                <c:pt idx="149">
                  <c:v>36675</c:v>
                </c:pt>
                <c:pt idx="150">
                  <c:v>36676</c:v>
                </c:pt>
                <c:pt idx="151">
                  <c:v>36677</c:v>
                </c:pt>
                <c:pt idx="152">
                  <c:v>36678</c:v>
                </c:pt>
                <c:pt idx="153">
                  <c:v>36679</c:v>
                </c:pt>
                <c:pt idx="154">
                  <c:v>36680</c:v>
                </c:pt>
                <c:pt idx="155">
                  <c:v>36681</c:v>
                </c:pt>
                <c:pt idx="156">
                  <c:v>36682</c:v>
                </c:pt>
                <c:pt idx="157">
                  <c:v>36683</c:v>
                </c:pt>
                <c:pt idx="158">
                  <c:v>36684</c:v>
                </c:pt>
                <c:pt idx="159">
                  <c:v>36685</c:v>
                </c:pt>
                <c:pt idx="160">
                  <c:v>36686</c:v>
                </c:pt>
                <c:pt idx="161">
                  <c:v>36687</c:v>
                </c:pt>
                <c:pt idx="162">
                  <c:v>36688</c:v>
                </c:pt>
                <c:pt idx="163">
                  <c:v>36689</c:v>
                </c:pt>
                <c:pt idx="164">
                  <c:v>36690</c:v>
                </c:pt>
                <c:pt idx="165">
                  <c:v>36691</c:v>
                </c:pt>
                <c:pt idx="166">
                  <c:v>36692</c:v>
                </c:pt>
                <c:pt idx="167">
                  <c:v>36693</c:v>
                </c:pt>
                <c:pt idx="168">
                  <c:v>36694</c:v>
                </c:pt>
                <c:pt idx="169">
                  <c:v>36695</c:v>
                </c:pt>
                <c:pt idx="170">
                  <c:v>36696</c:v>
                </c:pt>
                <c:pt idx="171">
                  <c:v>36697</c:v>
                </c:pt>
                <c:pt idx="172">
                  <c:v>36698</c:v>
                </c:pt>
                <c:pt idx="173">
                  <c:v>36699</c:v>
                </c:pt>
                <c:pt idx="174">
                  <c:v>36700</c:v>
                </c:pt>
                <c:pt idx="175">
                  <c:v>36701</c:v>
                </c:pt>
                <c:pt idx="176">
                  <c:v>36702</c:v>
                </c:pt>
                <c:pt idx="177">
                  <c:v>36703</c:v>
                </c:pt>
                <c:pt idx="178">
                  <c:v>36704</c:v>
                </c:pt>
                <c:pt idx="179">
                  <c:v>36705</c:v>
                </c:pt>
                <c:pt idx="180">
                  <c:v>36706</c:v>
                </c:pt>
                <c:pt idx="181">
                  <c:v>36707</c:v>
                </c:pt>
                <c:pt idx="182">
                  <c:v>36708</c:v>
                </c:pt>
                <c:pt idx="183">
                  <c:v>36709</c:v>
                </c:pt>
                <c:pt idx="184">
                  <c:v>36710</c:v>
                </c:pt>
                <c:pt idx="185">
                  <c:v>36711</c:v>
                </c:pt>
                <c:pt idx="186">
                  <c:v>36712</c:v>
                </c:pt>
                <c:pt idx="187">
                  <c:v>36713</c:v>
                </c:pt>
                <c:pt idx="188">
                  <c:v>36714</c:v>
                </c:pt>
                <c:pt idx="189">
                  <c:v>36715</c:v>
                </c:pt>
                <c:pt idx="190">
                  <c:v>36716</c:v>
                </c:pt>
                <c:pt idx="191">
                  <c:v>36717</c:v>
                </c:pt>
                <c:pt idx="192">
                  <c:v>36718</c:v>
                </c:pt>
                <c:pt idx="193">
                  <c:v>36719</c:v>
                </c:pt>
                <c:pt idx="194">
                  <c:v>36720</c:v>
                </c:pt>
                <c:pt idx="195">
                  <c:v>36721</c:v>
                </c:pt>
                <c:pt idx="196">
                  <c:v>36722</c:v>
                </c:pt>
                <c:pt idx="197">
                  <c:v>36723</c:v>
                </c:pt>
                <c:pt idx="198">
                  <c:v>36724</c:v>
                </c:pt>
                <c:pt idx="199">
                  <c:v>36725</c:v>
                </c:pt>
                <c:pt idx="200">
                  <c:v>36726</c:v>
                </c:pt>
                <c:pt idx="201">
                  <c:v>36727</c:v>
                </c:pt>
                <c:pt idx="202">
                  <c:v>36728</c:v>
                </c:pt>
                <c:pt idx="203">
                  <c:v>36729</c:v>
                </c:pt>
                <c:pt idx="204">
                  <c:v>36730</c:v>
                </c:pt>
                <c:pt idx="205">
                  <c:v>36731</c:v>
                </c:pt>
                <c:pt idx="206">
                  <c:v>36732</c:v>
                </c:pt>
                <c:pt idx="207">
                  <c:v>36733</c:v>
                </c:pt>
                <c:pt idx="208">
                  <c:v>36734</c:v>
                </c:pt>
                <c:pt idx="209">
                  <c:v>36735</c:v>
                </c:pt>
                <c:pt idx="210">
                  <c:v>36736</c:v>
                </c:pt>
                <c:pt idx="211">
                  <c:v>36737</c:v>
                </c:pt>
                <c:pt idx="212">
                  <c:v>36738</c:v>
                </c:pt>
                <c:pt idx="213">
                  <c:v>36739</c:v>
                </c:pt>
                <c:pt idx="214">
                  <c:v>36740</c:v>
                </c:pt>
                <c:pt idx="215">
                  <c:v>36741</c:v>
                </c:pt>
                <c:pt idx="216">
                  <c:v>36742</c:v>
                </c:pt>
                <c:pt idx="217">
                  <c:v>36743</c:v>
                </c:pt>
                <c:pt idx="218">
                  <c:v>36744</c:v>
                </c:pt>
                <c:pt idx="219">
                  <c:v>36745</c:v>
                </c:pt>
                <c:pt idx="220">
                  <c:v>36746</c:v>
                </c:pt>
                <c:pt idx="221">
                  <c:v>36747</c:v>
                </c:pt>
                <c:pt idx="222">
                  <c:v>36748</c:v>
                </c:pt>
                <c:pt idx="223">
                  <c:v>36749</c:v>
                </c:pt>
                <c:pt idx="224">
                  <c:v>36750</c:v>
                </c:pt>
                <c:pt idx="225">
                  <c:v>36751</c:v>
                </c:pt>
                <c:pt idx="226">
                  <c:v>36752</c:v>
                </c:pt>
                <c:pt idx="227">
                  <c:v>36753</c:v>
                </c:pt>
                <c:pt idx="228">
                  <c:v>36754</c:v>
                </c:pt>
                <c:pt idx="229">
                  <c:v>36755</c:v>
                </c:pt>
                <c:pt idx="230">
                  <c:v>36756</c:v>
                </c:pt>
                <c:pt idx="231">
                  <c:v>36757</c:v>
                </c:pt>
                <c:pt idx="232">
                  <c:v>36758</c:v>
                </c:pt>
                <c:pt idx="233">
                  <c:v>36759</c:v>
                </c:pt>
                <c:pt idx="234">
                  <c:v>36760</c:v>
                </c:pt>
                <c:pt idx="235">
                  <c:v>36761</c:v>
                </c:pt>
                <c:pt idx="236">
                  <c:v>36762</c:v>
                </c:pt>
                <c:pt idx="237">
                  <c:v>36763</c:v>
                </c:pt>
                <c:pt idx="238">
                  <c:v>36764</c:v>
                </c:pt>
                <c:pt idx="239">
                  <c:v>36765</c:v>
                </c:pt>
                <c:pt idx="240">
                  <c:v>36766</c:v>
                </c:pt>
                <c:pt idx="241">
                  <c:v>36767</c:v>
                </c:pt>
                <c:pt idx="242">
                  <c:v>36768</c:v>
                </c:pt>
                <c:pt idx="243">
                  <c:v>36769</c:v>
                </c:pt>
                <c:pt idx="244">
                  <c:v>36770</c:v>
                </c:pt>
                <c:pt idx="245">
                  <c:v>36771</c:v>
                </c:pt>
                <c:pt idx="246">
                  <c:v>36772</c:v>
                </c:pt>
                <c:pt idx="247">
                  <c:v>36773</c:v>
                </c:pt>
                <c:pt idx="248">
                  <c:v>36774</c:v>
                </c:pt>
                <c:pt idx="249">
                  <c:v>36775</c:v>
                </c:pt>
                <c:pt idx="250">
                  <c:v>36776</c:v>
                </c:pt>
                <c:pt idx="251">
                  <c:v>36777</c:v>
                </c:pt>
                <c:pt idx="252">
                  <c:v>36778</c:v>
                </c:pt>
                <c:pt idx="253">
                  <c:v>36779</c:v>
                </c:pt>
                <c:pt idx="254">
                  <c:v>36780</c:v>
                </c:pt>
                <c:pt idx="255">
                  <c:v>36781</c:v>
                </c:pt>
                <c:pt idx="256">
                  <c:v>36782</c:v>
                </c:pt>
                <c:pt idx="257">
                  <c:v>36783</c:v>
                </c:pt>
                <c:pt idx="258">
                  <c:v>36784</c:v>
                </c:pt>
                <c:pt idx="259">
                  <c:v>36785</c:v>
                </c:pt>
                <c:pt idx="260">
                  <c:v>36786</c:v>
                </c:pt>
                <c:pt idx="261">
                  <c:v>36787</c:v>
                </c:pt>
                <c:pt idx="262">
                  <c:v>36788</c:v>
                </c:pt>
                <c:pt idx="263">
                  <c:v>36789</c:v>
                </c:pt>
                <c:pt idx="264">
                  <c:v>36790</c:v>
                </c:pt>
                <c:pt idx="265">
                  <c:v>36791</c:v>
                </c:pt>
                <c:pt idx="266">
                  <c:v>36792</c:v>
                </c:pt>
                <c:pt idx="267">
                  <c:v>36793</c:v>
                </c:pt>
                <c:pt idx="268">
                  <c:v>36794</c:v>
                </c:pt>
                <c:pt idx="269">
                  <c:v>36795</c:v>
                </c:pt>
                <c:pt idx="270">
                  <c:v>36796</c:v>
                </c:pt>
                <c:pt idx="271">
                  <c:v>36797</c:v>
                </c:pt>
                <c:pt idx="272">
                  <c:v>36798</c:v>
                </c:pt>
                <c:pt idx="273">
                  <c:v>36799</c:v>
                </c:pt>
                <c:pt idx="274">
                  <c:v>36800</c:v>
                </c:pt>
                <c:pt idx="275">
                  <c:v>36801</c:v>
                </c:pt>
                <c:pt idx="276">
                  <c:v>36802</c:v>
                </c:pt>
                <c:pt idx="277">
                  <c:v>36803</c:v>
                </c:pt>
                <c:pt idx="278">
                  <c:v>36804</c:v>
                </c:pt>
                <c:pt idx="279">
                  <c:v>36805</c:v>
                </c:pt>
                <c:pt idx="280">
                  <c:v>36806</c:v>
                </c:pt>
                <c:pt idx="281">
                  <c:v>36807</c:v>
                </c:pt>
                <c:pt idx="282">
                  <c:v>36808</c:v>
                </c:pt>
                <c:pt idx="283">
                  <c:v>36809</c:v>
                </c:pt>
                <c:pt idx="284">
                  <c:v>36810</c:v>
                </c:pt>
                <c:pt idx="285">
                  <c:v>36811</c:v>
                </c:pt>
                <c:pt idx="286">
                  <c:v>36812</c:v>
                </c:pt>
                <c:pt idx="287">
                  <c:v>36813</c:v>
                </c:pt>
                <c:pt idx="288">
                  <c:v>36814</c:v>
                </c:pt>
                <c:pt idx="289">
                  <c:v>36815</c:v>
                </c:pt>
                <c:pt idx="290">
                  <c:v>36816</c:v>
                </c:pt>
                <c:pt idx="291">
                  <c:v>36817</c:v>
                </c:pt>
                <c:pt idx="292">
                  <c:v>36818</c:v>
                </c:pt>
                <c:pt idx="293">
                  <c:v>36819</c:v>
                </c:pt>
                <c:pt idx="294">
                  <c:v>36820</c:v>
                </c:pt>
                <c:pt idx="295">
                  <c:v>36821</c:v>
                </c:pt>
                <c:pt idx="296">
                  <c:v>36822</c:v>
                </c:pt>
                <c:pt idx="297">
                  <c:v>36823</c:v>
                </c:pt>
                <c:pt idx="298">
                  <c:v>36824</c:v>
                </c:pt>
                <c:pt idx="299">
                  <c:v>36825</c:v>
                </c:pt>
                <c:pt idx="300">
                  <c:v>36826</c:v>
                </c:pt>
                <c:pt idx="301">
                  <c:v>36827</c:v>
                </c:pt>
                <c:pt idx="302">
                  <c:v>36828</c:v>
                </c:pt>
                <c:pt idx="303">
                  <c:v>36829</c:v>
                </c:pt>
                <c:pt idx="304">
                  <c:v>36830</c:v>
                </c:pt>
                <c:pt idx="305">
                  <c:v>36831</c:v>
                </c:pt>
                <c:pt idx="306">
                  <c:v>36832</c:v>
                </c:pt>
                <c:pt idx="307">
                  <c:v>36833</c:v>
                </c:pt>
                <c:pt idx="308">
                  <c:v>36834</c:v>
                </c:pt>
                <c:pt idx="309">
                  <c:v>36835</c:v>
                </c:pt>
                <c:pt idx="310">
                  <c:v>36836</c:v>
                </c:pt>
                <c:pt idx="311">
                  <c:v>36837</c:v>
                </c:pt>
                <c:pt idx="312">
                  <c:v>36838</c:v>
                </c:pt>
                <c:pt idx="313">
                  <c:v>36839</c:v>
                </c:pt>
                <c:pt idx="314">
                  <c:v>36840</c:v>
                </c:pt>
                <c:pt idx="315">
                  <c:v>36841</c:v>
                </c:pt>
                <c:pt idx="316">
                  <c:v>36842</c:v>
                </c:pt>
                <c:pt idx="317">
                  <c:v>36843</c:v>
                </c:pt>
                <c:pt idx="318">
                  <c:v>36844</c:v>
                </c:pt>
                <c:pt idx="319">
                  <c:v>36845</c:v>
                </c:pt>
                <c:pt idx="320">
                  <c:v>36846</c:v>
                </c:pt>
                <c:pt idx="321">
                  <c:v>36847</c:v>
                </c:pt>
                <c:pt idx="322">
                  <c:v>36848</c:v>
                </c:pt>
                <c:pt idx="323">
                  <c:v>36849</c:v>
                </c:pt>
                <c:pt idx="324">
                  <c:v>36850</c:v>
                </c:pt>
                <c:pt idx="325">
                  <c:v>36851</c:v>
                </c:pt>
                <c:pt idx="326">
                  <c:v>36852</c:v>
                </c:pt>
                <c:pt idx="327">
                  <c:v>36853</c:v>
                </c:pt>
                <c:pt idx="328">
                  <c:v>36854</c:v>
                </c:pt>
                <c:pt idx="329">
                  <c:v>36855</c:v>
                </c:pt>
                <c:pt idx="330">
                  <c:v>36856</c:v>
                </c:pt>
                <c:pt idx="331">
                  <c:v>36857</c:v>
                </c:pt>
                <c:pt idx="332">
                  <c:v>36858</c:v>
                </c:pt>
                <c:pt idx="333">
                  <c:v>36859</c:v>
                </c:pt>
                <c:pt idx="334">
                  <c:v>36860</c:v>
                </c:pt>
                <c:pt idx="335">
                  <c:v>36861</c:v>
                </c:pt>
                <c:pt idx="336">
                  <c:v>36862</c:v>
                </c:pt>
                <c:pt idx="337">
                  <c:v>36863</c:v>
                </c:pt>
                <c:pt idx="338">
                  <c:v>36864</c:v>
                </c:pt>
                <c:pt idx="339">
                  <c:v>36865</c:v>
                </c:pt>
                <c:pt idx="340">
                  <c:v>36866</c:v>
                </c:pt>
                <c:pt idx="341">
                  <c:v>36867</c:v>
                </c:pt>
                <c:pt idx="342">
                  <c:v>36868</c:v>
                </c:pt>
                <c:pt idx="343">
                  <c:v>36869</c:v>
                </c:pt>
                <c:pt idx="344">
                  <c:v>36870</c:v>
                </c:pt>
                <c:pt idx="345">
                  <c:v>36871</c:v>
                </c:pt>
                <c:pt idx="346">
                  <c:v>36872</c:v>
                </c:pt>
                <c:pt idx="347">
                  <c:v>36873</c:v>
                </c:pt>
                <c:pt idx="348">
                  <c:v>36874</c:v>
                </c:pt>
                <c:pt idx="349">
                  <c:v>36875</c:v>
                </c:pt>
                <c:pt idx="350">
                  <c:v>36876</c:v>
                </c:pt>
                <c:pt idx="351">
                  <c:v>36877</c:v>
                </c:pt>
                <c:pt idx="352">
                  <c:v>36878</c:v>
                </c:pt>
                <c:pt idx="353">
                  <c:v>36879</c:v>
                </c:pt>
                <c:pt idx="354">
                  <c:v>36880</c:v>
                </c:pt>
                <c:pt idx="355">
                  <c:v>36881</c:v>
                </c:pt>
                <c:pt idx="356">
                  <c:v>36882</c:v>
                </c:pt>
                <c:pt idx="357">
                  <c:v>36883</c:v>
                </c:pt>
                <c:pt idx="358">
                  <c:v>36884</c:v>
                </c:pt>
                <c:pt idx="359">
                  <c:v>36885</c:v>
                </c:pt>
                <c:pt idx="360">
                  <c:v>36886</c:v>
                </c:pt>
                <c:pt idx="361">
                  <c:v>36887</c:v>
                </c:pt>
                <c:pt idx="362">
                  <c:v>36888</c:v>
                </c:pt>
                <c:pt idx="363">
                  <c:v>36889</c:v>
                </c:pt>
                <c:pt idx="364">
                  <c:v>36890</c:v>
                </c:pt>
                <c:pt idx="365">
                  <c:v>36891</c:v>
                </c:pt>
                <c:pt idx="366">
                  <c:v>36892</c:v>
                </c:pt>
                <c:pt idx="367">
                  <c:v>36893</c:v>
                </c:pt>
                <c:pt idx="368">
                  <c:v>36894</c:v>
                </c:pt>
                <c:pt idx="369">
                  <c:v>36895</c:v>
                </c:pt>
                <c:pt idx="370">
                  <c:v>36896</c:v>
                </c:pt>
                <c:pt idx="371">
                  <c:v>36897</c:v>
                </c:pt>
                <c:pt idx="372">
                  <c:v>36898</c:v>
                </c:pt>
                <c:pt idx="373">
                  <c:v>36899</c:v>
                </c:pt>
                <c:pt idx="374">
                  <c:v>36900</c:v>
                </c:pt>
                <c:pt idx="375">
                  <c:v>36901</c:v>
                </c:pt>
                <c:pt idx="376">
                  <c:v>36902</c:v>
                </c:pt>
                <c:pt idx="377">
                  <c:v>36903</c:v>
                </c:pt>
                <c:pt idx="378">
                  <c:v>36904</c:v>
                </c:pt>
                <c:pt idx="379">
                  <c:v>36905</c:v>
                </c:pt>
                <c:pt idx="380">
                  <c:v>36906</c:v>
                </c:pt>
                <c:pt idx="381">
                  <c:v>36907</c:v>
                </c:pt>
                <c:pt idx="382">
                  <c:v>36908</c:v>
                </c:pt>
                <c:pt idx="383">
                  <c:v>36909</c:v>
                </c:pt>
                <c:pt idx="384">
                  <c:v>36910</c:v>
                </c:pt>
                <c:pt idx="385">
                  <c:v>36911</c:v>
                </c:pt>
                <c:pt idx="386">
                  <c:v>36912</c:v>
                </c:pt>
                <c:pt idx="387">
                  <c:v>36913</c:v>
                </c:pt>
                <c:pt idx="388">
                  <c:v>36914</c:v>
                </c:pt>
                <c:pt idx="389">
                  <c:v>36915</c:v>
                </c:pt>
                <c:pt idx="390">
                  <c:v>36916</c:v>
                </c:pt>
                <c:pt idx="391">
                  <c:v>36917</c:v>
                </c:pt>
                <c:pt idx="392">
                  <c:v>36918</c:v>
                </c:pt>
                <c:pt idx="393">
                  <c:v>36919</c:v>
                </c:pt>
                <c:pt idx="394">
                  <c:v>36920</c:v>
                </c:pt>
                <c:pt idx="395">
                  <c:v>36921</c:v>
                </c:pt>
                <c:pt idx="396">
                  <c:v>36922</c:v>
                </c:pt>
                <c:pt idx="397">
                  <c:v>36923</c:v>
                </c:pt>
                <c:pt idx="398">
                  <c:v>36924</c:v>
                </c:pt>
                <c:pt idx="399">
                  <c:v>36925</c:v>
                </c:pt>
                <c:pt idx="400">
                  <c:v>36926</c:v>
                </c:pt>
                <c:pt idx="401">
                  <c:v>36927</c:v>
                </c:pt>
                <c:pt idx="402">
                  <c:v>36928</c:v>
                </c:pt>
                <c:pt idx="403">
                  <c:v>36929</c:v>
                </c:pt>
                <c:pt idx="404">
                  <c:v>36930</c:v>
                </c:pt>
                <c:pt idx="405">
                  <c:v>36931</c:v>
                </c:pt>
                <c:pt idx="406">
                  <c:v>36932</c:v>
                </c:pt>
                <c:pt idx="407">
                  <c:v>36933</c:v>
                </c:pt>
                <c:pt idx="408">
                  <c:v>36934</c:v>
                </c:pt>
                <c:pt idx="409">
                  <c:v>36935</c:v>
                </c:pt>
                <c:pt idx="410">
                  <c:v>36936</c:v>
                </c:pt>
                <c:pt idx="411">
                  <c:v>36937</c:v>
                </c:pt>
                <c:pt idx="412">
                  <c:v>36938</c:v>
                </c:pt>
                <c:pt idx="413">
                  <c:v>36939</c:v>
                </c:pt>
                <c:pt idx="414">
                  <c:v>36940</c:v>
                </c:pt>
                <c:pt idx="415">
                  <c:v>36941</c:v>
                </c:pt>
                <c:pt idx="416">
                  <c:v>36942</c:v>
                </c:pt>
                <c:pt idx="417">
                  <c:v>36943</c:v>
                </c:pt>
                <c:pt idx="418">
                  <c:v>36944</c:v>
                </c:pt>
                <c:pt idx="419">
                  <c:v>36945</c:v>
                </c:pt>
                <c:pt idx="420">
                  <c:v>36946</c:v>
                </c:pt>
                <c:pt idx="421">
                  <c:v>36947</c:v>
                </c:pt>
                <c:pt idx="422">
                  <c:v>36948</c:v>
                </c:pt>
                <c:pt idx="423">
                  <c:v>36949</c:v>
                </c:pt>
                <c:pt idx="424">
                  <c:v>36950</c:v>
                </c:pt>
                <c:pt idx="425">
                  <c:v>36951</c:v>
                </c:pt>
                <c:pt idx="426">
                  <c:v>36952</c:v>
                </c:pt>
                <c:pt idx="427">
                  <c:v>36953</c:v>
                </c:pt>
                <c:pt idx="428">
                  <c:v>36954</c:v>
                </c:pt>
                <c:pt idx="429">
                  <c:v>36955</c:v>
                </c:pt>
                <c:pt idx="430">
                  <c:v>36956</c:v>
                </c:pt>
                <c:pt idx="431">
                  <c:v>36957</c:v>
                </c:pt>
                <c:pt idx="432">
                  <c:v>36958</c:v>
                </c:pt>
                <c:pt idx="433">
                  <c:v>36959</c:v>
                </c:pt>
                <c:pt idx="434">
                  <c:v>36960</c:v>
                </c:pt>
                <c:pt idx="435">
                  <c:v>36961</c:v>
                </c:pt>
                <c:pt idx="436">
                  <c:v>36962</c:v>
                </c:pt>
                <c:pt idx="437">
                  <c:v>36963</c:v>
                </c:pt>
                <c:pt idx="438">
                  <c:v>36964</c:v>
                </c:pt>
                <c:pt idx="439">
                  <c:v>36965</c:v>
                </c:pt>
                <c:pt idx="440">
                  <c:v>36966</c:v>
                </c:pt>
                <c:pt idx="441">
                  <c:v>36967</c:v>
                </c:pt>
                <c:pt idx="442">
                  <c:v>36968</c:v>
                </c:pt>
                <c:pt idx="443">
                  <c:v>36969</c:v>
                </c:pt>
                <c:pt idx="444">
                  <c:v>36970</c:v>
                </c:pt>
                <c:pt idx="445">
                  <c:v>36971</c:v>
                </c:pt>
                <c:pt idx="446">
                  <c:v>36972</c:v>
                </c:pt>
                <c:pt idx="447">
                  <c:v>36973</c:v>
                </c:pt>
                <c:pt idx="448">
                  <c:v>36974</c:v>
                </c:pt>
                <c:pt idx="449">
                  <c:v>36975</c:v>
                </c:pt>
                <c:pt idx="450">
                  <c:v>36976</c:v>
                </c:pt>
                <c:pt idx="451">
                  <c:v>36977</c:v>
                </c:pt>
                <c:pt idx="452">
                  <c:v>36978</c:v>
                </c:pt>
                <c:pt idx="453">
                  <c:v>36979</c:v>
                </c:pt>
                <c:pt idx="454">
                  <c:v>36980</c:v>
                </c:pt>
                <c:pt idx="455">
                  <c:v>36981</c:v>
                </c:pt>
                <c:pt idx="456">
                  <c:v>36982</c:v>
                </c:pt>
                <c:pt idx="457">
                  <c:v>36983</c:v>
                </c:pt>
                <c:pt idx="458">
                  <c:v>36984</c:v>
                </c:pt>
                <c:pt idx="459">
                  <c:v>36985</c:v>
                </c:pt>
                <c:pt idx="460">
                  <c:v>36986</c:v>
                </c:pt>
                <c:pt idx="461">
                  <c:v>36987</c:v>
                </c:pt>
                <c:pt idx="462">
                  <c:v>36988</c:v>
                </c:pt>
                <c:pt idx="463">
                  <c:v>36989</c:v>
                </c:pt>
                <c:pt idx="464">
                  <c:v>36990</c:v>
                </c:pt>
                <c:pt idx="465">
                  <c:v>36991</c:v>
                </c:pt>
                <c:pt idx="466">
                  <c:v>36992</c:v>
                </c:pt>
                <c:pt idx="467">
                  <c:v>36993</c:v>
                </c:pt>
                <c:pt idx="468">
                  <c:v>36994</c:v>
                </c:pt>
                <c:pt idx="469">
                  <c:v>36995</c:v>
                </c:pt>
                <c:pt idx="470">
                  <c:v>36996</c:v>
                </c:pt>
                <c:pt idx="471">
                  <c:v>36997</c:v>
                </c:pt>
                <c:pt idx="472">
                  <c:v>36998</c:v>
                </c:pt>
                <c:pt idx="473">
                  <c:v>36999</c:v>
                </c:pt>
                <c:pt idx="474">
                  <c:v>37000</c:v>
                </c:pt>
                <c:pt idx="475">
                  <c:v>37001</c:v>
                </c:pt>
                <c:pt idx="476">
                  <c:v>37002</c:v>
                </c:pt>
                <c:pt idx="477">
                  <c:v>37003</c:v>
                </c:pt>
                <c:pt idx="478">
                  <c:v>37004</c:v>
                </c:pt>
                <c:pt idx="479">
                  <c:v>37005</c:v>
                </c:pt>
                <c:pt idx="480">
                  <c:v>37006</c:v>
                </c:pt>
                <c:pt idx="481">
                  <c:v>37007</c:v>
                </c:pt>
                <c:pt idx="482">
                  <c:v>37008</c:v>
                </c:pt>
                <c:pt idx="483">
                  <c:v>37009</c:v>
                </c:pt>
                <c:pt idx="484">
                  <c:v>37010</c:v>
                </c:pt>
                <c:pt idx="485">
                  <c:v>37011</c:v>
                </c:pt>
                <c:pt idx="486">
                  <c:v>37012</c:v>
                </c:pt>
                <c:pt idx="487">
                  <c:v>37013</c:v>
                </c:pt>
                <c:pt idx="488">
                  <c:v>37014</c:v>
                </c:pt>
                <c:pt idx="489">
                  <c:v>37015</c:v>
                </c:pt>
                <c:pt idx="490">
                  <c:v>37016</c:v>
                </c:pt>
                <c:pt idx="491">
                  <c:v>37017</c:v>
                </c:pt>
                <c:pt idx="492">
                  <c:v>37018</c:v>
                </c:pt>
                <c:pt idx="493">
                  <c:v>37019</c:v>
                </c:pt>
                <c:pt idx="494">
                  <c:v>37020</c:v>
                </c:pt>
                <c:pt idx="495">
                  <c:v>37021</c:v>
                </c:pt>
                <c:pt idx="496">
                  <c:v>37022</c:v>
                </c:pt>
                <c:pt idx="497">
                  <c:v>37023</c:v>
                </c:pt>
                <c:pt idx="498">
                  <c:v>37024</c:v>
                </c:pt>
                <c:pt idx="499">
                  <c:v>37025</c:v>
                </c:pt>
                <c:pt idx="500">
                  <c:v>37026</c:v>
                </c:pt>
                <c:pt idx="501">
                  <c:v>37027</c:v>
                </c:pt>
                <c:pt idx="502">
                  <c:v>37028</c:v>
                </c:pt>
                <c:pt idx="503">
                  <c:v>37029</c:v>
                </c:pt>
                <c:pt idx="504">
                  <c:v>37030</c:v>
                </c:pt>
                <c:pt idx="505">
                  <c:v>37031</c:v>
                </c:pt>
                <c:pt idx="506">
                  <c:v>37032</c:v>
                </c:pt>
                <c:pt idx="507">
                  <c:v>37033</c:v>
                </c:pt>
                <c:pt idx="508">
                  <c:v>37034</c:v>
                </c:pt>
                <c:pt idx="509">
                  <c:v>37035</c:v>
                </c:pt>
                <c:pt idx="510">
                  <c:v>37036</c:v>
                </c:pt>
                <c:pt idx="511">
                  <c:v>37037</c:v>
                </c:pt>
                <c:pt idx="512">
                  <c:v>37038</c:v>
                </c:pt>
                <c:pt idx="513">
                  <c:v>37039</c:v>
                </c:pt>
                <c:pt idx="514">
                  <c:v>37040</c:v>
                </c:pt>
                <c:pt idx="515">
                  <c:v>37041</c:v>
                </c:pt>
                <c:pt idx="516">
                  <c:v>37042</c:v>
                </c:pt>
                <c:pt idx="517">
                  <c:v>37043</c:v>
                </c:pt>
                <c:pt idx="518">
                  <c:v>37044</c:v>
                </c:pt>
                <c:pt idx="519">
                  <c:v>37045</c:v>
                </c:pt>
                <c:pt idx="520">
                  <c:v>37046</c:v>
                </c:pt>
                <c:pt idx="521">
                  <c:v>37047</c:v>
                </c:pt>
                <c:pt idx="522">
                  <c:v>37048</c:v>
                </c:pt>
                <c:pt idx="523">
                  <c:v>37049</c:v>
                </c:pt>
                <c:pt idx="524">
                  <c:v>37050</c:v>
                </c:pt>
                <c:pt idx="525">
                  <c:v>37051</c:v>
                </c:pt>
                <c:pt idx="526">
                  <c:v>37052</c:v>
                </c:pt>
                <c:pt idx="527">
                  <c:v>37053</c:v>
                </c:pt>
                <c:pt idx="528">
                  <c:v>37054</c:v>
                </c:pt>
                <c:pt idx="529">
                  <c:v>37055</c:v>
                </c:pt>
                <c:pt idx="530">
                  <c:v>37056</c:v>
                </c:pt>
                <c:pt idx="531">
                  <c:v>37057</c:v>
                </c:pt>
                <c:pt idx="532">
                  <c:v>37058</c:v>
                </c:pt>
                <c:pt idx="533">
                  <c:v>37059</c:v>
                </c:pt>
                <c:pt idx="534">
                  <c:v>37060</c:v>
                </c:pt>
                <c:pt idx="535">
                  <c:v>37061</c:v>
                </c:pt>
                <c:pt idx="536">
                  <c:v>37062</c:v>
                </c:pt>
                <c:pt idx="537">
                  <c:v>37063</c:v>
                </c:pt>
                <c:pt idx="538">
                  <c:v>37064</c:v>
                </c:pt>
                <c:pt idx="539">
                  <c:v>37065</c:v>
                </c:pt>
                <c:pt idx="540">
                  <c:v>37066</c:v>
                </c:pt>
                <c:pt idx="541">
                  <c:v>37067</c:v>
                </c:pt>
                <c:pt idx="542">
                  <c:v>37068</c:v>
                </c:pt>
                <c:pt idx="543">
                  <c:v>37069</c:v>
                </c:pt>
                <c:pt idx="544">
                  <c:v>37070</c:v>
                </c:pt>
                <c:pt idx="545">
                  <c:v>37071</c:v>
                </c:pt>
                <c:pt idx="546">
                  <c:v>37072</c:v>
                </c:pt>
                <c:pt idx="547">
                  <c:v>37073</c:v>
                </c:pt>
                <c:pt idx="548">
                  <c:v>37074</c:v>
                </c:pt>
                <c:pt idx="549">
                  <c:v>37075</c:v>
                </c:pt>
                <c:pt idx="550">
                  <c:v>37076</c:v>
                </c:pt>
                <c:pt idx="551">
                  <c:v>37077</c:v>
                </c:pt>
                <c:pt idx="552">
                  <c:v>37078</c:v>
                </c:pt>
                <c:pt idx="553">
                  <c:v>37079</c:v>
                </c:pt>
                <c:pt idx="554">
                  <c:v>37080</c:v>
                </c:pt>
                <c:pt idx="555">
                  <c:v>37081</c:v>
                </c:pt>
                <c:pt idx="556">
                  <c:v>37082</c:v>
                </c:pt>
                <c:pt idx="557">
                  <c:v>37083</c:v>
                </c:pt>
                <c:pt idx="558">
                  <c:v>37084</c:v>
                </c:pt>
                <c:pt idx="559">
                  <c:v>37085</c:v>
                </c:pt>
                <c:pt idx="560">
                  <c:v>37086</c:v>
                </c:pt>
                <c:pt idx="561">
                  <c:v>37087</c:v>
                </c:pt>
                <c:pt idx="562">
                  <c:v>37088</c:v>
                </c:pt>
                <c:pt idx="563">
                  <c:v>37089</c:v>
                </c:pt>
                <c:pt idx="564">
                  <c:v>37090</c:v>
                </c:pt>
                <c:pt idx="565">
                  <c:v>37091</c:v>
                </c:pt>
                <c:pt idx="566">
                  <c:v>37092</c:v>
                </c:pt>
                <c:pt idx="567">
                  <c:v>37093</c:v>
                </c:pt>
                <c:pt idx="568">
                  <c:v>37094</c:v>
                </c:pt>
                <c:pt idx="569">
                  <c:v>37095</c:v>
                </c:pt>
                <c:pt idx="570">
                  <c:v>37096</c:v>
                </c:pt>
                <c:pt idx="571">
                  <c:v>37097</c:v>
                </c:pt>
                <c:pt idx="572">
                  <c:v>37098</c:v>
                </c:pt>
                <c:pt idx="573">
                  <c:v>37099</c:v>
                </c:pt>
                <c:pt idx="574">
                  <c:v>37100</c:v>
                </c:pt>
                <c:pt idx="575">
                  <c:v>37101</c:v>
                </c:pt>
                <c:pt idx="576">
                  <c:v>37102</c:v>
                </c:pt>
                <c:pt idx="577">
                  <c:v>37103</c:v>
                </c:pt>
                <c:pt idx="578">
                  <c:v>37104</c:v>
                </c:pt>
                <c:pt idx="579">
                  <c:v>37105</c:v>
                </c:pt>
                <c:pt idx="580">
                  <c:v>37106</c:v>
                </c:pt>
                <c:pt idx="581">
                  <c:v>37107</c:v>
                </c:pt>
                <c:pt idx="582">
                  <c:v>37108</c:v>
                </c:pt>
                <c:pt idx="583">
                  <c:v>37109</c:v>
                </c:pt>
                <c:pt idx="584">
                  <c:v>37110</c:v>
                </c:pt>
                <c:pt idx="585">
                  <c:v>37111</c:v>
                </c:pt>
                <c:pt idx="586">
                  <c:v>37112</c:v>
                </c:pt>
                <c:pt idx="587">
                  <c:v>37113</c:v>
                </c:pt>
                <c:pt idx="588">
                  <c:v>37114</c:v>
                </c:pt>
                <c:pt idx="589">
                  <c:v>37115</c:v>
                </c:pt>
                <c:pt idx="590">
                  <c:v>37116</c:v>
                </c:pt>
                <c:pt idx="591">
                  <c:v>37117</c:v>
                </c:pt>
                <c:pt idx="592">
                  <c:v>37118</c:v>
                </c:pt>
                <c:pt idx="593">
                  <c:v>37119</c:v>
                </c:pt>
                <c:pt idx="594">
                  <c:v>37120</c:v>
                </c:pt>
                <c:pt idx="595">
                  <c:v>37121</c:v>
                </c:pt>
                <c:pt idx="596">
                  <c:v>37122</c:v>
                </c:pt>
                <c:pt idx="597">
                  <c:v>37123</c:v>
                </c:pt>
                <c:pt idx="598">
                  <c:v>37124</c:v>
                </c:pt>
                <c:pt idx="599">
                  <c:v>37125</c:v>
                </c:pt>
                <c:pt idx="600">
                  <c:v>37126</c:v>
                </c:pt>
                <c:pt idx="601">
                  <c:v>37127</c:v>
                </c:pt>
                <c:pt idx="602">
                  <c:v>37128</c:v>
                </c:pt>
                <c:pt idx="603">
                  <c:v>37129</c:v>
                </c:pt>
                <c:pt idx="604">
                  <c:v>37130</c:v>
                </c:pt>
                <c:pt idx="605">
                  <c:v>37131</c:v>
                </c:pt>
                <c:pt idx="606">
                  <c:v>37132</c:v>
                </c:pt>
                <c:pt idx="607">
                  <c:v>37133</c:v>
                </c:pt>
                <c:pt idx="608">
                  <c:v>37134</c:v>
                </c:pt>
                <c:pt idx="609">
                  <c:v>37135</c:v>
                </c:pt>
                <c:pt idx="610">
                  <c:v>37136</c:v>
                </c:pt>
                <c:pt idx="611">
                  <c:v>37137</c:v>
                </c:pt>
                <c:pt idx="612">
                  <c:v>37138</c:v>
                </c:pt>
                <c:pt idx="613">
                  <c:v>37139</c:v>
                </c:pt>
                <c:pt idx="614">
                  <c:v>37140</c:v>
                </c:pt>
                <c:pt idx="615">
                  <c:v>37141</c:v>
                </c:pt>
                <c:pt idx="616">
                  <c:v>37142</c:v>
                </c:pt>
                <c:pt idx="617">
                  <c:v>37143</c:v>
                </c:pt>
                <c:pt idx="618">
                  <c:v>37144</c:v>
                </c:pt>
                <c:pt idx="619">
                  <c:v>37145</c:v>
                </c:pt>
                <c:pt idx="620">
                  <c:v>37146</c:v>
                </c:pt>
                <c:pt idx="621">
                  <c:v>37147</c:v>
                </c:pt>
                <c:pt idx="622">
                  <c:v>37148</c:v>
                </c:pt>
                <c:pt idx="623">
                  <c:v>37149</c:v>
                </c:pt>
                <c:pt idx="624">
                  <c:v>37150</c:v>
                </c:pt>
                <c:pt idx="625">
                  <c:v>37151</c:v>
                </c:pt>
                <c:pt idx="626">
                  <c:v>37152</c:v>
                </c:pt>
                <c:pt idx="627">
                  <c:v>37153</c:v>
                </c:pt>
                <c:pt idx="628">
                  <c:v>37154</c:v>
                </c:pt>
                <c:pt idx="629">
                  <c:v>37155</c:v>
                </c:pt>
                <c:pt idx="630">
                  <c:v>37156</c:v>
                </c:pt>
                <c:pt idx="631">
                  <c:v>37157</c:v>
                </c:pt>
                <c:pt idx="632">
                  <c:v>37158</c:v>
                </c:pt>
                <c:pt idx="633">
                  <c:v>37159</c:v>
                </c:pt>
                <c:pt idx="634">
                  <c:v>37160</c:v>
                </c:pt>
                <c:pt idx="635">
                  <c:v>37161</c:v>
                </c:pt>
                <c:pt idx="636">
                  <c:v>37162</c:v>
                </c:pt>
                <c:pt idx="637">
                  <c:v>37163</c:v>
                </c:pt>
                <c:pt idx="638">
                  <c:v>37164</c:v>
                </c:pt>
                <c:pt idx="639">
                  <c:v>37165</c:v>
                </c:pt>
                <c:pt idx="640">
                  <c:v>37166</c:v>
                </c:pt>
                <c:pt idx="641">
                  <c:v>37167</c:v>
                </c:pt>
                <c:pt idx="642">
                  <c:v>37168</c:v>
                </c:pt>
                <c:pt idx="643">
                  <c:v>37169</c:v>
                </c:pt>
                <c:pt idx="644">
                  <c:v>37170</c:v>
                </c:pt>
                <c:pt idx="645">
                  <c:v>37171</c:v>
                </c:pt>
                <c:pt idx="646">
                  <c:v>37172</c:v>
                </c:pt>
                <c:pt idx="647">
                  <c:v>37173</c:v>
                </c:pt>
                <c:pt idx="648">
                  <c:v>37174</c:v>
                </c:pt>
                <c:pt idx="649">
                  <c:v>37175</c:v>
                </c:pt>
                <c:pt idx="650">
                  <c:v>37176</c:v>
                </c:pt>
                <c:pt idx="651">
                  <c:v>37177</c:v>
                </c:pt>
                <c:pt idx="652">
                  <c:v>37178</c:v>
                </c:pt>
                <c:pt idx="653">
                  <c:v>37179</c:v>
                </c:pt>
                <c:pt idx="654">
                  <c:v>37180</c:v>
                </c:pt>
                <c:pt idx="655">
                  <c:v>37181</c:v>
                </c:pt>
                <c:pt idx="656">
                  <c:v>37182</c:v>
                </c:pt>
                <c:pt idx="657">
                  <c:v>37183</c:v>
                </c:pt>
                <c:pt idx="658">
                  <c:v>37184</c:v>
                </c:pt>
                <c:pt idx="659">
                  <c:v>37185</c:v>
                </c:pt>
                <c:pt idx="660">
                  <c:v>37186</c:v>
                </c:pt>
                <c:pt idx="661">
                  <c:v>37187</c:v>
                </c:pt>
                <c:pt idx="662">
                  <c:v>37188</c:v>
                </c:pt>
                <c:pt idx="663">
                  <c:v>37189</c:v>
                </c:pt>
                <c:pt idx="664">
                  <c:v>37190</c:v>
                </c:pt>
                <c:pt idx="665">
                  <c:v>37191</c:v>
                </c:pt>
                <c:pt idx="666">
                  <c:v>37192</c:v>
                </c:pt>
                <c:pt idx="667">
                  <c:v>37193</c:v>
                </c:pt>
                <c:pt idx="668">
                  <c:v>37194</c:v>
                </c:pt>
                <c:pt idx="669">
                  <c:v>37195</c:v>
                </c:pt>
                <c:pt idx="670">
                  <c:v>37196</c:v>
                </c:pt>
                <c:pt idx="671">
                  <c:v>37197</c:v>
                </c:pt>
                <c:pt idx="672">
                  <c:v>37198</c:v>
                </c:pt>
                <c:pt idx="673">
                  <c:v>37199</c:v>
                </c:pt>
                <c:pt idx="674">
                  <c:v>37200</c:v>
                </c:pt>
                <c:pt idx="675">
                  <c:v>37201</c:v>
                </c:pt>
                <c:pt idx="676">
                  <c:v>37202</c:v>
                </c:pt>
                <c:pt idx="677">
                  <c:v>37203</c:v>
                </c:pt>
                <c:pt idx="678">
                  <c:v>37204</c:v>
                </c:pt>
                <c:pt idx="679">
                  <c:v>37205</c:v>
                </c:pt>
                <c:pt idx="680">
                  <c:v>37206</c:v>
                </c:pt>
                <c:pt idx="681">
                  <c:v>37207</c:v>
                </c:pt>
                <c:pt idx="682">
                  <c:v>37208</c:v>
                </c:pt>
                <c:pt idx="683">
                  <c:v>37209</c:v>
                </c:pt>
                <c:pt idx="684">
                  <c:v>37210</c:v>
                </c:pt>
                <c:pt idx="685">
                  <c:v>37211</c:v>
                </c:pt>
                <c:pt idx="686">
                  <c:v>37212</c:v>
                </c:pt>
                <c:pt idx="687">
                  <c:v>37213</c:v>
                </c:pt>
                <c:pt idx="688">
                  <c:v>37214</c:v>
                </c:pt>
                <c:pt idx="689">
                  <c:v>37215</c:v>
                </c:pt>
                <c:pt idx="690">
                  <c:v>37216</c:v>
                </c:pt>
                <c:pt idx="691">
                  <c:v>37217</c:v>
                </c:pt>
                <c:pt idx="692">
                  <c:v>37218</c:v>
                </c:pt>
                <c:pt idx="693">
                  <c:v>37219</c:v>
                </c:pt>
                <c:pt idx="694">
                  <c:v>37220</c:v>
                </c:pt>
                <c:pt idx="695">
                  <c:v>37221</c:v>
                </c:pt>
                <c:pt idx="696">
                  <c:v>37222</c:v>
                </c:pt>
                <c:pt idx="697">
                  <c:v>37223</c:v>
                </c:pt>
                <c:pt idx="698">
                  <c:v>37224</c:v>
                </c:pt>
                <c:pt idx="699">
                  <c:v>37225</c:v>
                </c:pt>
                <c:pt idx="700">
                  <c:v>37226</c:v>
                </c:pt>
                <c:pt idx="701">
                  <c:v>37227</c:v>
                </c:pt>
                <c:pt idx="702">
                  <c:v>37228</c:v>
                </c:pt>
                <c:pt idx="703">
                  <c:v>37229</c:v>
                </c:pt>
                <c:pt idx="704">
                  <c:v>37230</c:v>
                </c:pt>
                <c:pt idx="705">
                  <c:v>37231</c:v>
                </c:pt>
                <c:pt idx="706">
                  <c:v>37232</c:v>
                </c:pt>
                <c:pt idx="707">
                  <c:v>37233</c:v>
                </c:pt>
                <c:pt idx="708">
                  <c:v>37234</c:v>
                </c:pt>
                <c:pt idx="709">
                  <c:v>37235</c:v>
                </c:pt>
                <c:pt idx="710">
                  <c:v>37236</c:v>
                </c:pt>
                <c:pt idx="711">
                  <c:v>37237</c:v>
                </c:pt>
                <c:pt idx="712">
                  <c:v>37238</c:v>
                </c:pt>
                <c:pt idx="713">
                  <c:v>37239</c:v>
                </c:pt>
                <c:pt idx="714">
                  <c:v>37240</c:v>
                </c:pt>
                <c:pt idx="715">
                  <c:v>37241</c:v>
                </c:pt>
                <c:pt idx="716">
                  <c:v>37242</c:v>
                </c:pt>
                <c:pt idx="717">
                  <c:v>37243</c:v>
                </c:pt>
                <c:pt idx="718">
                  <c:v>37244</c:v>
                </c:pt>
                <c:pt idx="719">
                  <c:v>37245</c:v>
                </c:pt>
                <c:pt idx="720">
                  <c:v>37246</c:v>
                </c:pt>
                <c:pt idx="721">
                  <c:v>37247</c:v>
                </c:pt>
                <c:pt idx="722">
                  <c:v>37248</c:v>
                </c:pt>
                <c:pt idx="723">
                  <c:v>37249</c:v>
                </c:pt>
                <c:pt idx="724">
                  <c:v>37250</c:v>
                </c:pt>
                <c:pt idx="725">
                  <c:v>37251</c:v>
                </c:pt>
                <c:pt idx="726">
                  <c:v>37252</c:v>
                </c:pt>
                <c:pt idx="727">
                  <c:v>37253</c:v>
                </c:pt>
                <c:pt idx="728">
                  <c:v>37254</c:v>
                </c:pt>
                <c:pt idx="729">
                  <c:v>37255</c:v>
                </c:pt>
                <c:pt idx="730">
                  <c:v>37256</c:v>
                </c:pt>
                <c:pt idx="731">
                  <c:v>37257</c:v>
                </c:pt>
                <c:pt idx="732">
                  <c:v>37258</c:v>
                </c:pt>
                <c:pt idx="733">
                  <c:v>37259</c:v>
                </c:pt>
                <c:pt idx="734">
                  <c:v>37260</c:v>
                </c:pt>
                <c:pt idx="735">
                  <c:v>37261</c:v>
                </c:pt>
                <c:pt idx="736">
                  <c:v>37262</c:v>
                </c:pt>
                <c:pt idx="737">
                  <c:v>37263</c:v>
                </c:pt>
                <c:pt idx="738">
                  <c:v>37264</c:v>
                </c:pt>
                <c:pt idx="739">
                  <c:v>37265</c:v>
                </c:pt>
                <c:pt idx="740">
                  <c:v>37266</c:v>
                </c:pt>
                <c:pt idx="741">
                  <c:v>37267</c:v>
                </c:pt>
                <c:pt idx="742">
                  <c:v>37268</c:v>
                </c:pt>
                <c:pt idx="743">
                  <c:v>37269</c:v>
                </c:pt>
                <c:pt idx="744">
                  <c:v>37270</c:v>
                </c:pt>
                <c:pt idx="745">
                  <c:v>37271</c:v>
                </c:pt>
                <c:pt idx="746">
                  <c:v>37272</c:v>
                </c:pt>
                <c:pt idx="747">
                  <c:v>37273</c:v>
                </c:pt>
                <c:pt idx="748">
                  <c:v>37274</c:v>
                </c:pt>
                <c:pt idx="749">
                  <c:v>37275</c:v>
                </c:pt>
                <c:pt idx="750">
                  <c:v>37276</c:v>
                </c:pt>
                <c:pt idx="751">
                  <c:v>37277</c:v>
                </c:pt>
                <c:pt idx="752">
                  <c:v>37278</c:v>
                </c:pt>
                <c:pt idx="753">
                  <c:v>37279</c:v>
                </c:pt>
                <c:pt idx="754">
                  <c:v>37280</c:v>
                </c:pt>
                <c:pt idx="755">
                  <c:v>37281</c:v>
                </c:pt>
                <c:pt idx="756">
                  <c:v>37282</c:v>
                </c:pt>
                <c:pt idx="757">
                  <c:v>37283</c:v>
                </c:pt>
                <c:pt idx="758">
                  <c:v>37284</c:v>
                </c:pt>
                <c:pt idx="759">
                  <c:v>37285</c:v>
                </c:pt>
                <c:pt idx="760">
                  <c:v>37286</c:v>
                </c:pt>
                <c:pt idx="761">
                  <c:v>37287</c:v>
                </c:pt>
                <c:pt idx="762">
                  <c:v>37288</c:v>
                </c:pt>
                <c:pt idx="763">
                  <c:v>37289</c:v>
                </c:pt>
                <c:pt idx="764">
                  <c:v>37290</c:v>
                </c:pt>
                <c:pt idx="765">
                  <c:v>37291</c:v>
                </c:pt>
                <c:pt idx="766">
                  <c:v>37292</c:v>
                </c:pt>
                <c:pt idx="767">
                  <c:v>37293</c:v>
                </c:pt>
                <c:pt idx="768">
                  <c:v>37294</c:v>
                </c:pt>
                <c:pt idx="769">
                  <c:v>37295</c:v>
                </c:pt>
                <c:pt idx="770">
                  <c:v>37296</c:v>
                </c:pt>
                <c:pt idx="771">
                  <c:v>37297</c:v>
                </c:pt>
                <c:pt idx="772">
                  <c:v>37298</c:v>
                </c:pt>
                <c:pt idx="773">
                  <c:v>37299</c:v>
                </c:pt>
                <c:pt idx="774">
                  <c:v>37300</c:v>
                </c:pt>
                <c:pt idx="775">
                  <c:v>37301</c:v>
                </c:pt>
                <c:pt idx="776">
                  <c:v>37302</c:v>
                </c:pt>
                <c:pt idx="777">
                  <c:v>37303</c:v>
                </c:pt>
                <c:pt idx="778">
                  <c:v>37304</c:v>
                </c:pt>
                <c:pt idx="779">
                  <c:v>37305</c:v>
                </c:pt>
                <c:pt idx="780">
                  <c:v>37306</c:v>
                </c:pt>
                <c:pt idx="781">
                  <c:v>37307</c:v>
                </c:pt>
                <c:pt idx="782">
                  <c:v>37308</c:v>
                </c:pt>
                <c:pt idx="783">
                  <c:v>37309</c:v>
                </c:pt>
                <c:pt idx="784">
                  <c:v>37310</c:v>
                </c:pt>
                <c:pt idx="785">
                  <c:v>37311</c:v>
                </c:pt>
                <c:pt idx="786">
                  <c:v>37312</c:v>
                </c:pt>
                <c:pt idx="787">
                  <c:v>37313</c:v>
                </c:pt>
                <c:pt idx="788">
                  <c:v>37314</c:v>
                </c:pt>
                <c:pt idx="789">
                  <c:v>37315</c:v>
                </c:pt>
                <c:pt idx="790">
                  <c:v>37316</c:v>
                </c:pt>
                <c:pt idx="791">
                  <c:v>37317</c:v>
                </c:pt>
                <c:pt idx="792">
                  <c:v>37318</c:v>
                </c:pt>
                <c:pt idx="793">
                  <c:v>37319</c:v>
                </c:pt>
                <c:pt idx="794">
                  <c:v>37320</c:v>
                </c:pt>
                <c:pt idx="795">
                  <c:v>37321</c:v>
                </c:pt>
                <c:pt idx="796">
                  <c:v>37322</c:v>
                </c:pt>
                <c:pt idx="797">
                  <c:v>37323</c:v>
                </c:pt>
                <c:pt idx="798">
                  <c:v>37324</c:v>
                </c:pt>
                <c:pt idx="799">
                  <c:v>37325</c:v>
                </c:pt>
                <c:pt idx="800">
                  <c:v>37326</c:v>
                </c:pt>
                <c:pt idx="801">
                  <c:v>37327</c:v>
                </c:pt>
                <c:pt idx="802">
                  <c:v>37328</c:v>
                </c:pt>
                <c:pt idx="803">
                  <c:v>37329</c:v>
                </c:pt>
                <c:pt idx="804">
                  <c:v>37330</c:v>
                </c:pt>
                <c:pt idx="805">
                  <c:v>37331</c:v>
                </c:pt>
                <c:pt idx="806">
                  <c:v>37332</c:v>
                </c:pt>
                <c:pt idx="807">
                  <c:v>37333</c:v>
                </c:pt>
                <c:pt idx="808">
                  <c:v>37334</c:v>
                </c:pt>
                <c:pt idx="809">
                  <c:v>37335</c:v>
                </c:pt>
                <c:pt idx="810">
                  <c:v>37336</c:v>
                </c:pt>
                <c:pt idx="811">
                  <c:v>37337</c:v>
                </c:pt>
                <c:pt idx="812">
                  <c:v>37338</c:v>
                </c:pt>
                <c:pt idx="813">
                  <c:v>37339</c:v>
                </c:pt>
                <c:pt idx="814">
                  <c:v>37340</c:v>
                </c:pt>
                <c:pt idx="815">
                  <c:v>37341</c:v>
                </c:pt>
                <c:pt idx="816">
                  <c:v>37342</c:v>
                </c:pt>
                <c:pt idx="817">
                  <c:v>37343</c:v>
                </c:pt>
                <c:pt idx="818">
                  <c:v>37344</c:v>
                </c:pt>
                <c:pt idx="819">
                  <c:v>37345</c:v>
                </c:pt>
                <c:pt idx="820">
                  <c:v>37346</c:v>
                </c:pt>
                <c:pt idx="821">
                  <c:v>37347</c:v>
                </c:pt>
                <c:pt idx="822">
                  <c:v>37348</c:v>
                </c:pt>
                <c:pt idx="823">
                  <c:v>37349</c:v>
                </c:pt>
                <c:pt idx="824">
                  <c:v>37350</c:v>
                </c:pt>
                <c:pt idx="825">
                  <c:v>37351</c:v>
                </c:pt>
                <c:pt idx="826">
                  <c:v>37352</c:v>
                </c:pt>
                <c:pt idx="827">
                  <c:v>37353</c:v>
                </c:pt>
                <c:pt idx="828">
                  <c:v>37354</c:v>
                </c:pt>
                <c:pt idx="829">
                  <c:v>37355</c:v>
                </c:pt>
                <c:pt idx="830">
                  <c:v>37356</c:v>
                </c:pt>
                <c:pt idx="831">
                  <c:v>37357</c:v>
                </c:pt>
                <c:pt idx="832">
                  <c:v>37358</c:v>
                </c:pt>
                <c:pt idx="833">
                  <c:v>37359</c:v>
                </c:pt>
                <c:pt idx="834">
                  <c:v>37360</c:v>
                </c:pt>
                <c:pt idx="835">
                  <c:v>37361</c:v>
                </c:pt>
                <c:pt idx="836">
                  <c:v>37362</c:v>
                </c:pt>
                <c:pt idx="837">
                  <c:v>37363</c:v>
                </c:pt>
                <c:pt idx="838">
                  <c:v>37364</c:v>
                </c:pt>
                <c:pt idx="839">
                  <c:v>37365</c:v>
                </c:pt>
                <c:pt idx="840">
                  <c:v>37366</c:v>
                </c:pt>
                <c:pt idx="841">
                  <c:v>37367</c:v>
                </c:pt>
                <c:pt idx="842">
                  <c:v>37368</c:v>
                </c:pt>
                <c:pt idx="843">
                  <c:v>37369</c:v>
                </c:pt>
                <c:pt idx="844">
                  <c:v>37370</c:v>
                </c:pt>
                <c:pt idx="845">
                  <c:v>37371</c:v>
                </c:pt>
                <c:pt idx="846">
                  <c:v>37372</c:v>
                </c:pt>
                <c:pt idx="847">
                  <c:v>37373</c:v>
                </c:pt>
                <c:pt idx="848">
                  <c:v>37374</c:v>
                </c:pt>
                <c:pt idx="849">
                  <c:v>37375</c:v>
                </c:pt>
                <c:pt idx="850">
                  <c:v>37376</c:v>
                </c:pt>
                <c:pt idx="851">
                  <c:v>37377</c:v>
                </c:pt>
                <c:pt idx="852">
                  <c:v>37378</c:v>
                </c:pt>
                <c:pt idx="853">
                  <c:v>37379</c:v>
                </c:pt>
                <c:pt idx="854">
                  <c:v>37380</c:v>
                </c:pt>
                <c:pt idx="855">
                  <c:v>37381</c:v>
                </c:pt>
                <c:pt idx="856">
                  <c:v>37382</c:v>
                </c:pt>
                <c:pt idx="857">
                  <c:v>37383</c:v>
                </c:pt>
                <c:pt idx="858">
                  <c:v>37384</c:v>
                </c:pt>
                <c:pt idx="859">
                  <c:v>37385</c:v>
                </c:pt>
                <c:pt idx="860">
                  <c:v>37386</c:v>
                </c:pt>
                <c:pt idx="861">
                  <c:v>37387</c:v>
                </c:pt>
                <c:pt idx="862">
                  <c:v>37388</c:v>
                </c:pt>
                <c:pt idx="863">
                  <c:v>37389</c:v>
                </c:pt>
                <c:pt idx="864">
                  <c:v>37390</c:v>
                </c:pt>
                <c:pt idx="865">
                  <c:v>37391</c:v>
                </c:pt>
                <c:pt idx="866">
                  <c:v>37392</c:v>
                </c:pt>
                <c:pt idx="867">
                  <c:v>37393</c:v>
                </c:pt>
                <c:pt idx="868">
                  <c:v>37394</c:v>
                </c:pt>
                <c:pt idx="869">
                  <c:v>37395</c:v>
                </c:pt>
                <c:pt idx="870">
                  <c:v>37396</c:v>
                </c:pt>
                <c:pt idx="871">
                  <c:v>37397</c:v>
                </c:pt>
                <c:pt idx="872">
                  <c:v>37398</c:v>
                </c:pt>
                <c:pt idx="873">
                  <c:v>37399</c:v>
                </c:pt>
                <c:pt idx="874">
                  <c:v>37400</c:v>
                </c:pt>
                <c:pt idx="875">
                  <c:v>37401</c:v>
                </c:pt>
                <c:pt idx="876">
                  <c:v>37402</c:v>
                </c:pt>
                <c:pt idx="877">
                  <c:v>37403</c:v>
                </c:pt>
                <c:pt idx="878">
                  <c:v>37404</c:v>
                </c:pt>
                <c:pt idx="879">
                  <c:v>37405</c:v>
                </c:pt>
                <c:pt idx="880">
                  <c:v>37406</c:v>
                </c:pt>
                <c:pt idx="881">
                  <c:v>37407</c:v>
                </c:pt>
                <c:pt idx="882">
                  <c:v>37408</c:v>
                </c:pt>
                <c:pt idx="883">
                  <c:v>37409</c:v>
                </c:pt>
                <c:pt idx="884">
                  <c:v>37410</c:v>
                </c:pt>
                <c:pt idx="885">
                  <c:v>37411</c:v>
                </c:pt>
                <c:pt idx="886">
                  <c:v>37412</c:v>
                </c:pt>
                <c:pt idx="887">
                  <c:v>37413</c:v>
                </c:pt>
                <c:pt idx="888">
                  <c:v>37414</c:v>
                </c:pt>
                <c:pt idx="889">
                  <c:v>37415</c:v>
                </c:pt>
                <c:pt idx="890">
                  <c:v>37416</c:v>
                </c:pt>
                <c:pt idx="891">
                  <c:v>37417</c:v>
                </c:pt>
                <c:pt idx="892">
                  <c:v>37418</c:v>
                </c:pt>
                <c:pt idx="893">
                  <c:v>37419</c:v>
                </c:pt>
                <c:pt idx="894">
                  <c:v>37420</c:v>
                </c:pt>
                <c:pt idx="895">
                  <c:v>37421</c:v>
                </c:pt>
                <c:pt idx="896">
                  <c:v>37422</c:v>
                </c:pt>
                <c:pt idx="897">
                  <c:v>37423</c:v>
                </c:pt>
                <c:pt idx="898">
                  <c:v>37424</c:v>
                </c:pt>
                <c:pt idx="899">
                  <c:v>37425</c:v>
                </c:pt>
                <c:pt idx="900">
                  <c:v>37426</c:v>
                </c:pt>
                <c:pt idx="901">
                  <c:v>37427</c:v>
                </c:pt>
                <c:pt idx="902">
                  <c:v>37428</c:v>
                </c:pt>
                <c:pt idx="903">
                  <c:v>37429</c:v>
                </c:pt>
                <c:pt idx="904">
                  <c:v>37430</c:v>
                </c:pt>
                <c:pt idx="905">
                  <c:v>37431</c:v>
                </c:pt>
                <c:pt idx="906">
                  <c:v>37432</c:v>
                </c:pt>
                <c:pt idx="907">
                  <c:v>37433</c:v>
                </c:pt>
                <c:pt idx="908">
                  <c:v>37434</c:v>
                </c:pt>
                <c:pt idx="909">
                  <c:v>37435</c:v>
                </c:pt>
                <c:pt idx="910">
                  <c:v>37436</c:v>
                </c:pt>
                <c:pt idx="911">
                  <c:v>37437</c:v>
                </c:pt>
                <c:pt idx="912">
                  <c:v>37438</c:v>
                </c:pt>
                <c:pt idx="913">
                  <c:v>37439</c:v>
                </c:pt>
                <c:pt idx="914">
                  <c:v>37440</c:v>
                </c:pt>
                <c:pt idx="915">
                  <c:v>37441</c:v>
                </c:pt>
                <c:pt idx="916">
                  <c:v>37442</c:v>
                </c:pt>
                <c:pt idx="917">
                  <c:v>37443</c:v>
                </c:pt>
                <c:pt idx="918">
                  <c:v>37444</c:v>
                </c:pt>
                <c:pt idx="919">
                  <c:v>37445</c:v>
                </c:pt>
                <c:pt idx="920">
                  <c:v>37446</c:v>
                </c:pt>
                <c:pt idx="921">
                  <c:v>37447</c:v>
                </c:pt>
                <c:pt idx="922">
                  <c:v>37448</c:v>
                </c:pt>
                <c:pt idx="923">
                  <c:v>37449</c:v>
                </c:pt>
                <c:pt idx="924">
                  <c:v>37450</c:v>
                </c:pt>
                <c:pt idx="925">
                  <c:v>37451</c:v>
                </c:pt>
                <c:pt idx="926">
                  <c:v>37452</c:v>
                </c:pt>
                <c:pt idx="927">
                  <c:v>37453</c:v>
                </c:pt>
                <c:pt idx="928">
                  <c:v>37454</c:v>
                </c:pt>
                <c:pt idx="929">
                  <c:v>37455</c:v>
                </c:pt>
                <c:pt idx="930">
                  <c:v>37456</c:v>
                </c:pt>
                <c:pt idx="931">
                  <c:v>37457</c:v>
                </c:pt>
                <c:pt idx="932">
                  <c:v>37458</c:v>
                </c:pt>
                <c:pt idx="933">
                  <c:v>37459</c:v>
                </c:pt>
                <c:pt idx="934">
                  <c:v>37460</c:v>
                </c:pt>
                <c:pt idx="935">
                  <c:v>37461</c:v>
                </c:pt>
                <c:pt idx="936">
                  <c:v>37462</c:v>
                </c:pt>
                <c:pt idx="937">
                  <c:v>37463</c:v>
                </c:pt>
                <c:pt idx="938">
                  <c:v>37464</c:v>
                </c:pt>
                <c:pt idx="939">
                  <c:v>37465</c:v>
                </c:pt>
                <c:pt idx="940">
                  <c:v>37466</c:v>
                </c:pt>
                <c:pt idx="941">
                  <c:v>37467</c:v>
                </c:pt>
                <c:pt idx="942">
                  <c:v>37468</c:v>
                </c:pt>
                <c:pt idx="943">
                  <c:v>37469</c:v>
                </c:pt>
                <c:pt idx="944">
                  <c:v>37470</c:v>
                </c:pt>
                <c:pt idx="945">
                  <c:v>37471</c:v>
                </c:pt>
                <c:pt idx="946">
                  <c:v>37472</c:v>
                </c:pt>
                <c:pt idx="947">
                  <c:v>37473</c:v>
                </c:pt>
                <c:pt idx="948">
                  <c:v>37474</c:v>
                </c:pt>
                <c:pt idx="949">
                  <c:v>37475</c:v>
                </c:pt>
                <c:pt idx="950">
                  <c:v>37476</c:v>
                </c:pt>
                <c:pt idx="951">
                  <c:v>37477</c:v>
                </c:pt>
                <c:pt idx="952">
                  <c:v>37478</c:v>
                </c:pt>
                <c:pt idx="953">
                  <c:v>37479</c:v>
                </c:pt>
                <c:pt idx="954">
                  <c:v>37480</c:v>
                </c:pt>
                <c:pt idx="955">
                  <c:v>37481</c:v>
                </c:pt>
                <c:pt idx="956">
                  <c:v>37482</c:v>
                </c:pt>
                <c:pt idx="957">
                  <c:v>37483</c:v>
                </c:pt>
                <c:pt idx="958">
                  <c:v>37484</c:v>
                </c:pt>
                <c:pt idx="959">
                  <c:v>37485</c:v>
                </c:pt>
                <c:pt idx="960">
                  <c:v>37486</c:v>
                </c:pt>
                <c:pt idx="961">
                  <c:v>37487</c:v>
                </c:pt>
                <c:pt idx="962">
                  <c:v>37488</c:v>
                </c:pt>
                <c:pt idx="963">
                  <c:v>37489</c:v>
                </c:pt>
                <c:pt idx="964">
                  <c:v>37490</c:v>
                </c:pt>
                <c:pt idx="965">
                  <c:v>37491</c:v>
                </c:pt>
                <c:pt idx="966">
                  <c:v>37492</c:v>
                </c:pt>
                <c:pt idx="967">
                  <c:v>37493</c:v>
                </c:pt>
                <c:pt idx="968">
                  <c:v>37494</c:v>
                </c:pt>
                <c:pt idx="969">
                  <c:v>37495</c:v>
                </c:pt>
                <c:pt idx="970">
                  <c:v>37496</c:v>
                </c:pt>
                <c:pt idx="971">
                  <c:v>37497</c:v>
                </c:pt>
                <c:pt idx="972">
                  <c:v>37498</c:v>
                </c:pt>
                <c:pt idx="973">
                  <c:v>37499</c:v>
                </c:pt>
                <c:pt idx="974">
                  <c:v>37500</c:v>
                </c:pt>
                <c:pt idx="975">
                  <c:v>37501</c:v>
                </c:pt>
                <c:pt idx="976">
                  <c:v>37502</c:v>
                </c:pt>
                <c:pt idx="977">
                  <c:v>37503</c:v>
                </c:pt>
                <c:pt idx="978">
                  <c:v>37504</c:v>
                </c:pt>
                <c:pt idx="979">
                  <c:v>37505</c:v>
                </c:pt>
                <c:pt idx="980">
                  <c:v>37506</c:v>
                </c:pt>
                <c:pt idx="981">
                  <c:v>37507</c:v>
                </c:pt>
                <c:pt idx="982">
                  <c:v>37508</c:v>
                </c:pt>
                <c:pt idx="983">
                  <c:v>37509</c:v>
                </c:pt>
                <c:pt idx="984">
                  <c:v>37510</c:v>
                </c:pt>
                <c:pt idx="985">
                  <c:v>37511</c:v>
                </c:pt>
                <c:pt idx="986">
                  <c:v>37512</c:v>
                </c:pt>
                <c:pt idx="987">
                  <c:v>37513</c:v>
                </c:pt>
                <c:pt idx="988">
                  <c:v>37514</c:v>
                </c:pt>
                <c:pt idx="989">
                  <c:v>37515</c:v>
                </c:pt>
                <c:pt idx="990">
                  <c:v>37516</c:v>
                </c:pt>
                <c:pt idx="991">
                  <c:v>37517</c:v>
                </c:pt>
                <c:pt idx="992">
                  <c:v>37518</c:v>
                </c:pt>
                <c:pt idx="993">
                  <c:v>37519</c:v>
                </c:pt>
                <c:pt idx="994">
                  <c:v>37520</c:v>
                </c:pt>
                <c:pt idx="995">
                  <c:v>37521</c:v>
                </c:pt>
                <c:pt idx="996">
                  <c:v>37522</c:v>
                </c:pt>
                <c:pt idx="997">
                  <c:v>37523</c:v>
                </c:pt>
                <c:pt idx="998">
                  <c:v>37524</c:v>
                </c:pt>
                <c:pt idx="999">
                  <c:v>37525</c:v>
                </c:pt>
                <c:pt idx="1000">
                  <c:v>37526</c:v>
                </c:pt>
                <c:pt idx="1001">
                  <c:v>37527</c:v>
                </c:pt>
                <c:pt idx="1002">
                  <c:v>37528</c:v>
                </c:pt>
                <c:pt idx="1003">
                  <c:v>37529</c:v>
                </c:pt>
                <c:pt idx="1004">
                  <c:v>37530</c:v>
                </c:pt>
                <c:pt idx="1005">
                  <c:v>37531</c:v>
                </c:pt>
                <c:pt idx="1006">
                  <c:v>37532</c:v>
                </c:pt>
                <c:pt idx="1007">
                  <c:v>37533</c:v>
                </c:pt>
                <c:pt idx="1008">
                  <c:v>37534</c:v>
                </c:pt>
                <c:pt idx="1009">
                  <c:v>37535</c:v>
                </c:pt>
                <c:pt idx="1010">
                  <c:v>37536</c:v>
                </c:pt>
                <c:pt idx="1011">
                  <c:v>37537</c:v>
                </c:pt>
                <c:pt idx="1012">
                  <c:v>37538</c:v>
                </c:pt>
                <c:pt idx="1013">
                  <c:v>37539</c:v>
                </c:pt>
                <c:pt idx="1014">
                  <c:v>37540</c:v>
                </c:pt>
                <c:pt idx="1015">
                  <c:v>37541</c:v>
                </c:pt>
                <c:pt idx="1016">
                  <c:v>37542</c:v>
                </c:pt>
                <c:pt idx="1017">
                  <c:v>37543</c:v>
                </c:pt>
                <c:pt idx="1018">
                  <c:v>37544</c:v>
                </c:pt>
                <c:pt idx="1019">
                  <c:v>37545</c:v>
                </c:pt>
                <c:pt idx="1020">
                  <c:v>37546</c:v>
                </c:pt>
                <c:pt idx="1021">
                  <c:v>37547</c:v>
                </c:pt>
                <c:pt idx="1022">
                  <c:v>37548</c:v>
                </c:pt>
                <c:pt idx="1023">
                  <c:v>37549</c:v>
                </c:pt>
                <c:pt idx="1024">
                  <c:v>37550</c:v>
                </c:pt>
                <c:pt idx="1025">
                  <c:v>37551</c:v>
                </c:pt>
                <c:pt idx="1026">
                  <c:v>37552</c:v>
                </c:pt>
                <c:pt idx="1027">
                  <c:v>37553</c:v>
                </c:pt>
                <c:pt idx="1028">
                  <c:v>37554</c:v>
                </c:pt>
                <c:pt idx="1029">
                  <c:v>37555</c:v>
                </c:pt>
                <c:pt idx="1030">
                  <c:v>37556</c:v>
                </c:pt>
                <c:pt idx="1031">
                  <c:v>37557</c:v>
                </c:pt>
                <c:pt idx="1032">
                  <c:v>37558</c:v>
                </c:pt>
                <c:pt idx="1033">
                  <c:v>37559</c:v>
                </c:pt>
                <c:pt idx="1034">
                  <c:v>37560</c:v>
                </c:pt>
                <c:pt idx="1035">
                  <c:v>37561</c:v>
                </c:pt>
                <c:pt idx="1036">
                  <c:v>37562</c:v>
                </c:pt>
                <c:pt idx="1037">
                  <c:v>37563</c:v>
                </c:pt>
                <c:pt idx="1038">
                  <c:v>37564</c:v>
                </c:pt>
                <c:pt idx="1039">
                  <c:v>37565</c:v>
                </c:pt>
                <c:pt idx="1040">
                  <c:v>37566</c:v>
                </c:pt>
                <c:pt idx="1041">
                  <c:v>37567</c:v>
                </c:pt>
                <c:pt idx="1042">
                  <c:v>37568</c:v>
                </c:pt>
                <c:pt idx="1043">
                  <c:v>37569</c:v>
                </c:pt>
                <c:pt idx="1044">
                  <c:v>37570</c:v>
                </c:pt>
                <c:pt idx="1045">
                  <c:v>37571</c:v>
                </c:pt>
                <c:pt idx="1046">
                  <c:v>37572</c:v>
                </c:pt>
                <c:pt idx="1047">
                  <c:v>37573</c:v>
                </c:pt>
                <c:pt idx="1048">
                  <c:v>37574</c:v>
                </c:pt>
                <c:pt idx="1049">
                  <c:v>37575</c:v>
                </c:pt>
                <c:pt idx="1050">
                  <c:v>37576</c:v>
                </c:pt>
                <c:pt idx="1051">
                  <c:v>37577</c:v>
                </c:pt>
                <c:pt idx="1052">
                  <c:v>37578</c:v>
                </c:pt>
                <c:pt idx="1053">
                  <c:v>37579</c:v>
                </c:pt>
                <c:pt idx="1054">
                  <c:v>37580</c:v>
                </c:pt>
                <c:pt idx="1055">
                  <c:v>37581</c:v>
                </c:pt>
                <c:pt idx="1056">
                  <c:v>37582</c:v>
                </c:pt>
                <c:pt idx="1057">
                  <c:v>37583</c:v>
                </c:pt>
                <c:pt idx="1058">
                  <c:v>37584</c:v>
                </c:pt>
                <c:pt idx="1059">
                  <c:v>37585</c:v>
                </c:pt>
                <c:pt idx="1060">
                  <c:v>37586</c:v>
                </c:pt>
                <c:pt idx="1061">
                  <c:v>37587</c:v>
                </c:pt>
                <c:pt idx="1062">
                  <c:v>37588</c:v>
                </c:pt>
                <c:pt idx="1063">
                  <c:v>37589</c:v>
                </c:pt>
                <c:pt idx="1064">
                  <c:v>37590</c:v>
                </c:pt>
                <c:pt idx="1065">
                  <c:v>37591</c:v>
                </c:pt>
                <c:pt idx="1066">
                  <c:v>37592</c:v>
                </c:pt>
                <c:pt idx="1067">
                  <c:v>37593</c:v>
                </c:pt>
                <c:pt idx="1068">
                  <c:v>37594</c:v>
                </c:pt>
                <c:pt idx="1069">
                  <c:v>37595</c:v>
                </c:pt>
                <c:pt idx="1070">
                  <c:v>37596</c:v>
                </c:pt>
                <c:pt idx="1071">
                  <c:v>37597</c:v>
                </c:pt>
                <c:pt idx="1072">
                  <c:v>37598</c:v>
                </c:pt>
                <c:pt idx="1073">
                  <c:v>37599</c:v>
                </c:pt>
                <c:pt idx="1074">
                  <c:v>37600</c:v>
                </c:pt>
                <c:pt idx="1075">
                  <c:v>37601</c:v>
                </c:pt>
                <c:pt idx="1076">
                  <c:v>37602</c:v>
                </c:pt>
                <c:pt idx="1077">
                  <c:v>37603</c:v>
                </c:pt>
                <c:pt idx="1078">
                  <c:v>37604</c:v>
                </c:pt>
                <c:pt idx="1079">
                  <c:v>37605</c:v>
                </c:pt>
                <c:pt idx="1080">
                  <c:v>37606</c:v>
                </c:pt>
                <c:pt idx="1081">
                  <c:v>37607</c:v>
                </c:pt>
                <c:pt idx="1082">
                  <c:v>37608</c:v>
                </c:pt>
                <c:pt idx="1083">
                  <c:v>37609</c:v>
                </c:pt>
                <c:pt idx="1084">
                  <c:v>37610</c:v>
                </c:pt>
                <c:pt idx="1085">
                  <c:v>37611</c:v>
                </c:pt>
                <c:pt idx="1086">
                  <c:v>37612</c:v>
                </c:pt>
                <c:pt idx="1087">
                  <c:v>37613</c:v>
                </c:pt>
                <c:pt idx="1088">
                  <c:v>37614</c:v>
                </c:pt>
                <c:pt idx="1089">
                  <c:v>37615</c:v>
                </c:pt>
                <c:pt idx="1090">
                  <c:v>37616</c:v>
                </c:pt>
                <c:pt idx="1091">
                  <c:v>37617</c:v>
                </c:pt>
                <c:pt idx="1092">
                  <c:v>37618</c:v>
                </c:pt>
                <c:pt idx="1093">
                  <c:v>37619</c:v>
                </c:pt>
                <c:pt idx="1094">
                  <c:v>37620</c:v>
                </c:pt>
                <c:pt idx="1095">
                  <c:v>37621</c:v>
                </c:pt>
                <c:pt idx="1096">
                  <c:v>37622</c:v>
                </c:pt>
                <c:pt idx="1097">
                  <c:v>37623</c:v>
                </c:pt>
                <c:pt idx="1098">
                  <c:v>37624</c:v>
                </c:pt>
                <c:pt idx="1099">
                  <c:v>37625</c:v>
                </c:pt>
                <c:pt idx="1100">
                  <c:v>37626</c:v>
                </c:pt>
                <c:pt idx="1101">
                  <c:v>37627</c:v>
                </c:pt>
                <c:pt idx="1102">
                  <c:v>37628</c:v>
                </c:pt>
                <c:pt idx="1103">
                  <c:v>37629</c:v>
                </c:pt>
                <c:pt idx="1104">
                  <c:v>37630</c:v>
                </c:pt>
                <c:pt idx="1105">
                  <c:v>37631</c:v>
                </c:pt>
                <c:pt idx="1106">
                  <c:v>37632</c:v>
                </c:pt>
                <c:pt idx="1107">
                  <c:v>37633</c:v>
                </c:pt>
                <c:pt idx="1108">
                  <c:v>37634</c:v>
                </c:pt>
                <c:pt idx="1109">
                  <c:v>37635</c:v>
                </c:pt>
                <c:pt idx="1110">
                  <c:v>37636</c:v>
                </c:pt>
                <c:pt idx="1111">
                  <c:v>37637</c:v>
                </c:pt>
                <c:pt idx="1112">
                  <c:v>37638</c:v>
                </c:pt>
                <c:pt idx="1113">
                  <c:v>37639</c:v>
                </c:pt>
                <c:pt idx="1114">
                  <c:v>37640</c:v>
                </c:pt>
                <c:pt idx="1115">
                  <c:v>37641</c:v>
                </c:pt>
                <c:pt idx="1116">
                  <c:v>37642</c:v>
                </c:pt>
                <c:pt idx="1117">
                  <c:v>37643</c:v>
                </c:pt>
                <c:pt idx="1118">
                  <c:v>37644</c:v>
                </c:pt>
                <c:pt idx="1119">
                  <c:v>37645</c:v>
                </c:pt>
                <c:pt idx="1120">
                  <c:v>37646</c:v>
                </c:pt>
                <c:pt idx="1121">
                  <c:v>37647</c:v>
                </c:pt>
                <c:pt idx="1122">
                  <c:v>37648</c:v>
                </c:pt>
                <c:pt idx="1123">
                  <c:v>37649</c:v>
                </c:pt>
                <c:pt idx="1124">
                  <c:v>37650</c:v>
                </c:pt>
                <c:pt idx="1125">
                  <c:v>37651</c:v>
                </c:pt>
                <c:pt idx="1126">
                  <c:v>37652</c:v>
                </c:pt>
                <c:pt idx="1127">
                  <c:v>37653</c:v>
                </c:pt>
                <c:pt idx="1128">
                  <c:v>37654</c:v>
                </c:pt>
                <c:pt idx="1129">
                  <c:v>37655</c:v>
                </c:pt>
                <c:pt idx="1130">
                  <c:v>37656</c:v>
                </c:pt>
                <c:pt idx="1131">
                  <c:v>37657</c:v>
                </c:pt>
                <c:pt idx="1132">
                  <c:v>37658</c:v>
                </c:pt>
                <c:pt idx="1133">
                  <c:v>37659</c:v>
                </c:pt>
                <c:pt idx="1134">
                  <c:v>37660</c:v>
                </c:pt>
                <c:pt idx="1135">
                  <c:v>37661</c:v>
                </c:pt>
                <c:pt idx="1136">
                  <c:v>37662</c:v>
                </c:pt>
                <c:pt idx="1137">
                  <c:v>37663</c:v>
                </c:pt>
                <c:pt idx="1138">
                  <c:v>37664</c:v>
                </c:pt>
                <c:pt idx="1139">
                  <c:v>37665</c:v>
                </c:pt>
                <c:pt idx="1140">
                  <c:v>37666</c:v>
                </c:pt>
                <c:pt idx="1141">
                  <c:v>37667</c:v>
                </c:pt>
                <c:pt idx="1142">
                  <c:v>37668</c:v>
                </c:pt>
                <c:pt idx="1143">
                  <c:v>37669</c:v>
                </c:pt>
                <c:pt idx="1144">
                  <c:v>37670</c:v>
                </c:pt>
                <c:pt idx="1145">
                  <c:v>37671</c:v>
                </c:pt>
                <c:pt idx="1146">
                  <c:v>37672</c:v>
                </c:pt>
                <c:pt idx="1147">
                  <c:v>37673</c:v>
                </c:pt>
                <c:pt idx="1148">
                  <c:v>37674</c:v>
                </c:pt>
                <c:pt idx="1149">
                  <c:v>37675</c:v>
                </c:pt>
                <c:pt idx="1150">
                  <c:v>37676</c:v>
                </c:pt>
                <c:pt idx="1151">
                  <c:v>37677</c:v>
                </c:pt>
                <c:pt idx="1152">
                  <c:v>37678</c:v>
                </c:pt>
                <c:pt idx="1153">
                  <c:v>37679</c:v>
                </c:pt>
                <c:pt idx="1154">
                  <c:v>37680</c:v>
                </c:pt>
                <c:pt idx="1155">
                  <c:v>37681</c:v>
                </c:pt>
                <c:pt idx="1156">
                  <c:v>37682</c:v>
                </c:pt>
                <c:pt idx="1157">
                  <c:v>37683</c:v>
                </c:pt>
                <c:pt idx="1158">
                  <c:v>37684</c:v>
                </c:pt>
                <c:pt idx="1159">
                  <c:v>37685</c:v>
                </c:pt>
                <c:pt idx="1160">
                  <c:v>37686</c:v>
                </c:pt>
                <c:pt idx="1161">
                  <c:v>37687</c:v>
                </c:pt>
                <c:pt idx="1162">
                  <c:v>37688</c:v>
                </c:pt>
                <c:pt idx="1163">
                  <c:v>37689</c:v>
                </c:pt>
                <c:pt idx="1164">
                  <c:v>37690</c:v>
                </c:pt>
                <c:pt idx="1165">
                  <c:v>37691</c:v>
                </c:pt>
                <c:pt idx="1166">
                  <c:v>37692</c:v>
                </c:pt>
                <c:pt idx="1167">
                  <c:v>37693</c:v>
                </c:pt>
                <c:pt idx="1168">
                  <c:v>37694</c:v>
                </c:pt>
                <c:pt idx="1169">
                  <c:v>37695</c:v>
                </c:pt>
                <c:pt idx="1170">
                  <c:v>37696</c:v>
                </c:pt>
                <c:pt idx="1171">
                  <c:v>37697</c:v>
                </c:pt>
                <c:pt idx="1172">
                  <c:v>37698</c:v>
                </c:pt>
                <c:pt idx="1173">
                  <c:v>37699</c:v>
                </c:pt>
                <c:pt idx="1174">
                  <c:v>37700</c:v>
                </c:pt>
                <c:pt idx="1175">
                  <c:v>37701</c:v>
                </c:pt>
                <c:pt idx="1176">
                  <c:v>37702</c:v>
                </c:pt>
                <c:pt idx="1177">
                  <c:v>37703</c:v>
                </c:pt>
                <c:pt idx="1178">
                  <c:v>37704</c:v>
                </c:pt>
                <c:pt idx="1179">
                  <c:v>37705</c:v>
                </c:pt>
                <c:pt idx="1180">
                  <c:v>37706</c:v>
                </c:pt>
                <c:pt idx="1181">
                  <c:v>37707</c:v>
                </c:pt>
                <c:pt idx="1182">
                  <c:v>37708</c:v>
                </c:pt>
                <c:pt idx="1183">
                  <c:v>37709</c:v>
                </c:pt>
                <c:pt idx="1184">
                  <c:v>37710</c:v>
                </c:pt>
                <c:pt idx="1185">
                  <c:v>37711</c:v>
                </c:pt>
                <c:pt idx="1186">
                  <c:v>37712</c:v>
                </c:pt>
                <c:pt idx="1187">
                  <c:v>37713</c:v>
                </c:pt>
                <c:pt idx="1188">
                  <c:v>37714</c:v>
                </c:pt>
                <c:pt idx="1189">
                  <c:v>37715</c:v>
                </c:pt>
                <c:pt idx="1190">
                  <c:v>37716</c:v>
                </c:pt>
                <c:pt idx="1191">
                  <c:v>37717</c:v>
                </c:pt>
                <c:pt idx="1192">
                  <c:v>37718</c:v>
                </c:pt>
                <c:pt idx="1193">
                  <c:v>37719</c:v>
                </c:pt>
                <c:pt idx="1194">
                  <c:v>37720</c:v>
                </c:pt>
                <c:pt idx="1195">
                  <c:v>37721</c:v>
                </c:pt>
                <c:pt idx="1196">
                  <c:v>37722</c:v>
                </c:pt>
                <c:pt idx="1197">
                  <c:v>37723</c:v>
                </c:pt>
                <c:pt idx="1198">
                  <c:v>37724</c:v>
                </c:pt>
                <c:pt idx="1199">
                  <c:v>37725</c:v>
                </c:pt>
                <c:pt idx="1200">
                  <c:v>37726</c:v>
                </c:pt>
                <c:pt idx="1201">
                  <c:v>37727</c:v>
                </c:pt>
                <c:pt idx="1202">
                  <c:v>37728</c:v>
                </c:pt>
                <c:pt idx="1203">
                  <c:v>37729</c:v>
                </c:pt>
                <c:pt idx="1204">
                  <c:v>37730</c:v>
                </c:pt>
                <c:pt idx="1205">
                  <c:v>37731</c:v>
                </c:pt>
                <c:pt idx="1206">
                  <c:v>37732</c:v>
                </c:pt>
                <c:pt idx="1207">
                  <c:v>37733</c:v>
                </c:pt>
                <c:pt idx="1208">
                  <c:v>37734</c:v>
                </c:pt>
                <c:pt idx="1209">
                  <c:v>37735</c:v>
                </c:pt>
                <c:pt idx="1210">
                  <c:v>37736</c:v>
                </c:pt>
                <c:pt idx="1211">
                  <c:v>37737</c:v>
                </c:pt>
                <c:pt idx="1212">
                  <c:v>37738</c:v>
                </c:pt>
                <c:pt idx="1213">
                  <c:v>37739</c:v>
                </c:pt>
                <c:pt idx="1214">
                  <c:v>37740</c:v>
                </c:pt>
                <c:pt idx="1215">
                  <c:v>37741</c:v>
                </c:pt>
                <c:pt idx="1216">
                  <c:v>37742</c:v>
                </c:pt>
                <c:pt idx="1217">
                  <c:v>37743</c:v>
                </c:pt>
                <c:pt idx="1218">
                  <c:v>37744</c:v>
                </c:pt>
                <c:pt idx="1219">
                  <c:v>37745</c:v>
                </c:pt>
                <c:pt idx="1220">
                  <c:v>37746</c:v>
                </c:pt>
                <c:pt idx="1221">
                  <c:v>37747</c:v>
                </c:pt>
                <c:pt idx="1222">
                  <c:v>37748</c:v>
                </c:pt>
                <c:pt idx="1223">
                  <c:v>37749</c:v>
                </c:pt>
                <c:pt idx="1224">
                  <c:v>37750</c:v>
                </c:pt>
                <c:pt idx="1225">
                  <c:v>37751</c:v>
                </c:pt>
                <c:pt idx="1226">
                  <c:v>37752</c:v>
                </c:pt>
                <c:pt idx="1227">
                  <c:v>37753</c:v>
                </c:pt>
                <c:pt idx="1228">
                  <c:v>37754</c:v>
                </c:pt>
                <c:pt idx="1229">
                  <c:v>37755</c:v>
                </c:pt>
                <c:pt idx="1230">
                  <c:v>37756</c:v>
                </c:pt>
                <c:pt idx="1231">
                  <c:v>37757</c:v>
                </c:pt>
                <c:pt idx="1232">
                  <c:v>37758</c:v>
                </c:pt>
                <c:pt idx="1233">
                  <c:v>37759</c:v>
                </c:pt>
                <c:pt idx="1234">
                  <c:v>37760</c:v>
                </c:pt>
                <c:pt idx="1235">
                  <c:v>37761</c:v>
                </c:pt>
                <c:pt idx="1236">
                  <c:v>37762</c:v>
                </c:pt>
                <c:pt idx="1237">
                  <c:v>37763</c:v>
                </c:pt>
                <c:pt idx="1238">
                  <c:v>37764</c:v>
                </c:pt>
                <c:pt idx="1239">
                  <c:v>37765</c:v>
                </c:pt>
                <c:pt idx="1240">
                  <c:v>37766</c:v>
                </c:pt>
                <c:pt idx="1241">
                  <c:v>37767</c:v>
                </c:pt>
                <c:pt idx="1242">
                  <c:v>37768</c:v>
                </c:pt>
                <c:pt idx="1243">
                  <c:v>37769</c:v>
                </c:pt>
                <c:pt idx="1244">
                  <c:v>37770</c:v>
                </c:pt>
                <c:pt idx="1245">
                  <c:v>37771</c:v>
                </c:pt>
                <c:pt idx="1246">
                  <c:v>37772</c:v>
                </c:pt>
                <c:pt idx="1247">
                  <c:v>37773</c:v>
                </c:pt>
                <c:pt idx="1248">
                  <c:v>37774</c:v>
                </c:pt>
                <c:pt idx="1249">
                  <c:v>37775</c:v>
                </c:pt>
                <c:pt idx="1250">
                  <c:v>37776</c:v>
                </c:pt>
                <c:pt idx="1251">
                  <c:v>37777</c:v>
                </c:pt>
                <c:pt idx="1252">
                  <c:v>37778</c:v>
                </c:pt>
                <c:pt idx="1253">
                  <c:v>37779</c:v>
                </c:pt>
                <c:pt idx="1254">
                  <c:v>37780</c:v>
                </c:pt>
                <c:pt idx="1255">
                  <c:v>37781</c:v>
                </c:pt>
                <c:pt idx="1256">
                  <c:v>37782</c:v>
                </c:pt>
                <c:pt idx="1257">
                  <c:v>37783</c:v>
                </c:pt>
                <c:pt idx="1258">
                  <c:v>37784</c:v>
                </c:pt>
                <c:pt idx="1259">
                  <c:v>37785</c:v>
                </c:pt>
                <c:pt idx="1260">
                  <c:v>37786</c:v>
                </c:pt>
                <c:pt idx="1261">
                  <c:v>37787</c:v>
                </c:pt>
                <c:pt idx="1262">
                  <c:v>37788</c:v>
                </c:pt>
                <c:pt idx="1263">
                  <c:v>37789</c:v>
                </c:pt>
                <c:pt idx="1264">
                  <c:v>37790</c:v>
                </c:pt>
                <c:pt idx="1265">
                  <c:v>37791</c:v>
                </c:pt>
                <c:pt idx="1266">
                  <c:v>37792</c:v>
                </c:pt>
                <c:pt idx="1267">
                  <c:v>37793</c:v>
                </c:pt>
                <c:pt idx="1268">
                  <c:v>37794</c:v>
                </c:pt>
                <c:pt idx="1269">
                  <c:v>37795</c:v>
                </c:pt>
                <c:pt idx="1270">
                  <c:v>37796</c:v>
                </c:pt>
                <c:pt idx="1271">
                  <c:v>37797</c:v>
                </c:pt>
                <c:pt idx="1272">
                  <c:v>37798</c:v>
                </c:pt>
                <c:pt idx="1273">
                  <c:v>37799</c:v>
                </c:pt>
                <c:pt idx="1274">
                  <c:v>37800</c:v>
                </c:pt>
                <c:pt idx="1275">
                  <c:v>37801</c:v>
                </c:pt>
                <c:pt idx="1276">
                  <c:v>37802</c:v>
                </c:pt>
                <c:pt idx="1277">
                  <c:v>37803</c:v>
                </c:pt>
                <c:pt idx="1278">
                  <c:v>37804</c:v>
                </c:pt>
                <c:pt idx="1279">
                  <c:v>37805</c:v>
                </c:pt>
                <c:pt idx="1280">
                  <c:v>37806</c:v>
                </c:pt>
                <c:pt idx="1281">
                  <c:v>37807</c:v>
                </c:pt>
                <c:pt idx="1282">
                  <c:v>37808</c:v>
                </c:pt>
                <c:pt idx="1283">
                  <c:v>37809</c:v>
                </c:pt>
                <c:pt idx="1284">
                  <c:v>37810</c:v>
                </c:pt>
                <c:pt idx="1285">
                  <c:v>37811</c:v>
                </c:pt>
                <c:pt idx="1286">
                  <c:v>37812</c:v>
                </c:pt>
                <c:pt idx="1287">
                  <c:v>37813</c:v>
                </c:pt>
                <c:pt idx="1288">
                  <c:v>37814</c:v>
                </c:pt>
                <c:pt idx="1289">
                  <c:v>37815</c:v>
                </c:pt>
                <c:pt idx="1290">
                  <c:v>37816</c:v>
                </c:pt>
                <c:pt idx="1291">
                  <c:v>37817</c:v>
                </c:pt>
                <c:pt idx="1292">
                  <c:v>37818</c:v>
                </c:pt>
                <c:pt idx="1293">
                  <c:v>37819</c:v>
                </c:pt>
                <c:pt idx="1294">
                  <c:v>37820</c:v>
                </c:pt>
                <c:pt idx="1295">
                  <c:v>37821</c:v>
                </c:pt>
                <c:pt idx="1296">
                  <c:v>37822</c:v>
                </c:pt>
                <c:pt idx="1297">
                  <c:v>37823</c:v>
                </c:pt>
                <c:pt idx="1298">
                  <c:v>37824</c:v>
                </c:pt>
                <c:pt idx="1299">
                  <c:v>37825</c:v>
                </c:pt>
                <c:pt idx="1300">
                  <c:v>37826</c:v>
                </c:pt>
                <c:pt idx="1301">
                  <c:v>37827</c:v>
                </c:pt>
                <c:pt idx="1302">
                  <c:v>37828</c:v>
                </c:pt>
                <c:pt idx="1303">
                  <c:v>37829</c:v>
                </c:pt>
                <c:pt idx="1304">
                  <c:v>37830</c:v>
                </c:pt>
                <c:pt idx="1305">
                  <c:v>37831</c:v>
                </c:pt>
                <c:pt idx="1306">
                  <c:v>37832</c:v>
                </c:pt>
                <c:pt idx="1307">
                  <c:v>37833</c:v>
                </c:pt>
                <c:pt idx="1308">
                  <c:v>37834</c:v>
                </c:pt>
                <c:pt idx="1309">
                  <c:v>37835</c:v>
                </c:pt>
                <c:pt idx="1310">
                  <c:v>37836</c:v>
                </c:pt>
                <c:pt idx="1311">
                  <c:v>37837</c:v>
                </c:pt>
                <c:pt idx="1312">
                  <c:v>37838</c:v>
                </c:pt>
                <c:pt idx="1313">
                  <c:v>37839</c:v>
                </c:pt>
                <c:pt idx="1314">
                  <c:v>37840</c:v>
                </c:pt>
                <c:pt idx="1315">
                  <c:v>37841</c:v>
                </c:pt>
                <c:pt idx="1316">
                  <c:v>37842</c:v>
                </c:pt>
                <c:pt idx="1317">
                  <c:v>37843</c:v>
                </c:pt>
                <c:pt idx="1318">
                  <c:v>37844</c:v>
                </c:pt>
                <c:pt idx="1319">
                  <c:v>37845</c:v>
                </c:pt>
                <c:pt idx="1320">
                  <c:v>37846</c:v>
                </c:pt>
                <c:pt idx="1321">
                  <c:v>37847</c:v>
                </c:pt>
                <c:pt idx="1322">
                  <c:v>37848</c:v>
                </c:pt>
                <c:pt idx="1323">
                  <c:v>37849</c:v>
                </c:pt>
                <c:pt idx="1324">
                  <c:v>37850</c:v>
                </c:pt>
                <c:pt idx="1325">
                  <c:v>37851</c:v>
                </c:pt>
                <c:pt idx="1326">
                  <c:v>37852</c:v>
                </c:pt>
                <c:pt idx="1327">
                  <c:v>37853</c:v>
                </c:pt>
                <c:pt idx="1328">
                  <c:v>37854</c:v>
                </c:pt>
                <c:pt idx="1329">
                  <c:v>37855</c:v>
                </c:pt>
                <c:pt idx="1330">
                  <c:v>37856</c:v>
                </c:pt>
                <c:pt idx="1331">
                  <c:v>37857</c:v>
                </c:pt>
                <c:pt idx="1332">
                  <c:v>37858</c:v>
                </c:pt>
                <c:pt idx="1333">
                  <c:v>37859</c:v>
                </c:pt>
                <c:pt idx="1334">
                  <c:v>37860</c:v>
                </c:pt>
                <c:pt idx="1335">
                  <c:v>37861</c:v>
                </c:pt>
                <c:pt idx="1336">
                  <c:v>37862</c:v>
                </c:pt>
                <c:pt idx="1337">
                  <c:v>37863</c:v>
                </c:pt>
                <c:pt idx="1338">
                  <c:v>37864</c:v>
                </c:pt>
                <c:pt idx="1339">
                  <c:v>37865</c:v>
                </c:pt>
                <c:pt idx="1340">
                  <c:v>37866</c:v>
                </c:pt>
                <c:pt idx="1341">
                  <c:v>37867</c:v>
                </c:pt>
                <c:pt idx="1342">
                  <c:v>37868</c:v>
                </c:pt>
                <c:pt idx="1343">
                  <c:v>37869</c:v>
                </c:pt>
                <c:pt idx="1344">
                  <c:v>37870</c:v>
                </c:pt>
                <c:pt idx="1345">
                  <c:v>37871</c:v>
                </c:pt>
                <c:pt idx="1346">
                  <c:v>37872</c:v>
                </c:pt>
                <c:pt idx="1347">
                  <c:v>37873</c:v>
                </c:pt>
                <c:pt idx="1348">
                  <c:v>37874</c:v>
                </c:pt>
                <c:pt idx="1349">
                  <c:v>37875</c:v>
                </c:pt>
                <c:pt idx="1350">
                  <c:v>37876</c:v>
                </c:pt>
                <c:pt idx="1351">
                  <c:v>37877</c:v>
                </c:pt>
                <c:pt idx="1352">
                  <c:v>37878</c:v>
                </c:pt>
                <c:pt idx="1353">
                  <c:v>37879</c:v>
                </c:pt>
                <c:pt idx="1354">
                  <c:v>37880</c:v>
                </c:pt>
                <c:pt idx="1355">
                  <c:v>37881</c:v>
                </c:pt>
                <c:pt idx="1356">
                  <c:v>37882</c:v>
                </c:pt>
                <c:pt idx="1357">
                  <c:v>37883</c:v>
                </c:pt>
                <c:pt idx="1358">
                  <c:v>37884</c:v>
                </c:pt>
                <c:pt idx="1359">
                  <c:v>37885</c:v>
                </c:pt>
                <c:pt idx="1360">
                  <c:v>37886</c:v>
                </c:pt>
                <c:pt idx="1361">
                  <c:v>37887</c:v>
                </c:pt>
                <c:pt idx="1362">
                  <c:v>37888</c:v>
                </c:pt>
                <c:pt idx="1363">
                  <c:v>37889</c:v>
                </c:pt>
                <c:pt idx="1364">
                  <c:v>37890</c:v>
                </c:pt>
                <c:pt idx="1365">
                  <c:v>37891</c:v>
                </c:pt>
                <c:pt idx="1366">
                  <c:v>37892</c:v>
                </c:pt>
                <c:pt idx="1367">
                  <c:v>37893</c:v>
                </c:pt>
                <c:pt idx="1368">
                  <c:v>37894</c:v>
                </c:pt>
                <c:pt idx="1369">
                  <c:v>37895</c:v>
                </c:pt>
                <c:pt idx="1370">
                  <c:v>37896</c:v>
                </c:pt>
                <c:pt idx="1371">
                  <c:v>37897</c:v>
                </c:pt>
                <c:pt idx="1372">
                  <c:v>37898</c:v>
                </c:pt>
                <c:pt idx="1373">
                  <c:v>37899</c:v>
                </c:pt>
                <c:pt idx="1374">
                  <c:v>37900</c:v>
                </c:pt>
                <c:pt idx="1375">
                  <c:v>37901</c:v>
                </c:pt>
                <c:pt idx="1376">
                  <c:v>37902</c:v>
                </c:pt>
                <c:pt idx="1377">
                  <c:v>37903</c:v>
                </c:pt>
                <c:pt idx="1378">
                  <c:v>37904</c:v>
                </c:pt>
                <c:pt idx="1379">
                  <c:v>37905</c:v>
                </c:pt>
                <c:pt idx="1380">
                  <c:v>37906</c:v>
                </c:pt>
                <c:pt idx="1381">
                  <c:v>37907</c:v>
                </c:pt>
                <c:pt idx="1382">
                  <c:v>37908</c:v>
                </c:pt>
                <c:pt idx="1383">
                  <c:v>37909</c:v>
                </c:pt>
                <c:pt idx="1384">
                  <c:v>37910</c:v>
                </c:pt>
                <c:pt idx="1385">
                  <c:v>37911</c:v>
                </c:pt>
                <c:pt idx="1386">
                  <c:v>37912</c:v>
                </c:pt>
                <c:pt idx="1387">
                  <c:v>37913</c:v>
                </c:pt>
                <c:pt idx="1388">
                  <c:v>37914</c:v>
                </c:pt>
                <c:pt idx="1389">
                  <c:v>37915</c:v>
                </c:pt>
                <c:pt idx="1390">
                  <c:v>37916</c:v>
                </c:pt>
                <c:pt idx="1391">
                  <c:v>37917</c:v>
                </c:pt>
                <c:pt idx="1392">
                  <c:v>37918</c:v>
                </c:pt>
                <c:pt idx="1393">
                  <c:v>37919</c:v>
                </c:pt>
                <c:pt idx="1394">
                  <c:v>37920</c:v>
                </c:pt>
                <c:pt idx="1395">
                  <c:v>37921</c:v>
                </c:pt>
                <c:pt idx="1396">
                  <c:v>37922</c:v>
                </c:pt>
                <c:pt idx="1397">
                  <c:v>37923</c:v>
                </c:pt>
                <c:pt idx="1398">
                  <c:v>37924</c:v>
                </c:pt>
                <c:pt idx="1399">
                  <c:v>37925</c:v>
                </c:pt>
                <c:pt idx="1400">
                  <c:v>37926</c:v>
                </c:pt>
                <c:pt idx="1401">
                  <c:v>37927</c:v>
                </c:pt>
                <c:pt idx="1402">
                  <c:v>37928</c:v>
                </c:pt>
                <c:pt idx="1403">
                  <c:v>37929</c:v>
                </c:pt>
                <c:pt idx="1404">
                  <c:v>37930</c:v>
                </c:pt>
                <c:pt idx="1405">
                  <c:v>37931</c:v>
                </c:pt>
                <c:pt idx="1406">
                  <c:v>37932</c:v>
                </c:pt>
                <c:pt idx="1407">
                  <c:v>37933</c:v>
                </c:pt>
                <c:pt idx="1408">
                  <c:v>37934</c:v>
                </c:pt>
                <c:pt idx="1409">
                  <c:v>37935</c:v>
                </c:pt>
                <c:pt idx="1410">
                  <c:v>37936</c:v>
                </c:pt>
                <c:pt idx="1411">
                  <c:v>37937</c:v>
                </c:pt>
                <c:pt idx="1412">
                  <c:v>37938</c:v>
                </c:pt>
                <c:pt idx="1413">
                  <c:v>37939</c:v>
                </c:pt>
                <c:pt idx="1414">
                  <c:v>37940</c:v>
                </c:pt>
                <c:pt idx="1415">
                  <c:v>37941</c:v>
                </c:pt>
                <c:pt idx="1416">
                  <c:v>37942</c:v>
                </c:pt>
                <c:pt idx="1417">
                  <c:v>37943</c:v>
                </c:pt>
                <c:pt idx="1418">
                  <c:v>37944</c:v>
                </c:pt>
                <c:pt idx="1419">
                  <c:v>37945</c:v>
                </c:pt>
                <c:pt idx="1420">
                  <c:v>37946</c:v>
                </c:pt>
                <c:pt idx="1421">
                  <c:v>37947</c:v>
                </c:pt>
                <c:pt idx="1422">
                  <c:v>37948</c:v>
                </c:pt>
                <c:pt idx="1423">
                  <c:v>37949</c:v>
                </c:pt>
                <c:pt idx="1424">
                  <c:v>37950</c:v>
                </c:pt>
                <c:pt idx="1425">
                  <c:v>37951</c:v>
                </c:pt>
                <c:pt idx="1426">
                  <c:v>37952</c:v>
                </c:pt>
                <c:pt idx="1427">
                  <c:v>37953</c:v>
                </c:pt>
                <c:pt idx="1428">
                  <c:v>37954</c:v>
                </c:pt>
                <c:pt idx="1429">
                  <c:v>37955</c:v>
                </c:pt>
                <c:pt idx="1430">
                  <c:v>37956</c:v>
                </c:pt>
                <c:pt idx="1431">
                  <c:v>37957</c:v>
                </c:pt>
                <c:pt idx="1432">
                  <c:v>37958</c:v>
                </c:pt>
                <c:pt idx="1433">
                  <c:v>37959</c:v>
                </c:pt>
                <c:pt idx="1434">
                  <c:v>37960</c:v>
                </c:pt>
                <c:pt idx="1435">
                  <c:v>37961</c:v>
                </c:pt>
                <c:pt idx="1436">
                  <c:v>37962</c:v>
                </c:pt>
                <c:pt idx="1437">
                  <c:v>37963</c:v>
                </c:pt>
                <c:pt idx="1438">
                  <c:v>37964</c:v>
                </c:pt>
                <c:pt idx="1439">
                  <c:v>37965</c:v>
                </c:pt>
                <c:pt idx="1440">
                  <c:v>37966</c:v>
                </c:pt>
                <c:pt idx="1441">
                  <c:v>37967</c:v>
                </c:pt>
                <c:pt idx="1442">
                  <c:v>37968</c:v>
                </c:pt>
                <c:pt idx="1443">
                  <c:v>37969</c:v>
                </c:pt>
                <c:pt idx="1444">
                  <c:v>37970</c:v>
                </c:pt>
                <c:pt idx="1445">
                  <c:v>37971</c:v>
                </c:pt>
                <c:pt idx="1446">
                  <c:v>37972</c:v>
                </c:pt>
                <c:pt idx="1447">
                  <c:v>37973</c:v>
                </c:pt>
                <c:pt idx="1448">
                  <c:v>37974</c:v>
                </c:pt>
                <c:pt idx="1449">
                  <c:v>37975</c:v>
                </c:pt>
                <c:pt idx="1450">
                  <c:v>37976</c:v>
                </c:pt>
                <c:pt idx="1451">
                  <c:v>37977</c:v>
                </c:pt>
                <c:pt idx="1452">
                  <c:v>37978</c:v>
                </c:pt>
                <c:pt idx="1453">
                  <c:v>37979</c:v>
                </c:pt>
                <c:pt idx="1454">
                  <c:v>37980</c:v>
                </c:pt>
                <c:pt idx="1455">
                  <c:v>37981</c:v>
                </c:pt>
                <c:pt idx="1456">
                  <c:v>37982</c:v>
                </c:pt>
                <c:pt idx="1457">
                  <c:v>37983</c:v>
                </c:pt>
                <c:pt idx="1458">
                  <c:v>37984</c:v>
                </c:pt>
                <c:pt idx="1459">
                  <c:v>37985</c:v>
                </c:pt>
                <c:pt idx="1460">
                  <c:v>37986</c:v>
                </c:pt>
                <c:pt idx="1461">
                  <c:v>37987</c:v>
                </c:pt>
                <c:pt idx="1462">
                  <c:v>37988</c:v>
                </c:pt>
                <c:pt idx="1463">
                  <c:v>37989</c:v>
                </c:pt>
                <c:pt idx="1464">
                  <c:v>37990</c:v>
                </c:pt>
                <c:pt idx="1465">
                  <c:v>37991</c:v>
                </c:pt>
                <c:pt idx="1466">
                  <c:v>37992</c:v>
                </c:pt>
                <c:pt idx="1467">
                  <c:v>37993</c:v>
                </c:pt>
                <c:pt idx="1468">
                  <c:v>37994</c:v>
                </c:pt>
                <c:pt idx="1469">
                  <c:v>37995</c:v>
                </c:pt>
                <c:pt idx="1470">
                  <c:v>37996</c:v>
                </c:pt>
                <c:pt idx="1471">
                  <c:v>37997</c:v>
                </c:pt>
                <c:pt idx="1472">
                  <c:v>37998</c:v>
                </c:pt>
                <c:pt idx="1473">
                  <c:v>37999</c:v>
                </c:pt>
                <c:pt idx="1474">
                  <c:v>38000</c:v>
                </c:pt>
                <c:pt idx="1475">
                  <c:v>38001</c:v>
                </c:pt>
                <c:pt idx="1476">
                  <c:v>38002</c:v>
                </c:pt>
                <c:pt idx="1477">
                  <c:v>38003</c:v>
                </c:pt>
                <c:pt idx="1478">
                  <c:v>38004</c:v>
                </c:pt>
                <c:pt idx="1479">
                  <c:v>38005</c:v>
                </c:pt>
                <c:pt idx="1480">
                  <c:v>38006</c:v>
                </c:pt>
                <c:pt idx="1481">
                  <c:v>38007</c:v>
                </c:pt>
                <c:pt idx="1482">
                  <c:v>38008</c:v>
                </c:pt>
                <c:pt idx="1483">
                  <c:v>38009</c:v>
                </c:pt>
                <c:pt idx="1484">
                  <c:v>38010</c:v>
                </c:pt>
                <c:pt idx="1485">
                  <c:v>38011</c:v>
                </c:pt>
                <c:pt idx="1486">
                  <c:v>38012</c:v>
                </c:pt>
                <c:pt idx="1487">
                  <c:v>38013</c:v>
                </c:pt>
                <c:pt idx="1488">
                  <c:v>38014</c:v>
                </c:pt>
                <c:pt idx="1489">
                  <c:v>38015</c:v>
                </c:pt>
                <c:pt idx="1490">
                  <c:v>38016</c:v>
                </c:pt>
                <c:pt idx="1491">
                  <c:v>38017</c:v>
                </c:pt>
                <c:pt idx="1492">
                  <c:v>38018</c:v>
                </c:pt>
                <c:pt idx="1493">
                  <c:v>38019</c:v>
                </c:pt>
                <c:pt idx="1494">
                  <c:v>38020</c:v>
                </c:pt>
                <c:pt idx="1495">
                  <c:v>38021</c:v>
                </c:pt>
                <c:pt idx="1496">
                  <c:v>38022</c:v>
                </c:pt>
                <c:pt idx="1497">
                  <c:v>38023</c:v>
                </c:pt>
                <c:pt idx="1498">
                  <c:v>38024</c:v>
                </c:pt>
                <c:pt idx="1499">
                  <c:v>38025</c:v>
                </c:pt>
                <c:pt idx="1500">
                  <c:v>38026</c:v>
                </c:pt>
                <c:pt idx="1501">
                  <c:v>38027</c:v>
                </c:pt>
                <c:pt idx="1502">
                  <c:v>38028</c:v>
                </c:pt>
                <c:pt idx="1503">
                  <c:v>38029</c:v>
                </c:pt>
                <c:pt idx="1504">
                  <c:v>38030</c:v>
                </c:pt>
                <c:pt idx="1505">
                  <c:v>38031</c:v>
                </c:pt>
                <c:pt idx="1506">
                  <c:v>38032</c:v>
                </c:pt>
                <c:pt idx="1507">
                  <c:v>38033</c:v>
                </c:pt>
                <c:pt idx="1508">
                  <c:v>38034</c:v>
                </c:pt>
                <c:pt idx="1509">
                  <c:v>38035</c:v>
                </c:pt>
                <c:pt idx="1510">
                  <c:v>38036</c:v>
                </c:pt>
                <c:pt idx="1511">
                  <c:v>38037</c:v>
                </c:pt>
                <c:pt idx="1512">
                  <c:v>38038</c:v>
                </c:pt>
                <c:pt idx="1513">
                  <c:v>38039</c:v>
                </c:pt>
                <c:pt idx="1514">
                  <c:v>38040</c:v>
                </c:pt>
                <c:pt idx="1515">
                  <c:v>38041</c:v>
                </c:pt>
                <c:pt idx="1516">
                  <c:v>38042</c:v>
                </c:pt>
                <c:pt idx="1517">
                  <c:v>38043</c:v>
                </c:pt>
                <c:pt idx="1518">
                  <c:v>38044</c:v>
                </c:pt>
                <c:pt idx="1519">
                  <c:v>38045</c:v>
                </c:pt>
                <c:pt idx="1520">
                  <c:v>38046</c:v>
                </c:pt>
                <c:pt idx="1521">
                  <c:v>38047</c:v>
                </c:pt>
                <c:pt idx="1522">
                  <c:v>38048</c:v>
                </c:pt>
                <c:pt idx="1523">
                  <c:v>38049</c:v>
                </c:pt>
                <c:pt idx="1524">
                  <c:v>38050</c:v>
                </c:pt>
                <c:pt idx="1525">
                  <c:v>38051</c:v>
                </c:pt>
                <c:pt idx="1526">
                  <c:v>38052</c:v>
                </c:pt>
                <c:pt idx="1527">
                  <c:v>38053</c:v>
                </c:pt>
                <c:pt idx="1528">
                  <c:v>38054</c:v>
                </c:pt>
                <c:pt idx="1529">
                  <c:v>38055</c:v>
                </c:pt>
                <c:pt idx="1530">
                  <c:v>38056</c:v>
                </c:pt>
                <c:pt idx="1531">
                  <c:v>38057</c:v>
                </c:pt>
                <c:pt idx="1532">
                  <c:v>38058</c:v>
                </c:pt>
                <c:pt idx="1533">
                  <c:v>38059</c:v>
                </c:pt>
                <c:pt idx="1534">
                  <c:v>38060</c:v>
                </c:pt>
                <c:pt idx="1535">
                  <c:v>38061</c:v>
                </c:pt>
                <c:pt idx="1536">
                  <c:v>38062</c:v>
                </c:pt>
                <c:pt idx="1537">
                  <c:v>38063</c:v>
                </c:pt>
                <c:pt idx="1538">
                  <c:v>38064</c:v>
                </c:pt>
                <c:pt idx="1539">
                  <c:v>38065</c:v>
                </c:pt>
                <c:pt idx="1540">
                  <c:v>38066</c:v>
                </c:pt>
                <c:pt idx="1541">
                  <c:v>38067</c:v>
                </c:pt>
                <c:pt idx="1542">
                  <c:v>38068</c:v>
                </c:pt>
                <c:pt idx="1543">
                  <c:v>38069</c:v>
                </c:pt>
                <c:pt idx="1544">
                  <c:v>38070</c:v>
                </c:pt>
                <c:pt idx="1545">
                  <c:v>38071</c:v>
                </c:pt>
                <c:pt idx="1546">
                  <c:v>38072</c:v>
                </c:pt>
                <c:pt idx="1547">
                  <c:v>38073</c:v>
                </c:pt>
                <c:pt idx="1548">
                  <c:v>38074</c:v>
                </c:pt>
                <c:pt idx="1549">
                  <c:v>38075</c:v>
                </c:pt>
                <c:pt idx="1550">
                  <c:v>38076</c:v>
                </c:pt>
                <c:pt idx="1551">
                  <c:v>38077</c:v>
                </c:pt>
                <c:pt idx="1552">
                  <c:v>38078</c:v>
                </c:pt>
                <c:pt idx="1553">
                  <c:v>38079</c:v>
                </c:pt>
                <c:pt idx="1554">
                  <c:v>38080</c:v>
                </c:pt>
                <c:pt idx="1555">
                  <c:v>38081</c:v>
                </c:pt>
                <c:pt idx="1556">
                  <c:v>38082</c:v>
                </c:pt>
                <c:pt idx="1557">
                  <c:v>38083</c:v>
                </c:pt>
                <c:pt idx="1558">
                  <c:v>38084</c:v>
                </c:pt>
                <c:pt idx="1559">
                  <c:v>38085</c:v>
                </c:pt>
                <c:pt idx="1560">
                  <c:v>38086</c:v>
                </c:pt>
                <c:pt idx="1561">
                  <c:v>38087</c:v>
                </c:pt>
                <c:pt idx="1562">
                  <c:v>38088</c:v>
                </c:pt>
                <c:pt idx="1563">
                  <c:v>38089</c:v>
                </c:pt>
                <c:pt idx="1564">
                  <c:v>38090</c:v>
                </c:pt>
                <c:pt idx="1565">
                  <c:v>38091</c:v>
                </c:pt>
                <c:pt idx="1566">
                  <c:v>38092</c:v>
                </c:pt>
                <c:pt idx="1567">
                  <c:v>38093</c:v>
                </c:pt>
                <c:pt idx="1568">
                  <c:v>38094</c:v>
                </c:pt>
                <c:pt idx="1569">
                  <c:v>38095</c:v>
                </c:pt>
                <c:pt idx="1570">
                  <c:v>38096</c:v>
                </c:pt>
                <c:pt idx="1571">
                  <c:v>38097</c:v>
                </c:pt>
                <c:pt idx="1572">
                  <c:v>38098</c:v>
                </c:pt>
                <c:pt idx="1573">
                  <c:v>38099</c:v>
                </c:pt>
                <c:pt idx="1574">
                  <c:v>38100</c:v>
                </c:pt>
                <c:pt idx="1575">
                  <c:v>38101</c:v>
                </c:pt>
                <c:pt idx="1576">
                  <c:v>38102</c:v>
                </c:pt>
                <c:pt idx="1577">
                  <c:v>38103</c:v>
                </c:pt>
                <c:pt idx="1578">
                  <c:v>38104</c:v>
                </c:pt>
                <c:pt idx="1579">
                  <c:v>38105</c:v>
                </c:pt>
                <c:pt idx="1580">
                  <c:v>38106</c:v>
                </c:pt>
                <c:pt idx="1581">
                  <c:v>38107</c:v>
                </c:pt>
                <c:pt idx="1582">
                  <c:v>38108</c:v>
                </c:pt>
                <c:pt idx="1583">
                  <c:v>38109</c:v>
                </c:pt>
                <c:pt idx="1584">
                  <c:v>38110</c:v>
                </c:pt>
                <c:pt idx="1585">
                  <c:v>38111</c:v>
                </c:pt>
                <c:pt idx="1586">
                  <c:v>38112</c:v>
                </c:pt>
                <c:pt idx="1587">
                  <c:v>38113</c:v>
                </c:pt>
                <c:pt idx="1588">
                  <c:v>38114</c:v>
                </c:pt>
                <c:pt idx="1589">
                  <c:v>38115</c:v>
                </c:pt>
                <c:pt idx="1590">
                  <c:v>38116</c:v>
                </c:pt>
                <c:pt idx="1591">
                  <c:v>38117</c:v>
                </c:pt>
                <c:pt idx="1592">
                  <c:v>38118</c:v>
                </c:pt>
                <c:pt idx="1593">
                  <c:v>38119</c:v>
                </c:pt>
                <c:pt idx="1594">
                  <c:v>38120</c:v>
                </c:pt>
                <c:pt idx="1595">
                  <c:v>38121</c:v>
                </c:pt>
                <c:pt idx="1596">
                  <c:v>38122</c:v>
                </c:pt>
                <c:pt idx="1597">
                  <c:v>38123</c:v>
                </c:pt>
                <c:pt idx="1598">
                  <c:v>38124</c:v>
                </c:pt>
                <c:pt idx="1599">
                  <c:v>38125</c:v>
                </c:pt>
                <c:pt idx="1600">
                  <c:v>38126</c:v>
                </c:pt>
                <c:pt idx="1601">
                  <c:v>38127</c:v>
                </c:pt>
                <c:pt idx="1602">
                  <c:v>38128</c:v>
                </c:pt>
                <c:pt idx="1603">
                  <c:v>38129</c:v>
                </c:pt>
                <c:pt idx="1604">
                  <c:v>38130</c:v>
                </c:pt>
                <c:pt idx="1605">
                  <c:v>38131</c:v>
                </c:pt>
                <c:pt idx="1606">
                  <c:v>38132</c:v>
                </c:pt>
                <c:pt idx="1607">
                  <c:v>38133</c:v>
                </c:pt>
                <c:pt idx="1608">
                  <c:v>38134</c:v>
                </c:pt>
                <c:pt idx="1609">
                  <c:v>38135</c:v>
                </c:pt>
                <c:pt idx="1610">
                  <c:v>38136</c:v>
                </c:pt>
                <c:pt idx="1611">
                  <c:v>38137</c:v>
                </c:pt>
                <c:pt idx="1612">
                  <c:v>38138</c:v>
                </c:pt>
                <c:pt idx="1613">
                  <c:v>38139</c:v>
                </c:pt>
                <c:pt idx="1614">
                  <c:v>38140</c:v>
                </c:pt>
                <c:pt idx="1615">
                  <c:v>38141</c:v>
                </c:pt>
                <c:pt idx="1616">
                  <c:v>38142</c:v>
                </c:pt>
                <c:pt idx="1617">
                  <c:v>38143</c:v>
                </c:pt>
                <c:pt idx="1618">
                  <c:v>38144</c:v>
                </c:pt>
                <c:pt idx="1619">
                  <c:v>38145</c:v>
                </c:pt>
                <c:pt idx="1620">
                  <c:v>38146</c:v>
                </c:pt>
                <c:pt idx="1621">
                  <c:v>38147</c:v>
                </c:pt>
                <c:pt idx="1622">
                  <c:v>38148</c:v>
                </c:pt>
                <c:pt idx="1623">
                  <c:v>38149</c:v>
                </c:pt>
                <c:pt idx="1624">
                  <c:v>38150</c:v>
                </c:pt>
                <c:pt idx="1625">
                  <c:v>38151</c:v>
                </c:pt>
                <c:pt idx="1626">
                  <c:v>38152</c:v>
                </c:pt>
                <c:pt idx="1627">
                  <c:v>38153</c:v>
                </c:pt>
                <c:pt idx="1628">
                  <c:v>38154</c:v>
                </c:pt>
                <c:pt idx="1629">
                  <c:v>38155</c:v>
                </c:pt>
                <c:pt idx="1630">
                  <c:v>38156</c:v>
                </c:pt>
                <c:pt idx="1631">
                  <c:v>38157</c:v>
                </c:pt>
                <c:pt idx="1632">
                  <c:v>38158</c:v>
                </c:pt>
                <c:pt idx="1633">
                  <c:v>38159</c:v>
                </c:pt>
                <c:pt idx="1634">
                  <c:v>38160</c:v>
                </c:pt>
                <c:pt idx="1635">
                  <c:v>38161</c:v>
                </c:pt>
                <c:pt idx="1636">
                  <c:v>38162</c:v>
                </c:pt>
                <c:pt idx="1637">
                  <c:v>38163</c:v>
                </c:pt>
                <c:pt idx="1638">
                  <c:v>38164</c:v>
                </c:pt>
                <c:pt idx="1639">
                  <c:v>38165</c:v>
                </c:pt>
                <c:pt idx="1640">
                  <c:v>38166</c:v>
                </c:pt>
                <c:pt idx="1641">
                  <c:v>38167</c:v>
                </c:pt>
                <c:pt idx="1642">
                  <c:v>38168</c:v>
                </c:pt>
                <c:pt idx="1643">
                  <c:v>38169</c:v>
                </c:pt>
                <c:pt idx="1644">
                  <c:v>38170</c:v>
                </c:pt>
                <c:pt idx="1645">
                  <c:v>38171</c:v>
                </c:pt>
                <c:pt idx="1646">
                  <c:v>38172</c:v>
                </c:pt>
                <c:pt idx="1647">
                  <c:v>38173</c:v>
                </c:pt>
                <c:pt idx="1648">
                  <c:v>38174</c:v>
                </c:pt>
                <c:pt idx="1649">
                  <c:v>38175</c:v>
                </c:pt>
                <c:pt idx="1650">
                  <c:v>38176</c:v>
                </c:pt>
                <c:pt idx="1651">
                  <c:v>38177</c:v>
                </c:pt>
                <c:pt idx="1652">
                  <c:v>38178</c:v>
                </c:pt>
                <c:pt idx="1653">
                  <c:v>38179</c:v>
                </c:pt>
                <c:pt idx="1654">
                  <c:v>38180</c:v>
                </c:pt>
                <c:pt idx="1655">
                  <c:v>38181</c:v>
                </c:pt>
                <c:pt idx="1656">
                  <c:v>38182</c:v>
                </c:pt>
                <c:pt idx="1657">
                  <c:v>38183</c:v>
                </c:pt>
                <c:pt idx="1658">
                  <c:v>38184</c:v>
                </c:pt>
                <c:pt idx="1659">
                  <c:v>38185</c:v>
                </c:pt>
                <c:pt idx="1660">
                  <c:v>38186</c:v>
                </c:pt>
                <c:pt idx="1661">
                  <c:v>38187</c:v>
                </c:pt>
                <c:pt idx="1662">
                  <c:v>38188</c:v>
                </c:pt>
                <c:pt idx="1663">
                  <c:v>38189</c:v>
                </c:pt>
                <c:pt idx="1664">
                  <c:v>38190</c:v>
                </c:pt>
                <c:pt idx="1665">
                  <c:v>38191</c:v>
                </c:pt>
                <c:pt idx="1666">
                  <c:v>38192</c:v>
                </c:pt>
                <c:pt idx="1667">
                  <c:v>38193</c:v>
                </c:pt>
                <c:pt idx="1668">
                  <c:v>38194</c:v>
                </c:pt>
                <c:pt idx="1669">
                  <c:v>38195</c:v>
                </c:pt>
                <c:pt idx="1670">
                  <c:v>38196</c:v>
                </c:pt>
                <c:pt idx="1671">
                  <c:v>38197</c:v>
                </c:pt>
                <c:pt idx="1672">
                  <c:v>38198</c:v>
                </c:pt>
                <c:pt idx="1673">
                  <c:v>38199</c:v>
                </c:pt>
                <c:pt idx="1674">
                  <c:v>38200</c:v>
                </c:pt>
                <c:pt idx="1675">
                  <c:v>38201</c:v>
                </c:pt>
                <c:pt idx="1676">
                  <c:v>38202</c:v>
                </c:pt>
                <c:pt idx="1677">
                  <c:v>38203</c:v>
                </c:pt>
                <c:pt idx="1678">
                  <c:v>38204</c:v>
                </c:pt>
                <c:pt idx="1679">
                  <c:v>38205</c:v>
                </c:pt>
                <c:pt idx="1680">
                  <c:v>38206</c:v>
                </c:pt>
                <c:pt idx="1681">
                  <c:v>38207</c:v>
                </c:pt>
                <c:pt idx="1682">
                  <c:v>38208</c:v>
                </c:pt>
                <c:pt idx="1683">
                  <c:v>38209</c:v>
                </c:pt>
                <c:pt idx="1684">
                  <c:v>38210</c:v>
                </c:pt>
                <c:pt idx="1685">
                  <c:v>38211</c:v>
                </c:pt>
                <c:pt idx="1686">
                  <c:v>38212</c:v>
                </c:pt>
                <c:pt idx="1687">
                  <c:v>38213</c:v>
                </c:pt>
                <c:pt idx="1688">
                  <c:v>38214</c:v>
                </c:pt>
                <c:pt idx="1689">
                  <c:v>38215</c:v>
                </c:pt>
                <c:pt idx="1690">
                  <c:v>38216</c:v>
                </c:pt>
                <c:pt idx="1691">
                  <c:v>38217</c:v>
                </c:pt>
                <c:pt idx="1692">
                  <c:v>38218</c:v>
                </c:pt>
                <c:pt idx="1693">
                  <c:v>38219</c:v>
                </c:pt>
                <c:pt idx="1694">
                  <c:v>38220</c:v>
                </c:pt>
                <c:pt idx="1695">
                  <c:v>38221</c:v>
                </c:pt>
                <c:pt idx="1696">
                  <c:v>38222</c:v>
                </c:pt>
                <c:pt idx="1697">
                  <c:v>38223</c:v>
                </c:pt>
                <c:pt idx="1698">
                  <c:v>38224</c:v>
                </c:pt>
                <c:pt idx="1699">
                  <c:v>38225</c:v>
                </c:pt>
                <c:pt idx="1700">
                  <c:v>38226</c:v>
                </c:pt>
                <c:pt idx="1701">
                  <c:v>38227</c:v>
                </c:pt>
                <c:pt idx="1702">
                  <c:v>38228</c:v>
                </c:pt>
                <c:pt idx="1703">
                  <c:v>38229</c:v>
                </c:pt>
                <c:pt idx="1704">
                  <c:v>38230</c:v>
                </c:pt>
                <c:pt idx="1705">
                  <c:v>38231</c:v>
                </c:pt>
                <c:pt idx="1706">
                  <c:v>38232</c:v>
                </c:pt>
                <c:pt idx="1707">
                  <c:v>38233</c:v>
                </c:pt>
                <c:pt idx="1708">
                  <c:v>38234</c:v>
                </c:pt>
                <c:pt idx="1709">
                  <c:v>38235</c:v>
                </c:pt>
                <c:pt idx="1710">
                  <c:v>38236</c:v>
                </c:pt>
                <c:pt idx="1711">
                  <c:v>38237</c:v>
                </c:pt>
                <c:pt idx="1712">
                  <c:v>38238</c:v>
                </c:pt>
                <c:pt idx="1713">
                  <c:v>38239</c:v>
                </c:pt>
                <c:pt idx="1714">
                  <c:v>38240</c:v>
                </c:pt>
                <c:pt idx="1715">
                  <c:v>38241</c:v>
                </c:pt>
                <c:pt idx="1716">
                  <c:v>38242</c:v>
                </c:pt>
                <c:pt idx="1717">
                  <c:v>38243</c:v>
                </c:pt>
                <c:pt idx="1718">
                  <c:v>38244</c:v>
                </c:pt>
                <c:pt idx="1719">
                  <c:v>38245</c:v>
                </c:pt>
                <c:pt idx="1720">
                  <c:v>38246</c:v>
                </c:pt>
                <c:pt idx="1721">
                  <c:v>38247</c:v>
                </c:pt>
                <c:pt idx="1722">
                  <c:v>38248</c:v>
                </c:pt>
                <c:pt idx="1723">
                  <c:v>38249</c:v>
                </c:pt>
                <c:pt idx="1724">
                  <c:v>38250</c:v>
                </c:pt>
                <c:pt idx="1725">
                  <c:v>38251</c:v>
                </c:pt>
                <c:pt idx="1726">
                  <c:v>38252</c:v>
                </c:pt>
                <c:pt idx="1727">
                  <c:v>38253</c:v>
                </c:pt>
                <c:pt idx="1728">
                  <c:v>38254</c:v>
                </c:pt>
                <c:pt idx="1729">
                  <c:v>38255</c:v>
                </c:pt>
                <c:pt idx="1730">
                  <c:v>38256</c:v>
                </c:pt>
                <c:pt idx="1731">
                  <c:v>38257</c:v>
                </c:pt>
                <c:pt idx="1732">
                  <c:v>38258</c:v>
                </c:pt>
                <c:pt idx="1733">
                  <c:v>38259</c:v>
                </c:pt>
                <c:pt idx="1734">
                  <c:v>38260</c:v>
                </c:pt>
                <c:pt idx="1735">
                  <c:v>38261</c:v>
                </c:pt>
                <c:pt idx="1736">
                  <c:v>38262</c:v>
                </c:pt>
                <c:pt idx="1737">
                  <c:v>38263</c:v>
                </c:pt>
                <c:pt idx="1738">
                  <c:v>38264</c:v>
                </c:pt>
                <c:pt idx="1739">
                  <c:v>38265</c:v>
                </c:pt>
                <c:pt idx="1740">
                  <c:v>38266</c:v>
                </c:pt>
                <c:pt idx="1741">
                  <c:v>38267</c:v>
                </c:pt>
                <c:pt idx="1742">
                  <c:v>38268</c:v>
                </c:pt>
                <c:pt idx="1743">
                  <c:v>38269</c:v>
                </c:pt>
                <c:pt idx="1744">
                  <c:v>38270</c:v>
                </c:pt>
                <c:pt idx="1745">
                  <c:v>38271</c:v>
                </c:pt>
                <c:pt idx="1746">
                  <c:v>38272</c:v>
                </c:pt>
                <c:pt idx="1747">
                  <c:v>38273</c:v>
                </c:pt>
                <c:pt idx="1748">
                  <c:v>38274</c:v>
                </c:pt>
                <c:pt idx="1749">
                  <c:v>38275</c:v>
                </c:pt>
                <c:pt idx="1750">
                  <c:v>38276</c:v>
                </c:pt>
                <c:pt idx="1751">
                  <c:v>38277</c:v>
                </c:pt>
                <c:pt idx="1752">
                  <c:v>38278</c:v>
                </c:pt>
                <c:pt idx="1753">
                  <c:v>38279</c:v>
                </c:pt>
                <c:pt idx="1754">
                  <c:v>38280</c:v>
                </c:pt>
                <c:pt idx="1755">
                  <c:v>38281</c:v>
                </c:pt>
                <c:pt idx="1756">
                  <c:v>38282</c:v>
                </c:pt>
                <c:pt idx="1757">
                  <c:v>38283</c:v>
                </c:pt>
                <c:pt idx="1758">
                  <c:v>38284</c:v>
                </c:pt>
                <c:pt idx="1759">
                  <c:v>38285</c:v>
                </c:pt>
                <c:pt idx="1760">
                  <c:v>38286</c:v>
                </c:pt>
                <c:pt idx="1761">
                  <c:v>38287</c:v>
                </c:pt>
                <c:pt idx="1762">
                  <c:v>38288</c:v>
                </c:pt>
                <c:pt idx="1763">
                  <c:v>38289</c:v>
                </c:pt>
                <c:pt idx="1764">
                  <c:v>38290</c:v>
                </c:pt>
                <c:pt idx="1765">
                  <c:v>38291</c:v>
                </c:pt>
                <c:pt idx="1766">
                  <c:v>38292</c:v>
                </c:pt>
                <c:pt idx="1767">
                  <c:v>38293</c:v>
                </c:pt>
                <c:pt idx="1768">
                  <c:v>38294</c:v>
                </c:pt>
                <c:pt idx="1769">
                  <c:v>38295</c:v>
                </c:pt>
                <c:pt idx="1770">
                  <c:v>38296</c:v>
                </c:pt>
                <c:pt idx="1771">
                  <c:v>38297</c:v>
                </c:pt>
                <c:pt idx="1772">
                  <c:v>38298</c:v>
                </c:pt>
                <c:pt idx="1773">
                  <c:v>38299</c:v>
                </c:pt>
                <c:pt idx="1774">
                  <c:v>38300</c:v>
                </c:pt>
                <c:pt idx="1775">
                  <c:v>38301</c:v>
                </c:pt>
                <c:pt idx="1776">
                  <c:v>38302</c:v>
                </c:pt>
                <c:pt idx="1777">
                  <c:v>38303</c:v>
                </c:pt>
                <c:pt idx="1778">
                  <c:v>38304</c:v>
                </c:pt>
                <c:pt idx="1779">
                  <c:v>38305</c:v>
                </c:pt>
                <c:pt idx="1780">
                  <c:v>38306</c:v>
                </c:pt>
                <c:pt idx="1781">
                  <c:v>38307</c:v>
                </c:pt>
                <c:pt idx="1782">
                  <c:v>38308</c:v>
                </c:pt>
                <c:pt idx="1783">
                  <c:v>38309</c:v>
                </c:pt>
                <c:pt idx="1784">
                  <c:v>38310</c:v>
                </c:pt>
                <c:pt idx="1785">
                  <c:v>38311</c:v>
                </c:pt>
                <c:pt idx="1786">
                  <c:v>38312</c:v>
                </c:pt>
                <c:pt idx="1787">
                  <c:v>38313</c:v>
                </c:pt>
                <c:pt idx="1788">
                  <c:v>38314</c:v>
                </c:pt>
                <c:pt idx="1789">
                  <c:v>38315</c:v>
                </c:pt>
                <c:pt idx="1790">
                  <c:v>38316</c:v>
                </c:pt>
                <c:pt idx="1791">
                  <c:v>38317</c:v>
                </c:pt>
                <c:pt idx="1792">
                  <c:v>38318</c:v>
                </c:pt>
                <c:pt idx="1793">
                  <c:v>38319</c:v>
                </c:pt>
                <c:pt idx="1794">
                  <c:v>38320</c:v>
                </c:pt>
                <c:pt idx="1795">
                  <c:v>38321</c:v>
                </c:pt>
                <c:pt idx="1796">
                  <c:v>38322</c:v>
                </c:pt>
                <c:pt idx="1797">
                  <c:v>38323</c:v>
                </c:pt>
                <c:pt idx="1798">
                  <c:v>38324</c:v>
                </c:pt>
                <c:pt idx="1799">
                  <c:v>38325</c:v>
                </c:pt>
                <c:pt idx="1800">
                  <c:v>38326</c:v>
                </c:pt>
                <c:pt idx="1801">
                  <c:v>38327</c:v>
                </c:pt>
                <c:pt idx="1802">
                  <c:v>38328</c:v>
                </c:pt>
                <c:pt idx="1803">
                  <c:v>38329</c:v>
                </c:pt>
                <c:pt idx="1804">
                  <c:v>38330</c:v>
                </c:pt>
                <c:pt idx="1805">
                  <c:v>38331</c:v>
                </c:pt>
                <c:pt idx="1806">
                  <c:v>38332</c:v>
                </c:pt>
                <c:pt idx="1807">
                  <c:v>38333</c:v>
                </c:pt>
                <c:pt idx="1808">
                  <c:v>38334</c:v>
                </c:pt>
                <c:pt idx="1809">
                  <c:v>38335</c:v>
                </c:pt>
                <c:pt idx="1810">
                  <c:v>38336</c:v>
                </c:pt>
                <c:pt idx="1811">
                  <c:v>38337</c:v>
                </c:pt>
                <c:pt idx="1812">
                  <c:v>38338</c:v>
                </c:pt>
                <c:pt idx="1813">
                  <c:v>38339</c:v>
                </c:pt>
                <c:pt idx="1814">
                  <c:v>38340</c:v>
                </c:pt>
                <c:pt idx="1815">
                  <c:v>38341</c:v>
                </c:pt>
                <c:pt idx="1816">
                  <c:v>38342</c:v>
                </c:pt>
                <c:pt idx="1817">
                  <c:v>38343</c:v>
                </c:pt>
                <c:pt idx="1818">
                  <c:v>38344</c:v>
                </c:pt>
                <c:pt idx="1819">
                  <c:v>38345</c:v>
                </c:pt>
                <c:pt idx="1820">
                  <c:v>38346</c:v>
                </c:pt>
                <c:pt idx="1821">
                  <c:v>38347</c:v>
                </c:pt>
                <c:pt idx="1822">
                  <c:v>38348</c:v>
                </c:pt>
                <c:pt idx="1823">
                  <c:v>38349</c:v>
                </c:pt>
                <c:pt idx="1824">
                  <c:v>38350</c:v>
                </c:pt>
                <c:pt idx="1825">
                  <c:v>38351</c:v>
                </c:pt>
                <c:pt idx="1826">
                  <c:v>38352</c:v>
                </c:pt>
                <c:pt idx="1827">
                  <c:v>38353</c:v>
                </c:pt>
                <c:pt idx="1828">
                  <c:v>38354</c:v>
                </c:pt>
                <c:pt idx="1829">
                  <c:v>38355</c:v>
                </c:pt>
                <c:pt idx="1830">
                  <c:v>38356</c:v>
                </c:pt>
                <c:pt idx="1831">
                  <c:v>38357</c:v>
                </c:pt>
                <c:pt idx="1832">
                  <c:v>38358</c:v>
                </c:pt>
                <c:pt idx="1833">
                  <c:v>38359</c:v>
                </c:pt>
                <c:pt idx="1834">
                  <c:v>38360</c:v>
                </c:pt>
                <c:pt idx="1835">
                  <c:v>38361</c:v>
                </c:pt>
                <c:pt idx="1836">
                  <c:v>38362</c:v>
                </c:pt>
                <c:pt idx="1837">
                  <c:v>38363</c:v>
                </c:pt>
                <c:pt idx="1838">
                  <c:v>38364</c:v>
                </c:pt>
                <c:pt idx="1839">
                  <c:v>38365</c:v>
                </c:pt>
                <c:pt idx="1840">
                  <c:v>38366</c:v>
                </c:pt>
                <c:pt idx="1841">
                  <c:v>38367</c:v>
                </c:pt>
                <c:pt idx="1842">
                  <c:v>38368</c:v>
                </c:pt>
                <c:pt idx="1843">
                  <c:v>38369</c:v>
                </c:pt>
                <c:pt idx="1844">
                  <c:v>38370</c:v>
                </c:pt>
                <c:pt idx="1845">
                  <c:v>38371</c:v>
                </c:pt>
                <c:pt idx="1846">
                  <c:v>38372</c:v>
                </c:pt>
                <c:pt idx="1847">
                  <c:v>38373</c:v>
                </c:pt>
                <c:pt idx="1848">
                  <c:v>38374</c:v>
                </c:pt>
                <c:pt idx="1849">
                  <c:v>38375</c:v>
                </c:pt>
                <c:pt idx="1850">
                  <c:v>38376</c:v>
                </c:pt>
                <c:pt idx="1851">
                  <c:v>38377</c:v>
                </c:pt>
                <c:pt idx="1852">
                  <c:v>38378</c:v>
                </c:pt>
                <c:pt idx="1853">
                  <c:v>38379</c:v>
                </c:pt>
                <c:pt idx="1854">
                  <c:v>38380</c:v>
                </c:pt>
                <c:pt idx="1855">
                  <c:v>38381</c:v>
                </c:pt>
                <c:pt idx="1856">
                  <c:v>38382</c:v>
                </c:pt>
                <c:pt idx="1857">
                  <c:v>38383</c:v>
                </c:pt>
                <c:pt idx="1858">
                  <c:v>38384</c:v>
                </c:pt>
                <c:pt idx="1859">
                  <c:v>38385</c:v>
                </c:pt>
                <c:pt idx="1860">
                  <c:v>38386</c:v>
                </c:pt>
                <c:pt idx="1861">
                  <c:v>38387</c:v>
                </c:pt>
                <c:pt idx="1862">
                  <c:v>38388</c:v>
                </c:pt>
                <c:pt idx="1863">
                  <c:v>38389</c:v>
                </c:pt>
                <c:pt idx="1864">
                  <c:v>38390</c:v>
                </c:pt>
                <c:pt idx="1865">
                  <c:v>38391</c:v>
                </c:pt>
                <c:pt idx="1866">
                  <c:v>38392</c:v>
                </c:pt>
                <c:pt idx="1867">
                  <c:v>38393</c:v>
                </c:pt>
                <c:pt idx="1868">
                  <c:v>38394</c:v>
                </c:pt>
                <c:pt idx="1869">
                  <c:v>38395</c:v>
                </c:pt>
                <c:pt idx="1870">
                  <c:v>38396</c:v>
                </c:pt>
                <c:pt idx="1871">
                  <c:v>38397</c:v>
                </c:pt>
                <c:pt idx="1872">
                  <c:v>38398</c:v>
                </c:pt>
                <c:pt idx="1873">
                  <c:v>38399</c:v>
                </c:pt>
                <c:pt idx="1874">
                  <c:v>38400</c:v>
                </c:pt>
                <c:pt idx="1875">
                  <c:v>38401</c:v>
                </c:pt>
                <c:pt idx="1876">
                  <c:v>38402</c:v>
                </c:pt>
                <c:pt idx="1877">
                  <c:v>38403</c:v>
                </c:pt>
                <c:pt idx="1878">
                  <c:v>38404</c:v>
                </c:pt>
                <c:pt idx="1879">
                  <c:v>38405</c:v>
                </c:pt>
                <c:pt idx="1880">
                  <c:v>38406</c:v>
                </c:pt>
                <c:pt idx="1881">
                  <c:v>38407</c:v>
                </c:pt>
                <c:pt idx="1882">
                  <c:v>38408</c:v>
                </c:pt>
                <c:pt idx="1883">
                  <c:v>38409</c:v>
                </c:pt>
                <c:pt idx="1884">
                  <c:v>38410</c:v>
                </c:pt>
                <c:pt idx="1885">
                  <c:v>38411</c:v>
                </c:pt>
                <c:pt idx="1886">
                  <c:v>38412</c:v>
                </c:pt>
                <c:pt idx="1887">
                  <c:v>38413</c:v>
                </c:pt>
                <c:pt idx="1888">
                  <c:v>38414</c:v>
                </c:pt>
                <c:pt idx="1889">
                  <c:v>38415</c:v>
                </c:pt>
                <c:pt idx="1890">
                  <c:v>38416</c:v>
                </c:pt>
                <c:pt idx="1891">
                  <c:v>38417</c:v>
                </c:pt>
                <c:pt idx="1892">
                  <c:v>38418</c:v>
                </c:pt>
                <c:pt idx="1893">
                  <c:v>38419</c:v>
                </c:pt>
                <c:pt idx="1894">
                  <c:v>38420</c:v>
                </c:pt>
                <c:pt idx="1895">
                  <c:v>38421</c:v>
                </c:pt>
                <c:pt idx="1896">
                  <c:v>38422</c:v>
                </c:pt>
                <c:pt idx="1897">
                  <c:v>38423</c:v>
                </c:pt>
                <c:pt idx="1898">
                  <c:v>38424</c:v>
                </c:pt>
                <c:pt idx="1899">
                  <c:v>38425</c:v>
                </c:pt>
                <c:pt idx="1900">
                  <c:v>38426</c:v>
                </c:pt>
                <c:pt idx="1901">
                  <c:v>38427</c:v>
                </c:pt>
                <c:pt idx="1902">
                  <c:v>38428</c:v>
                </c:pt>
                <c:pt idx="1903">
                  <c:v>38429</c:v>
                </c:pt>
                <c:pt idx="1904">
                  <c:v>38430</c:v>
                </c:pt>
                <c:pt idx="1905">
                  <c:v>38431</c:v>
                </c:pt>
                <c:pt idx="1906">
                  <c:v>38432</c:v>
                </c:pt>
                <c:pt idx="1907">
                  <c:v>38433</c:v>
                </c:pt>
                <c:pt idx="1908">
                  <c:v>38434</c:v>
                </c:pt>
                <c:pt idx="1909">
                  <c:v>38435</c:v>
                </c:pt>
                <c:pt idx="1910">
                  <c:v>38436</c:v>
                </c:pt>
                <c:pt idx="1911">
                  <c:v>38437</c:v>
                </c:pt>
                <c:pt idx="1912">
                  <c:v>38438</c:v>
                </c:pt>
                <c:pt idx="1913">
                  <c:v>38439</c:v>
                </c:pt>
                <c:pt idx="1914">
                  <c:v>38440</c:v>
                </c:pt>
                <c:pt idx="1915">
                  <c:v>38441</c:v>
                </c:pt>
                <c:pt idx="1916">
                  <c:v>38442</c:v>
                </c:pt>
                <c:pt idx="1917">
                  <c:v>38443</c:v>
                </c:pt>
                <c:pt idx="1918">
                  <c:v>38444</c:v>
                </c:pt>
                <c:pt idx="1919">
                  <c:v>38445</c:v>
                </c:pt>
                <c:pt idx="1920">
                  <c:v>38446</c:v>
                </c:pt>
                <c:pt idx="1921">
                  <c:v>38447</c:v>
                </c:pt>
                <c:pt idx="1922">
                  <c:v>38448</c:v>
                </c:pt>
                <c:pt idx="1923">
                  <c:v>38449</c:v>
                </c:pt>
                <c:pt idx="1924">
                  <c:v>38450</c:v>
                </c:pt>
                <c:pt idx="1925">
                  <c:v>38451</c:v>
                </c:pt>
                <c:pt idx="1926">
                  <c:v>38452</c:v>
                </c:pt>
                <c:pt idx="1927">
                  <c:v>38453</c:v>
                </c:pt>
                <c:pt idx="1928">
                  <c:v>38454</c:v>
                </c:pt>
                <c:pt idx="1929">
                  <c:v>38455</c:v>
                </c:pt>
                <c:pt idx="1930">
                  <c:v>38456</c:v>
                </c:pt>
                <c:pt idx="1931">
                  <c:v>38457</c:v>
                </c:pt>
                <c:pt idx="1932">
                  <c:v>38458</c:v>
                </c:pt>
                <c:pt idx="1933">
                  <c:v>38459</c:v>
                </c:pt>
                <c:pt idx="1934">
                  <c:v>38460</c:v>
                </c:pt>
                <c:pt idx="1935">
                  <c:v>38461</c:v>
                </c:pt>
                <c:pt idx="1936">
                  <c:v>38462</c:v>
                </c:pt>
                <c:pt idx="1937">
                  <c:v>38463</c:v>
                </c:pt>
                <c:pt idx="1938">
                  <c:v>38464</c:v>
                </c:pt>
                <c:pt idx="1939">
                  <c:v>38465</c:v>
                </c:pt>
                <c:pt idx="1940">
                  <c:v>38466</c:v>
                </c:pt>
                <c:pt idx="1941">
                  <c:v>38467</c:v>
                </c:pt>
                <c:pt idx="1942">
                  <c:v>38468</c:v>
                </c:pt>
                <c:pt idx="1943">
                  <c:v>38469</c:v>
                </c:pt>
                <c:pt idx="1944">
                  <c:v>38470</c:v>
                </c:pt>
                <c:pt idx="1945">
                  <c:v>38471</c:v>
                </c:pt>
                <c:pt idx="1946">
                  <c:v>38472</c:v>
                </c:pt>
                <c:pt idx="1947">
                  <c:v>38473</c:v>
                </c:pt>
                <c:pt idx="1948">
                  <c:v>38474</c:v>
                </c:pt>
                <c:pt idx="1949">
                  <c:v>38475</c:v>
                </c:pt>
                <c:pt idx="1950">
                  <c:v>38476</c:v>
                </c:pt>
                <c:pt idx="1951">
                  <c:v>38477</c:v>
                </c:pt>
                <c:pt idx="1952">
                  <c:v>38478</c:v>
                </c:pt>
                <c:pt idx="1953">
                  <c:v>38479</c:v>
                </c:pt>
                <c:pt idx="1954">
                  <c:v>38480</c:v>
                </c:pt>
                <c:pt idx="1955">
                  <c:v>38481</c:v>
                </c:pt>
                <c:pt idx="1956">
                  <c:v>38482</c:v>
                </c:pt>
                <c:pt idx="1957">
                  <c:v>38483</c:v>
                </c:pt>
                <c:pt idx="1958">
                  <c:v>38484</c:v>
                </c:pt>
                <c:pt idx="1959">
                  <c:v>38485</c:v>
                </c:pt>
                <c:pt idx="1960">
                  <c:v>38486</c:v>
                </c:pt>
                <c:pt idx="1961">
                  <c:v>38487</c:v>
                </c:pt>
                <c:pt idx="1962">
                  <c:v>38488</c:v>
                </c:pt>
                <c:pt idx="1963">
                  <c:v>38489</c:v>
                </c:pt>
                <c:pt idx="1964">
                  <c:v>38490</c:v>
                </c:pt>
                <c:pt idx="1965">
                  <c:v>38491</c:v>
                </c:pt>
                <c:pt idx="1966">
                  <c:v>38492</c:v>
                </c:pt>
                <c:pt idx="1967">
                  <c:v>38493</c:v>
                </c:pt>
                <c:pt idx="1968">
                  <c:v>38494</c:v>
                </c:pt>
                <c:pt idx="1969">
                  <c:v>38495</c:v>
                </c:pt>
                <c:pt idx="1970">
                  <c:v>38496</c:v>
                </c:pt>
                <c:pt idx="1971">
                  <c:v>38497</c:v>
                </c:pt>
                <c:pt idx="1972">
                  <c:v>38498</c:v>
                </c:pt>
                <c:pt idx="1973">
                  <c:v>38499</c:v>
                </c:pt>
                <c:pt idx="1974">
                  <c:v>38500</c:v>
                </c:pt>
                <c:pt idx="1975">
                  <c:v>38501</c:v>
                </c:pt>
                <c:pt idx="1976">
                  <c:v>38502</c:v>
                </c:pt>
                <c:pt idx="1977">
                  <c:v>38503</c:v>
                </c:pt>
                <c:pt idx="1978">
                  <c:v>38504</c:v>
                </c:pt>
                <c:pt idx="1979">
                  <c:v>38505</c:v>
                </c:pt>
                <c:pt idx="1980">
                  <c:v>38506</c:v>
                </c:pt>
                <c:pt idx="1981">
                  <c:v>38507</c:v>
                </c:pt>
                <c:pt idx="1982">
                  <c:v>38508</c:v>
                </c:pt>
                <c:pt idx="1983">
                  <c:v>38509</c:v>
                </c:pt>
                <c:pt idx="1984">
                  <c:v>38510</c:v>
                </c:pt>
                <c:pt idx="1985">
                  <c:v>38511</c:v>
                </c:pt>
                <c:pt idx="1986">
                  <c:v>38512</c:v>
                </c:pt>
                <c:pt idx="1987">
                  <c:v>38513</c:v>
                </c:pt>
                <c:pt idx="1988">
                  <c:v>38514</c:v>
                </c:pt>
                <c:pt idx="1989">
                  <c:v>38515</c:v>
                </c:pt>
                <c:pt idx="1990">
                  <c:v>38516</c:v>
                </c:pt>
                <c:pt idx="1991">
                  <c:v>38517</c:v>
                </c:pt>
                <c:pt idx="1992">
                  <c:v>38518</c:v>
                </c:pt>
                <c:pt idx="1993">
                  <c:v>38519</c:v>
                </c:pt>
                <c:pt idx="1994">
                  <c:v>38520</c:v>
                </c:pt>
                <c:pt idx="1995">
                  <c:v>38521</c:v>
                </c:pt>
                <c:pt idx="1996">
                  <c:v>38522</c:v>
                </c:pt>
                <c:pt idx="1997">
                  <c:v>38523</c:v>
                </c:pt>
                <c:pt idx="1998">
                  <c:v>38524</c:v>
                </c:pt>
                <c:pt idx="1999">
                  <c:v>38525</c:v>
                </c:pt>
                <c:pt idx="2000">
                  <c:v>38526</c:v>
                </c:pt>
                <c:pt idx="2001">
                  <c:v>38527</c:v>
                </c:pt>
                <c:pt idx="2002">
                  <c:v>38528</c:v>
                </c:pt>
                <c:pt idx="2003">
                  <c:v>38529</c:v>
                </c:pt>
                <c:pt idx="2004">
                  <c:v>38530</c:v>
                </c:pt>
                <c:pt idx="2005">
                  <c:v>38531</c:v>
                </c:pt>
                <c:pt idx="2006">
                  <c:v>38532</c:v>
                </c:pt>
                <c:pt idx="2007">
                  <c:v>38533</c:v>
                </c:pt>
                <c:pt idx="2008">
                  <c:v>38534</c:v>
                </c:pt>
                <c:pt idx="2009">
                  <c:v>38535</c:v>
                </c:pt>
                <c:pt idx="2010">
                  <c:v>38536</c:v>
                </c:pt>
                <c:pt idx="2011">
                  <c:v>38537</c:v>
                </c:pt>
                <c:pt idx="2012">
                  <c:v>38538</c:v>
                </c:pt>
                <c:pt idx="2013">
                  <c:v>38539</c:v>
                </c:pt>
                <c:pt idx="2014">
                  <c:v>38540</c:v>
                </c:pt>
                <c:pt idx="2015">
                  <c:v>38541</c:v>
                </c:pt>
                <c:pt idx="2016">
                  <c:v>38542</c:v>
                </c:pt>
                <c:pt idx="2017">
                  <c:v>38543</c:v>
                </c:pt>
                <c:pt idx="2018">
                  <c:v>38544</c:v>
                </c:pt>
                <c:pt idx="2019">
                  <c:v>38545</c:v>
                </c:pt>
                <c:pt idx="2020">
                  <c:v>38546</c:v>
                </c:pt>
                <c:pt idx="2021">
                  <c:v>38547</c:v>
                </c:pt>
                <c:pt idx="2022">
                  <c:v>38548</c:v>
                </c:pt>
                <c:pt idx="2023">
                  <c:v>38549</c:v>
                </c:pt>
                <c:pt idx="2024">
                  <c:v>38550</c:v>
                </c:pt>
                <c:pt idx="2025">
                  <c:v>38551</c:v>
                </c:pt>
                <c:pt idx="2026">
                  <c:v>38552</c:v>
                </c:pt>
                <c:pt idx="2027">
                  <c:v>38553</c:v>
                </c:pt>
                <c:pt idx="2028">
                  <c:v>38554</c:v>
                </c:pt>
                <c:pt idx="2029">
                  <c:v>38555</c:v>
                </c:pt>
                <c:pt idx="2030">
                  <c:v>38556</c:v>
                </c:pt>
                <c:pt idx="2031">
                  <c:v>38557</c:v>
                </c:pt>
                <c:pt idx="2032">
                  <c:v>38558</c:v>
                </c:pt>
                <c:pt idx="2033">
                  <c:v>38559</c:v>
                </c:pt>
                <c:pt idx="2034">
                  <c:v>38560</c:v>
                </c:pt>
                <c:pt idx="2035">
                  <c:v>38561</c:v>
                </c:pt>
                <c:pt idx="2036">
                  <c:v>38562</c:v>
                </c:pt>
                <c:pt idx="2037">
                  <c:v>38563</c:v>
                </c:pt>
                <c:pt idx="2038">
                  <c:v>38564</c:v>
                </c:pt>
                <c:pt idx="2039">
                  <c:v>38565</c:v>
                </c:pt>
                <c:pt idx="2040">
                  <c:v>38566</c:v>
                </c:pt>
                <c:pt idx="2041">
                  <c:v>38567</c:v>
                </c:pt>
                <c:pt idx="2042">
                  <c:v>38568</c:v>
                </c:pt>
                <c:pt idx="2043">
                  <c:v>38569</c:v>
                </c:pt>
                <c:pt idx="2044">
                  <c:v>38570</c:v>
                </c:pt>
                <c:pt idx="2045">
                  <c:v>38571</c:v>
                </c:pt>
                <c:pt idx="2046">
                  <c:v>38572</c:v>
                </c:pt>
                <c:pt idx="2047">
                  <c:v>38573</c:v>
                </c:pt>
                <c:pt idx="2048">
                  <c:v>38574</c:v>
                </c:pt>
                <c:pt idx="2049">
                  <c:v>38575</c:v>
                </c:pt>
                <c:pt idx="2050">
                  <c:v>38576</c:v>
                </c:pt>
                <c:pt idx="2051">
                  <c:v>38577</c:v>
                </c:pt>
                <c:pt idx="2052">
                  <c:v>38578</c:v>
                </c:pt>
                <c:pt idx="2053">
                  <c:v>38579</c:v>
                </c:pt>
                <c:pt idx="2054">
                  <c:v>38580</c:v>
                </c:pt>
                <c:pt idx="2055">
                  <c:v>38581</c:v>
                </c:pt>
                <c:pt idx="2056">
                  <c:v>38582</c:v>
                </c:pt>
                <c:pt idx="2057">
                  <c:v>38583</c:v>
                </c:pt>
                <c:pt idx="2058">
                  <c:v>38584</c:v>
                </c:pt>
                <c:pt idx="2059">
                  <c:v>38585</c:v>
                </c:pt>
                <c:pt idx="2060">
                  <c:v>38586</c:v>
                </c:pt>
                <c:pt idx="2061">
                  <c:v>38587</c:v>
                </c:pt>
                <c:pt idx="2062">
                  <c:v>38588</c:v>
                </c:pt>
                <c:pt idx="2063">
                  <c:v>38589</c:v>
                </c:pt>
                <c:pt idx="2064">
                  <c:v>38590</c:v>
                </c:pt>
                <c:pt idx="2065">
                  <c:v>38591</c:v>
                </c:pt>
                <c:pt idx="2066">
                  <c:v>38592</c:v>
                </c:pt>
                <c:pt idx="2067">
                  <c:v>38593</c:v>
                </c:pt>
                <c:pt idx="2068">
                  <c:v>38594</c:v>
                </c:pt>
                <c:pt idx="2069">
                  <c:v>38595</c:v>
                </c:pt>
                <c:pt idx="2070">
                  <c:v>38596</c:v>
                </c:pt>
                <c:pt idx="2071">
                  <c:v>38597</c:v>
                </c:pt>
                <c:pt idx="2072">
                  <c:v>38598</c:v>
                </c:pt>
                <c:pt idx="2073">
                  <c:v>38599</c:v>
                </c:pt>
                <c:pt idx="2074">
                  <c:v>38600</c:v>
                </c:pt>
                <c:pt idx="2075">
                  <c:v>38601</c:v>
                </c:pt>
                <c:pt idx="2076">
                  <c:v>38602</c:v>
                </c:pt>
                <c:pt idx="2077">
                  <c:v>38603</c:v>
                </c:pt>
                <c:pt idx="2078">
                  <c:v>38604</c:v>
                </c:pt>
                <c:pt idx="2079">
                  <c:v>38605</c:v>
                </c:pt>
                <c:pt idx="2080">
                  <c:v>38606</c:v>
                </c:pt>
                <c:pt idx="2081">
                  <c:v>38607</c:v>
                </c:pt>
                <c:pt idx="2082">
                  <c:v>38608</c:v>
                </c:pt>
                <c:pt idx="2083">
                  <c:v>38609</c:v>
                </c:pt>
                <c:pt idx="2084">
                  <c:v>38610</c:v>
                </c:pt>
                <c:pt idx="2085">
                  <c:v>38611</c:v>
                </c:pt>
                <c:pt idx="2086">
                  <c:v>38612</c:v>
                </c:pt>
                <c:pt idx="2087">
                  <c:v>38613</c:v>
                </c:pt>
                <c:pt idx="2088">
                  <c:v>38614</c:v>
                </c:pt>
                <c:pt idx="2089">
                  <c:v>38615</c:v>
                </c:pt>
                <c:pt idx="2090">
                  <c:v>38616</c:v>
                </c:pt>
                <c:pt idx="2091">
                  <c:v>38617</c:v>
                </c:pt>
                <c:pt idx="2092">
                  <c:v>38618</c:v>
                </c:pt>
                <c:pt idx="2093">
                  <c:v>38619</c:v>
                </c:pt>
                <c:pt idx="2094">
                  <c:v>38620</c:v>
                </c:pt>
                <c:pt idx="2095">
                  <c:v>38621</c:v>
                </c:pt>
                <c:pt idx="2096">
                  <c:v>38622</c:v>
                </c:pt>
                <c:pt idx="2097">
                  <c:v>38623</c:v>
                </c:pt>
                <c:pt idx="2098">
                  <c:v>38624</c:v>
                </c:pt>
                <c:pt idx="2099">
                  <c:v>38625</c:v>
                </c:pt>
                <c:pt idx="2100">
                  <c:v>38626</c:v>
                </c:pt>
                <c:pt idx="2101">
                  <c:v>38627</c:v>
                </c:pt>
                <c:pt idx="2102">
                  <c:v>38628</c:v>
                </c:pt>
                <c:pt idx="2103">
                  <c:v>38629</c:v>
                </c:pt>
                <c:pt idx="2104">
                  <c:v>38630</c:v>
                </c:pt>
                <c:pt idx="2105">
                  <c:v>38631</c:v>
                </c:pt>
                <c:pt idx="2106">
                  <c:v>38632</c:v>
                </c:pt>
                <c:pt idx="2107">
                  <c:v>38633</c:v>
                </c:pt>
                <c:pt idx="2108">
                  <c:v>38634</c:v>
                </c:pt>
                <c:pt idx="2109">
                  <c:v>38635</c:v>
                </c:pt>
                <c:pt idx="2110">
                  <c:v>38636</c:v>
                </c:pt>
                <c:pt idx="2111">
                  <c:v>38637</c:v>
                </c:pt>
                <c:pt idx="2112">
                  <c:v>38638</c:v>
                </c:pt>
                <c:pt idx="2113">
                  <c:v>38639</c:v>
                </c:pt>
                <c:pt idx="2114">
                  <c:v>38640</c:v>
                </c:pt>
                <c:pt idx="2115">
                  <c:v>38641</c:v>
                </c:pt>
                <c:pt idx="2116">
                  <c:v>38642</c:v>
                </c:pt>
                <c:pt idx="2117">
                  <c:v>38643</c:v>
                </c:pt>
                <c:pt idx="2118">
                  <c:v>38644</c:v>
                </c:pt>
                <c:pt idx="2119">
                  <c:v>38645</c:v>
                </c:pt>
                <c:pt idx="2120">
                  <c:v>38646</c:v>
                </c:pt>
                <c:pt idx="2121">
                  <c:v>38647</c:v>
                </c:pt>
                <c:pt idx="2122">
                  <c:v>38648</c:v>
                </c:pt>
                <c:pt idx="2123">
                  <c:v>38649</c:v>
                </c:pt>
                <c:pt idx="2124">
                  <c:v>38650</c:v>
                </c:pt>
                <c:pt idx="2125">
                  <c:v>38651</c:v>
                </c:pt>
                <c:pt idx="2126">
                  <c:v>38652</c:v>
                </c:pt>
                <c:pt idx="2127">
                  <c:v>38653</c:v>
                </c:pt>
                <c:pt idx="2128">
                  <c:v>38654</c:v>
                </c:pt>
                <c:pt idx="2129">
                  <c:v>38655</c:v>
                </c:pt>
                <c:pt idx="2130">
                  <c:v>38656</c:v>
                </c:pt>
                <c:pt idx="2131">
                  <c:v>38657</c:v>
                </c:pt>
                <c:pt idx="2132">
                  <c:v>38658</c:v>
                </c:pt>
                <c:pt idx="2133">
                  <c:v>38659</c:v>
                </c:pt>
                <c:pt idx="2134">
                  <c:v>38660</c:v>
                </c:pt>
                <c:pt idx="2135">
                  <c:v>38661</c:v>
                </c:pt>
                <c:pt idx="2136">
                  <c:v>38662</c:v>
                </c:pt>
                <c:pt idx="2137">
                  <c:v>38663</c:v>
                </c:pt>
                <c:pt idx="2138">
                  <c:v>38664</c:v>
                </c:pt>
                <c:pt idx="2139">
                  <c:v>38665</c:v>
                </c:pt>
                <c:pt idx="2140">
                  <c:v>38666</c:v>
                </c:pt>
                <c:pt idx="2141">
                  <c:v>38667</c:v>
                </c:pt>
                <c:pt idx="2142">
                  <c:v>38668</c:v>
                </c:pt>
                <c:pt idx="2143">
                  <c:v>38669</c:v>
                </c:pt>
                <c:pt idx="2144">
                  <c:v>38670</c:v>
                </c:pt>
                <c:pt idx="2145">
                  <c:v>38671</c:v>
                </c:pt>
                <c:pt idx="2146">
                  <c:v>38672</c:v>
                </c:pt>
                <c:pt idx="2147">
                  <c:v>38673</c:v>
                </c:pt>
                <c:pt idx="2148">
                  <c:v>38674</c:v>
                </c:pt>
                <c:pt idx="2149">
                  <c:v>38675</c:v>
                </c:pt>
                <c:pt idx="2150">
                  <c:v>38676</c:v>
                </c:pt>
                <c:pt idx="2151">
                  <c:v>38677</c:v>
                </c:pt>
                <c:pt idx="2152">
                  <c:v>38678</c:v>
                </c:pt>
                <c:pt idx="2153">
                  <c:v>38679</c:v>
                </c:pt>
                <c:pt idx="2154">
                  <c:v>38680</c:v>
                </c:pt>
                <c:pt idx="2155">
                  <c:v>38681</c:v>
                </c:pt>
                <c:pt idx="2156">
                  <c:v>38682</c:v>
                </c:pt>
                <c:pt idx="2157">
                  <c:v>38683</c:v>
                </c:pt>
                <c:pt idx="2158">
                  <c:v>38684</c:v>
                </c:pt>
                <c:pt idx="2159">
                  <c:v>38685</c:v>
                </c:pt>
                <c:pt idx="2160">
                  <c:v>38686</c:v>
                </c:pt>
                <c:pt idx="2161">
                  <c:v>38687</c:v>
                </c:pt>
                <c:pt idx="2162">
                  <c:v>38688</c:v>
                </c:pt>
                <c:pt idx="2163">
                  <c:v>38689</c:v>
                </c:pt>
                <c:pt idx="2164">
                  <c:v>38690</c:v>
                </c:pt>
                <c:pt idx="2165">
                  <c:v>38691</c:v>
                </c:pt>
                <c:pt idx="2166">
                  <c:v>38692</c:v>
                </c:pt>
                <c:pt idx="2167">
                  <c:v>38693</c:v>
                </c:pt>
                <c:pt idx="2168">
                  <c:v>38694</c:v>
                </c:pt>
                <c:pt idx="2169">
                  <c:v>38695</c:v>
                </c:pt>
                <c:pt idx="2170">
                  <c:v>38696</c:v>
                </c:pt>
                <c:pt idx="2171">
                  <c:v>38697</c:v>
                </c:pt>
                <c:pt idx="2172">
                  <c:v>38698</c:v>
                </c:pt>
                <c:pt idx="2173">
                  <c:v>38699</c:v>
                </c:pt>
                <c:pt idx="2174">
                  <c:v>38700</c:v>
                </c:pt>
                <c:pt idx="2175">
                  <c:v>38701</c:v>
                </c:pt>
                <c:pt idx="2176">
                  <c:v>38702</c:v>
                </c:pt>
                <c:pt idx="2177">
                  <c:v>38703</c:v>
                </c:pt>
                <c:pt idx="2178">
                  <c:v>38704</c:v>
                </c:pt>
                <c:pt idx="2179">
                  <c:v>38705</c:v>
                </c:pt>
                <c:pt idx="2180">
                  <c:v>38706</c:v>
                </c:pt>
                <c:pt idx="2181">
                  <c:v>38707</c:v>
                </c:pt>
                <c:pt idx="2182">
                  <c:v>38708</c:v>
                </c:pt>
                <c:pt idx="2183">
                  <c:v>38709</c:v>
                </c:pt>
                <c:pt idx="2184">
                  <c:v>38710</c:v>
                </c:pt>
                <c:pt idx="2185">
                  <c:v>38711</c:v>
                </c:pt>
                <c:pt idx="2186">
                  <c:v>38712</c:v>
                </c:pt>
                <c:pt idx="2187">
                  <c:v>38713</c:v>
                </c:pt>
                <c:pt idx="2188">
                  <c:v>38714</c:v>
                </c:pt>
                <c:pt idx="2189">
                  <c:v>38715</c:v>
                </c:pt>
                <c:pt idx="2190">
                  <c:v>38716</c:v>
                </c:pt>
                <c:pt idx="2191">
                  <c:v>38717</c:v>
                </c:pt>
                <c:pt idx="2192">
                  <c:v>38718</c:v>
                </c:pt>
                <c:pt idx="2193">
                  <c:v>38719</c:v>
                </c:pt>
                <c:pt idx="2194">
                  <c:v>38720</c:v>
                </c:pt>
                <c:pt idx="2195">
                  <c:v>38721</c:v>
                </c:pt>
                <c:pt idx="2196">
                  <c:v>38722</c:v>
                </c:pt>
                <c:pt idx="2197">
                  <c:v>38723</c:v>
                </c:pt>
                <c:pt idx="2198">
                  <c:v>38724</c:v>
                </c:pt>
                <c:pt idx="2199">
                  <c:v>38725</c:v>
                </c:pt>
                <c:pt idx="2200">
                  <c:v>38726</c:v>
                </c:pt>
                <c:pt idx="2201">
                  <c:v>38727</c:v>
                </c:pt>
                <c:pt idx="2202">
                  <c:v>38728</c:v>
                </c:pt>
                <c:pt idx="2203">
                  <c:v>38729</c:v>
                </c:pt>
                <c:pt idx="2204">
                  <c:v>38730</c:v>
                </c:pt>
                <c:pt idx="2205">
                  <c:v>38731</c:v>
                </c:pt>
                <c:pt idx="2206">
                  <c:v>38732</c:v>
                </c:pt>
                <c:pt idx="2207">
                  <c:v>38733</c:v>
                </c:pt>
                <c:pt idx="2208">
                  <c:v>38734</c:v>
                </c:pt>
                <c:pt idx="2209">
                  <c:v>38735</c:v>
                </c:pt>
                <c:pt idx="2210">
                  <c:v>38736</c:v>
                </c:pt>
                <c:pt idx="2211">
                  <c:v>38737</c:v>
                </c:pt>
                <c:pt idx="2212">
                  <c:v>38738</c:v>
                </c:pt>
                <c:pt idx="2213">
                  <c:v>38739</c:v>
                </c:pt>
                <c:pt idx="2214">
                  <c:v>38740</c:v>
                </c:pt>
                <c:pt idx="2215">
                  <c:v>38741</c:v>
                </c:pt>
                <c:pt idx="2216">
                  <c:v>38742</c:v>
                </c:pt>
                <c:pt idx="2217">
                  <c:v>38743</c:v>
                </c:pt>
                <c:pt idx="2218">
                  <c:v>38744</c:v>
                </c:pt>
                <c:pt idx="2219">
                  <c:v>38745</c:v>
                </c:pt>
                <c:pt idx="2220">
                  <c:v>38746</c:v>
                </c:pt>
                <c:pt idx="2221">
                  <c:v>38747</c:v>
                </c:pt>
                <c:pt idx="2222">
                  <c:v>38748</c:v>
                </c:pt>
                <c:pt idx="2223">
                  <c:v>38749</c:v>
                </c:pt>
                <c:pt idx="2224">
                  <c:v>38750</c:v>
                </c:pt>
                <c:pt idx="2225">
                  <c:v>38751</c:v>
                </c:pt>
                <c:pt idx="2226">
                  <c:v>38752</c:v>
                </c:pt>
                <c:pt idx="2227">
                  <c:v>38753</c:v>
                </c:pt>
                <c:pt idx="2228">
                  <c:v>38754</c:v>
                </c:pt>
                <c:pt idx="2229">
                  <c:v>38755</c:v>
                </c:pt>
                <c:pt idx="2230">
                  <c:v>38756</c:v>
                </c:pt>
                <c:pt idx="2231">
                  <c:v>38757</c:v>
                </c:pt>
                <c:pt idx="2232">
                  <c:v>38758</c:v>
                </c:pt>
                <c:pt idx="2233">
                  <c:v>38759</c:v>
                </c:pt>
                <c:pt idx="2234">
                  <c:v>38760</c:v>
                </c:pt>
                <c:pt idx="2235">
                  <c:v>38761</c:v>
                </c:pt>
                <c:pt idx="2236">
                  <c:v>38762</c:v>
                </c:pt>
                <c:pt idx="2237">
                  <c:v>38763</c:v>
                </c:pt>
                <c:pt idx="2238">
                  <c:v>38764</c:v>
                </c:pt>
                <c:pt idx="2239">
                  <c:v>38765</c:v>
                </c:pt>
                <c:pt idx="2240">
                  <c:v>38766</c:v>
                </c:pt>
                <c:pt idx="2241">
                  <c:v>38767</c:v>
                </c:pt>
                <c:pt idx="2242">
                  <c:v>38768</c:v>
                </c:pt>
                <c:pt idx="2243">
                  <c:v>38769</c:v>
                </c:pt>
                <c:pt idx="2244">
                  <c:v>38770</c:v>
                </c:pt>
                <c:pt idx="2245">
                  <c:v>38771</c:v>
                </c:pt>
                <c:pt idx="2246">
                  <c:v>38772</c:v>
                </c:pt>
                <c:pt idx="2247">
                  <c:v>38773</c:v>
                </c:pt>
                <c:pt idx="2248">
                  <c:v>38774</c:v>
                </c:pt>
                <c:pt idx="2249">
                  <c:v>38775</c:v>
                </c:pt>
                <c:pt idx="2250">
                  <c:v>38776</c:v>
                </c:pt>
                <c:pt idx="2251">
                  <c:v>38777</c:v>
                </c:pt>
                <c:pt idx="2252">
                  <c:v>38778</c:v>
                </c:pt>
                <c:pt idx="2253">
                  <c:v>38779</c:v>
                </c:pt>
                <c:pt idx="2254">
                  <c:v>38780</c:v>
                </c:pt>
                <c:pt idx="2255">
                  <c:v>38781</c:v>
                </c:pt>
                <c:pt idx="2256">
                  <c:v>38782</c:v>
                </c:pt>
                <c:pt idx="2257">
                  <c:v>38783</c:v>
                </c:pt>
                <c:pt idx="2258">
                  <c:v>38784</c:v>
                </c:pt>
                <c:pt idx="2259">
                  <c:v>38785</c:v>
                </c:pt>
                <c:pt idx="2260">
                  <c:v>38786</c:v>
                </c:pt>
                <c:pt idx="2261">
                  <c:v>38787</c:v>
                </c:pt>
                <c:pt idx="2262">
                  <c:v>38788</c:v>
                </c:pt>
                <c:pt idx="2263">
                  <c:v>38789</c:v>
                </c:pt>
                <c:pt idx="2264">
                  <c:v>38790</c:v>
                </c:pt>
                <c:pt idx="2265">
                  <c:v>38791</c:v>
                </c:pt>
                <c:pt idx="2266">
                  <c:v>38792</c:v>
                </c:pt>
                <c:pt idx="2267">
                  <c:v>38793</c:v>
                </c:pt>
                <c:pt idx="2268">
                  <c:v>38794</c:v>
                </c:pt>
                <c:pt idx="2269">
                  <c:v>38795</c:v>
                </c:pt>
                <c:pt idx="2270">
                  <c:v>38796</c:v>
                </c:pt>
                <c:pt idx="2271">
                  <c:v>38797</c:v>
                </c:pt>
                <c:pt idx="2272">
                  <c:v>38798</c:v>
                </c:pt>
                <c:pt idx="2273">
                  <c:v>38799</c:v>
                </c:pt>
                <c:pt idx="2274">
                  <c:v>38800</c:v>
                </c:pt>
                <c:pt idx="2275">
                  <c:v>38801</c:v>
                </c:pt>
                <c:pt idx="2276">
                  <c:v>38802</c:v>
                </c:pt>
                <c:pt idx="2277">
                  <c:v>38803</c:v>
                </c:pt>
                <c:pt idx="2278">
                  <c:v>38804</c:v>
                </c:pt>
                <c:pt idx="2279">
                  <c:v>38805</c:v>
                </c:pt>
                <c:pt idx="2280">
                  <c:v>38806</c:v>
                </c:pt>
                <c:pt idx="2281">
                  <c:v>38807</c:v>
                </c:pt>
                <c:pt idx="2282">
                  <c:v>38808</c:v>
                </c:pt>
                <c:pt idx="2283">
                  <c:v>38809</c:v>
                </c:pt>
                <c:pt idx="2284">
                  <c:v>38810</c:v>
                </c:pt>
                <c:pt idx="2285">
                  <c:v>38811</c:v>
                </c:pt>
                <c:pt idx="2286">
                  <c:v>38812</c:v>
                </c:pt>
                <c:pt idx="2287">
                  <c:v>38813</c:v>
                </c:pt>
                <c:pt idx="2288">
                  <c:v>38814</c:v>
                </c:pt>
                <c:pt idx="2289">
                  <c:v>38815</c:v>
                </c:pt>
                <c:pt idx="2290">
                  <c:v>38816</c:v>
                </c:pt>
                <c:pt idx="2291">
                  <c:v>38817</c:v>
                </c:pt>
                <c:pt idx="2292">
                  <c:v>38818</c:v>
                </c:pt>
                <c:pt idx="2293">
                  <c:v>38819</c:v>
                </c:pt>
                <c:pt idx="2294">
                  <c:v>38820</c:v>
                </c:pt>
                <c:pt idx="2295">
                  <c:v>38821</c:v>
                </c:pt>
                <c:pt idx="2296">
                  <c:v>38822</c:v>
                </c:pt>
                <c:pt idx="2297">
                  <c:v>38823</c:v>
                </c:pt>
                <c:pt idx="2298">
                  <c:v>38824</c:v>
                </c:pt>
                <c:pt idx="2299">
                  <c:v>38825</c:v>
                </c:pt>
                <c:pt idx="2300">
                  <c:v>38826</c:v>
                </c:pt>
                <c:pt idx="2301">
                  <c:v>38827</c:v>
                </c:pt>
                <c:pt idx="2302">
                  <c:v>38828</c:v>
                </c:pt>
                <c:pt idx="2303">
                  <c:v>38829</c:v>
                </c:pt>
                <c:pt idx="2304">
                  <c:v>38830</c:v>
                </c:pt>
                <c:pt idx="2305">
                  <c:v>38831</c:v>
                </c:pt>
                <c:pt idx="2306">
                  <c:v>38832</c:v>
                </c:pt>
                <c:pt idx="2307">
                  <c:v>38833</c:v>
                </c:pt>
                <c:pt idx="2308">
                  <c:v>38834</c:v>
                </c:pt>
                <c:pt idx="2309">
                  <c:v>38835</c:v>
                </c:pt>
                <c:pt idx="2310">
                  <c:v>38836</c:v>
                </c:pt>
                <c:pt idx="2311">
                  <c:v>38837</c:v>
                </c:pt>
                <c:pt idx="2312">
                  <c:v>38838</c:v>
                </c:pt>
                <c:pt idx="2313">
                  <c:v>38839</c:v>
                </c:pt>
                <c:pt idx="2314">
                  <c:v>38840</c:v>
                </c:pt>
                <c:pt idx="2315">
                  <c:v>38841</c:v>
                </c:pt>
                <c:pt idx="2316">
                  <c:v>38842</c:v>
                </c:pt>
                <c:pt idx="2317">
                  <c:v>38843</c:v>
                </c:pt>
                <c:pt idx="2318">
                  <c:v>38844</c:v>
                </c:pt>
                <c:pt idx="2319">
                  <c:v>38845</c:v>
                </c:pt>
                <c:pt idx="2320">
                  <c:v>38846</c:v>
                </c:pt>
                <c:pt idx="2321">
                  <c:v>38847</c:v>
                </c:pt>
                <c:pt idx="2322">
                  <c:v>38848</c:v>
                </c:pt>
                <c:pt idx="2323">
                  <c:v>38849</c:v>
                </c:pt>
                <c:pt idx="2324">
                  <c:v>38850</c:v>
                </c:pt>
                <c:pt idx="2325">
                  <c:v>38851</c:v>
                </c:pt>
                <c:pt idx="2326">
                  <c:v>38852</c:v>
                </c:pt>
                <c:pt idx="2327">
                  <c:v>38853</c:v>
                </c:pt>
                <c:pt idx="2328">
                  <c:v>38854</c:v>
                </c:pt>
                <c:pt idx="2329">
                  <c:v>38855</c:v>
                </c:pt>
                <c:pt idx="2330">
                  <c:v>38856</c:v>
                </c:pt>
                <c:pt idx="2331">
                  <c:v>38857</c:v>
                </c:pt>
                <c:pt idx="2332">
                  <c:v>38858</c:v>
                </c:pt>
                <c:pt idx="2333">
                  <c:v>38859</c:v>
                </c:pt>
                <c:pt idx="2334">
                  <c:v>38860</c:v>
                </c:pt>
                <c:pt idx="2335">
                  <c:v>38861</c:v>
                </c:pt>
                <c:pt idx="2336">
                  <c:v>38862</c:v>
                </c:pt>
                <c:pt idx="2337">
                  <c:v>38863</c:v>
                </c:pt>
                <c:pt idx="2338">
                  <c:v>38864</c:v>
                </c:pt>
                <c:pt idx="2339">
                  <c:v>38865</c:v>
                </c:pt>
                <c:pt idx="2340">
                  <c:v>38866</c:v>
                </c:pt>
                <c:pt idx="2341">
                  <c:v>38867</c:v>
                </c:pt>
                <c:pt idx="2342">
                  <c:v>38868</c:v>
                </c:pt>
                <c:pt idx="2343">
                  <c:v>38869</c:v>
                </c:pt>
                <c:pt idx="2344">
                  <c:v>38870</c:v>
                </c:pt>
                <c:pt idx="2345">
                  <c:v>38871</c:v>
                </c:pt>
                <c:pt idx="2346">
                  <c:v>38872</c:v>
                </c:pt>
                <c:pt idx="2347">
                  <c:v>38873</c:v>
                </c:pt>
                <c:pt idx="2348">
                  <c:v>38874</c:v>
                </c:pt>
                <c:pt idx="2349">
                  <c:v>38875</c:v>
                </c:pt>
                <c:pt idx="2350">
                  <c:v>38876</c:v>
                </c:pt>
                <c:pt idx="2351">
                  <c:v>38877</c:v>
                </c:pt>
                <c:pt idx="2352">
                  <c:v>38878</c:v>
                </c:pt>
                <c:pt idx="2353">
                  <c:v>38879</c:v>
                </c:pt>
                <c:pt idx="2354">
                  <c:v>38880</c:v>
                </c:pt>
                <c:pt idx="2355">
                  <c:v>38881</c:v>
                </c:pt>
                <c:pt idx="2356">
                  <c:v>38882</c:v>
                </c:pt>
                <c:pt idx="2357">
                  <c:v>38883</c:v>
                </c:pt>
                <c:pt idx="2358">
                  <c:v>38884</c:v>
                </c:pt>
                <c:pt idx="2359">
                  <c:v>38885</c:v>
                </c:pt>
                <c:pt idx="2360">
                  <c:v>38886</c:v>
                </c:pt>
                <c:pt idx="2361">
                  <c:v>38887</c:v>
                </c:pt>
                <c:pt idx="2362">
                  <c:v>38888</c:v>
                </c:pt>
                <c:pt idx="2363">
                  <c:v>38889</c:v>
                </c:pt>
                <c:pt idx="2364">
                  <c:v>38890</c:v>
                </c:pt>
                <c:pt idx="2365">
                  <c:v>38891</c:v>
                </c:pt>
                <c:pt idx="2366">
                  <c:v>38892</c:v>
                </c:pt>
                <c:pt idx="2367">
                  <c:v>38893</c:v>
                </c:pt>
                <c:pt idx="2368">
                  <c:v>38894</c:v>
                </c:pt>
                <c:pt idx="2369">
                  <c:v>38895</c:v>
                </c:pt>
                <c:pt idx="2370">
                  <c:v>38896</c:v>
                </c:pt>
                <c:pt idx="2371">
                  <c:v>38897</c:v>
                </c:pt>
                <c:pt idx="2372">
                  <c:v>38898</c:v>
                </c:pt>
                <c:pt idx="2373">
                  <c:v>38899</c:v>
                </c:pt>
                <c:pt idx="2374">
                  <c:v>38900</c:v>
                </c:pt>
                <c:pt idx="2375">
                  <c:v>38901</c:v>
                </c:pt>
                <c:pt idx="2376">
                  <c:v>38902</c:v>
                </c:pt>
                <c:pt idx="2377">
                  <c:v>38903</c:v>
                </c:pt>
                <c:pt idx="2378">
                  <c:v>38904</c:v>
                </c:pt>
                <c:pt idx="2379">
                  <c:v>38905</c:v>
                </c:pt>
                <c:pt idx="2380">
                  <c:v>38906</c:v>
                </c:pt>
                <c:pt idx="2381">
                  <c:v>38907</c:v>
                </c:pt>
                <c:pt idx="2382">
                  <c:v>38908</c:v>
                </c:pt>
                <c:pt idx="2383">
                  <c:v>38909</c:v>
                </c:pt>
                <c:pt idx="2384">
                  <c:v>38910</c:v>
                </c:pt>
                <c:pt idx="2385">
                  <c:v>38911</c:v>
                </c:pt>
                <c:pt idx="2386">
                  <c:v>38912</c:v>
                </c:pt>
                <c:pt idx="2387">
                  <c:v>38913</c:v>
                </c:pt>
                <c:pt idx="2388">
                  <c:v>38914</c:v>
                </c:pt>
                <c:pt idx="2389">
                  <c:v>38915</c:v>
                </c:pt>
                <c:pt idx="2390">
                  <c:v>38916</c:v>
                </c:pt>
                <c:pt idx="2391">
                  <c:v>38917</c:v>
                </c:pt>
                <c:pt idx="2392">
                  <c:v>38918</c:v>
                </c:pt>
                <c:pt idx="2393">
                  <c:v>38919</c:v>
                </c:pt>
                <c:pt idx="2394">
                  <c:v>38920</c:v>
                </c:pt>
                <c:pt idx="2395">
                  <c:v>38921</c:v>
                </c:pt>
                <c:pt idx="2396">
                  <c:v>38922</c:v>
                </c:pt>
                <c:pt idx="2397">
                  <c:v>38923</c:v>
                </c:pt>
                <c:pt idx="2398">
                  <c:v>38924</c:v>
                </c:pt>
                <c:pt idx="2399">
                  <c:v>38925</c:v>
                </c:pt>
                <c:pt idx="2400">
                  <c:v>38926</c:v>
                </c:pt>
                <c:pt idx="2401">
                  <c:v>38927</c:v>
                </c:pt>
                <c:pt idx="2402">
                  <c:v>38928</c:v>
                </c:pt>
                <c:pt idx="2403">
                  <c:v>38929</c:v>
                </c:pt>
                <c:pt idx="2404">
                  <c:v>38930</c:v>
                </c:pt>
                <c:pt idx="2405">
                  <c:v>38931</c:v>
                </c:pt>
                <c:pt idx="2406">
                  <c:v>38932</c:v>
                </c:pt>
                <c:pt idx="2407">
                  <c:v>38933</c:v>
                </c:pt>
                <c:pt idx="2408">
                  <c:v>38934</c:v>
                </c:pt>
                <c:pt idx="2409">
                  <c:v>38935</c:v>
                </c:pt>
                <c:pt idx="2410">
                  <c:v>38936</c:v>
                </c:pt>
                <c:pt idx="2411">
                  <c:v>38937</c:v>
                </c:pt>
                <c:pt idx="2412">
                  <c:v>38938</c:v>
                </c:pt>
                <c:pt idx="2413">
                  <c:v>38939</c:v>
                </c:pt>
                <c:pt idx="2414">
                  <c:v>38940</c:v>
                </c:pt>
                <c:pt idx="2415">
                  <c:v>38941</c:v>
                </c:pt>
                <c:pt idx="2416">
                  <c:v>38942</c:v>
                </c:pt>
                <c:pt idx="2417">
                  <c:v>38943</c:v>
                </c:pt>
                <c:pt idx="2418">
                  <c:v>38944</c:v>
                </c:pt>
                <c:pt idx="2419">
                  <c:v>38945</c:v>
                </c:pt>
                <c:pt idx="2420">
                  <c:v>38946</c:v>
                </c:pt>
                <c:pt idx="2421">
                  <c:v>38947</c:v>
                </c:pt>
                <c:pt idx="2422">
                  <c:v>38948</c:v>
                </c:pt>
                <c:pt idx="2423">
                  <c:v>38949</c:v>
                </c:pt>
                <c:pt idx="2424">
                  <c:v>38950</c:v>
                </c:pt>
                <c:pt idx="2425">
                  <c:v>38951</c:v>
                </c:pt>
                <c:pt idx="2426">
                  <c:v>38952</c:v>
                </c:pt>
                <c:pt idx="2427">
                  <c:v>38953</c:v>
                </c:pt>
                <c:pt idx="2428">
                  <c:v>38954</c:v>
                </c:pt>
                <c:pt idx="2429">
                  <c:v>38955</c:v>
                </c:pt>
                <c:pt idx="2430">
                  <c:v>38956</c:v>
                </c:pt>
                <c:pt idx="2431">
                  <c:v>38957</c:v>
                </c:pt>
                <c:pt idx="2432">
                  <c:v>38958</c:v>
                </c:pt>
                <c:pt idx="2433">
                  <c:v>38959</c:v>
                </c:pt>
                <c:pt idx="2434">
                  <c:v>38960</c:v>
                </c:pt>
                <c:pt idx="2435">
                  <c:v>38961</c:v>
                </c:pt>
                <c:pt idx="2436">
                  <c:v>38962</c:v>
                </c:pt>
                <c:pt idx="2437">
                  <c:v>38963</c:v>
                </c:pt>
                <c:pt idx="2438">
                  <c:v>38964</c:v>
                </c:pt>
                <c:pt idx="2439">
                  <c:v>38965</c:v>
                </c:pt>
                <c:pt idx="2440">
                  <c:v>38966</c:v>
                </c:pt>
                <c:pt idx="2441">
                  <c:v>38967</c:v>
                </c:pt>
                <c:pt idx="2442">
                  <c:v>38968</c:v>
                </c:pt>
                <c:pt idx="2443">
                  <c:v>38969</c:v>
                </c:pt>
                <c:pt idx="2444">
                  <c:v>38970</c:v>
                </c:pt>
                <c:pt idx="2445">
                  <c:v>38971</c:v>
                </c:pt>
                <c:pt idx="2446">
                  <c:v>38972</c:v>
                </c:pt>
                <c:pt idx="2447">
                  <c:v>38973</c:v>
                </c:pt>
                <c:pt idx="2448">
                  <c:v>38974</c:v>
                </c:pt>
                <c:pt idx="2449">
                  <c:v>38975</c:v>
                </c:pt>
                <c:pt idx="2450">
                  <c:v>38976</c:v>
                </c:pt>
                <c:pt idx="2451">
                  <c:v>38977</c:v>
                </c:pt>
                <c:pt idx="2452">
                  <c:v>38978</c:v>
                </c:pt>
                <c:pt idx="2453">
                  <c:v>38979</c:v>
                </c:pt>
                <c:pt idx="2454">
                  <c:v>38980</c:v>
                </c:pt>
                <c:pt idx="2455">
                  <c:v>38981</c:v>
                </c:pt>
                <c:pt idx="2456">
                  <c:v>38982</c:v>
                </c:pt>
                <c:pt idx="2457">
                  <c:v>38983</c:v>
                </c:pt>
                <c:pt idx="2458">
                  <c:v>38984</c:v>
                </c:pt>
                <c:pt idx="2459">
                  <c:v>38985</c:v>
                </c:pt>
                <c:pt idx="2460">
                  <c:v>38986</c:v>
                </c:pt>
                <c:pt idx="2461">
                  <c:v>38987</c:v>
                </c:pt>
                <c:pt idx="2462">
                  <c:v>38988</c:v>
                </c:pt>
                <c:pt idx="2463">
                  <c:v>38989</c:v>
                </c:pt>
                <c:pt idx="2464">
                  <c:v>38990</c:v>
                </c:pt>
                <c:pt idx="2465">
                  <c:v>38991</c:v>
                </c:pt>
                <c:pt idx="2466">
                  <c:v>38992</c:v>
                </c:pt>
                <c:pt idx="2467">
                  <c:v>38993</c:v>
                </c:pt>
                <c:pt idx="2468">
                  <c:v>38994</c:v>
                </c:pt>
                <c:pt idx="2469">
                  <c:v>38995</c:v>
                </c:pt>
                <c:pt idx="2470">
                  <c:v>38996</c:v>
                </c:pt>
                <c:pt idx="2471">
                  <c:v>38997</c:v>
                </c:pt>
                <c:pt idx="2472">
                  <c:v>38998</c:v>
                </c:pt>
                <c:pt idx="2473">
                  <c:v>38999</c:v>
                </c:pt>
                <c:pt idx="2474">
                  <c:v>39000</c:v>
                </c:pt>
                <c:pt idx="2475">
                  <c:v>39001</c:v>
                </c:pt>
                <c:pt idx="2476">
                  <c:v>39002</c:v>
                </c:pt>
                <c:pt idx="2477">
                  <c:v>39003</c:v>
                </c:pt>
                <c:pt idx="2478">
                  <c:v>39004</c:v>
                </c:pt>
                <c:pt idx="2479">
                  <c:v>39005</c:v>
                </c:pt>
                <c:pt idx="2480">
                  <c:v>39006</c:v>
                </c:pt>
                <c:pt idx="2481">
                  <c:v>39007</c:v>
                </c:pt>
                <c:pt idx="2482">
                  <c:v>39008</c:v>
                </c:pt>
                <c:pt idx="2483">
                  <c:v>39009</c:v>
                </c:pt>
                <c:pt idx="2484">
                  <c:v>39010</c:v>
                </c:pt>
                <c:pt idx="2485">
                  <c:v>39011</c:v>
                </c:pt>
                <c:pt idx="2486">
                  <c:v>39012</c:v>
                </c:pt>
                <c:pt idx="2487">
                  <c:v>39013</c:v>
                </c:pt>
                <c:pt idx="2488">
                  <c:v>39014</c:v>
                </c:pt>
                <c:pt idx="2489">
                  <c:v>39015</c:v>
                </c:pt>
                <c:pt idx="2490">
                  <c:v>39016</c:v>
                </c:pt>
                <c:pt idx="2491">
                  <c:v>39017</c:v>
                </c:pt>
                <c:pt idx="2492">
                  <c:v>39018</c:v>
                </c:pt>
                <c:pt idx="2493">
                  <c:v>39019</c:v>
                </c:pt>
                <c:pt idx="2494">
                  <c:v>39020</c:v>
                </c:pt>
                <c:pt idx="2495">
                  <c:v>39021</c:v>
                </c:pt>
                <c:pt idx="2496">
                  <c:v>39022</c:v>
                </c:pt>
                <c:pt idx="2497">
                  <c:v>39023</c:v>
                </c:pt>
                <c:pt idx="2498">
                  <c:v>39024</c:v>
                </c:pt>
                <c:pt idx="2499">
                  <c:v>39025</c:v>
                </c:pt>
                <c:pt idx="2500">
                  <c:v>39026</c:v>
                </c:pt>
                <c:pt idx="2501">
                  <c:v>39027</c:v>
                </c:pt>
                <c:pt idx="2502">
                  <c:v>39028</c:v>
                </c:pt>
                <c:pt idx="2503">
                  <c:v>39029</c:v>
                </c:pt>
                <c:pt idx="2504">
                  <c:v>39030</c:v>
                </c:pt>
                <c:pt idx="2505">
                  <c:v>39031</c:v>
                </c:pt>
                <c:pt idx="2506">
                  <c:v>39032</c:v>
                </c:pt>
                <c:pt idx="2507">
                  <c:v>39033</c:v>
                </c:pt>
                <c:pt idx="2508">
                  <c:v>39034</c:v>
                </c:pt>
                <c:pt idx="2509">
                  <c:v>39035</c:v>
                </c:pt>
                <c:pt idx="2510">
                  <c:v>39036</c:v>
                </c:pt>
                <c:pt idx="2511">
                  <c:v>39037</c:v>
                </c:pt>
                <c:pt idx="2512">
                  <c:v>39038</c:v>
                </c:pt>
                <c:pt idx="2513">
                  <c:v>39039</c:v>
                </c:pt>
                <c:pt idx="2514">
                  <c:v>39040</c:v>
                </c:pt>
                <c:pt idx="2515">
                  <c:v>39041</c:v>
                </c:pt>
                <c:pt idx="2516">
                  <c:v>39042</c:v>
                </c:pt>
                <c:pt idx="2517">
                  <c:v>39043</c:v>
                </c:pt>
                <c:pt idx="2518">
                  <c:v>39044</c:v>
                </c:pt>
                <c:pt idx="2519">
                  <c:v>39045</c:v>
                </c:pt>
                <c:pt idx="2520">
                  <c:v>39046</c:v>
                </c:pt>
                <c:pt idx="2521">
                  <c:v>39047</c:v>
                </c:pt>
                <c:pt idx="2522">
                  <c:v>39048</c:v>
                </c:pt>
                <c:pt idx="2523">
                  <c:v>39049</c:v>
                </c:pt>
                <c:pt idx="2524">
                  <c:v>39050</c:v>
                </c:pt>
                <c:pt idx="2525">
                  <c:v>39051</c:v>
                </c:pt>
                <c:pt idx="2526">
                  <c:v>39052</c:v>
                </c:pt>
                <c:pt idx="2527">
                  <c:v>39053</c:v>
                </c:pt>
                <c:pt idx="2528">
                  <c:v>39054</c:v>
                </c:pt>
                <c:pt idx="2529">
                  <c:v>39055</c:v>
                </c:pt>
                <c:pt idx="2530">
                  <c:v>39056</c:v>
                </c:pt>
                <c:pt idx="2531">
                  <c:v>39057</c:v>
                </c:pt>
                <c:pt idx="2532">
                  <c:v>39058</c:v>
                </c:pt>
                <c:pt idx="2533">
                  <c:v>39059</c:v>
                </c:pt>
                <c:pt idx="2534">
                  <c:v>39060</c:v>
                </c:pt>
                <c:pt idx="2535">
                  <c:v>39061</c:v>
                </c:pt>
                <c:pt idx="2536">
                  <c:v>39062</c:v>
                </c:pt>
                <c:pt idx="2537">
                  <c:v>39063</c:v>
                </c:pt>
                <c:pt idx="2538">
                  <c:v>39064</c:v>
                </c:pt>
                <c:pt idx="2539">
                  <c:v>39065</c:v>
                </c:pt>
                <c:pt idx="2540">
                  <c:v>39066</c:v>
                </c:pt>
                <c:pt idx="2541">
                  <c:v>39067</c:v>
                </c:pt>
                <c:pt idx="2542">
                  <c:v>39068</c:v>
                </c:pt>
                <c:pt idx="2543">
                  <c:v>39069</c:v>
                </c:pt>
                <c:pt idx="2544">
                  <c:v>39070</c:v>
                </c:pt>
                <c:pt idx="2545">
                  <c:v>39071</c:v>
                </c:pt>
                <c:pt idx="2546">
                  <c:v>39072</c:v>
                </c:pt>
                <c:pt idx="2547">
                  <c:v>39073</c:v>
                </c:pt>
                <c:pt idx="2548">
                  <c:v>39074</c:v>
                </c:pt>
                <c:pt idx="2549">
                  <c:v>39075</c:v>
                </c:pt>
                <c:pt idx="2550">
                  <c:v>39076</c:v>
                </c:pt>
                <c:pt idx="2551">
                  <c:v>39077</c:v>
                </c:pt>
                <c:pt idx="2552">
                  <c:v>39078</c:v>
                </c:pt>
                <c:pt idx="2553">
                  <c:v>39079</c:v>
                </c:pt>
                <c:pt idx="2554">
                  <c:v>39080</c:v>
                </c:pt>
                <c:pt idx="2555">
                  <c:v>39081</c:v>
                </c:pt>
                <c:pt idx="2556">
                  <c:v>39082</c:v>
                </c:pt>
                <c:pt idx="2557">
                  <c:v>39083</c:v>
                </c:pt>
                <c:pt idx="2558">
                  <c:v>39084</c:v>
                </c:pt>
                <c:pt idx="2559">
                  <c:v>39085</c:v>
                </c:pt>
                <c:pt idx="2560">
                  <c:v>39086</c:v>
                </c:pt>
                <c:pt idx="2561">
                  <c:v>39087</c:v>
                </c:pt>
                <c:pt idx="2562">
                  <c:v>39088</c:v>
                </c:pt>
                <c:pt idx="2563">
                  <c:v>39089</c:v>
                </c:pt>
                <c:pt idx="2564">
                  <c:v>39090</c:v>
                </c:pt>
                <c:pt idx="2565">
                  <c:v>39091</c:v>
                </c:pt>
                <c:pt idx="2566">
                  <c:v>39092</c:v>
                </c:pt>
                <c:pt idx="2567">
                  <c:v>39093</c:v>
                </c:pt>
                <c:pt idx="2568">
                  <c:v>39094</c:v>
                </c:pt>
                <c:pt idx="2569">
                  <c:v>39095</c:v>
                </c:pt>
                <c:pt idx="2570">
                  <c:v>39096</c:v>
                </c:pt>
                <c:pt idx="2571">
                  <c:v>39097</c:v>
                </c:pt>
                <c:pt idx="2572">
                  <c:v>39098</c:v>
                </c:pt>
                <c:pt idx="2573">
                  <c:v>39099</c:v>
                </c:pt>
                <c:pt idx="2574">
                  <c:v>39100</c:v>
                </c:pt>
                <c:pt idx="2575">
                  <c:v>39101</c:v>
                </c:pt>
                <c:pt idx="2576">
                  <c:v>39102</c:v>
                </c:pt>
                <c:pt idx="2577">
                  <c:v>39103</c:v>
                </c:pt>
                <c:pt idx="2578">
                  <c:v>39104</c:v>
                </c:pt>
                <c:pt idx="2579">
                  <c:v>39105</c:v>
                </c:pt>
                <c:pt idx="2580">
                  <c:v>39106</c:v>
                </c:pt>
                <c:pt idx="2581">
                  <c:v>39107</c:v>
                </c:pt>
                <c:pt idx="2582">
                  <c:v>39108</c:v>
                </c:pt>
                <c:pt idx="2583">
                  <c:v>39109</c:v>
                </c:pt>
                <c:pt idx="2584">
                  <c:v>39110</c:v>
                </c:pt>
                <c:pt idx="2585">
                  <c:v>39111</c:v>
                </c:pt>
                <c:pt idx="2586">
                  <c:v>39112</c:v>
                </c:pt>
                <c:pt idx="2587">
                  <c:v>39113</c:v>
                </c:pt>
                <c:pt idx="2588">
                  <c:v>39114</c:v>
                </c:pt>
                <c:pt idx="2589">
                  <c:v>39115</c:v>
                </c:pt>
                <c:pt idx="2590">
                  <c:v>39116</c:v>
                </c:pt>
                <c:pt idx="2591">
                  <c:v>39117</c:v>
                </c:pt>
                <c:pt idx="2592">
                  <c:v>39118</c:v>
                </c:pt>
                <c:pt idx="2593">
                  <c:v>39119</c:v>
                </c:pt>
                <c:pt idx="2594">
                  <c:v>39120</c:v>
                </c:pt>
                <c:pt idx="2595">
                  <c:v>39121</c:v>
                </c:pt>
                <c:pt idx="2596">
                  <c:v>39122</c:v>
                </c:pt>
                <c:pt idx="2597">
                  <c:v>39123</c:v>
                </c:pt>
                <c:pt idx="2598">
                  <c:v>39124</c:v>
                </c:pt>
                <c:pt idx="2599">
                  <c:v>39125</c:v>
                </c:pt>
                <c:pt idx="2600">
                  <c:v>39126</c:v>
                </c:pt>
                <c:pt idx="2601">
                  <c:v>39127</c:v>
                </c:pt>
                <c:pt idx="2602">
                  <c:v>39128</c:v>
                </c:pt>
                <c:pt idx="2603">
                  <c:v>39129</c:v>
                </c:pt>
                <c:pt idx="2604">
                  <c:v>39130</c:v>
                </c:pt>
                <c:pt idx="2605">
                  <c:v>39131</c:v>
                </c:pt>
                <c:pt idx="2606">
                  <c:v>39132</c:v>
                </c:pt>
                <c:pt idx="2607">
                  <c:v>39133</c:v>
                </c:pt>
                <c:pt idx="2608">
                  <c:v>39134</c:v>
                </c:pt>
                <c:pt idx="2609">
                  <c:v>39135</c:v>
                </c:pt>
                <c:pt idx="2610">
                  <c:v>39136</c:v>
                </c:pt>
                <c:pt idx="2611">
                  <c:v>39137</c:v>
                </c:pt>
                <c:pt idx="2612">
                  <c:v>39138</c:v>
                </c:pt>
                <c:pt idx="2613">
                  <c:v>39139</c:v>
                </c:pt>
                <c:pt idx="2614">
                  <c:v>39140</c:v>
                </c:pt>
                <c:pt idx="2615">
                  <c:v>39141</c:v>
                </c:pt>
                <c:pt idx="2616">
                  <c:v>39142</c:v>
                </c:pt>
                <c:pt idx="2617">
                  <c:v>39143</c:v>
                </c:pt>
                <c:pt idx="2618">
                  <c:v>39144</c:v>
                </c:pt>
                <c:pt idx="2619">
                  <c:v>39145</c:v>
                </c:pt>
                <c:pt idx="2620">
                  <c:v>39146</c:v>
                </c:pt>
                <c:pt idx="2621">
                  <c:v>39147</c:v>
                </c:pt>
                <c:pt idx="2622">
                  <c:v>39148</c:v>
                </c:pt>
                <c:pt idx="2623">
                  <c:v>39149</c:v>
                </c:pt>
                <c:pt idx="2624">
                  <c:v>39150</c:v>
                </c:pt>
                <c:pt idx="2625">
                  <c:v>39151</c:v>
                </c:pt>
                <c:pt idx="2626">
                  <c:v>39152</c:v>
                </c:pt>
                <c:pt idx="2627">
                  <c:v>39153</c:v>
                </c:pt>
                <c:pt idx="2628">
                  <c:v>39154</c:v>
                </c:pt>
                <c:pt idx="2629">
                  <c:v>39155</c:v>
                </c:pt>
                <c:pt idx="2630">
                  <c:v>39156</c:v>
                </c:pt>
                <c:pt idx="2631">
                  <c:v>39157</c:v>
                </c:pt>
                <c:pt idx="2632">
                  <c:v>39158</c:v>
                </c:pt>
                <c:pt idx="2633">
                  <c:v>39159</c:v>
                </c:pt>
                <c:pt idx="2634">
                  <c:v>39160</c:v>
                </c:pt>
                <c:pt idx="2635">
                  <c:v>39161</c:v>
                </c:pt>
                <c:pt idx="2636">
                  <c:v>39162</c:v>
                </c:pt>
                <c:pt idx="2637">
                  <c:v>39163</c:v>
                </c:pt>
                <c:pt idx="2638">
                  <c:v>39164</c:v>
                </c:pt>
                <c:pt idx="2639">
                  <c:v>39165</c:v>
                </c:pt>
                <c:pt idx="2640">
                  <c:v>39166</c:v>
                </c:pt>
                <c:pt idx="2641">
                  <c:v>39167</c:v>
                </c:pt>
                <c:pt idx="2642">
                  <c:v>39168</c:v>
                </c:pt>
                <c:pt idx="2643">
                  <c:v>39169</c:v>
                </c:pt>
                <c:pt idx="2644">
                  <c:v>39170</c:v>
                </c:pt>
                <c:pt idx="2645">
                  <c:v>39171</c:v>
                </c:pt>
                <c:pt idx="2646">
                  <c:v>39172</c:v>
                </c:pt>
                <c:pt idx="2647">
                  <c:v>39173</c:v>
                </c:pt>
                <c:pt idx="2648">
                  <c:v>39174</c:v>
                </c:pt>
                <c:pt idx="2649">
                  <c:v>39175</c:v>
                </c:pt>
                <c:pt idx="2650">
                  <c:v>39176</c:v>
                </c:pt>
                <c:pt idx="2651">
                  <c:v>39177</c:v>
                </c:pt>
                <c:pt idx="2652">
                  <c:v>39178</c:v>
                </c:pt>
                <c:pt idx="2653">
                  <c:v>39179</c:v>
                </c:pt>
                <c:pt idx="2654">
                  <c:v>39180</c:v>
                </c:pt>
                <c:pt idx="2655">
                  <c:v>39181</c:v>
                </c:pt>
                <c:pt idx="2656">
                  <c:v>39182</c:v>
                </c:pt>
                <c:pt idx="2657">
                  <c:v>39183</c:v>
                </c:pt>
                <c:pt idx="2658">
                  <c:v>39184</c:v>
                </c:pt>
                <c:pt idx="2659">
                  <c:v>39185</c:v>
                </c:pt>
                <c:pt idx="2660">
                  <c:v>39186</c:v>
                </c:pt>
                <c:pt idx="2661">
                  <c:v>39187</c:v>
                </c:pt>
                <c:pt idx="2662">
                  <c:v>39188</c:v>
                </c:pt>
                <c:pt idx="2663">
                  <c:v>39189</c:v>
                </c:pt>
                <c:pt idx="2664">
                  <c:v>39190</c:v>
                </c:pt>
                <c:pt idx="2665">
                  <c:v>39191</c:v>
                </c:pt>
                <c:pt idx="2666">
                  <c:v>39192</c:v>
                </c:pt>
                <c:pt idx="2667">
                  <c:v>39193</c:v>
                </c:pt>
                <c:pt idx="2668">
                  <c:v>39194</c:v>
                </c:pt>
                <c:pt idx="2669">
                  <c:v>39195</c:v>
                </c:pt>
                <c:pt idx="2670">
                  <c:v>39196</c:v>
                </c:pt>
                <c:pt idx="2671">
                  <c:v>39197</c:v>
                </c:pt>
                <c:pt idx="2672">
                  <c:v>39198</c:v>
                </c:pt>
                <c:pt idx="2673">
                  <c:v>39199</c:v>
                </c:pt>
                <c:pt idx="2674">
                  <c:v>39200</c:v>
                </c:pt>
                <c:pt idx="2675">
                  <c:v>39201</c:v>
                </c:pt>
                <c:pt idx="2676">
                  <c:v>39202</c:v>
                </c:pt>
                <c:pt idx="2677">
                  <c:v>39203</c:v>
                </c:pt>
                <c:pt idx="2678">
                  <c:v>39204</c:v>
                </c:pt>
                <c:pt idx="2679">
                  <c:v>39205</c:v>
                </c:pt>
                <c:pt idx="2680">
                  <c:v>39206</c:v>
                </c:pt>
                <c:pt idx="2681">
                  <c:v>39207</c:v>
                </c:pt>
                <c:pt idx="2682">
                  <c:v>39208</c:v>
                </c:pt>
                <c:pt idx="2683">
                  <c:v>39209</c:v>
                </c:pt>
                <c:pt idx="2684">
                  <c:v>39210</c:v>
                </c:pt>
                <c:pt idx="2685">
                  <c:v>39211</c:v>
                </c:pt>
                <c:pt idx="2686">
                  <c:v>39212</c:v>
                </c:pt>
                <c:pt idx="2687">
                  <c:v>39213</c:v>
                </c:pt>
                <c:pt idx="2688">
                  <c:v>39214</c:v>
                </c:pt>
                <c:pt idx="2689">
                  <c:v>39215</c:v>
                </c:pt>
                <c:pt idx="2690">
                  <c:v>39216</c:v>
                </c:pt>
                <c:pt idx="2691">
                  <c:v>39217</c:v>
                </c:pt>
                <c:pt idx="2692">
                  <c:v>39218</c:v>
                </c:pt>
                <c:pt idx="2693">
                  <c:v>39219</c:v>
                </c:pt>
                <c:pt idx="2694">
                  <c:v>39220</c:v>
                </c:pt>
                <c:pt idx="2695">
                  <c:v>39221</c:v>
                </c:pt>
                <c:pt idx="2696">
                  <c:v>39222</c:v>
                </c:pt>
                <c:pt idx="2697">
                  <c:v>39223</c:v>
                </c:pt>
                <c:pt idx="2698">
                  <c:v>39224</c:v>
                </c:pt>
                <c:pt idx="2699">
                  <c:v>39225</c:v>
                </c:pt>
                <c:pt idx="2700">
                  <c:v>39226</c:v>
                </c:pt>
                <c:pt idx="2701">
                  <c:v>39227</c:v>
                </c:pt>
                <c:pt idx="2702">
                  <c:v>39228</c:v>
                </c:pt>
                <c:pt idx="2703">
                  <c:v>39229</c:v>
                </c:pt>
                <c:pt idx="2704">
                  <c:v>39230</c:v>
                </c:pt>
                <c:pt idx="2705">
                  <c:v>39231</c:v>
                </c:pt>
                <c:pt idx="2706">
                  <c:v>39232</c:v>
                </c:pt>
                <c:pt idx="2707">
                  <c:v>39233</c:v>
                </c:pt>
                <c:pt idx="2708">
                  <c:v>39234</c:v>
                </c:pt>
                <c:pt idx="2709">
                  <c:v>39235</c:v>
                </c:pt>
                <c:pt idx="2710">
                  <c:v>39236</c:v>
                </c:pt>
                <c:pt idx="2711">
                  <c:v>39237</c:v>
                </c:pt>
                <c:pt idx="2712">
                  <c:v>39238</c:v>
                </c:pt>
                <c:pt idx="2713">
                  <c:v>39239</c:v>
                </c:pt>
                <c:pt idx="2714">
                  <c:v>39240</c:v>
                </c:pt>
                <c:pt idx="2715">
                  <c:v>39241</c:v>
                </c:pt>
                <c:pt idx="2716">
                  <c:v>39242</c:v>
                </c:pt>
                <c:pt idx="2717">
                  <c:v>39243</c:v>
                </c:pt>
                <c:pt idx="2718">
                  <c:v>39244</c:v>
                </c:pt>
                <c:pt idx="2719">
                  <c:v>39245</c:v>
                </c:pt>
                <c:pt idx="2720">
                  <c:v>39246</c:v>
                </c:pt>
                <c:pt idx="2721">
                  <c:v>39247</c:v>
                </c:pt>
                <c:pt idx="2722">
                  <c:v>39248</c:v>
                </c:pt>
                <c:pt idx="2723">
                  <c:v>39249</c:v>
                </c:pt>
                <c:pt idx="2724">
                  <c:v>39250</c:v>
                </c:pt>
                <c:pt idx="2725">
                  <c:v>39251</c:v>
                </c:pt>
                <c:pt idx="2726">
                  <c:v>39252</c:v>
                </c:pt>
                <c:pt idx="2727">
                  <c:v>39253</c:v>
                </c:pt>
                <c:pt idx="2728">
                  <c:v>39254</c:v>
                </c:pt>
                <c:pt idx="2729">
                  <c:v>39255</c:v>
                </c:pt>
                <c:pt idx="2730">
                  <c:v>39256</c:v>
                </c:pt>
                <c:pt idx="2731">
                  <c:v>39257</c:v>
                </c:pt>
                <c:pt idx="2732">
                  <c:v>39258</c:v>
                </c:pt>
                <c:pt idx="2733">
                  <c:v>39259</c:v>
                </c:pt>
                <c:pt idx="2734">
                  <c:v>39260</c:v>
                </c:pt>
                <c:pt idx="2735">
                  <c:v>39261</c:v>
                </c:pt>
                <c:pt idx="2736">
                  <c:v>39262</c:v>
                </c:pt>
                <c:pt idx="2737">
                  <c:v>39263</c:v>
                </c:pt>
                <c:pt idx="2738">
                  <c:v>39264</c:v>
                </c:pt>
                <c:pt idx="2739">
                  <c:v>39265</c:v>
                </c:pt>
                <c:pt idx="2740">
                  <c:v>39266</c:v>
                </c:pt>
                <c:pt idx="2741">
                  <c:v>39267</c:v>
                </c:pt>
                <c:pt idx="2742">
                  <c:v>39268</c:v>
                </c:pt>
                <c:pt idx="2743">
                  <c:v>39269</c:v>
                </c:pt>
                <c:pt idx="2744">
                  <c:v>39270</c:v>
                </c:pt>
                <c:pt idx="2745">
                  <c:v>39271</c:v>
                </c:pt>
                <c:pt idx="2746">
                  <c:v>39272</c:v>
                </c:pt>
                <c:pt idx="2747">
                  <c:v>39273</c:v>
                </c:pt>
                <c:pt idx="2748">
                  <c:v>39274</c:v>
                </c:pt>
                <c:pt idx="2749">
                  <c:v>39275</c:v>
                </c:pt>
                <c:pt idx="2750">
                  <c:v>39276</c:v>
                </c:pt>
                <c:pt idx="2751">
                  <c:v>39277</c:v>
                </c:pt>
                <c:pt idx="2752">
                  <c:v>39278</c:v>
                </c:pt>
                <c:pt idx="2753">
                  <c:v>39279</c:v>
                </c:pt>
                <c:pt idx="2754">
                  <c:v>39280</c:v>
                </c:pt>
                <c:pt idx="2755">
                  <c:v>39281</c:v>
                </c:pt>
                <c:pt idx="2756">
                  <c:v>39282</c:v>
                </c:pt>
                <c:pt idx="2757">
                  <c:v>39283</c:v>
                </c:pt>
                <c:pt idx="2758">
                  <c:v>39284</c:v>
                </c:pt>
                <c:pt idx="2759">
                  <c:v>39285</c:v>
                </c:pt>
                <c:pt idx="2760">
                  <c:v>39286</c:v>
                </c:pt>
                <c:pt idx="2761">
                  <c:v>39287</c:v>
                </c:pt>
                <c:pt idx="2762">
                  <c:v>39288</c:v>
                </c:pt>
                <c:pt idx="2763">
                  <c:v>39289</c:v>
                </c:pt>
                <c:pt idx="2764">
                  <c:v>39290</c:v>
                </c:pt>
                <c:pt idx="2765">
                  <c:v>39291</c:v>
                </c:pt>
                <c:pt idx="2766">
                  <c:v>39292</c:v>
                </c:pt>
                <c:pt idx="2767">
                  <c:v>39293</c:v>
                </c:pt>
                <c:pt idx="2768">
                  <c:v>39294</c:v>
                </c:pt>
                <c:pt idx="2769">
                  <c:v>39295</c:v>
                </c:pt>
                <c:pt idx="2770">
                  <c:v>39296</c:v>
                </c:pt>
                <c:pt idx="2771">
                  <c:v>39297</c:v>
                </c:pt>
                <c:pt idx="2772">
                  <c:v>39298</c:v>
                </c:pt>
                <c:pt idx="2773">
                  <c:v>39299</c:v>
                </c:pt>
                <c:pt idx="2774">
                  <c:v>39300</c:v>
                </c:pt>
                <c:pt idx="2775">
                  <c:v>39301</c:v>
                </c:pt>
                <c:pt idx="2776">
                  <c:v>39302</c:v>
                </c:pt>
                <c:pt idx="2777">
                  <c:v>39303</c:v>
                </c:pt>
                <c:pt idx="2778">
                  <c:v>39304</c:v>
                </c:pt>
                <c:pt idx="2779">
                  <c:v>39305</c:v>
                </c:pt>
                <c:pt idx="2780">
                  <c:v>39306</c:v>
                </c:pt>
                <c:pt idx="2781">
                  <c:v>39307</c:v>
                </c:pt>
                <c:pt idx="2782">
                  <c:v>39308</c:v>
                </c:pt>
                <c:pt idx="2783">
                  <c:v>39309</c:v>
                </c:pt>
                <c:pt idx="2784">
                  <c:v>39310</c:v>
                </c:pt>
                <c:pt idx="2785">
                  <c:v>39311</c:v>
                </c:pt>
                <c:pt idx="2786">
                  <c:v>39312</c:v>
                </c:pt>
                <c:pt idx="2787">
                  <c:v>39313</c:v>
                </c:pt>
                <c:pt idx="2788">
                  <c:v>39314</c:v>
                </c:pt>
                <c:pt idx="2789">
                  <c:v>39315</c:v>
                </c:pt>
                <c:pt idx="2790">
                  <c:v>39316</c:v>
                </c:pt>
                <c:pt idx="2791">
                  <c:v>39317</c:v>
                </c:pt>
                <c:pt idx="2792">
                  <c:v>39318</c:v>
                </c:pt>
                <c:pt idx="2793">
                  <c:v>39319</c:v>
                </c:pt>
                <c:pt idx="2794">
                  <c:v>39320</c:v>
                </c:pt>
                <c:pt idx="2795">
                  <c:v>39321</c:v>
                </c:pt>
                <c:pt idx="2796">
                  <c:v>39322</c:v>
                </c:pt>
                <c:pt idx="2797">
                  <c:v>39323</c:v>
                </c:pt>
                <c:pt idx="2798">
                  <c:v>39324</c:v>
                </c:pt>
                <c:pt idx="2799">
                  <c:v>39325</c:v>
                </c:pt>
                <c:pt idx="2800">
                  <c:v>39326</c:v>
                </c:pt>
                <c:pt idx="2801">
                  <c:v>39327</c:v>
                </c:pt>
                <c:pt idx="2802">
                  <c:v>39328</c:v>
                </c:pt>
                <c:pt idx="2803">
                  <c:v>39329</c:v>
                </c:pt>
                <c:pt idx="2804">
                  <c:v>39330</c:v>
                </c:pt>
                <c:pt idx="2805">
                  <c:v>39331</c:v>
                </c:pt>
                <c:pt idx="2806">
                  <c:v>39332</c:v>
                </c:pt>
                <c:pt idx="2807">
                  <c:v>39333</c:v>
                </c:pt>
                <c:pt idx="2808">
                  <c:v>39334</c:v>
                </c:pt>
                <c:pt idx="2809">
                  <c:v>39335</c:v>
                </c:pt>
                <c:pt idx="2810">
                  <c:v>39336</c:v>
                </c:pt>
                <c:pt idx="2811">
                  <c:v>39337</c:v>
                </c:pt>
                <c:pt idx="2812">
                  <c:v>39338</c:v>
                </c:pt>
                <c:pt idx="2813">
                  <c:v>39339</c:v>
                </c:pt>
                <c:pt idx="2814">
                  <c:v>39340</c:v>
                </c:pt>
                <c:pt idx="2815">
                  <c:v>39341</c:v>
                </c:pt>
                <c:pt idx="2816">
                  <c:v>39342</c:v>
                </c:pt>
                <c:pt idx="2817">
                  <c:v>39343</c:v>
                </c:pt>
                <c:pt idx="2818">
                  <c:v>39344</c:v>
                </c:pt>
                <c:pt idx="2819">
                  <c:v>39345</c:v>
                </c:pt>
                <c:pt idx="2820">
                  <c:v>39346</c:v>
                </c:pt>
                <c:pt idx="2821">
                  <c:v>39347</c:v>
                </c:pt>
                <c:pt idx="2822">
                  <c:v>39348</c:v>
                </c:pt>
                <c:pt idx="2823">
                  <c:v>39349</c:v>
                </c:pt>
                <c:pt idx="2824">
                  <c:v>39350</c:v>
                </c:pt>
                <c:pt idx="2825">
                  <c:v>39351</c:v>
                </c:pt>
                <c:pt idx="2826">
                  <c:v>39352</c:v>
                </c:pt>
                <c:pt idx="2827">
                  <c:v>39353</c:v>
                </c:pt>
                <c:pt idx="2828">
                  <c:v>39354</c:v>
                </c:pt>
                <c:pt idx="2829">
                  <c:v>39355</c:v>
                </c:pt>
                <c:pt idx="2830">
                  <c:v>39356</c:v>
                </c:pt>
                <c:pt idx="2831">
                  <c:v>39357</c:v>
                </c:pt>
                <c:pt idx="2832">
                  <c:v>39358</c:v>
                </c:pt>
                <c:pt idx="2833">
                  <c:v>39359</c:v>
                </c:pt>
                <c:pt idx="2834">
                  <c:v>39360</c:v>
                </c:pt>
                <c:pt idx="2835">
                  <c:v>39361</c:v>
                </c:pt>
                <c:pt idx="2836">
                  <c:v>39362</c:v>
                </c:pt>
                <c:pt idx="2837">
                  <c:v>39363</c:v>
                </c:pt>
                <c:pt idx="2838">
                  <c:v>39364</c:v>
                </c:pt>
                <c:pt idx="2839">
                  <c:v>39365</c:v>
                </c:pt>
                <c:pt idx="2840">
                  <c:v>39366</c:v>
                </c:pt>
                <c:pt idx="2841">
                  <c:v>39367</c:v>
                </c:pt>
                <c:pt idx="2842">
                  <c:v>39368</c:v>
                </c:pt>
                <c:pt idx="2843">
                  <c:v>39369</c:v>
                </c:pt>
                <c:pt idx="2844">
                  <c:v>39370</c:v>
                </c:pt>
                <c:pt idx="2845">
                  <c:v>39371</c:v>
                </c:pt>
                <c:pt idx="2846">
                  <c:v>39372</c:v>
                </c:pt>
                <c:pt idx="2847">
                  <c:v>39373</c:v>
                </c:pt>
                <c:pt idx="2848">
                  <c:v>39374</c:v>
                </c:pt>
                <c:pt idx="2849">
                  <c:v>39375</c:v>
                </c:pt>
                <c:pt idx="2850">
                  <c:v>39376</c:v>
                </c:pt>
                <c:pt idx="2851">
                  <c:v>39377</c:v>
                </c:pt>
                <c:pt idx="2852">
                  <c:v>39378</c:v>
                </c:pt>
                <c:pt idx="2853">
                  <c:v>39379</c:v>
                </c:pt>
                <c:pt idx="2854">
                  <c:v>39380</c:v>
                </c:pt>
                <c:pt idx="2855">
                  <c:v>39381</c:v>
                </c:pt>
                <c:pt idx="2856">
                  <c:v>39382</c:v>
                </c:pt>
                <c:pt idx="2857">
                  <c:v>39383</c:v>
                </c:pt>
                <c:pt idx="2858">
                  <c:v>39384</c:v>
                </c:pt>
                <c:pt idx="2859">
                  <c:v>39385</c:v>
                </c:pt>
                <c:pt idx="2860">
                  <c:v>39386</c:v>
                </c:pt>
                <c:pt idx="2861">
                  <c:v>39387</c:v>
                </c:pt>
                <c:pt idx="2862">
                  <c:v>39388</c:v>
                </c:pt>
                <c:pt idx="2863">
                  <c:v>39389</c:v>
                </c:pt>
                <c:pt idx="2864">
                  <c:v>39390</c:v>
                </c:pt>
                <c:pt idx="2865">
                  <c:v>39391</c:v>
                </c:pt>
                <c:pt idx="2866">
                  <c:v>39392</c:v>
                </c:pt>
                <c:pt idx="2867">
                  <c:v>39393</c:v>
                </c:pt>
                <c:pt idx="2868">
                  <c:v>39394</c:v>
                </c:pt>
                <c:pt idx="2869">
                  <c:v>39395</c:v>
                </c:pt>
                <c:pt idx="2870">
                  <c:v>39396</c:v>
                </c:pt>
                <c:pt idx="2871">
                  <c:v>39397</c:v>
                </c:pt>
                <c:pt idx="2872">
                  <c:v>39398</c:v>
                </c:pt>
                <c:pt idx="2873">
                  <c:v>39399</c:v>
                </c:pt>
                <c:pt idx="2874">
                  <c:v>39400</c:v>
                </c:pt>
                <c:pt idx="2875">
                  <c:v>39401</c:v>
                </c:pt>
                <c:pt idx="2876">
                  <c:v>39402</c:v>
                </c:pt>
                <c:pt idx="2877">
                  <c:v>39403</c:v>
                </c:pt>
                <c:pt idx="2878">
                  <c:v>39404</c:v>
                </c:pt>
                <c:pt idx="2879">
                  <c:v>39405</c:v>
                </c:pt>
                <c:pt idx="2880">
                  <c:v>39406</c:v>
                </c:pt>
                <c:pt idx="2881">
                  <c:v>39407</c:v>
                </c:pt>
                <c:pt idx="2882">
                  <c:v>39408</c:v>
                </c:pt>
                <c:pt idx="2883">
                  <c:v>39409</c:v>
                </c:pt>
                <c:pt idx="2884">
                  <c:v>39410</c:v>
                </c:pt>
                <c:pt idx="2885">
                  <c:v>39411</c:v>
                </c:pt>
                <c:pt idx="2886">
                  <c:v>39412</c:v>
                </c:pt>
                <c:pt idx="2887">
                  <c:v>39413</c:v>
                </c:pt>
                <c:pt idx="2888">
                  <c:v>39414</c:v>
                </c:pt>
                <c:pt idx="2889">
                  <c:v>39415</c:v>
                </c:pt>
                <c:pt idx="2890">
                  <c:v>39416</c:v>
                </c:pt>
                <c:pt idx="2891">
                  <c:v>39417</c:v>
                </c:pt>
                <c:pt idx="2892">
                  <c:v>39418</c:v>
                </c:pt>
                <c:pt idx="2893">
                  <c:v>39419</c:v>
                </c:pt>
                <c:pt idx="2894">
                  <c:v>39420</c:v>
                </c:pt>
                <c:pt idx="2895">
                  <c:v>39421</c:v>
                </c:pt>
                <c:pt idx="2896">
                  <c:v>39422</c:v>
                </c:pt>
                <c:pt idx="2897">
                  <c:v>39423</c:v>
                </c:pt>
                <c:pt idx="2898">
                  <c:v>39424</c:v>
                </c:pt>
                <c:pt idx="2899">
                  <c:v>39425</c:v>
                </c:pt>
                <c:pt idx="2900">
                  <c:v>39426</c:v>
                </c:pt>
                <c:pt idx="2901">
                  <c:v>39427</c:v>
                </c:pt>
                <c:pt idx="2902">
                  <c:v>39428</c:v>
                </c:pt>
                <c:pt idx="2903">
                  <c:v>39429</c:v>
                </c:pt>
                <c:pt idx="2904">
                  <c:v>39430</c:v>
                </c:pt>
                <c:pt idx="2905">
                  <c:v>39431</c:v>
                </c:pt>
                <c:pt idx="2906">
                  <c:v>39432</c:v>
                </c:pt>
                <c:pt idx="2907">
                  <c:v>39433</c:v>
                </c:pt>
                <c:pt idx="2908">
                  <c:v>39434</c:v>
                </c:pt>
                <c:pt idx="2909">
                  <c:v>39435</c:v>
                </c:pt>
                <c:pt idx="2910">
                  <c:v>39436</c:v>
                </c:pt>
                <c:pt idx="2911">
                  <c:v>39437</c:v>
                </c:pt>
                <c:pt idx="2912">
                  <c:v>39438</c:v>
                </c:pt>
                <c:pt idx="2913">
                  <c:v>39439</c:v>
                </c:pt>
                <c:pt idx="2914">
                  <c:v>39440</c:v>
                </c:pt>
                <c:pt idx="2915">
                  <c:v>39441</c:v>
                </c:pt>
                <c:pt idx="2916">
                  <c:v>39442</c:v>
                </c:pt>
                <c:pt idx="2917">
                  <c:v>39443</c:v>
                </c:pt>
                <c:pt idx="2918">
                  <c:v>39444</c:v>
                </c:pt>
                <c:pt idx="2919">
                  <c:v>39445</c:v>
                </c:pt>
                <c:pt idx="2920">
                  <c:v>39446</c:v>
                </c:pt>
                <c:pt idx="2921">
                  <c:v>39447</c:v>
                </c:pt>
                <c:pt idx="2922">
                  <c:v>39448</c:v>
                </c:pt>
                <c:pt idx="2923">
                  <c:v>39449</c:v>
                </c:pt>
                <c:pt idx="2924">
                  <c:v>39450</c:v>
                </c:pt>
                <c:pt idx="2925">
                  <c:v>39451</c:v>
                </c:pt>
                <c:pt idx="2926">
                  <c:v>39452</c:v>
                </c:pt>
                <c:pt idx="2927">
                  <c:v>39453</c:v>
                </c:pt>
                <c:pt idx="2928">
                  <c:v>39454</c:v>
                </c:pt>
                <c:pt idx="2929">
                  <c:v>39455</c:v>
                </c:pt>
                <c:pt idx="2930">
                  <c:v>39456</c:v>
                </c:pt>
                <c:pt idx="2931">
                  <c:v>39457</c:v>
                </c:pt>
                <c:pt idx="2932">
                  <c:v>39458</c:v>
                </c:pt>
                <c:pt idx="2933">
                  <c:v>39459</c:v>
                </c:pt>
                <c:pt idx="2934">
                  <c:v>39460</c:v>
                </c:pt>
                <c:pt idx="2935">
                  <c:v>39461</c:v>
                </c:pt>
                <c:pt idx="2936">
                  <c:v>39462</c:v>
                </c:pt>
                <c:pt idx="2937">
                  <c:v>39463</c:v>
                </c:pt>
                <c:pt idx="2938">
                  <c:v>39464</c:v>
                </c:pt>
                <c:pt idx="2939">
                  <c:v>39465</c:v>
                </c:pt>
                <c:pt idx="2940">
                  <c:v>39466</c:v>
                </c:pt>
                <c:pt idx="2941">
                  <c:v>39467</c:v>
                </c:pt>
                <c:pt idx="2942">
                  <c:v>39468</c:v>
                </c:pt>
                <c:pt idx="2943">
                  <c:v>39469</c:v>
                </c:pt>
                <c:pt idx="2944">
                  <c:v>39470</c:v>
                </c:pt>
                <c:pt idx="2945">
                  <c:v>39471</c:v>
                </c:pt>
                <c:pt idx="2946">
                  <c:v>39472</c:v>
                </c:pt>
                <c:pt idx="2947">
                  <c:v>39473</c:v>
                </c:pt>
                <c:pt idx="2948">
                  <c:v>39474</c:v>
                </c:pt>
                <c:pt idx="2949">
                  <c:v>39475</c:v>
                </c:pt>
                <c:pt idx="2950">
                  <c:v>39476</c:v>
                </c:pt>
                <c:pt idx="2951">
                  <c:v>39477</c:v>
                </c:pt>
                <c:pt idx="2952">
                  <c:v>39478</c:v>
                </c:pt>
                <c:pt idx="2953">
                  <c:v>39479</c:v>
                </c:pt>
                <c:pt idx="2954">
                  <c:v>39480</c:v>
                </c:pt>
                <c:pt idx="2955">
                  <c:v>39481</c:v>
                </c:pt>
                <c:pt idx="2956">
                  <c:v>39482</c:v>
                </c:pt>
                <c:pt idx="2957">
                  <c:v>39483</c:v>
                </c:pt>
                <c:pt idx="2958">
                  <c:v>39484</c:v>
                </c:pt>
                <c:pt idx="2959">
                  <c:v>39485</c:v>
                </c:pt>
                <c:pt idx="2960">
                  <c:v>39486</c:v>
                </c:pt>
                <c:pt idx="2961">
                  <c:v>39487</c:v>
                </c:pt>
                <c:pt idx="2962">
                  <c:v>39488</c:v>
                </c:pt>
                <c:pt idx="2963">
                  <c:v>39489</c:v>
                </c:pt>
                <c:pt idx="2964">
                  <c:v>39490</c:v>
                </c:pt>
                <c:pt idx="2965">
                  <c:v>39491</c:v>
                </c:pt>
                <c:pt idx="2966">
                  <c:v>39492</c:v>
                </c:pt>
                <c:pt idx="2967">
                  <c:v>39493</c:v>
                </c:pt>
                <c:pt idx="2968">
                  <c:v>39494</c:v>
                </c:pt>
                <c:pt idx="2969">
                  <c:v>39495</c:v>
                </c:pt>
                <c:pt idx="2970">
                  <c:v>39496</c:v>
                </c:pt>
                <c:pt idx="2971">
                  <c:v>39497</c:v>
                </c:pt>
                <c:pt idx="2972">
                  <c:v>39498</c:v>
                </c:pt>
                <c:pt idx="2973">
                  <c:v>39499</c:v>
                </c:pt>
                <c:pt idx="2974">
                  <c:v>39500</c:v>
                </c:pt>
                <c:pt idx="2975">
                  <c:v>39501</c:v>
                </c:pt>
                <c:pt idx="2976">
                  <c:v>39502</c:v>
                </c:pt>
                <c:pt idx="2977">
                  <c:v>39503</c:v>
                </c:pt>
                <c:pt idx="2978">
                  <c:v>39504</c:v>
                </c:pt>
                <c:pt idx="2979">
                  <c:v>39505</c:v>
                </c:pt>
                <c:pt idx="2980">
                  <c:v>39506</c:v>
                </c:pt>
                <c:pt idx="2981">
                  <c:v>39507</c:v>
                </c:pt>
                <c:pt idx="2982">
                  <c:v>39508</c:v>
                </c:pt>
                <c:pt idx="2983">
                  <c:v>39509</c:v>
                </c:pt>
                <c:pt idx="2984">
                  <c:v>39510</c:v>
                </c:pt>
                <c:pt idx="2985">
                  <c:v>39511</c:v>
                </c:pt>
                <c:pt idx="2986">
                  <c:v>39512</c:v>
                </c:pt>
                <c:pt idx="2987">
                  <c:v>39513</c:v>
                </c:pt>
                <c:pt idx="2988">
                  <c:v>39514</c:v>
                </c:pt>
                <c:pt idx="2989">
                  <c:v>39515</c:v>
                </c:pt>
                <c:pt idx="2990">
                  <c:v>39516</c:v>
                </c:pt>
                <c:pt idx="2991">
                  <c:v>39517</c:v>
                </c:pt>
                <c:pt idx="2992">
                  <c:v>39518</c:v>
                </c:pt>
                <c:pt idx="2993">
                  <c:v>39519</c:v>
                </c:pt>
                <c:pt idx="2994">
                  <c:v>39520</c:v>
                </c:pt>
                <c:pt idx="2995">
                  <c:v>39521</c:v>
                </c:pt>
                <c:pt idx="2996">
                  <c:v>39522</c:v>
                </c:pt>
                <c:pt idx="2997">
                  <c:v>39523</c:v>
                </c:pt>
                <c:pt idx="2998">
                  <c:v>39524</c:v>
                </c:pt>
                <c:pt idx="2999">
                  <c:v>39525</c:v>
                </c:pt>
                <c:pt idx="3000">
                  <c:v>39526</c:v>
                </c:pt>
                <c:pt idx="3001">
                  <c:v>39527</c:v>
                </c:pt>
                <c:pt idx="3002">
                  <c:v>39528</c:v>
                </c:pt>
                <c:pt idx="3003">
                  <c:v>39529</c:v>
                </c:pt>
                <c:pt idx="3004">
                  <c:v>39530</c:v>
                </c:pt>
                <c:pt idx="3005">
                  <c:v>39531</c:v>
                </c:pt>
                <c:pt idx="3006">
                  <c:v>39532</c:v>
                </c:pt>
                <c:pt idx="3007">
                  <c:v>39533</c:v>
                </c:pt>
                <c:pt idx="3008">
                  <c:v>39534</c:v>
                </c:pt>
                <c:pt idx="3009">
                  <c:v>39535</c:v>
                </c:pt>
                <c:pt idx="3010">
                  <c:v>39536</c:v>
                </c:pt>
                <c:pt idx="3011">
                  <c:v>39537</c:v>
                </c:pt>
                <c:pt idx="3012">
                  <c:v>39538</c:v>
                </c:pt>
                <c:pt idx="3013">
                  <c:v>39539</c:v>
                </c:pt>
                <c:pt idx="3014">
                  <c:v>39540</c:v>
                </c:pt>
                <c:pt idx="3015">
                  <c:v>39541</c:v>
                </c:pt>
                <c:pt idx="3016">
                  <c:v>39542</c:v>
                </c:pt>
                <c:pt idx="3017">
                  <c:v>39543</c:v>
                </c:pt>
                <c:pt idx="3018">
                  <c:v>39544</c:v>
                </c:pt>
                <c:pt idx="3019">
                  <c:v>39545</c:v>
                </c:pt>
                <c:pt idx="3020">
                  <c:v>39546</c:v>
                </c:pt>
                <c:pt idx="3021">
                  <c:v>39547</c:v>
                </c:pt>
                <c:pt idx="3022">
                  <c:v>39548</c:v>
                </c:pt>
                <c:pt idx="3023">
                  <c:v>39549</c:v>
                </c:pt>
                <c:pt idx="3024">
                  <c:v>39550</c:v>
                </c:pt>
                <c:pt idx="3025">
                  <c:v>39551</c:v>
                </c:pt>
                <c:pt idx="3026">
                  <c:v>39552</c:v>
                </c:pt>
                <c:pt idx="3027">
                  <c:v>39553</c:v>
                </c:pt>
                <c:pt idx="3028">
                  <c:v>39554</c:v>
                </c:pt>
                <c:pt idx="3029">
                  <c:v>39555</c:v>
                </c:pt>
                <c:pt idx="3030">
                  <c:v>39556</c:v>
                </c:pt>
                <c:pt idx="3031">
                  <c:v>39557</c:v>
                </c:pt>
                <c:pt idx="3032">
                  <c:v>39558</c:v>
                </c:pt>
                <c:pt idx="3033">
                  <c:v>39559</c:v>
                </c:pt>
                <c:pt idx="3034">
                  <c:v>39560</c:v>
                </c:pt>
                <c:pt idx="3035">
                  <c:v>39561</c:v>
                </c:pt>
                <c:pt idx="3036">
                  <c:v>39562</c:v>
                </c:pt>
                <c:pt idx="3037">
                  <c:v>39563</c:v>
                </c:pt>
                <c:pt idx="3038">
                  <c:v>39564</c:v>
                </c:pt>
                <c:pt idx="3039">
                  <c:v>39565</c:v>
                </c:pt>
                <c:pt idx="3040">
                  <c:v>39566</c:v>
                </c:pt>
                <c:pt idx="3041">
                  <c:v>39567</c:v>
                </c:pt>
                <c:pt idx="3042">
                  <c:v>39568</c:v>
                </c:pt>
                <c:pt idx="3043">
                  <c:v>39569</c:v>
                </c:pt>
                <c:pt idx="3044">
                  <c:v>39570</c:v>
                </c:pt>
                <c:pt idx="3045">
                  <c:v>39571</c:v>
                </c:pt>
                <c:pt idx="3046">
                  <c:v>39572</c:v>
                </c:pt>
                <c:pt idx="3047">
                  <c:v>39573</c:v>
                </c:pt>
                <c:pt idx="3048">
                  <c:v>39574</c:v>
                </c:pt>
                <c:pt idx="3049">
                  <c:v>39575</c:v>
                </c:pt>
                <c:pt idx="3050">
                  <c:v>39576</c:v>
                </c:pt>
                <c:pt idx="3051">
                  <c:v>39577</c:v>
                </c:pt>
                <c:pt idx="3052">
                  <c:v>39578</c:v>
                </c:pt>
                <c:pt idx="3053">
                  <c:v>39579</c:v>
                </c:pt>
                <c:pt idx="3054">
                  <c:v>39580</c:v>
                </c:pt>
                <c:pt idx="3055">
                  <c:v>39581</c:v>
                </c:pt>
                <c:pt idx="3056">
                  <c:v>39582</c:v>
                </c:pt>
                <c:pt idx="3057">
                  <c:v>39583</c:v>
                </c:pt>
                <c:pt idx="3058">
                  <c:v>39584</c:v>
                </c:pt>
                <c:pt idx="3059">
                  <c:v>39585</c:v>
                </c:pt>
                <c:pt idx="3060">
                  <c:v>39586</c:v>
                </c:pt>
                <c:pt idx="3061">
                  <c:v>39587</c:v>
                </c:pt>
                <c:pt idx="3062">
                  <c:v>39588</c:v>
                </c:pt>
                <c:pt idx="3063">
                  <c:v>39589</c:v>
                </c:pt>
                <c:pt idx="3064">
                  <c:v>39590</c:v>
                </c:pt>
                <c:pt idx="3065">
                  <c:v>39591</c:v>
                </c:pt>
                <c:pt idx="3066">
                  <c:v>39592</c:v>
                </c:pt>
                <c:pt idx="3067">
                  <c:v>39593</c:v>
                </c:pt>
                <c:pt idx="3068">
                  <c:v>39594</c:v>
                </c:pt>
                <c:pt idx="3069">
                  <c:v>39595</c:v>
                </c:pt>
                <c:pt idx="3070">
                  <c:v>39596</c:v>
                </c:pt>
                <c:pt idx="3071">
                  <c:v>39597</c:v>
                </c:pt>
                <c:pt idx="3072">
                  <c:v>39598</c:v>
                </c:pt>
                <c:pt idx="3073">
                  <c:v>39599</c:v>
                </c:pt>
                <c:pt idx="3074">
                  <c:v>39600</c:v>
                </c:pt>
                <c:pt idx="3075">
                  <c:v>39601</c:v>
                </c:pt>
                <c:pt idx="3076">
                  <c:v>39602</c:v>
                </c:pt>
                <c:pt idx="3077">
                  <c:v>39603</c:v>
                </c:pt>
                <c:pt idx="3078">
                  <c:v>39604</c:v>
                </c:pt>
                <c:pt idx="3079">
                  <c:v>39605</c:v>
                </c:pt>
                <c:pt idx="3080">
                  <c:v>39606</c:v>
                </c:pt>
                <c:pt idx="3081">
                  <c:v>39607</c:v>
                </c:pt>
                <c:pt idx="3082">
                  <c:v>39608</c:v>
                </c:pt>
                <c:pt idx="3083">
                  <c:v>39609</c:v>
                </c:pt>
                <c:pt idx="3084">
                  <c:v>39610</c:v>
                </c:pt>
                <c:pt idx="3085">
                  <c:v>39611</c:v>
                </c:pt>
                <c:pt idx="3086">
                  <c:v>39612</c:v>
                </c:pt>
                <c:pt idx="3087">
                  <c:v>39613</c:v>
                </c:pt>
                <c:pt idx="3088">
                  <c:v>39614</c:v>
                </c:pt>
                <c:pt idx="3089">
                  <c:v>39615</c:v>
                </c:pt>
                <c:pt idx="3090">
                  <c:v>39616</c:v>
                </c:pt>
                <c:pt idx="3091">
                  <c:v>39617</c:v>
                </c:pt>
                <c:pt idx="3092">
                  <c:v>39618</c:v>
                </c:pt>
                <c:pt idx="3093">
                  <c:v>39619</c:v>
                </c:pt>
                <c:pt idx="3094">
                  <c:v>39620</c:v>
                </c:pt>
                <c:pt idx="3095">
                  <c:v>39621</c:v>
                </c:pt>
                <c:pt idx="3096">
                  <c:v>39622</c:v>
                </c:pt>
                <c:pt idx="3097">
                  <c:v>39623</c:v>
                </c:pt>
                <c:pt idx="3098">
                  <c:v>39624</c:v>
                </c:pt>
                <c:pt idx="3099">
                  <c:v>39625</c:v>
                </c:pt>
                <c:pt idx="3100">
                  <c:v>39626</c:v>
                </c:pt>
                <c:pt idx="3101">
                  <c:v>39627</c:v>
                </c:pt>
                <c:pt idx="3102">
                  <c:v>39628</c:v>
                </c:pt>
                <c:pt idx="3103">
                  <c:v>39629</c:v>
                </c:pt>
                <c:pt idx="3104">
                  <c:v>39630</c:v>
                </c:pt>
                <c:pt idx="3105">
                  <c:v>39631</c:v>
                </c:pt>
                <c:pt idx="3106">
                  <c:v>39632</c:v>
                </c:pt>
                <c:pt idx="3107">
                  <c:v>39633</c:v>
                </c:pt>
                <c:pt idx="3108">
                  <c:v>39634</c:v>
                </c:pt>
                <c:pt idx="3109">
                  <c:v>39635</c:v>
                </c:pt>
                <c:pt idx="3110">
                  <c:v>39636</c:v>
                </c:pt>
                <c:pt idx="3111">
                  <c:v>39637</c:v>
                </c:pt>
                <c:pt idx="3112">
                  <c:v>39638</c:v>
                </c:pt>
                <c:pt idx="3113">
                  <c:v>39639</c:v>
                </c:pt>
                <c:pt idx="3114">
                  <c:v>39640</c:v>
                </c:pt>
                <c:pt idx="3115">
                  <c:v>39641</c:v>
                </c:pt>
                <c:pt idx="3116">
                  <c:v>39642</c:v>
                </c:pt>
                <c:pt idx="3117">
                  <c:v>39643</c:v>
                </c:pt>
                <c:pt idx="3118">
                  <c:v>39644</c:v>
                </c:pt>
                <c:pt idx="3119">
                  <c:v>39645</c:v>
                </c:pt>
                <c:pt idx="3120">
                  <c:v>39646</c:v>
                </c:pt>
                <c:pt idx="3121">
                  <c:v>39647</c:v>
                </c:pt>
                <c:pt idx="3122">
                  <c:v>39648</c:v>
                </c:pt>
                <c:pt idx="3123">
                  <c:v>39649</c:v>
                </c:pt>
                <c:pt idx="3124">
                  <c:v>39650</c:v>
                </c:pt>
                <c:pt idx="3125">
                  <c:v>39651</c:v>
                </c:pt>
                <c:pt idx="3126">
                  <c:v>39652</c:v>
                </c:pt>
                <c:pt idx="3127">
                  <c:v>39653</c:v>
                </c:pt>
                <c:pt idx="3128">
                  <c:v>39654</c:v>
                </c:pt>
                <c:pt idx="3129">
                  <c:v>39655</c:v>
                </c:pt>
                <c:pt idx="3130">
                  <c:v>39656</c:v>
                </c:pt>
                <c:pt idx="3131">
                  <c:v>39657</c:v>
                </c:pt>
                <c:pt idx="3132">
                  <c:v>39658</c:v>
                </c:pt>
                <c:pt idx="3133">
                  <c:v>39659</c:v>
                </c:pt>
                <c:pt idx="3134">
                  <c:v>39660</c:v>
                </c:pt>
                <c:pt idx="3135">
                  <c:v>39661</c:v>
                </c:pt>
                <c:pt idx="3136">
                  <c:v>39662</c:v>
                </c:pt>
                <c:pt idx="3137">
                  <c:v>39663</c:v>
                </c:pt>
                <c:pt idx="3138">
                  <c:v>39664</c:v>
                </c:pt>
                <c:pt idx="3139">
                  <c:v>39665</c:v>
                </c:pt>
                <c:pt idx="3140">
                  <c:v>39666</c:v>
                </c:pt>
                <c:pt idx="3141">
                  <c:v>39667</c:v>
                </c:pt>
                <c:pt idx="3142">
                  <c:v>39668</c:v>
                </c:pt>
                <c:pt idx="3143">
                  <c:v>39669</c:v>
                </c:pt>
                <c:pt idx="3144">
                  <c:v>39670</c:v>
                </c:pt>
                <c:pt idx="3145">
                  <c:v>39671</c:v>
                </c:pt>
                <c:pt idx="3146">
                  <c:v>39672</c:v>
                </c:pt>
                <c:pt idx="3147">
                  <c:v>39673</c:v>
                </c:pt>
                <c:pt idx="3148">
                  <c:v>39674</c:v>
                </c:pt>
                <c:pt idx="3149">
                  <c:v>39675</c:v>
                </c:pt>
                <c:pt idx="3150">
                  <c:v>39676</c:v>
                </c:pt>
                <c:pt idx="3151">
                  <c:v>39677</c:v>
                </c:pt>
                <c:pt idx="3152">
                  <c:v>39678</c:v>
                </c:pt>
                <c:pt idx="3153">
                  <c:v>39679</c:v>
                </c:pt>
                <c:pt idx="3154">
                  <c:v>39680</c:v>
                </c:pt>
                <c:pt idx="3155">
                  <c:v>39681</c:v>
                </c:pt>
                <c:pt idx="3156">
                  <c:v>39682</c:v>
                </c:pt>
                <c:pt idx="3157">
                  <c:v>39683</c:v>
                </c:pt>
                <c:pt idx="3158">
                  <c:v>39684</c:v>
                </c:pt>
                <c:pt idx="3159">
                  <c:v>39685</c:v>
                </c:pt>
                <c:pt idx="3160">
                  <c:v>39686</c:v>
                </c:pt>
                <c:pt idx="3161">
                  <c:v>39687</c:v>
                </c:pt>
                <c:pt idx="3162">
                  <c:v>39688</c:v>
                </c:pt>
                <c:pt idx="3163">
                  <c:v>39689</c:v>
                </c:pt>
                <c:pt idx="3164">
                  <c:v>39690</c:v>
                </c:pt>
                <c:pt idx="3165">
                  <c:v>39691</c:v>
                </c:pt>
                <c:pt idx="3166">
                  <c:v>39692</c:v>
                </c:pt>
                <c:pt idx="3167">
                  <c:v>39693</c:v>
                </c:pt>
                <c:pt idx="3168">
                  <c:v>39694</c:v>
                </c:pt>
                <c:pt idx="3169">
                  <c:v>39695</c:v>
                </c:pt>
                <c:pt idx="3170">
                  <c:v>39696</c:v>
                </c:pt>
                <c:pt idx="3171">
                  <c:v>39697</c:v>
                </c:pt>
                <c:pt idx="3172">
                  <c:v>39698</c:v>
                </c:pt>
                <c:pt idx="3173">
                  <c:v>39699</c:v>
                </c:pt>
                <c:pt idx="3174">
                  <c:v>39700</c:v>
                </c:pt>
                <c:pt idx="3175">
                  <c:v>39701</c:v>
                </c:pt>
                <c:pt idx="3176">
                  <c:v>39702</c:v>
                </c:pt>
                <c:pt idx="3177">
                  <c:v>39703</c:v>
                </c:pt>
                <c:pt idx="3178">
                  <c:v>39704</c:v>
                </c:pt>
                <c:pt idx="3179">
                  <c:v>39705</c:v>
                </c:pt>
                <c:pt idx="3180">
                  <c:v>39706</c:v>
                </c:pt>
                <c:pt idx="3181">
                  <c:v>39707</c:v>
                </c:pt>
                <c:pt idx="3182">
                  <c:v>39708</c:v>
                </c:pt>
                <c:pt idx="3183">
                  <c:v>39709</c:v>
                </c:pt>
                <c:pt idx="3184">
                  <c:v>39710</c:v>
                </c:pt>
                <c:pt idx="3185">
                  <c:v>39711</c:v>
                </c:pt>
                <c:pt idx="3186">
                  <c:v>39712</c:v>
                </c:pt>
                <c:pt idx="3187">
                  <c:v>39713</c:v>
                </c:pt>
                <c:pt idx="3188">
                  <c:v>39714</c:v>
                </c:pt>
                <c:pt idx="3189">
                  <c:v>39715</c:v>
                </c:pt>
                <c:pt idx="3190">
                  <c:v>39716</c:v>
                </c:pt>
                <c:pt idx="3191">
                  <c:v>39717</c:v>
                </c:pt>
                <c:pt idx="3192">
                  <c:v>39718</c:v>
                </c:pt>
                <c:pt idx="3193">
                  <c:v>39719</c:v>
                </c:pt>
                <c:pt idx="3194">
                  <c:v>39720</c:v>
                </c:pt>
                <c:pt idx="3195">
                  <c:v>39721</c:v>
                </c:pt>
                <c:pt idx="3196">
                  <c:v>39722</c:v>
                </c:pt>
                <c:pt idx="3197">
                  <c:v>39723</c:v>
                </c:pt>
                <c:pt idx="3198">
                  <c:v>39724</c:v>
                </c:pt>
                <c:pt idx="3199">
                  <c:v>39725</c:v>
                </c:pt>
                <c:pt idx="3200">
                  <c:v>39726</c:v>
                </c:pt>
                <c:pt idx="3201">
                  <c:v>39727</c:v>
                </c:pt>
                <c:pt idx="3202">
                  <c:v>39728</c:v>
                </c:pt>
                <c:pt idx="3203">
                  <c:v>39729</c:v>
                </c:pt>
                <c:pt idx="3204">
                  <c:v>39730</c:v>
                </c:pt>
                <c:pt idx="3205">
                  <c:v>39731</c:v>
                </c:pt>
                <c:pt idx="3206">
                  <c:v>39732</c:v>
                </c:pt>
                <c:pt idx="3207">
                  <c:v>39733</c:v>
                </c:pt>
                <c:pt idx="3208">
                  <c:v>39734</c:v>
                </c:pt>
                <c:pt idx="3209">
                  <c:v>39735</c:v>
                </c:pt>
                <c:pt idx="3210">
                  <c:v>39736</c:v>
                </c:pt>
                <c:pt idx="3211">
                  <c:v>39737</c:v>
                </c:pt>
                <c:pt idx="3212">
                  <c:v>39738</c:v>
                </c:pt>
                <c:pt idx="3213">
                  <c:v>39739</c:v>
                </c:pt>
                <c:pt idx="3214">
                  <c:v>39740</c:v>
                </c:pt>
                <c:pt idx="3215">
                  <c:v>39741</c:v>
                </c:pt>
                <c:pt idx="3216">
                  <c:v>39742</c:v>
                </c:pt>
                <c:pt idx="3217">
                  <c:v>39743</c:v>
                </c:pt>
                <c:pt idx="3218">
                  <c:v>39744</c:v>
                </c:pt>
                <c:pt idx="3219">
                  <c:v>39745</c:v>
                </c:pt>
                <c:pt idx="3220">
                  <c:v>39746</c:v>
                </c:pt>
                <c:pt idx="3221">
                  <c:v>39747</c:v>
                </c:pt>
                <c:pt idx="3222">
                  <c:v>39748</c:v>
                </c:pt>
                <c:pt idx="3223">
                  <c:v>39749</c:v>
                </c:pt>
                <c:pt idx="3224">
                  <c:v>39750</c:v>
                </c:pt>
                <c:pt idx="3225">
                  <c:v>39751</c:v>
                </c:pt>
                <c:pt idx="3226">
                  <c:v>39752</c:v>
                </c:pt>
                <c:pt idx="3227">
                  <c:v>39753</c:v>
                </c:pt>
                <c:pt idx="3228">
                  <c:v>39754</c:v>
                </c:pt>
                <c:pt idx="3229">
                  <c:v>39755</c:v>
                </c:pt>
                <c:pt idx="3230">
                  <c:v>39756</c:v>
                </c:pt>
                <c:pt idx="3231">
                  <c:v>39757</c:v>
                </c:pt>
                <c:pt idx="3232">
                  <c:v>39758</c:v>
                </c:pt>
                <c:pt idx="3233">
                  <c:v>39759</c:v>
                </c:pt>
                <c:pt idx="3234">
                  <c:v>39760</c:v>
                </c:pt>
                <c:pt idx="3235">
                  <c:v>39761</c:v>
                </c:pt>
                <c:pt idx="3236">
                  <c:v>39762</c:v>
                </c:pt>
                <c:pt idx="3237">
                  <c:v>39763</c:v>
                </c:pt>
                <c:pt idx="3238">
                  <c:v>39764</c:v>
                </c:pt>
                <c:pt idx="3239">
                  <c:v>39765</c:v>
                </c:pt>
                <c:pt idx="3240">
                  <c:v>39766</c:v>
                </c:pt>
                <c:pt idx="3241">
                  <c:v>39767</c:v>
                </c:pt>
                <c:pt idx="3242">
                  <c:v>39768</c:v>
                </c:pt>
                <c:pt idx="3243">
                  <c:v>39769</c:v>
                </c:pt>
                <c:pt idx="3244">
                  <c:v>39770</c:v>
                </c:pt>
                <c:pt idx="3245">
                  <c:v>39771</c:v>
                </c:pt>
                <c:pt idx="3246">
                  <c:v>39772</c:v>
                </c:pt>
                <c:pt idx="3247">
                  <c:v>39773</c:v>
                </c:pt>
                <c:pt idx="3248">
                  <c:v>39774</c:v>
                </c:pt>
                <c:pt idx="3249">
                  <c:v>39775</c:v>
                </c:pt>
                <c:pt idx="3250">
                  <c:v>39776</c:v>
                </c:pt>
                <c:pt idx="3251">
                  <c:v>39777</c:v>
                </c:pt>
                <c:pt idx="3252">
                  <c:v>39778</c:v>
                </c:pt>
                <c:pt idx="3253">
                  <c:v>39779</c:v>
                </c:pt>
                <c:pt idx="3254">
                  <c:v>39780</c:v>
                </c:pt>
                <c:pt idx="3255">
                  <c:v>39781</c:v>
                </c:pt>
                <c:pt idx="3256">
                  <c:v>39782</c:v>
                </c:pt>
                <c:pt idx="3257">
                  <c:v>39783</c:v>
                </c:pt>
                <c:pt idx="3258">
                  <c:v>39784</c:v>
                </c:pt>
                <c:pt idx="3259">
                  <c:v>39785</c:v>
                </c:pt>
                <c:pt idx="3260">
                  <c:v>39786</c:v>
                </c:pt>
                <c:pt idx="3261">
                  <c:v>39787</c:v>
                </c:pt>
                <c:pt idx="3262">
                  <c:v>39788</c:v>
                </c:pt>
                <c:pt idx="3263">
                  <c:v>39789</c:v>
                </c:pt>
                <c:pt idx="3264">
                  <c:v>39790</c:v>
                </c:pt>
                <c:pt idx="3265">
                  <c:v>39791</c:v>
                </c:pt>
                <c:pt idx="3266">
                  <c:v>39792</c:v>
                </c:pt>
                <c:pt idx="3267">
                  <c:v>39793</c:v>
                </c:pt>
                <c:pt idx="3268">
                  <c:v>39794</c:v>
                </c:pt>
                <c:pt idx="3269">
                  <c:v>39795</c:v>
                </c:pt>
                <c:pt idx="3270">
                  <c:v>39796</c:v>
                </c:pt>
                <c:pt idx="3271">
                  <c:v>39797</c:v>
                </c:pt>
                <c:pt idx="3272">
                  <c:v>39798</c:v>
                </c:pt>
                <c:pt idx="3273">
                  <c:v>39799</c:v>
                </c:pt>
                <c:pt idx="3274">
                  <c:v>39800</c:v>
                </c:pt>
                <c:pt idx="3275">
                  <c:v>39801</c:v>
                </c:pt>
                <c:pt idx="3276">
                  <c:v>39802</c:v>
                </c:pt>
                <c:pt idx="3277">
                  <c:v>39803</c:v>
                </c:pt>
                <c:pt idx="3278">
                  <c:v>39804</c:v>
                </c:pt>
                <c:pt idx="3279">
                  <c:v>39805</c:v>
                </c:pt>
                <c:pt idx="3280">
                  <c:v>39806</c:v>
                </c:pt>
                <c:pt idx="3281">
                  <c:v>39807</c:v>
                </c:pt>
                <c:pt idx="3282">
                  <c:v>39808</c:v>
                </c:pt>
                <c:pt idx="3283">
                  <c:v>39809</c:v>
                </c:pt>
                <c:pt idx="3284">
                  <c:v>39810</c:v>
                </c:pt>
                <c:pt idx="3285">
                  <c:v>39811</c:v>
                </c:pt>
                <c:pt idx="3286">
                  <c:v>39812</c:v>
                </c:pt>
                <c:pt idx="3287">
                  <c:v>39813</c:v>
                </c:pt>
                <c:pt idx="3288">
                  <c:v>39814</c:v>
                </c:pt>
                <c:pt idx="3289">
                  <c:v>39815</c:v>
                </c:pt>
                <c:pt idx="3290">
                  <c:v>39816</c:v>
                </c:pt>
                <c:pt idx="3291">
                  <c:v>39817</c:v>
                </c:pt>
                <c:pt idx="3292">
                  <c:v>39818</c:v>
                </c:pt>
                <c:pt idx="3293">
                  <c:v>39819</c:v>
                </c:pt>
                <c:pt idx="3294">
                  <c:v>39820</c:v>
                </c:pt>
                <c:pt idx="3295">
                  <c:v>39821</c:v>
                </c:pt>
                <c:pt idx="3296">
                  <c:v>39822</c:v>
                </c:pt>
                <c:pt idx="3297">
                  <c:v>39823</c:v>
                </c:pt>
                <c:pt idx="3298">
                  <c:v>39824</c:v>
                </c:pt>
                <c:pt idx="3299">
                  <c:v>39825</c:v>
                </c:pt>
                <c:pt idx="3300">
                  <c:v>39826</c:v>
                </c:pt>
                <c:pt idx="3301">
                  <c:v>39827</c:v>
                </c:pt>
                <c:pt idx="3302">
                  <c:v>39828</c:v>
                </c:pt>
                <c:pt idx="3303">
                  <c:v>39829</c:v>
                </c:pt>
                <c:pt idx="3304">
                  <c:v>39830</c:v>
                </c:pt>
                <c:pt idx="3305">
                  <c:v>39831</c:v>
                </c:pt>
                <c:pt idx="3306">
                  <c:v>39832</c:v>
                </c:pt>
                <c:pt idx="3307">
                  <c:v>39833</c:v>
                </c:pt>
                <c:pt idx="3308">
                  <c:v>39834</c:v>
                </c:pt>
                <c:pt idx="3309">
                  <c:v>39835</c:v>
                </c:pt>
                <c:pt idx="3310">
                  <c:v>39836</c:v>
                </c:pt>
                <c:pt idx="3311">
                  <c:v>39837</c:v>
                </c:pt>
                <c:pt idx="3312">
                  <c:v>39838</c:v>
                </c:pt>
                <c:pt idx="3313">
                  <c:v>39839</c:v>
                </c:pt>
                <c:pt idx="3314">
                  <c:v>39840</c:v>
                </c:pt>
                <c:pt idx="3315">
                  <c:v>39841</c:v>
                </c:pt>
                <c:pt idx="3316">
                  <c:v>39842</c:v>
                </c:pt>
                <c:pt idx="3317">
                  <c:v>39843</c:v>
                </c:pt>
                <c:pt idx="3318">
                  <c:v>39844</c:v>
                </c:pt>
                <c:pt idx="3319">
                  <c:v>39845</c:v>
                </c:pt>
                <c:pt idx="3320">
                  <c:v>39846</c:v>
                </c:pt>
                <c:pt idx="3321">
                  <c:v>39847</c:v>
                </c:pt>
                <c:pt idx="3322">
                  <c:v>39848</c:v>
                </c:pt>
                <c:pt idx="3323">
                  <c:v>39849</c:v>
                </c:pt>
                <c:pt idx="3324">
                  <c:v>39850</c:v>
                </c:pt>
                <c:pt idx="3325">
                  <c:v>39851</c:v>
                </c:pt>
                <c:pt idx="3326">
                  <c:v>39852</c:v>
                </c:pt>
                <c:pt idx="3327">
                  <c:v>39853</c:v>
                </c:pt>
                <c:pt idx="3328">
                  <c:v>39854</c:v>
                </c:pt>
                <c:pt idx="3329">
                  <c:v>39855</c:v>
                </c:pt>
                <c:pt idx="3330">
                  <c:v>39856</c:v>
                </c:pt>
                <c:pt idx="3331">
                  <c:v>39857</c:v>
                </c:pt>
                <c:pt idx="3332">
                  <c:v>39858</c:v>
                </c:pt>
                <c:pt idx="3333">
                  <c:v>39859</c:v>
                </c:pt>
                <c:pt idx="3334">
                  <c:v>39860</c:v>
                </c:pt>
                <c:pt idx="3335">
                  <c:v>39861</c:v>
                </c:pt>
                <c:pt idx="3336">
                  <c:v>39862</c:v>
                </c:pt>
                <c:pt idx="3337">
                  <c:v>39863</c:v>
                </c:pt>
                <c:pt idx="3338">
                  <c:v>39864</c:v>
                </c:pt>
                <c:pt idx="3339">
                  <c:v>39865</c:v>
                </c:pt>
                <c:pt idx="3340">
                  <c:v>39866</c:v>
                </c:pt>
                <c:pt idx="3341">
                  <c:v>39867</c:v>
                </c:pt>
                <c:pt idx="3342">
                  <c:v>39868</c:v>
                </c:pt>
                <c:pt idx="3343">
                  <c:v>39869</c:v>
                </c:pt>
                <c:pt idx="3344">
                  <c:v>39870</c:v>
                </c:pt>
                <c:pt idx="3345">
                  <c:v>39871</c:v>
                </c:pt>
                <c:pt idx="3346">
                  <c:v>39872</c:v>
                </c:pt>
                <c:pt idx="3347">
                  <c:v>39873</c:v>
                </c:pt>
                <c:pt idx="3348">
                  <c:v>39874</c:v>
                </c:pt>
                <c:pt idx="3349">
                  <c:v>39875</c:v>
                </c:pt>
                <c:pt idx="3350">
                  <c:v>39876</c:v>
                </c:pt>
                <c:pt idx="3351">
                  <c:v>39877</c:v>
                </c:pt>
                <c:pt idx="3352">
                  <c:v>39878</c:v>
                </c:pt>
                <c:pt idx="3353">
                  <c:v>39879</c:v>
                </c:pt>
                <c:pt idx="3354">
                  <c:v>39880</c:v>
                </c:pt>
                <c:pt idx="3355">
                  <c:v>39881</c:v>
                </c:pt>
                <c:pt idx="3356">
                  <c:v>39882</c:v>
                </c:pt>
                <c:pt idx="3357">
                  <c:v>39883</c:v>
                </c:pt>
                <c:pt idx="3358">
                  <c:v>39884</c:v>
                </c:pt>
                <c:pt idx="3359">
                  <c:v>39885</c:v>
                </c:pt>
                <c:pt idx="3360">
                  <c:v>39886</c:v>
                </c:pt>
                <c:pt idx="3361">
                  <c:v>39887</c:v>
                </c:pt>
                <c:pt idx="3362">
                  <c:v>39888</c:v>
                </c:pt>
                <c:pt idx="3363">
                  <c:v>39889</c:v>
                </c:pt>
                <c:pt idx="3364">
                  <c:v>39890</c:v>
                </c:pt>
                <c:pt idx="3365">
                  <c:v>39891</c:v>
                </c:pt>
                <c:pt idx="3366">
                  <c:v>39892</c:v>
                </c:pt>
                <c:pt idx="3367">
                  <c:v>39893</c:v>
                </c:pt>
                <c:pt idx="3368">
                  <c:v>39894</c:v>
                </c:pt>
                <c:pt idx="3369">
                  <c:v>39895</c:v>
                </c:pt>
                <c:pt idx="3370">
                  <c:v>39896</c:v>
                </c:pt>
                <c:pt idx="3371">
                  <c:v>39897</c:v>
                </c:pt>
                <c:pt idx="3372">
                  <c:v>39898</c:v>
                </c:pt>
                <c:pt idx="3373">
                  <c:v>39899</c:v>
                </c:pt>
                <c:pt idx="3374">
                  <c:v>39900</c:v>
                </c:pt>
                <c:pt idx="3375">
                  <c:v>39901</c:v>
                </c:pt>
                <c:pt idx="3376">
                  <c:v>39902</c:v>
                </c:pt>
                <c:pt idx="3377">
                  <c:v>39903</c:v>
                </c:pt>
                <c:pt idx="3378">
                  <c:v>39904</c:v>
                </c:pt>
                <c:pt idx="3379">
                  <c:v>39905</c:v>
                </c:pt>
                <c:pt idx="3380">
                  <c:v>39906</c:v>
                </c:pt>
                <c:pt idx="3381">
                  <c:v>39907</c:v>
                </c:pt>
                <c:pt idx="3382">
                  <c:v>39908</c:v>
                </c:pt>
                <c:pt idx="3383">
                  <c:v>39909</c:v>
                </c:pt>
                <c:pt idx="3384">
                  <c:v>39910</c:v>
                </c:pt>
                <c:pt idx="3385">
                  <c:v>39911</c:v>
                </c:pt>
                <c:pt idx="3386">
                  <c:v>39912</c:v>
                </c:pt>
                <c:pt idx="3387">
                  <c:v>39913</c:v>
                </c:pt>
                <c:pt idx="3388">
                  <c:v>39914</c:v>
                </c:pt>
                <c:pt idx="3389">
                  <c:v>39915</c:v>
                </c:pt>
                <c:pt idx="3390">
                  <c:v>39916</c:v>
                </c:pt>
                <c:pt idx="3391">
                  <c:v>39917</c:v>
                </c:pt>
                <c:pt idx="3392">
                  <c:v>39918</c:v>
                </c:pt>
                <c:pt idx="3393">
                  <c:v>39919</c:v>
                </c:pt>
                <c:pt idx="3394">
                  <c:v>39920</c:v>
                </c:pt>
                <c:pt idx="3395">
                  <c:v>39921</c:v>
                </c:pt>
                <c:pt idx="3396">
                  <c:v>39922</c:v>
                </c:pt>
                <c:pt idx="3397">
                  <c:v>39923</c:v>
                </c:pt>
                <c:pt idx="3398">
                  <c:v>39924</c:v>
                </c:pt>
                <c:pt idx="3399">
                  <c:v>39925</c:v>
                </c:pt>
                <c:pt idx="3400">
                  <c:v>39926</c:v>
                </c:pt>
                <c:pt idx="3401">
                  <c:v>39927</c:v>
                </c:pt>
                <c:pt idx="3402">
                  <c:v>39928</c:v>
                </c:pt>
                <c:pt idx="3403">
                  <c:v>39929</c:v>
                </c:pt>
                <c:pt idx="3404">
                  <c:v>39930</c:v>
                </c:pt>
                <c:pt idx="3405">
                  <c:v>39931</c:v>
                </c:pt>
                <c:pt idx="3406">
                  <c:v>39932</c:v>
                </c:pt>
                <c:pt idx="3407">
                  <c:v>39933</c:v>
                </c:pt>
                <c:pt idx="3408">
                  <c:v>39934</c:v>
                </c:pt>
                <c:pt idx="3409">
                  <c:v>39935</c:v>
                </c:pt>
                <c:pt idx="3410">
                  <c:v>39936</c:v>
                </c:pt>
                <c:pt idx="3411">
                  <c:v>39937</c:v>
                </c:pt>
                <c:pt idx="3412">
                  <c:v>39938</c:v>
                </c:pt>
                <c:pt idx="3413">
                  <c:v>39939</c:v>
                </c:pt>
                <c:pt idx="3414">
                  <c:v>39940</c:v>
                </c:pt>
                <c:pt idx="3415">
                  <c:v>39941</c:v>
                </c:pt>
                <c:pt idx="3416">
                  <c:v>39942</c:v>
                </c:pt>
                <c:pt idx="3417">
                  <c:v>39943</c:v>
                </c:pt>
                <c:pt idx="3418">
                  <c:v>39944</c:v>
                </c:pt>
                <c:pt idx="3419">
                  <c:v>39945</c:v>
                </c:pt>
                <c:pt idx="3420">
                  <c:v>39946</c:v>
                </c:pt>
                <c:pt idx="3421">
                  <c:v>39947</c:v>
                </c:pt>
                <c:pt idx="3422">
                  <c:v>39948</c:v>
                </c:pt>
                <c:pt idx="3423">
                  <c:v>39949</c:v>
                </c:pt>
                <c:pt idx="3424">
                  <c:v>39950</c:v>
                </c:pt>
                <c:pt idx="3425">
                  <c:v>39951</c:v>
                </c:pt>
                <c:pt idx="3426">
                  <c:v>39952</c:v>
                </c:pt>
                <c:pt idx="3427">
                  <c:v>39953</c:v>
                </c:pt>
                <c:pt idx="3428">
                  <c:v>39954</c:v>
                </c:pt>
                <c:pt idx="3429">
                  <c:v>39955</c:v>
                </c:pt>
                <c:pt idx="3430">
                  <c:v>39956</c:v>
                </c:pt>
                <c:pt idx="3431">
                  <c:v>39957</c:v>
                </c:pt>
                <c:pt idx="3432">
                  <c:v>39958</c:v>
                </c:pt>
                <c:pt idx="3433">
                  <c:v>39959</c:v>
                </c:pt>
                <c:pt idx="3434">
                  <c:v>39960</c:v>
                </c:pt>
                <c:pt idx="3435">
                  <c:v>39961</c:v>
                </c:pt>
                <c:pt idx="3436">
                  <c:v>39962</c:v>
                </c:pt>
                <c:pt idx="3437">
                  <c:v>39963</c:v>
                </c:pt>
                <c:pt idx="3438">
                  <c:v>39964</c:v>
                </c:pt>
                <c:pt idx="3439">
                  <c:v>39965</c:v>
                </c:pt>
                <c:pt idx="3440">
                  <c:v>39966</c:v>
                </c:pt>
                <c:pt idx="3441">
                  <c:v>39967</c:v>
                </c:pt>
                <c:pt idx="3442">
                  <c:v>39968</c:v>
                </c:pt>
                <c:pt idx="3443">
                  <c:v>39969</c:v>
                </c:pt>
                <c:pt idx="3444">
                  <c:v>39970</c:v>
                </c:pt>
                <c:pt idx="3445">
                  <c:v>39971</c:v>
                </c:pt>
                <c:pt idx="3446">
                  <c:v>39972</c:v>
                </c:pt>
                <c:pt idx="3447">
                  <c:v>39973</c:v>
                </c:pt>
                <c:pt idx="3448">
                  <c:v>39974</c:v>
                </c:pt>
                <c:pt idx="3449">
                  <c:v>39975</c:v>
                </c:pt>
                <c:pt idx="3450">
                  <c:v>39976</c:v>
                </c:pt>
                <c:pt idx="3451">
                  <c:v>39977</c:v>
                </c:pt>
                <c:pt idx="3452">
                  <c:v>39978</c:v>
                </c:pt>
                <c:pt idx="3453">
                  <c:v>39979</c:v>
                </c:pt>
                <c:pt idx="3454">
                  <c:v>39980</c:v>
                </c:pt>
                <c:pt idx="3455">
                  <c:v>39981</c:v>
                </c:pt>
                <c:pt idx="3456">
                  <c:v>39982</c:v>
                </c:pt>
                <c:pt idx="3457">
                  <c:v>39983</c:v>
                </c:pt>
                <c:pt idx="3458">
                  <c:v>39984</c:v>
                </c:pt>
                <c:pt idx="3459">
                  <c:v>39985</c:v>
                </c:pt>
                <c:pt idx="3460">
                  <c:v>39986</c:v>
                </c:pt>
                <c:pt idx="3461">
                  <c:v>39987</c:v>
                </c:pt>
                <c:pt idx="3462">
                  <c:v>39988</c:v>
                </c:pt>
                <c:pt idx="3463">
                  <c:v>39989</c:v>
                </c:pt>
                <c:pt idx="3464">
                  <c:v>39990</c:v>
                </c:pt>
                <c:pt idx="3465">
                  <c:v>39991</c:v>
                </c:pt>
                <c:pt idx="3466">
                  <c:v>39992</c:v>
                </c:pt>
                <c:pt idx="3467">
                  <c:v>39993</c:v>
                </c:pt>
                <c:pt idx="3468">
                  <c:v>39994</c:v>
                </c:pt>
                <c:pt idx="3469">
                  <c:v>39995</c:v>
                </c:pt>
                <c:pt idx="3470">
                  <c:v>39996</c:v>
                </c:pt>
                <c:pt idx="3471">
                  <c:v>39997</c:v>
                </c:pt>
                <c:pt idx="3472">
                  <c:v>39998</c:v>
                </c:pt>
                <c:pt idx="3473">
                  <c:v>39999</c:v>
                </c:pt>
                <c:pt idx="3474">
                  <c:v>40000</c:v>
                </c:pt>
                <c:pt idx="3475">
                  <c:v>40001</c:v>
                </c:pt>
                <c:pt idx="3476">
                  <c:v>40002</c:v>
                </c:pt>
                <c:pt idx="3477">
                  <c:v>40003</c:v>
                </c:pt>
                <c:pt idx="3478">
                  <c:v>40004</c:v>
                </c:pt>
                <c:pt idx="3479">
                  <c:v>40005</c:v>
                </c:pt>
                <c:pt idx="3480">
                  <c:v>40006</c:v>
                </c:pt>
                <c:pt idx="3481">
                  <c:v>40007</c:v>
                </c:pt>
                <c:pt idx="3482">
                  <c:v>40008</c:v>
                </c:pt>
                <c:pt idx="3483">
                  <c:v>40009</c:v>
                </c:pt>
                <c:pt idx="3484">
                  <c:v>40010</c:v>
                </c:pt>
                <c:pt idx="3485">
                  <c:v>40011</c:v>
                </c:pt>
                <c:pt idx="3486">
                  <c:v>40012</c:v>
                </c:pt>
                <c:pt idx="3487">
                  <c:v>40013</c:v>
                </c:pt>
                <c:pt idx="3488">
                  <c:v>40014</c:v>
                </c:pt>
                <c:pt idx="3489">
                  <c:v>40015</c:v>
                </c:pt>
                <c:pt idx="3490">
                  <c:v>40016</c:v>
                </c:pt>
                <c:pt idx="3491">
                  <c:v>40017</c:v>
                </c:pt>
                <c:pt idx="3492">
                  <c:v>40018</c:v>
                </c:pt>
                <c:pt idx="3493">
                  <c:v>40019</c:v>
                </c:pt>
                <c:pt idx="3494">
                  <c:v>40020</c:v>
                </c:pt>
                <c:pt idx="3495">
                  <c:v>40021</c:v>
                </c:pt>
                <c:pt idx="3496">
                  <c:v>40022</c:v>
                </c:pt>
                <c:pt idx="3497">
                  <c:v>40023</c:v>
                </c:pt>
                <c:pt idx="3498">
                  <c:v>40024</c:v>
                </c:pt>
                <c:pt idx="3499">
                  <c:v>40025</c:v>
                </c:pt>
                <c:pt idx="3500">
                  <c:v>40026</c:v>
                </c:pt>
                <c:pt idx="3501">
                  <c:v>40027</c:v>
                </c:pt>
                <c:pt idx="3502">
                  <c:v>40028</c:v>
                </c:pt>
                <c:pt idx="3503">
                  <c:v>40029</c:v>
                </c:pt>
                <c:pt idx="3504">
                  <c:v>40030</c:v>
                </c:pt>
                <c:pt idx="3505">
                  <c:v>40031</c:v>
                </c:pt>
                <c:pt idx="3506">
                  <c:v>40032</c:v>
                </c:pt>
                <c:pt idx="3507">
                  <c:v>40033</c:v>
                </c:pt>
                <c:pt idx="3508">
                  <c:v>40034</c:v>
                </c:pt>
                <c:pt idx="3509">
                  <c:v>40035</c:v>
                </c:pt>
                <c:pt idx="3510">
                  <c:v>40036</c:v>
                </c:pt>
                <c:pt idx="3511">
                  <c:v>40037</c:v>
                </c:pt>
                <c:pt idx="3512">
                  <c:v>40038</c:v>
                </c:pt>
                <c:pt idx="3513">
                  <c:v>40039</c:v>
                </c:pt>
                <c:pt idx="3514">
                  <c:v>40040</c:v>
                </c:pt>
                <c:pt idx="3515">
                  <c:v>40041</c:v>
                </c:pt>
                <c:pt idx="3516">
                  <c:v>40042</c:v>
                </c:pt>
                <c:pt idx="3517">
                  <c:v>40043</c:v>
                </c:pt>
                <c:pt idx="3518">
                  <c:v>40044</c:v>
                </c:pt>
                <c:pt idx="3519">
                  <c:v>40045</c:v>
                </c:pt>
                <c:pt idx="3520">
                  <c:v>40046</c:v>
                </c:pt>
                <c:pt idx="3521">
                  <c:v>40047</c:v>
                </c:pt>
                <c:pt idx="3522">
                  <c:v>40048</c:v>
                </c:pt>
                <c:pt idx="3523">
                  <c:v>40049</c:v>
                </c:pt>
                <c:pt idx="3524">
                  <c:v>40050</c:v>
                </c:pt>
                <c:pt idx="3525">
                  <c:v>40051</c:v>
                </c:pt>
                <c:pt idx="3526">
                  <c:v>40052</c:v>
                </c:pt>
                <c:pt idx="3527">
                  <c:v>40053</c:v>
                </c:pt>
                <c:pt idx="3528">
                  <c:v>40054</c:v>
                </c:pt>
                <c:pt idx="3529">
                  <c:v>40055</c:v>
                </c:pt>
                <c:pt idx="3530">
                  <c:v>40056</c:v>
                </c:pt>
                <c:pt idx="3531">
                  <c:v>40057</c:v>
                </c:pt>
                <c:pt idx="3532">
                  <c:v>40058</c:v>
                </c:pt>
                <c:pt idx="3533">
                  <c:v>40059</c:v>
                </c:pt>
                <c:pt idx="3534">
                  <c:v>40060</c:v>
                </c:pt>
                <c:pt idx="3535">
                  <c:v>40061</c:v>
                </c:pt>
                <c:pt idx="3536">
                  <c:v>40062</c:v>
                </c:pt>
                <c:pt idx="3537">
                  <c:v>40063</c:v>
                </c:pt>
                <c:pt idx="3538">
                  <c:v>40064</c:v>
                </c:pt>
                <c:pt idx="3539">
                  <c:v>40065</c:v>
                </c:pt>
                <c:pt idx="3540">
                  <c:v>40066</c:v>
                </c:pt>
                <c:pt idx="3541">
                  <c:v>40067</c:v>
                </c:pt>
                <c:pt idx="3542">
                  <c:v>40068</c:v>
                </c:pt>
                <c:pt idx="3543">
                  <c:v>40069</c:v>
                </c:pt>
                <c:pt idx="3544">
                  <c:v>40070</c:v>
                </c:pt>
                <c:pt idx="3545">
                  <c:v>40071</c:v>
                </c:pt>
                <c:pt idx="3546">
                  <c:v>40072</c:v>
                </c:pt>
                <c:pt idx="3547">
                  <c:v>40073</c:v>
                </c:pt>
                <c:pt idx="3548">
                  <c:v>40074</c:v>
                </c:pt>
                <c:pt idx="3549">
                  <c:v>40075</c:v>
                </c:pt>
                <c:pt idx="3550">
                  <c:v>40076</c:v>
                </c:pt>
                <c:pt idx="3551">
                  <c:v>40077</c:v>
                </c:pt>
                <c:pt idx="3552">
                  <c:v>40078</c:v>
                </c:pt>
                <c:pt idx="3553">
                  <c:v>40079</c:v>
                </c:pt>
                <c:pt idx="3554">
                  <c:v>40080</c:v>
                </c:pt>
                <c:pt idx="3555">
                  <c:v>40081</c:v>
                </c:pt>
                <c:pt idx="3556">
                  <c:v>40082</c:v>
                </c:pt>
                <c:pt idx="3557">
                  <c:v>40083</c:v>
                </c:pt>
                <c:pt idx="3558">
                  <c:v>40084</c:v>
                </c:pt>
                <c:pt idx="3559">
                  <c:v>40085</c:v>
                </c:pt>
                <c:pt idx="3560">
                  <c:v>40086</c:v>
                </c:pt>
                <c:pt idx="3561">
                  <c:v>40087</c:v>
                </c:pt>
                <c:pt idx="3562">
                  <c:v>40088</c:v>
                </c:pt>
                <c:pt idx="3563">
                  <c:v>40089</c:v>
                </c:pt>
                <c:pt idx="3564">
                  <c:v>40090</c:v>
                </c:pt>
                <c:pt idx="3565">
                  <c:v>40091</c:v>
                </c:pt>
                <c:pt idx="3566">
                  <c:v>40092</c:v>
                </c:pt>
                <c:pt idx="3567">
                  <c:v>40093</c:v>
                </c:pt>
                <c:pt idx="3568">
                  <c:v>40094</c:v>
                </c:pt>
                <c:pt idx="3569">
                  <c:v>40095</c:v>
                </c:pt>
                <c:pt idx="3570">
                  <c:v>40096</c:v>
                </c:pt>
                <c:pt idx="3571">
                  <c:v>40097</c:v>
                </c:pt>
                <c:pt idx="3572">
                  <c:v>40098</c:v>
                </c:pt>
                <c:pt idx="3573">
                  <c:v>40099</c:v>
                </c:pt>
                <c:pt idx="3574">
                  <c:v>40100</c:v>
                </c:pt>
                <c:pt idx="3575">
                  <c:v>40101</c:v>
                </c:pt>
                <c:pt idx="3576">
                  <c:v>40102</c:v>
                </c:pt>
                <c:pt idx="3577">
                  <c:v>40103</c:v>
                </c:pt>
                <c:pt idx="3578">
                  <c:v>40104</c:v>
                </c:pt>
                <c:pt idx="3579">
                  <c:v>40105</c:v>
                </c:pt>
                <c:pt idx="3580">
                  <c:v>40106</c:v>
                </c:pt>
                <c:pt idx="3581">
                  <c:v>40107</c:v>
                </c:pt>
                <c:pt idx="3582">
                  <c:v>40108</c:v>
                </c:pt>
                <c:pt idx="3583">
                  <c:v>40109</c:v>
                </c:pt>
                <c:pt idx="3584">
                  <c:v>40110</c:v>
                </c:pt>
                <c:pt idx="3585">
                  <c:v>40111</c:v>
                </c:pt>
                <c:pt idx="3586">
                  <c:v>40112</c:v>
                </c:pt>
                <c:pt idx="3587">
                  <c:v>40113</c:v>
                </c:pt>
                <c:pt idx="3588">
                  <c:v>40114</c:v>
                </c:pt>
                <c:pt idx="3589">
                  <c:v>40115</c:v>
                </c:pt>
                <c:pt idx="3590">
                  <c:v>40116</c:v>
                </c:pt>
                <c:pt idx="3591">
                  <c:v>40117</c:v>
                </c:pt>
                <c:pt idx="3592">
                  <c:v>40118</c:v>
                </c:pt>
                <c:pt idx="3593">
                  <c:v>40119</c:v>
                </c:pt>
                <c:pt idx="3594">
                  <c:v>40120</c:v>
                </c:pt>
                <c:pt idx="3595">
                  <c:v>40121</c:v>
                </c:pt>
                <c:pt idx="3596">
                  <c:v>40122</c:v>
                </c:pt>
                <c:pt idx="3597">
                  <c:v>40123</c:v>
                </c:pt>
                <c:pt idx="3598">
                  <c:v>40124</c:v>
                </c:pt>
                <c:pt idx="3599">
                  <c:v>40125</c:v>
                </c:pt>
                <c:pt idx="3600">
                  <c:v>40126</c:v>
                </c:pt>
                <c:pt idx="3601">
                  <c:v>40127</c:v>
                </c:pt>
                <c:pt idx="3602">
                  <c:v>40128</c:v>
                </c:pt>
                <c:pt idx="3603">
                  <c:v>40129</c:v>
                </c:pt>
                <c:pt idx="3604">
                  <c:v>40130</c:v>
                </c:pt>
                <c:pt idx="3605">
                  <c:v>40131</c:v>
                </c:pt>
                <c:pt idx="3606">
                  <c:v>40132</c:v>
                </c:pt>
                <c:pt idx="3607">
                  <c:v>40133</c:v>
                </c:pt>
                <c:pt idx="3608">
                  <c:v>40134</c:v>
                </c:pt>
                <c:pt idx="3609">
                  <c:v>40135</c:v>
                </c:pt>
                <c:pt idx="3610">
                  <c:v>40136</c:v>
                </c:pt>
                <c:pt idx="3611">
                  <c:v>40137</c:v>
                </c:pt>
                <c:pt idx="3612">
                  <c:v>40138</c:v>
                </c:pt>
                <c:pt idx="3613">
                  <c:v>40139</c:v>
                </c:pt>
                <c:pt idx="3614">
                  <c:v>40140</c:v>
                </c:pt>
                <c:pt idx="3615">
                  <c:v>40141</c:v>
                </c:pt>
                <c:pt idx="3616">
                  <c:v>40142</c:v>
                </c:pt>
                <c:pt idx="3617">
                  <c:v>40143</c:v>
                </c:pt>
                <c:pt idx="3618">
                  <c:v>40144</c:v>
                </c:pt>
                <c:pt idx="3619">
                  <c:v>40145</c:v>
                </c:pt>
                <c:pt idx="3620">
                  <c:v>40146</c:v>
                </c:pt>
                <c:pt idx="3621">
                  <c:v>40147</c:v>
                </c:pt>
                <c:pt idx="3622">
                  <c:v>40148</c:v>
                </c:pt>
                <c:pt idx="3623">
                  <c:v>40149</c:v>
                </c:pt>
                <c:pt idx="3624">
                  <c:v>40150</c:v>
                </c:pt>
                <c:pt idx="3625">
                  <c:v>40151</c:v>
                </c:pt>
                <c:pt idx="3626">
                  <c:v>40152</c:v>
                </c:pt>
                <c:pt idx="3627">
                  <c:v>40153</c:v>
                </c:pt>
                <c:pt idx="3628">
                  <c:v>40154</c:v>
                </c:pt>
                <c:pt idx="3629">
                  <c:v>40155</c:v>
                </c:pt>
                <c:pt idx="3630">
                  <c:v>40156</c:v>
                </c:pt>
                <c:pt idx="3631">
                  <c:v>40157</c:v>
                </c:pt>
                <c:pt idx="3632">
                  <c:v>40158</c:v>
                </c:pt>
                <c:pt idx="3633">
                  <c:v>40159</c:v>
                </c:pt>
                <c:pt idx="3634">
                  <c:v>40160</c:v>
                </c:pt>
                <c:pt idx="3635">
                  <c:v>40161</c:v>
                </c:pt>
                <c:pt idx="3636">
                  <c:v>40162</c:v>
                </c:pt>
                <c:pt idx="3637">
                  <c:v>40163</c:v>
                </c:pt>
                <c:pt idx="3638">
                  <c:v>40164</c:v>
                </c:pt>
                <c:pt idx="3639">
                  <c:v>40165</c:v>
                </c:pt>
                <c:pt idx="3640">
                  <c:v>40166</c:v>
                </c:pt>
                <c:pt idx="3641">
                  <c:v>40167</c:v>
                </c:pt>
                <c:pt idx="3642">
                  <c:v>40168</c:v>
                </c:pt>
                <c:pt idx="3643">
                  <c:v>40169</c:v>
                </c:pt>
                <c:pt idx="3644">
                  <c:v>40170</c:v>
                </c:pt>
                <c:pt idx="3645">
                  <c:v>40171</c:v>
                </c:pt>
                <c:pt idx="3646">
                  <c:v>40172</c:v>
                </c:pt>
                <c:pt idx="3647">
                  <c:v>40173</c:v>
                </c:pt>
                <c:pt idx="3648">
                  <c:v>40174</c:v>
                </c:pt>
                <c:pt idx="3649">
                  <c:v>40175</c:v>
                </c:pt>
                <c:pt idx="3650">
                  <c:v>40176</c:v>
                </c:pt>
                <c:pt idx="3651">
                  <c:v>40177</c:v>
                </c:pt>
                <c:pt idx="3652">
                  <c:v>40178</c:v>
                </c:pt>
                <c:pt idx="3653">
                  <c:v>40179</c:v>
                </c:pt>
                <c:pt idx="3654">
                  <c:v>40180</c:v>
                </c:pt>
                <c:pt idx="3655">
                  <c:v>40181</c:v>
                </c:pt>
                <c:pt idx="3656">
                  <c:v>40182</c:v>
                </c:pt>
                <c:pt idx="3657">
                  <c:v>40183</c:v>
                </c:pt>
                <c:pt idx="3658">
                  <c:v>40184</c:v>
                </c:pt>
                <c:pt idx="3659">
                  <c:v>40185</c:v>
                </c:pt>
                <c:pt idx="3660">
                  <c:v>40186</c:v>
                </c:pt>
                <c:pt idx="3661">
                  <c:v>40187</c:v>
                </c:pt>
                <c:pt idx="3662">
                  <c:v>40188</c:v>
                </c:pt>
                <c:pt idx="3663">
                  <c:v>40189</c:v>
                </c:pt>
                <c:pt idx="3664">
                  <c:v>40190</c:v>
                </c:pt>
                <c:pt idx="3665">
                  <c:v>40191</c:v>
                </c:pt>
                <c:pt idx="3666">
                  <c:v>40192</c:v>
                </c:pt>
                <c:pt idx="3667">
                  <c:v>40193</c:v>
                </c:pt>
                <c:pt idx="3668">
                  <c:v>40194</c:v>
                </c:pt>
                <c:pt idx="3669">
                  <c:v>40195</c:v>
                </c:pt>
                <c:pt idx="3670">
                  <c:v>40196</c:v>
                </c:pt>
                <c:pt idx="3671">
                  <c:v>40197</c:v>
                </c:pt>
                <c:pt idx="3672">
                  <c:v>40198</c:v>
                </c:pt>
                <c:pt idx="3673">
                  <c:v>40199</c:v>
                </c:pt>
                <c:pt idx="3674">
                  <c:v>40200</c:v>
                </c:pt>
                <c:pt idx="3675">
                  <c:v>40201</c:v>
                </c:pt>
                <c:pt idx="3676">
                  <c:v>40202</c:v>
                </c:pt>
                <c:pt idx="3677">
                  <c:v>40203</c:v>
                </c:pt>
                <c:pt idx="3678">
                  <c:v>40204</c:v>
                </c:pt>
                <c:pt idx="3679">
                  <c:v>40205</c:v>
                </c:pt>
                <c:pt idx="3680">
                  <c:v>40206</c:v>
                </c:pt>
                <c:pt idx="3681">
                  <c:v>40207</c:v>
                </c:pt>
                <c:pt idx="3682">
                  <c:v>40208</c:v>
                </c:pt>
                <c:pt idx="3683">
                  <c:v>40209</c:v>
                </c:pt>
                <c:pt idx="3684">
                  <c:v>40210</c:v>
                </c:pt>
                <c:pt idx="3685">
                  <c:v>40211</c:v>
                </c:pt>
                <c:pt idx="3686">
                  <c:v>40212</c:v>
                </c:pt>
                <c:pt idx="3687">
                  <c:v>40213</c:v>
                </c:pt>
                <c:pt idx="3688">
                  <c:v>40214</c:v>
                </c:pt>
                <c:pt idx="3689">
                  <c:v>40215</c:v>
                </c:pt>
                <c:pt idx="3690">
                  <c:v>40216</c:v>
                </c:pt>
                <c:pt idx="3691">
                  <c:v>40217</c:v>
                </c:pt>
                <c:pt idx="3692">
                  <c:v>40218</c:v>
                </c:pt>
                <c:pt idx="3693">
                  <c:v>40219</c:v>
                </c:pt>
                <c:pt idx="3694">
                  <c:v>40220</c:v>
                </c:pt>
                <c:pt idx="3695">
                  <c:v>40221</c:v>
                </c:pt>
                <c:pt idx="3696">
                  <c:v>40222</c:v>
                </c:pt>
                <c:pt idx="3697">
                  <c:v>40223</c:v>
                </c:pt>
                <c:pt idx="3698">
                  <c:v>40224</c:v>
                </c:pt>
                <c:pt idx="3699">
                  <c:v>40225</c:v>
                </c:pt>
                <c:pt idx="3700">
                  <c:v>40226</c:v>
                </c:pt>
                <c:pt idx="3701">
                  <c:v>40227</c:v>
                </c:pt>
                <c:pt idx="3702">
                  <c:v>40228</c:v>
                </c:pt>
                <c:pt idx="3703">
                  <c:v>40229</c:v>
                </c:pt>
                <c:pt idx="3704">
                  <c:v>40230</c:v>
                </c:pt>
                <c:pt idx="3705">
                  <c:v>40231</c:v>
                </c:pt>
                <c:pt idx="3706">
                  <c:v>40232</c:v>
                </c:pt>
                <c:pt idx="3707">
                  <c:v>40233</c:v>
                </c:pt>
                <c:pt idx="3708">
                  <c:v>40234</c:v>
                </c:pt>
                <c:pt idx="3709">
                  <c:v>40235</c:v>
                </c:pt>
                <c:pt idx="3710">
                  <c:v>40236</c:v>
                </c:pt>
                <c:pt idx="3711">
                  <c:v>40237</c:v>
                </c:pt>
                <c:pt idx="3712">
                  <c:v>40238</c:v>
                </c:pt>
                <c:pt idx="3713">
                  <c:v>40239</c:v>
                </c:pt>
                <c:pt idx="3714">
                  <c:v>40240</c:v>
                </c:pt>
                <c:pt idx="3715">
                  <c:v>40241</c:v>
                </c:pt>
                <c:pt idx="3716">
                  <c:v>40242</c:v>
                </c:pt>
                <c:pt idx="3717">
                  <c:v>40243</c:v>
                </c:pt>
                <c:pt idx="3718">
                  <c:v>40244</c:v>
                </c:pt>
                <c:pt idx="3719">
                  <c:v>40245</c:v>
                </c:pt>
                <c:pt idx="3720">
                  <c:v>40246</c:v>
                </c:pt>
                <c:pt idx="3721">
                  <c:v>40247</c:v>
                </c:pt>
                <c:pt idx="3722">
                  <c:v>40248</c:v>
                </c:pt>
                <c:pt idx="3723">
                  <c:v>40249</c:v>
                </c:pt>
                <c:pt idx="3724">
                  <c:v>40250</c:v>
                </c:pt>
                <c:pt idx="3725">
                  <c:v>40251</c:v>
                </c:pt>
                <c:pt idx="3726">
                  <c:v>40252</c:v>
                </c:pt>
                <c:pt idx="3727">
                  <c:v>40253</c:v>
                </c:pt>
                <c:pt idx="3728">
                  <c:v>40254</c:v>
                </c:pt>
                <c:pt idx="3729">
                  <c:v>40255</c:v>
                </c:pt>
                <c:pt idx="3730">
                  <c:v>40256</c:v>
                </c:pt>
                <c:pt idx="3731">
                  <c:v>40257</c:v>
                </c:pt>
                <c:pt idx="3732">
                  <c:v>40258</c:v>
                </c:pt>
                <c:pt idx="3733">
                  <c:v>40259</c:v>
                </c:pt>
                <c:pt idx="3734">
                  <c:v>40260</c:v>
                </c:pt>
                <c:pt idx="3735">
                  <c:v>40261</c:v>
                </c:pt>
                <c:pt idx="3736">
                  <c:v>40262</c:v>
                </c:pt>
                <c:pt idx="3737">
                  <c:v>40263</c:v>
                </c:pt>
                <c:pt idx="3738">
                  <c:v>40264</c:v>
                </c:pt>
                <c:pt idx="3739">
                  <c:v>40265</c:v>
                </c:pt>
                <c:pt idx="3740">
                  <c:v>40266</c:v>
                </c:pt>
                <c:pt idx="3741">
                  <c:v>40267</c:v>
                </c:pt>
                <c:pt idx="3742">
                  <c:v>40268</c:v>
                </c:pt>
                <c:pt idx="3743">
                  <c:v>40269</c:v>
                </c:pt>
                <c:pt idx="3744">
                  <c:v>40270</c:v>
                </c:pt>
                <c:pt idx="3745">
                  <c:v>40271</c:v>
                </c:pt>
                <c:pt idx="3746">
                  <c:v>40272</c:v>
                </c:pt>
                <c:pt idx="3747">
                  <c:v>40273</c:v>
                </c:pt>
                <c:pt idx="3748">
                  <c:v>40274</c:v>
                </c:pt>
                <c:pt idx="3749">
                  <c:v>40275</c:v>
                </c:pt>
                <c:pt idx="3750">
                  <c:v>40276</c:v>
                </c:pt>
                <c:pt idx="3751">
                  <c:v>40277</c:v>
                </c:pt>
                <c:pt idx="3752">
                  <c:v>40278</c:v>
                </c:pt>
                <c:pt idx="3753">
                  <c:v>40279</c:v>
                </c:pt>
                <c:pt idx="3754">
                  <c:v>40280</c:v>
                </c:pt>
                <c:pt idx="3755">
                  <c:v>40281</c:v>
                </c:pt>
                <c:pt idx="3756">
                  <c:v>40282</c:v>
                </c:pt>
                <c:pt idx="3757">
                  <c:v>40283</c:v>
                </c:pt>
                <c:pt idx="3758">
                  <c:v>40284</c:v>
                </c:pt>
                <c:pt idx="3759">
                  <c:v>40285</c:v>
                </c:pt>
                <c:pt idx="3760">
                  <c:v>40286</c:v>
                </c:pt>
                <c:pt idx="3761">
                  <c:v>40287</c:v>
                </c:pt>
                <c:pt idx="3762">
                  <c:v>40288</c:v>
                </c:pt>
                <c:pt idx="3763">
                  <c:v>40289</c:v>
                </c:pt>
                <c:pt idx="3764">
                  <c:v>40290</c:v>
                </c:pt>
                <c:pt idx="3765">
                  <c:v>40291</c:v>
                </c:pt>
                <c:pt idx="3766">
                  <c:v>40292</c:v>
                </c:pt>
                <c:pt idx="3767">
                  <c:v>40293</c:v>
                </c:pt>
                <c:pt idx="3768">
                  <c:v>40294</c:v>
                </c:pt>
                <c:pt idx="3769">
                  <c:v>40295</c:v>
                </c:pt>
                <c:pt idx="3770">
                  <c:v>40296</c:v>
                </c:pt>
                <c:pt idx="3771">
                  <c:v>40297</c:v>
                </c:pt>
                <c:pt idx="3772">
                  <c:v>40298</c:v>
                </c:pt>
                <c:pt idx="3773">
                  <c:v>40299</c:v>
                </c:pt>
                <c:pt idx="3774">
                  <c:v>40300</c:v>
                </c:pt>
                <c:pt idx="3775">
                  <c:v>40301</c:v>
                </c:pt>
                <c:pt idx="3776">
                  <c:v>40302</c:v>
                </c:pt>
                <c:pt idx="3777">
                  <c:v>40303</c:v>
                </c:pt>
                <c:pt idx="3778">
                  <c:v>40304</c:v>
                </c:pt>
                <c:pt idx="3779">
                  <c:v>40305</c:v>
                </c:pt>
                <c:pt idx="3780">
                  <c:v>40306</c:v>
                </c:pt>
                <c:pt idx="3781">
                  <c:v>40307</c:v>
                </c:pt>
                <c:pt idx="3782">
                  <c:v>40308</c:v>
                </c:pt>
                <c:pt idx="3783">
                  <c:v>40309</c:v>
                </c:pt>
                <c:pt idx="3784">
                  <c:v>40310</c:v>
                </c:pt>
                <c:pt idx="3785">
                  <c:v>40311</c:v>
                </c:pt>
                <c:pt idx="3786">
                  <c:v>40312</c:v>
                </c:pt>
                <c:pt idx="3787">
                  <c:v>40313</c:v>
                </c:pt>
                <c:pt idx="3788">
                  <c:v>40314</c:v>
                </c:pt>
                <c:pt idx="3789">
                  <c:v>40315</c:v>
                </c:pt>
                <c:pt idx="3790">
                  <c:v>40316</c:v>
                </c:pt>
                <c:pt idx="3791">
                  <c:v>40317</c:v>
                </c:pt>
                <c:pt idx="3792">
                  <c:v>40318</c:v>
                </c:pt>
                <c:pt idx="3793">
                  <c:v>40319</c:v>
                </c:pt>
                <c:pt idx="3794">
                  <c:v>40320</c:v>
                </c:pt>
                <c:pt idx="3795">
                  <c:v>40321</c:v>
                </c:pt>
                <c:pt idx="3796">
                  <c:v>40322</c:v>
                </c:pt>
                <c:pt idx="3797">
                  <c:v>40323</c:v>
                </c:pt>
                <c:pt idx="3798">
                  <c:v>40324</c:v>
                </c:pt>
                <c:pt idx="3799">
                  <c:v>40325</c:v>
                </c:pt>
                <c:pt idx="3800">
                  <c:v>40326</c:v>
                </c:pt>
                <c:pt idx="3801">
                  <c:v>40327</c:v>
                </c:pt>
                <c:pt idx="3802">
                  <c:v>40328</c:v>
                </c:pt>
                <c:pt idx="3803">
                  <c:v>40329</c:v>
                </c:pt>
                <c:pt idx="3804">
                  <c:v>40330</c:v>
                </c:pt>
                <c:pt idx="3805">
                  <c:v>40331</c:v>
                </c:pt>
                <c:pt idx="3806">
                  <c:v>40332</c:v>
                </c:pt>
                <c:pt idx="3807">
                  <c:v>40333</c:v>
                </c:pt>
                <c:pt idx="3808">
                  <c:v>40334</c:v>
                </c:pt>
                <c:pt idx="3809">
                  <c:v>40335</c:v>
                </c:pt>
                <c:pt idx="3810">
                  <c:v>40336</c:v>
                </c:pt>
                <c:pt idx="3811">
                  <c:v>40337</c:v>
                </c:pt>
                <c:pt idx="3812">
                  <c:v>40338</c:v>
                </c:pt>
                <c:pt idx="3813">
                  <c:v>40339</c:v>
                </c:pt>
                <c:pt idx="3814">
                  <c:v>40340</c:v>
                </c:pt>
                <c:pt idx="3815">
                  <c:v>40341</c:v>
                </c:pt>
                <c:pt idx="3816">
                  <c:v>40342</c:v>
                </c:pt>
                <c:pt idx="3817">
                  <c:v>40343</c:v>
                </c:pt>
                <c:pt idx="3818">
                  <c:v>40344</c:v>
                </c:pt>
                <c:pt idx="3819">
                  <c:v>40345</c:v>
                </c:pt>
                <c:pt idx="3820">
                  <c:v>40346</c:v>
                </c:pt>
                <c:pt idx="3821">
                  <c:v>40347</c:v>
                </c:pt>
                <c:pt idx="3822">
                  <c:v>40348</c:v>
                </c:pt>
                <c:pt idx="3823">
                  <c:v>40349</c:v>
                </c:pt>
                <c:pt idx="3824">
                  <c:v>40350</c:v>
                </c:pt>
                <c:pt idx="3825">
                  <c:v>40351</c:v>
                </c:pt>
                <c:pt idx="3826">
                  <c:v>40352</c:v>
                </c:pt>
                <c:pt idx="3827">
                  <c:v>40353</c:v>
                </c:pt>
                <c:pt idx="3828">
                  <c:v>40354</c:v>
                </c:pt>
                <c:pt idx="3829">
                  <c:v>40355</c:v>
                </c:pt>
                <c:pt idx="3830">
                  <c:v>40356</c:v>
                </c:pt>
                <c:pt idx="3831">
                  <c:v>40357</c:v>
                </c:pt>
                <c:pt idx="3832">
                  <c:v>40358</c:v>
                </c:pt>
                <c:pt idx="3833">
                  <c:v>40359</c:v>
                </c:pt>
                <c:pt idx="3834">
                  <c:v>40360</c:v>
                </c:pt>
                <c:pt idx="3835">
                  <c:v>40361</c:v>
                </c:pt>
                <c:pt idx="3836">
                  <c:v>40362</c:v>
                </c:pt>
                <c:pt idx="3837">
                  <c:v>40363</c:v>
                </c:pt>
                <c:pt idx="3838">
                  <c:v>40364</c:v>
                </c:pt>
                <c:pt idx="3839">
                  <c:v>40365</c:v>
                </c:pt>
                <c:pt idx="3840">
                  <c:v>40366</c:v>
                </c:pt>
                <c:pt idx="3841">
                  <c:v>40367</c:v>
                </c:pt>
                <c:pt idx="3842">
                  <c:v>40368</c:v>
                </c:pt>
                <c:pt idx="3843">
                  <c:v>40369</c:v>
                </c:pt>
                <c:pt idx="3844">
                  <c:v>40370</c:v>
                </c:pt>
                <c:pt idx="3845">
                  <c:v>40371</c:v>
                </c:pt>
                <c:pt idx="3846">
                  <c:v>40372</c:v>
                </c:pt>
                <c:pt idx="3847">
                  <c:v>40373</c:v>
                </c:pt>
                <c:pt idx="3848">
                  <c:v>40374</c:v>
                </c:pt>
                <c:pt idx="3849">
                  <c:v>40375</c:v>
                </c:pt>
                <c:pt idx="3850">
                  <c:v>40376</c:v>
                </c:pt>
                <c:pt idx="3851">
                  <c:v>40377</c:v>
                </c:pt>
                <c:pt idx="3852">
                  <c:v>40378</c:v>
                </c:pt>
                <c:pt idx="3853">
                  <c:v>40379</c:v>
                </c:pt>
                <c:pt idx="3854">
                  <c:v>40380</c:v>
                </c:pt>
                <c:pt idx="3855">
                  <c:v>40381</c:v>
                </c:pt>
                <c:pt idx="3856">
                  <c:v>40382</c:v>
                </c:pt>
                <c:pt idx="3857">
                  <c:v>40383</c:v>
                </c:pt>
                <c:pt idx="3858">
                  <c:v>40384</c:v>
                </c:pt>
                <c:pt idx="3859">
                  <c:v>40385</c:v>
                </c:pt>
                <c:pt idx="3860">
                  <c:v>40386</c:v>
                </c:pt>
                <c:pt idx="3861">
                  <c:v>40387</c:v>
                </c:pt>
                <c:pt idx="3862">
                  <c:v>40388</c:v>
                </c:pt>
                <c:pt idx="3863">
                  <c:v>40389</c:v>
                </c:pt>
                <c:pt idx="3864">
                  <c:v>40390</c:v>
                </c:pt>
                <c:pt idx="3865">
                  <c:v>40391</c:v>
                </c:pt>
                <c:pt idx="3866">
                  <c:v>40392</c:v>
                </c:pt>
                <c:pt idx="3867">
                  <c:v>40393</c:v>
                </c:pt>
                <c:pt idx="3868">
                  <c:v>40394</c:v>
                </c:pt>
                <c:pt idx="3869">
                  <c:v>40395</c:v>
                </c:pt>
                <c:pt idx="3870">
                  <c:v>40396</c:v>
                </c:pt>
                <c:pt idx="3871">
                  <c:v>40397</c:v>
                </c:pt>
                <c:pt idx="3872">
                  <c:v>40398</c:v>
                </c:pt>
                <c:pt idx="3873">
                  <c:v>40399</c:v>
                </c:pt>
                <c:pt idx="3874">
                  <c:v>40400</c:v>
                </c:pt>
                <c:pt idx="3875">
                  <c:v>40401</c:v>
                </c:pt>
                <c:pt idx="3876">
                  <c:v>40402</c:v>
                </c:pt>
                <c:pt idx="3877">
                  <c:v>40403</c:v>
                </c:pt>
                <c:pt idx="3878">
                  <c:v>40404</c:v>
                </c:pt>
                <c:pt idx="3879">
                  <c:v>40405</c:v>
                </c:pt>
                <c:pt idx="3880">
                  <c:v>40406</c:v>
                </c:pt>
                <c:pt idx="3881">
                  <c:v>40407</c:v>
                </c:pt>
                <c:pt idx="3882">
                  <c:v>40408</c:v>
                </c:pt>
                <c:pt idx="3883">
                  <c:v>40409</c:v>
                </c:pt>
                <c:pt idx="3884">
                  <c:v>40410</c:v>
                </c:pt>
                <c:pt idx="3885">
                  <c:v>40411</c:v>
                </c:pt>
                <c:pt idx="3886">
                  <c:v>40412</c:v>
                </c:pt>
                <c:pt idx="3887">
                  <c:v>40413</c:v>
                </c:pt>
                <c:pt idx="3888">
                  <c:v>40414</c:v>
                </c:pt>
                <c:pt idx="3889">
                  <c:v>40415</c:v>
                </c:pt>
                <c:pt idx="3890">
                  <c:v>40416</c:v>
                </c:pt>
                <c:pt idx="3891">
                  <c:v>40417</c:v>
                </c:pt>
                <c:pt idx="3892">
                  <c:v>40418</c:v>
                </c:pt>
                <c:pt idx="3893">
                  <c:v>40419</c:v>
                </c:pt>
                <c:pt idx="3894">
                  <c:v>40420</c:v>
                </c:pt>
                <c:pt idx="3895">
                  <c:v>40421</c:v>
                </c:pt>
                <c:pt idx="3896">
                  <c:v>40422</c:v>
                </c:pt>
                <c:pt idx="3897">
                  <c:v>40423</c:v>
                </c:pt>
                <c:pt idx="3898">
                  <c:v>40424</c:v>
                </c:pt>
                <c:pt idx="3899">
                  <c:v>40425</c:v>
                </c:pt>
                <c:pt idx="3900">
                  <c:v>40426</c:v>
                </c:pt>
                <c:pt idx="3901">
                  <c:v>40427</c:v>
                </c:pt>
                <c:pt idx="3902">
                  <c:v>40428</c:v>
                </c:pt>
                <c:pt idx="3903">
                  <c:v>40429</c:v>
                </c:pt>
                <c:pt idx="3904">
                  <c:v>40430</c:v>
                </c:pt>
                <c:pt idx="3905">
                  <c:v>40431</c:v>
                </c:pt>
                <c:pt idx="3906">
                  <c:v>40432</c:v>
                </c:pt>
                <c:pt idx="3907">
                  <c:v>40433</c:v>
                </c:pt>
                <c:pt idx="3908">
                  <c:v>40434</c:v>
                </c:pt>
                <c:pt idx="3909">
                  <c:v>40435</c:v>
                </c:pt>
                <c:pt idx="3910">
                  <c:v>40436</c:v>
                </c:pt>
                <c:pt idx="3911">
                  <c:v>40437</c:v>
                </c:pt>
                <c:pt idx="3912">
                  <c:v>40438</c:v>
                </c:pt>
                <c:pt idx="3913">
                  <c:v>40439</c:v>
                </c:pt>
                <c:pt idx="3914">
                  <c:v>40440</c:v>
                </c:pt>
                <c:pt idx="3915">
                  <c:v>40441</c:v>
                </c:pt>
                <c:pt idx="3916">
                  <c:v>40442</c:v>
                </c:pt>
                <c:pt idx="3917">
                  <c:v>40443</c:v>
                </c:pt>
                <c:pt idx="3918">
                  <c:v>40444</c:v>
                </c:pt>
                <c:pt idx="3919">
                  <c:v>40445</c:v>
                </c:pt>
                <c:pt idx="3920">
                  <c:v>40446</c:v>
                </c:pt>
                <c:pt idx="3921">
                  <c:v>40447</c:v>
                </c:pt>
                <c:pt idx="3922">
                  <c:v>40448</c:v>
                </c:pt>
                <c:pt idx="3923">
                  <c:v>40449</c:v>
                </c:pt>
                <c:pt idx="3924">
                  <c:v>40450</c:v>
                </c:pt>
                <c:pt idx="3925">
                  <c:v>40451</c:v>
                </c:pt>
                <c:pt idx="3926">
                  <c:v>40452</c:v>
                </c:pt>
                <c:pt idx="3927">
                  <c:v>40453</c:v>
                </c:pt>
                <c:pt idx="3928">
                  <c:v>40454</c:v>
                </c:pt>
                <c:pt idx="3929">
                  <c:v>40455</c:v>
                </c:pt>
                <c:pt idx="3930">
                  <c:v>40456</c:v>
                </c:pt>
                <c:pt idx="3931">
                  <c:v>40457</c:v>
                </c:pt>
                <c:pt idx="3932">
                  <c:v>40458</c:v>
                </c:pt>
                <c:pt idx="3933">
                  <c:v>40459</c:v>
                </c:pt>
                <c:pt idx="3934">
                  <c:v>40460</c:v>
                </c:pt>
                <c:pt idx="3935">
                  <c:v>40461</c:v>
                </c:pt>
                <c:pt idx="3936">
                  <c:v>40462</c:v>
                </c:pt>
                <c:pt idx="3937">
                  <c:v>40463</c:v>
                </c:pt>
                <c:pt idx="3938">
                  <c:v>40464</c:v>
                </c:pt>
                <c:pt idx="3939">
                  <c:v>40465</c:v>
                </c:pt>
                <c:pt idx="3940">
                  <c:v>40466</c:v>
                </c:pt>
                <c:pt idx="3941">
                  <c:v>40467</c:v>
                </c:pt>
                <c:pt idx="3942">
                  <c:v>40468</c:v>
                </c:pt>
                <c:pt idx="3943">
                  <c:v>40469</c:v>
                </c:pt>
                <c:pt idx="3944">
                  <c:v>40470</c:v>
                </c:pt>
                <c:pt idx="3945">
                  <c:v>40471</c:v>
                </c:pt>
                <c:pt idx="3946">
                  <c:v>40472</c:v>
                </c:pt>
                <c:pt idx="3947">
                  <c:v>40473</c:v>
                </c:pt>
                <c:pt idx="3948">
                  <c:v>40474</c:v>
                </c:pt>
                <c:pt idx="3949">
                  <c:v>40475</c:v>
                </c:pt>
                <c:pt idx="3950">
                  <c:v>40476</c:v>
                </c:pt>
                <c:pt idx="3951">
                  <c:v>40477</c:v>
                </c:pt>
                <c:pt idx="3952">
                  <c:v>40478</c:v>
                </c:pt>
                <c:pt idx="3953">
                  <c:v>40479</c:v>
                </c:pt>
                <c:pt idx="3954">
                  <c:v>40480</c:v>
                </c:pt>
                <c:pt idx="3955">
                  <c:v>40481</c:v>
                </c:pt>
                <c:pt idx="3956">
                  <c:v>40482</c:v>
                </c:pt>
                <c:pt idx="3957">
                  <c:v>40483</c:v>
                </c:pt>
                <c:pt idx="3958">
                  <c:v>40484</c:v>
                </c:pt>
                <c:pt idx="3959">
                  <c:v>40485</c:v>
                </c:pt>
                <c:pt idx="3960">
                  <c:v>40486</c:v>
                </c:pt>
                <c:pt idx="3961">
                  <c:v>40487</c:v>
                </c:pt>
                <c:pt idx="3962">
                  <c:v>40488</c:v>
                </c:pt>
                <c:pt idx="3963">
                  <c:v>40489</c:v>
                </c:pt>
                <c:pt idx="3964">
                  <c:v>40490</c:v>
                </c:pt>
                <c:pt idx="3965">
                  <c:v>40491</c:v>
                </c:pt>
                <c:pt idx="3966">
                  <c:v>40492</c:v>
                </c:pt>
                <c:pt idx="3967">
                  <c:v>40493</c:v>
                </c:pt>
                <c:pt idx="3968">
                  <c:v>40494</c:v>
                </c:pt>
                <c:pt idx="3969">
                  <c:v>40495</c:v>
                </c:pt>
                <c:pt idx="3970">
                  <c:v>40496</c:v>
                </c:pt>
                <c:pt idx="3971">
                  <c:v>40497</c:v>
                </c:pt>
                <c:pt idx="3972">
                  <c:v>40498</c:v>
                </c:pt>
                <c:pt idx="3973">
                  <c:v>40499</c:v>
                </c:pt>
                <c:pt idx="3974">
                  <c:v>40500</c:v>
                </c:pt>
                <c:pt idx="3975">
                  <c:v>40501</c:v>
                </c:pt>
                <c:pt idx="3976">
                  <c:v>40502</c:v>
                </c:pt>
                <c:pt idx="3977">
                  <c:v>40503</c:v>
                </c:pt>
                <c:pt idx="3978">
                  <c:v>40504</c:v>
                </c:pt>
                <c:pt idx="3979">
                  <c:v>40505</c:v>
                </c:pt>
                <c:pt idx="3980">
                  <c:v>40506</c:v>
                </c:pt>
                <c:pt idx="3981">
                  <c:v>40507</c:v>
                </c:pt>
                <c:pt idx="3982">
                  <c:v>40508</c:v>
                </c:pt>
                <c:pt idx="3983">
                  <c:v>40509</c:v>
                </c:pt>
                <c:pt idx="3984">
                  <c:v>40510</c:v>
                </c:pt>
                <c:pt idx="3985">
                  <c:v>40511</c:v>
                </c:pt>
                <c:pt idx="3986">
                  <c:v>40512</c:v>
                </c:pt>
                <c:pt idx="3987">
                  <c:v>40513</c:v>
                </c:pt>
                <c:pt idx="3988">
                  <c:v>40514</c:v>
                </c:pt>
                <c:pt idx="3989">
                  <c:v>40515</c:v>
                </c:pt>
                <c:pt idx="3990">
                  <c:v>40516</c:v>
                </c:pt>
                <c:pt idx="3991">
                  <c:v>40517</c:v>
                </c:pt>
                <c:pt idx="3992">
                  <c:v>40518</c:v>
                </c:pt>
                <c:pt idx="3993">
                  <c:v>40519</c:v>
                </c:pt>
                <c:pt idx="3994">
                  <c:v>40520</c:v>
                </c:pt>
                <c:pt idx="3995">
                  <c:v>40521</c:v>
                </c:pt>
                <c:pt idx="3996">
                  <c:v>40522</c:v>
                </c:pt>
                <c:pt idx="3997">
                  <c:v>40523</c:v>
                </c:pt>
                <c:pt idx="3998">
                  <c:v>40524</c:v>
                </c:pt>
                <c:pt idx="3999">
                  <c:v>40525</c:v>
                </c:pt>
                <c:pt idx="4000">
                  <c:v>40526</c:v>
                </c:pt>
                <c:pt idx="4001">
                  <c:v>40527</c:v>
                </c:pt>
                <c:pt idx="4002">
                  <c:v>40528</c:v>
                </c:pt>
                <c:pt idx="4003">
                  <c:v>40529</c:v>
                </c:pt>
                <c:pt idx="4004">
                  <c:v>40530</c:v>
                </c:pt>
                <c:pt idx="4005">
                  <c:v>40531</c:v>
                </c:pt>
                <c:pt idx="4006">
                  <c:v>40532</c:v>
                </c:pt>
                <c:pt idx="4007">
                  <c:v>40533</c:v>
                </c:pt>
                <c:pt idx="4008">
                  <c:v>40534</c:v>
                </c:pt>
                <c:pt idx="4009">
                  <c:v>40535</c:v>
                </c:pt>
                <c:pt idx="4010">
                  <c:v>40536</c:v>
                </c:pt>
                <c:pt idx="4011">
                  <c:v>40537</c:v>
                </c:pt>
                <c:pt idx="4012">
                  <c:v>40538</c:v>
                </c:pt>
                <c:pt idx="4013">
                  <c:v>40539</c:v>
                </c:pt>
                <c:pt idx="4014">
                  <c:v>40540</c:v>
                </c:pt>
                <c:pt idx="4015">
                  <c:v>40541</c:v>
                </c:pt>
                <c:pt idx="4016">
                  <c:v>40542</c:v>
                </c:pt>
                <c:pt idx="4017">
                  <c:v>40543</c:v>
                </c:pt>
                <c:pt idx="4018">
                  <c:v>40544</c:v>
                </c:pt>
                <c:pt idx="4019">
                  <c:v>40545</c:v>
                </c:pt>
                <c:pt idx="4020">
                  <c:v>40546</c:v>
                </c:pt>
                <c:pt idx="4021">
                  <c:v>40547</c:v>
                </c:pt>
                <c:pt idx="4022">
                  <c:v>40548</c:v>
                </c:pt>
                <c:pt idx="4023">
                  <c:v>40549</c:v>
                </c:pt>
                <c:pt idx="4024">
                  <c:v>40550</c:v>
                </c:pt>
                <c:pt idx="4025">
                  <c:v>40551</c:v>
                </c:pt>
                <c:pt idx="4026">
                  <c:v>40552</c:v>
                </c:pt>
                <c:pt idx="4027">
                  <c:v>40553</c:v>
                </c:pt>
                <c:pt idx="4028">
                  <c:v>40554</c:v>
                </c:pt>
                <c:pt idx="4029">
                  <c:v>40555</c:v>
                </c:pt>
                <c:pt idx="4030">
                  <c:v>40556</c:v>
                </c:pt>
                <c:pt idx="4031">
                  <c:v>40557</c:v>
                </c:pt>
                <c:pt idx="4032">
                  <c:v>40558</c:v>
                </c:pt>
                <c:pt idx="4033">
                  <c:v>40559</c:v>
                </c:pt>
                <c:pt idx="4034">
                  <c:v>40560</c:v>
                </c:pt>
                <c:pt idx="4035">
                  <c:v>40561</c:v>
                </c:pt>
                <c:pt idx="4036">
                  <c:v>40562</c:v>
                </c:pt>
                <c:pt idx="4037">
                  <c:v>40563</c:v>
                </c:pt>
                <c:pt idx="4038">
                  <c:v>40564</c:v>
                </c:pt>
                <c:pt idx="4039">
                  <c:v>40565</c:v>
                </c:pt>
                <c:pt idx="4040">
                  <c:v>40566</c:v>
                </c:pt>
                <c:pt idx="4041">
                  <c:v>40567</c:v>
                </c:pt>
                <c:pt idx="4042">
                  <c:v>40568</c:v>
                </c:pt>
                <c:pt idx="4043">
                  <c:v>40569</c:v>
                </c:pt>
                <c:pt idx="4044">
                  <c:v>40570</c:v>
                </c:pt>
                <c:pt idx="4045">
                  <c:v>40571</c:v>
                </c:pt>
                <c:pt idx="4046">
                  <c:v>40572</c:v>
                </c:pt>
                <c:pt idx="4047">
                  <c:v>40573</c:v>
                </c:pt>
                <c:pt idx="4048">
                  <c:v>40574</c:v>
                </c:pt>
                <c:pt idx="4049">
                  <c:v>40575</c:v>
                </c:pt>
                <c:pt idx="4050">
                  <c:v>40576</c:v>
                </c:pt>
                <c:pt idx="4051">
                  <c:v>40577</c:v>
                </c:pt>
                <c:pt idx="4052">
                  <c:v>40578</c:v>
                </c:pt>
                <c:pt idx="4053">
                  <c:v>40579</c:v>
                </c:pt>
                <c:pt idx="4054">
                  <c:v>40580</c:v>
                </c:pt>
                <c:pt idx="4055">
                  <c:v>40581</c:v>
                </c:pt>
                <c:pt idx="4056">
                  <c:v>40582</c:v>
                </c:pt>
                <c:pt idx="4057">
                  <c:v>40583</c:v>
                </c:pt>
                <c:pt idx="4058">
                  <c:v>40584</c:v>
                </c:pt>
                <c:pt idx="4059">
                  <c:v>40585</c:v>
                </c:pt>
                <c:pt idx="4060">
                  <c:v>40586</c:v>
                </c:pt>
                <c:pt idx="4061">
                  <c:v>40587</c:v>
                </c:pt>
                <c:pt idx="4062">
                  <c:v>40588</c:v>
                </c:pt>
                <c:pt idx="4063">
                  <c:v>40589</c:v>
                </c:pt>
                <c:pt idx="4064">
                  <c:v>40590</c:v>
                </c:pt>
                <c:pt idx="4065">
                  <c:v>40591</c:v>
                </c:pt>
                <c:pt idx="4066">
                  <c:v>40592</c:v>
                </c:pt>
                <c:pt idx="4067">
                  <c:v>40593</c:v>
                </c:pt>
                <c:pt idx="4068">
                  <c:v>40594</c:v>
                </c:pt>
                <c:pt idx="4069">
                  <c:v>40595</c:v>
                </c:pt>
                <c:pt idx="4070">
                  <c:v>40596</c:v>
                </c:pt>
                <c:pt idx="4071">
                  <c:v>40597</c:v>
                </c:pt>
                <c:pt idx="4072">
                  <c:v>40598</c:v>
                </c:pt>
                <c:pt idx="4073">
                  <c:v>40599</c:v>
                </c:pt>
                <c:pt idx="4074">
                  <c:v>40600</c:v>
                </c:pt>
                <c:pt idx="4075">
                  <c:v>40601</c:v>
                </c:pt>
                <c:pt idx="4076">
                  <c:v>40602</c:v>
                </c:pt>
                <c:pt idx="4077">
                  <c:v>40603</c:v>
                </c:pt>
                <c:pt idx="4078">
                  <c:v>40604</c:v>
                </c:pt>
                <c:pt idx="4079">
                  <c:v>40605</c:v>
                </c:pt>
                <c:pt idx="4080">
                  <c:v>40606</c:v>
                </c:pt>
                <c:pt idx="4081">
                  <c:v>40607</c:v>
                </c:pt>
                <c:pt idx="4082">
                  <c:v>40608</c:v>
                </c:pt>
                <c:pt idx="4083">
                  <c:v>40609</c:v>
                </c:pt>
                <c:pt idx="4084">
                  <c:v>40610</c:v>
                </c:pt>
                <c:pt idx="4085">
                  <c:v>40611</c:v>
                </c:pt>
                <c:pt idx="4086">
                  <c:v>40612</c:v>
                </c:pt>
                <c:pt idx="4087">
                  <c:v>40613</c:v>
                </c:pt>
                <c:pt idx="4088">
                  <c:v>40614</c:v>
                </c:pt>
                <c:pt idx="4089">
                  <c:v>40615</c:v>
                </c:pt>
                <c:pt idx="4090">
                  <c:v>40616</c:v>
                </c:pt>
                <c:pt idx="4091">
                  <c:v>40617</c:v>
                </c:pt>
                <c:pt idx="4092">
                  <c:v>40618</c:v>
                </c:pt>
                <c:pt idx="4093">
                  <c:v>40619</c:v>
                </c:pt>
                <c:pt idx="4094">
                  <c:v>40620</c:v>
                </c:pt>
                <c:pt idx="4095">
                  <c:v>40621</c:v>
                </c:pt>
                <c:pt idx="4096">
                  <c:v>40622</c:v>
                </c:pt>
                <c:pt idx="4097">
                  <c:v>40623</c:v>
                </c:pt>
                <c:pt idx="4098">
                  <c:v>40624</c:v>
                </c:pt>
                <c:pt idx="4099">
                  <c:v>40625</c:v>
                </c:pt>
                <c:pt idx="4100">
                  <c:v>40626</c:v>
                </c:pt>
                <c:pt idx="4101">
                  <c:v>40627</c:v>
                </c:pt>
                <c:pt idx="4102">
                  <c:v>40628</c:v>
                </c:pt>
                <c:pt idx="4103">
                  <c:v>40629</c:v>
                </c:pt>
                <c:pt idx="4104">
                  <c:v>40630</c:v>
                </c:pt>
                <c:pt idx="4105">
                  <c:v>40631</c:v>
                </c:pt>
                <c:pt idx="4106">
                  <c:v>40632</c:v>
                </c:pt>
                <c:pt idx="4107">
                  <c:v>40633</c:v>
                </c:pt>
                <c:pt idx="4108">
                  <c:v>40634</c:v>
                </c:pt>
                <c:pt idx="4109">
                  <c:v>40635</c:v>
                </c:pt>
                <c:pt idx="4110">
                  <c:v>40636</c:v>
                </c:pt>
                <c:pt idx="4111">
                  <c:v>40637</c:v>
                </c:pt>
                <c:pt idx="4112">
                  <c:v>40638</c:v>
                </c:pt>
                <c:pt idx="4113">
                  <c:v>40639</c:v>
                </c:pt>
                <c:pt idx="4114">
                  <c:v>40640</c:v>
                </c:pt>
                <c:pt idx="4115">
                  <c:v>40641</c:v>
                </c:pt>
                <c:pt idx="4116">
                  <c:v>40642</c:v>
                </c:pt>
                <c:pt idx="4117">
                  <c:v>40643</c:v>
                </c:pt>
                <c:pt idx="4118">
                  <c:v>40644</c:v>
                </c:pt>
                <c:pt idx="4119">
                  <c:v>40645</c:v>
                </c:pt>
                <c:pt idx="4120">
                  <c:v>40646</c:v>
                </c:pt>
                <c:pt idx="4121">
                  <c:v>40647</c:v>
                </c:pt>
                <c:pt idx="4122">
                  <c:v>40648</c:v>
                </c:pt>
                <c:pt idx="4123">
                  <c:v>40649</c:v>
                </c:pt>
                <c:pt idx="4124">
                  <c:v>40650</c:v>
                </c:pt>
                <c:pt idx="4125">
                  <c:v>40651</c:v>
                </c:pt>
                <c:pt idx="4126">
                  <c:v>40652</c:v>
                </c:pt>
                <c:pt idx="4127">
                  <c:v>40653</c:v>
                </c:pt>
                <c:pt idx="4128">
                  <c:v>40654</c:v>
                </c:pt>
                <c:pt idx="4129">
                  <c:v>40655</c:v>
                </c:pt>
                <c:pt idx="4130">
                  <c:v>40656</c:v>
                </c:pt>
                <c:pt idx="4131">
                  <c:v>40657</c:v>
                </c:pt>
                <c:pt idx="4132">
                  <c:v>40658</c:v>
                </c:pt>
                <c:pt idx="4133">
                  <c:v>40659</c:v>
                </c:pt>
                <c:pt idx="4134">
                  <c:v>40660</c:v>
                </c:pt>
                <c:pt idx="4135">
                  <c:v>40661</c:v>
                </c:pt>
                <c:pt idx="4136">
                  <c:v>40662</c:v>
                </c:pt>
                <c:pt idx="4137">
                  <c:v>40663</c:v>
                </c:pt>
                <c:pt idx="4138">
                  <c:v>40664</c:v>
                </c:pt>
                <c:pt idx="4139">
                  <c:v>40665</c:v>
                </c:pt>
                <c:pt idx="4140">
                  <c:v>40666</c:v>
                </c:pt>
                <c:pt idx="4141">
                  <c:v>40667</c:v>
                </c:pt>
                <c:pt idx="4142">
                  <c:v>40668</c:v>
                </c:pt>
                <c:pt idx="4143">
                  <c:v>40669</c:v>
                </c:pt>
                <c:pt idx="4144">
                  <c:v>40670</c:v>
                </c:pt>
                <c:pt idx="4145">
                  <c:v>40671</c:v>
                </c:pt>
                <c:pt idx="4146">
                  <c:v>40672</c:v>
                </c:pt>
                <c:pt idx="4147">
                  <c:v>40673</c:v>
                </c:pt>
                <c:pt idx="4148">
                  <c:v>40674</c:v>
                </c:pt>
                <c:pt idx="4149">
                  <c:v>40675</c:v>
                </c:pt>
                <c:pt idx="4150">
                  <c:v>40676</c:v>
                </c:pt>
                <c:pt idx="4151">
                  <c:v>40677</c:v>
                </c:pt>
                <c:pt idx="4152">
                  <c:v>40678</c:v>
                </c:pt>
                <c:pt idx="4153">
                  <c:v>40679</c:v>
                </c:pt>
                <c:pt idx="4154">
                  <c:v>40680</c:v>
                </c:pt>
                <c:pt idx="4155">
                  <c:v>40681</c:v>
                </c:pt>
                <c:pt idx="4156">
                  <c:v>40682</c:v>
                </c:pt>
                <c:pt idx="4157">
                  <c:v>40683</c:v>
                </c:pt>
                <c:pt idx="4158">
                  <c:v>40684</c:v>
                </c:pt>
                <c:pt idx="4159">
                  <c:v>40685</c:v>
                </c:pt>
                <c:pt idx="4160">
                  <c:v>40686</c:v>
                </c:pt>
                <c:pt idx="4161">
                  <c:v>40687</c:v>
                </c:pt>
                <c:pt idx="4162">
                  <c:v>40688</c:v>
                </c:pt>
                <c:pt idx="4163">
                  <c:v>40689</c:v>
                </c:pt>
                <c:pt idx="4164">
                  <c:v>40690</c:v>
                </c:pt>
                <c:pt idx="4165">
                  <c:v>40691</c:v>
                </c:pt>
                <c:pt idx="4166">
                  <c:v>40692</c:v>
                </c:pt>
                <c:pt idx="4167">
                  <c:v>40693</c:v>
                </c:pt>
                <c:pt idx="4168">
                  <c:v>40694</c:v>
                </c:pt>
                <c:pt idx="4169">
                  <c:v>40695</c:v>
                </c:pt>
                <c:pt idx="4170">
                  <c:v>40696</c:v>
                </c:pt>
                <c:pt idx="4171">
                  <c:v>40697</c:v>
                </c:pt>
                <c:pt idx="4172">
                  <c:v>40698</c:v>
                </c:pt>
                <c:pt idx="4173">
                  <c:v>40699</c:v>
                </c:pt>
                <c:pt idx="4174">
                  <c:v>40700</c:v>
                </c:pt>
                <c:pt idx="4175">
                  <c:v>40701</c:v>
                </c:pt>
                <c:pt idx="4176">
                  <c:v>40702</c:v>
                </c:pt>
                <c:pt idx="4177">
                  <c:v>40703</c:v>
                </c:pt>
                <c:pt idx="4178">
                  <c:v>40704</c:v>
                </c:pt>
                <c:pt idx="4179">
                  <c:v>40705</c:v>
                </c:pt>
                <c:pt idx="4180">
                  <c:v>40706</c:v>
                </c:pt>
                <c:pt idx="4181">
                  <c:v>40707</c:v>
                </c:pt>
                <c:pt idx="4182">
                  <c:v>40708</c:v>
                </c:pt>
                <c:pt idx="4183">
                  <c:v>40709</c:v>
                </c:pt>
                <c:pt idx="4184">
                  <c:v>40710</c:v>
                </c:pt>
                <c:pt idx="4185">
                  <c:v>40711</c:v>
                </c:pt>
                <c:pt idx="4186">
                  <c:v>40712</c:v>
                </c:pt>
                <c:pt idx="4187">
                  <c:v>40713</c:v>
                </c:pt>
                <c:pt idx="4188">
                  <c:v>40714</c:v>
                </c:pt>
                <c:pt idx="4189">
                  <c:v>40715</c:v>
                </c:pt>
                <c:pt idx="4190">
                  <c:v>40716</c:v>
                </c:pt>
                <c:pt idx="4191">
                  <c:v>40717</c:v>
                </c:pt>
                <c:pt idx="4192">
                  <c:v>40718</c:v>
                </c:pt>
                <c:pt idx="4193">
                  <c:v>40719</c:v>
                </c:pt>
                <c:pt idx="4194">
                  <c:v>40720</c:v>
                </c:pt>
                <c:pt idx="4195">
                  <c:v>40721</c:v>
                </c:pt>
                <c:pt idx="4196">
                  <c:v>40722</c:v>
                </c:pt>
                <c:pt idx="4197">
                  <c:v>40723</c:v>
                </c:pt>
                <c:pt idx="4198">
                  <c:v>40724</c:v>
                </c:pt>
                <c:pt idx="4199">
                  <c:v>40725</c:v>
                </c:pt>
                <c:pt idx="4200">
                  <c:v>40726</c:v>
                </c:pt>
                <c:pt idx="4201">
                  <c:v>40727</c:v>
                </c:pt>
                <c:pt idx="4202">
                  <c:v>40728</c:v>
                </c:pt>
                <c:pt idx="4203">
                  <c:v>40729</c:v>
                </c:pt>
                <c:pt idx="4204">
                  <c:v>40730</c:v>
                </c:pt>
                <c:pt idx="4205">
                  <c:v>40731</c:v>
                </c:pt>
                <c:pt idx="4206">
                  <c:v>40732</c:v>
                </c:pt>
                <c:pt idx="4207">
                  <c:v>40733</c:v>
                </c:pt>
                <c:pt idx="4208">
                  <c:v>40734</c:v>
                </c:pt>
                <c:pt idx="4209">
                  <c:v>40735</c:v>
                </c:pt>
                <c:pt idx="4210">
                  <c:v>40736</c:v>
                </c:pt>
                <c:pt idx="4211">
                  <c:v>40737</c:v>
                </c:pt>
                <c:pt idx="4212">
                  <c:v>40738</c:v>
                </c:pt>
                <c:pt idx="4213">
                  <c:v>40739</c:v>
                </c:pt>
                <c:pt idx="4214">
                  <c:v>40740</c:v>
                </c:pt>
                <c:pt idx="4215">
                  <c:v>40741</c:v>
                </c:pt>
                <c:pt idx="4216">
                  <c:v>40742</c:v>
                </c:pt>
                <c:pt idx="4217">
                  <c:v>40743</c:v>
                </c:pt>
                <c:pt idx="4218">
                  <c:v>40744</c:v>
                </c:pt>
                <c:pt idx="4219">
                  <c:v>40745</c:v>
                </c:pt>
                <c:pt idx="4220">
                  <c:v>40746</c:v>
                </c:pt>
                <c:pt idx="4221">
                  <c:v>40747</c:v>
                </c:pt>
                <c:pt idx="4222">
                  <c:v>40748</c:v>
                </c:pt>
                <c:pt idx="4223">
                  <c:v>40749</c:v>
                </c:pt>
                <c:pt idx="4224">
                  <c:v>40750</c:v>
                </c:pt>
                <c:pt idx="4225">
                  <c:v>40751</c:v>
                </c:pt>
                <c:pt idx="4226">
                  <c:v>40752</c:v>
                </c:pt>
                <c:pt idx="4227">
                  <c:v>40753</c:v>
                </c:pt>
                <c:pt idx="4228">
                  <c:v>40754</c:v>
                </c:pt>
                <c:pt idx="4229">
                  <c:v>40755</c:v>
                </c:pt>
                <c:pt idx="4230">
                  <c:v>40756</c:v>
                </c:pt>
                <c:pt idx="4231">
                  <c:v>40757</c:v>
                </c:pt>
                <c:pt idx="4232">
                  <c:v>40758</c:v>
                </c:pt>
                <c:pt idx="4233">
                  <c:v>40759</c:v>
                </c:pt>
                <c:pt idx="4234">
                  <c:v>40760</c:v>
                </c:pt>
                <c:pt idx="4235">
                  <c:v>40761</c:v>
                </c:pt>
                <c:pt idx="4236">
                  <c:v>40762</c:v>
                </c:pt>
                <c:pt idx="4237">
                  <c:v>40763</c:v>
                </c:pt>
                <c:pt idx="4238">
                  <c:v>40764</c:v>
                </c:pt>
                <c:pt idx="4239">
                  <c:v>40765</c:v>
                </c:pt>
                <c:pt idx="4240">
                  <c:v>40766</c:v>
                </c:pt>
                <c:pt idx="4241">
                  <c:v>40767</c:v>
                </c:pt>
                <c:pt idx="4242">
                  <c:v>40768</c:v>
                </c:pt>
                <c:pt idx="4243">
                  <c:v>40769</c:v>
                </c:pt>
                <c:pt idx="4244">
                  <c:v>40770</c:v>
                </c:pt>
                <c:pt idx="4245">
                  <c:v>40771</c:v>
                </c:pt>
                <c:pt idx="4246">
                  <c:v>40772</c:v>
                </c:pt>
                <c:pt idx="4247">
                  <c:v>40773</c:v>
                </c:pt>
                <c:pt idx="4248">
                  <c:v>40774</c:v>
                </c:pt>
                <c:pt idx="4249">
                  <c:v>40775</c:v>
                </c:pt>
                <c:pt idx="4250">
                  <c:v>40776</c:v>
                </c:pt>
                <c:pt idx="4251">
                  <c:v>40777</c:v>
                </c:pt>
                <c:pt idx="4252">
                  <c:v>40778</c:v>
                </c:pt>
                <c:pt idx="4253">
                  <c:v>40779</c:v>
                </c:pt>
                <c:pt idx="4254">
                  <c:v>40780</c:v>
                </c:pt>
                <c:pt idx="4255">
                  <c:v>40781</c:v>
                </c:pt>
                <c:pt idx="4256">
                  <c:v>40782</c:v>
                </c:pt>
                <c:pt idx="4257">
                  <c:v>40783</c:v>
                </c:pt>
                <c:pt idx="4258">
                  <c:v>40784</c:v>
                </c:pt>
                <c:pt idx="4259">
                  <c:v>40785</c:v>
                </c:pt>
                <c:pt idx="4260">
                  <c:v>40786</c:v>
                </c:pt>
                <c:pt idx="4261">
                  <c:v>40787</c:v>
                </c:pt>
                <c:pt idx="4262">
                  <c:v>40788</c:v>
                </c:pt>
                <c:pt idx="4263">
                  <c:v>40789</c:v>
                </c:pt>
                <c:pt idx="4264">
                  <c:v>40790</c:v>
                </c:pt>
                <c:pt idx="4265">
                  <c:v>40791</c:v>
                </c:pt>
                <c:pt idx="4266">
                  <c:v>40792</c:v>
                </c:pt>
                <c:pt idx="4267">
                  <c:v>40793</c:v>
                </c:pt>
                <c:pt idx="4268">
                  <c:v>40794</c:v>
                </c:pt>
                <c:pt idx="4269">
                  <c:v>40795</c:v>
                </c:pt>
                <c:pt idx="4270">
                  <c:v>40796</c:v>
                </c:pt>
                <c:pt idx="4271">
                  <c:v>40797</c:v>
                </c:pt>
                <c:pt idx="4272">
                  <c:v>40798</c:v>
                </c:pt>
                <c:pt idx="4273">
                  <c:v>40799</c:v>
                </c:pt>
                <c:pt idx="4274">
                  <c:v>40800</c:v>
                </c:pt>
                <c:pt idx="4275">
                  <c:v>40801</c:v>
                </c:pt>
                <c:pt idx="4276">
                  <c:v>40802</c:v>
                </c:pt>
                <c:pt idx="4277">
                  <c:v>40803</c:v>
                </c:pt>
                <c:pt idx="4278">
                  <c:v>40804</c:v>
                </c:pt>
                <c:pt idx="4279">
                  <c:v>40805</c:v>
                </c:pt>
                <c:pt idx="4280">
                  <c:v>40806</c:v>
                </c:pt>
                <c:pt idx="4281">
                  <c:v>40807</c:v>
                </c:pt>
                <c:pt idx="4282">
                  <c:v>40808</c:v>
                </c:pt>
                <c:pt idx="4283">
                  <c:v>40809</c:v>
                </c:pt>
                <c:pt idx="4284">
                  <c:v>40810</c:v>
                </c:pt>
                <c:pt idx="4285">
                  <c:v>40811</c:v>
                </c:pt>
                <c:pt idx="4286">
                  <c:v>40812</c:v>
                </c:pt>
                <c:pt idx="4287">
                  <c:v>40813</c:v>
                </c:pt>
                <c:pt idx="4288">
                  <c:v>40814</c:v>
                </c:pt>
                <c:pt idx="4289">
                  <c:v>40815</c:v>
                </c:pt>
                <c:pt idx="4290">
                  <c:v>40816</c:v>
                </c:pt>
                <c:pt idx="4291">
                  <c:v>40817</c:v>
                </c:pt>
                <c:pt idx="4292">
                  <c:v>40818</c:v>
                </c:pt>
                <c:pt idx="4293">
                  <c:v>40819</c:v>
                </c:pt>
                <c:pt idx="4294">
                  <c:v>40820</c:v>
                </c:pt>
                <c:pt idx="4295">
                  <c:v>40821</c:v>
                </c:pt>
                <c:pt idx="4296">
                  <c:v>40822</c:v>
                </c:pt>
                <c:pt idx="4297">
                  <c:v>40823</c:v>
                </c:pt>
                <c:pt idx="4298">
                  <c:v>40824</c:v>
                </c:pt>
                <c:pt idx="4299">
                  <c:v>40825</c:v>
                </c:pt>
                <c:pt idx="4300">
                  <c:v>40826</c:v>
                </c:pt>
                <c:pt idx="4301">
                  <c:v>40827</c:v>
                </c:pt>
                <c:pt idx="4302">
                  <c:v>40828</c:v>
                </c:pt>
                <c:pt idx="4303">
                  <c:v>40829</c:v>
                </c:pt>
                <c:pt idx="4304">
                  <c:v>40830</c:v>
                </c:pt>
                <c:pt idx="4305">
                  <c:v>40831</c:v>
                </c:pt>
                <c:pt idx="4306">
                  <c:v>40832</c:v>
                </c:pt>
                <c:pt idx="4307">
                  <c:v>40833</c:v>
                </c:pt>
                <c:pt idx="4308">
                  <c:v>40834</c:v>
                </c:pt>
                <c:pt idx="4309">
                  <c:v>40835</c:v>
                </c:pt>
                <c:pt idx="4310">
                  <c:v>40836</c:v>
                </c:pt>
                <c:pt idx="4311">
                  <c:v>40837</c:v>
                </c:pt>
                <c:pt idx="4312">
                  <c:v>40838</c:v>
                </c:pt>
                <c:pt idx="4313">
                  <c:v>40839</c:v>
                </c:pt>
                <c:pt idx="4314">
                  <c:v>40840</c:v>
                </c:pt>
                <c:pt idx="4315">
                  <c:v>40841</c:v>
                </c:pt>
                <c:pt idx="4316">
                  <c:v>40842</c:v>
                </c:pt>
                <c:pt idx="4317">
                  <c:v>40843</c:v>
                </c:pt>
                <c:pt idx="4318">
                  <c:v>40844</c:v>
                </c:pt>
                <c:pt idx="4319">
                  <c:v>40845</c:v>
                </c:pt>
                <c:pt idx="4320">
                  <c:v>40846</c:v>
                </c:pt>
                <c:pt idx="4321">
                  <c:v>40847</c:v>
                </c:pt>
                <c:pt idx="4322">
                  <c:v>40848</c:v>
                </c:pt>
                <c:pt idx="4323">
                  <c:v>40849</c:v>
                </c:pt>
                <c:pt idx="4324">
                  <c:v>40850</c:v>
                </c:pt>
                <c:pt idx="4325">
                  <c:v>40851</c:v>
                </c:pt>
                <c:pt idx="4326">
                  <c:v>40852</c:v>
                </c:pt>
                <c:pt idx="4327">
                  <c:v>40853</c:v>
                </c:pt>
                <c:pt idx="4328">
                  <c:v>40854</c:v>
                </c:pt>
                <c:pt idx="4329">
                  <c:v>40855</c:v>
                </c:pt>
                <c:pt idx="4330">
                  <c:v>40856</c:v>
                </c:pt>
                <c:pt idx="4331">
                  <c:v>40857</c:v>
                </c:pt>
                <c:pt idx="4332">
                  <c:v>40858</c:v>
                </c:pt>
                <c:pt idx="4333">
                  <c:v>40859</c:v>
                </c:pt>
                <c:pt idx="4334">
                  <c:v>40860</c:v>
                </c:pt>
                <c:pt idx="4335">
                  <c:v>40861</c:v>
                </c:pt>
                <c:pt idx="4336">
                  <c:v>40862</c:v>
                </c:pt>
                <c:pt idx="4337">
                  <c:v>40863</c:v>
                </c:pt>
                <c:pt idx="4338">
                  <c:v>40864</c:v>
                </c:pt>
                <c:pt idx="4339">
                  <c:v>40865</c:v>
                </c:pt>
                <c:pt idx="4340">
                  <c:v>40866</c:v>
                </c:pt>
                <c:pt idx="4341">
                  <c:v>40867</c:v>
                </c:pt>
                <c:pt idx="4342">
                  <c:v>40868</c:v>
                </c:pt>
                <c:pt idx="4343">
                  <c:v>40869</c:v>
                </c:pt>
                <c:pt idx="4344">
                  <c:v>40870</c:v>
                </c:pt>
                <c:pt idx="4345">
                  <c:v>40871</c:v>
                </c:pt>
                <c:pt idx="4346">
                  <c:v>40872</c:v>
                </c:pt>
                <c:pt idx="4347">
                  <c:v>40873</c:v>
                </c:pt>
                <c:pt idx="4348">
                  <c:v>40874</c:v>
                </c:pt>
                <c:pt idx="4349">
                  <c:v>40875</c:v>
                </c:pt>
                <c:pt idx="4350">
                  <c:v>40876</c:v>
                </c:pt>
                <c:pt idx="4351">
                  <c:v>40877</c:v>
                </c:pt>
                <c:pt idx="4352">
                  <c:v>40878</c:v>
                </c:pt>
                <c:pt idx="4353">
                  <c:v>40879</c:v>
                </c:pt>
                <c:pt idx="4354">
                  <c:v>40880</c:v>
                </c:pt>
                <c:pt idx="4355">
                  <c:v>40881</c:v>
                </c:pt>
                <c:pt idx="4356">
                  <c:v>40882</c:v>
                </c:pt>
                <c:pt idx="4357">
                  <c:v>40883</c:v>
                </c:pt>
                <c:pt idx="4358">
                  <c:v>40884</c:v>
                </c:pt>
                <c:pt idx="4359">
                  <c:v>40885</c:v>
                </c:pt>
                <c:pt idx="4360">
                  <c:v>40886</c:v>
                </c:pt>
                <c:pt idx="4361">
                  <c:v>40887</c:v>
                </c:pt>
                <c:pt idx="4362">
                  <c:v>40888</c:v>
                </c:pt>
                <c:pt idx="4363">
                  <c:v>40889</c:v>
                </c:pt>
                <c:pt idx="4364">
                  <c:v>40890</c:v>
                </c:pt>
                <c:pt idx="4365">
                  <c:v>40891</c:v>
                </c:pt>
                <c:pt idx="4366">
                  <c:v>40892</c:v>
                </c:pt>
                <c:pt idx="4367">
                  <c:v>40893</c:v>
                </c:pt>
                <c:pt idx="4368">
                  <c:v>40894</c:v>
                </c:pt>
                <c:pt idx="4369">
                  <c:v>40895</c:v>
                </c:pt>
                <c:pt idx="4370">
                  <c:v>40896</c:v>
                </c:pt>
                <c:pt idx="4371">
                  <c:v>40897</c:v>
                </c:pt>
                <c:pt idx="4372">
                  <c:v>40898</c:v>
                </c:pt>
                <c:pt idx="4373">
                  <c:v>40899</c:v>
                </c:pt>
                <c:pt idx="4374">
                  <c:v>40900</c:v>
                </c:pt>
                <c:pt idx="4375">
                  <c:v>40901</c:v>
                </c:pt>
                <c:pt idx="4376">
                  <c:v>40902</c:v>
                </c:pt>
                <c:pt idx="4377">
                  <c:v>40903</c:v>
                </c:pt>
                <c:pt idx="4378">
                  <c:v>40904</c:v>
                </c:pt>
                <c:pt idx="4379">
                  <c:v>40905</c:v>
                </c:pt>
                <c:pt idx="4380">
                  <c:v>40906</c:v>
                </c:pt>
                <c:pt idx="4381">
                  <c:v>40907</c:v>
                </c:pt>
                <c:pt idx="4382">
                  <c:v>40908</c:v>
                </c:pt>
                <c:pt idx="4383">
                  <c:v>40909</c:v>
                </c:pt>
                <c:pt idx="4384">
                  <c:v>40910</c:v>
                </c:pt>
                <c:pt idx="4385">
                  <c:v>40911</c:v>
                </c:pt>
                <c:pt idx="4386">
                  <c:v>40912</c:v>
                </c:pt>
                <c:pt idx="4387">
                  <c:v>40913</c:v>
                </c:pt>
                <c:pt idx="4388">
                  <c:v>40914</c:v>
                </c:pt>
                <c:pt idx="4389">
                  <c:v>40915</c:v>
                </c:pt>
                <c:pt idx="4390">
                  <c:v>40916</c:v>
                </c:pt>
                <c:pt idx="4391">
                  <c:v>40917</c:v>
                </c:pt>
                <c:pt idx="4392">
                  <c:v>40918</c:v>
                </c:pt>
                <c:pt idx="4393">
                  <c:v>40919</c:v>
                </c:pt>
                <c:pt idx="4394">
                  <c:v>40920</c:v>
                </c:pt>
                <c:pt idx="4395">
                  <c:v>40921</c:v>
                </c:pt>
                <c:pt idx="4396">
                  <c:v>40922</c:v>
                </c:pt>
                <c:pt idx="4397">
                  <c:v>40923</c:v>
                </c:pt>
                <c:pt idx="4398">
                  <c:v>40924</c:v>
                </c:pt>
                <c:pt idx="4399">
                  <c:v>40925</c:v>
                </c:pt>
                <c:pt idx="4400">
                  <c:v>40926</c:v>
                </c:pt>
                <c:pt idx="4401">
                  <c:v>40927</c:v>
                </c:pt>
                <c:pt idx="4402">
                  <c:v>40928</c:v>
                </c:pt>
                <c:pt idx="4403">
                  <c:v>40929</c:v>
                </c:pt>
                <c:pt idx="4404">
                  <c:v>40930</c:v>
                </c:pt>
                <c:pt idx="4405">
                  <c:v>40931</c:v>
                </c:pt>
                <c:pt idx="4406">
                  <c:v>40932</c:v>
                </c:pt>
                <c:pt idx="4407">
                  <c:v>40933</c:v>
                </c:pt>
                <c:pt idx="4408">
                  <c:v>40934</c:v>
                </c:pt>
                <c:pt idx="4409">
                  <c:v>40935</c:v>
                </c:pt>
                <c:pt idx="4410">
                  <c:v>40936</c:v>
                </c:pt>
                <c:pt idx="4411">
                  <c:v>40937</c:v>
                </c:pt>
                <c:pt idx="4412">
                  <c:v>40938</c:v>
                </c:pt>
                <c:pt idx="4413">
                  <c:v>40939</c:v>
                </c:pt>
                <c:pt idx="4414">
                  <c:v>40940</c:v>
                </c:pt>
                <c:pt idx="4415">
                  <c:v>40941</c:v>
                </c:pt>
                <c:pt idx="4416">
                  <c:v>40942</c:v>
                </c:pt>
                <c:pt idx="4417">
                  <c:v>40943</c:v>
                </c:pt>
                <c:pt idx="4418">
                  <c:v>40944</c:v>
                </c:pt>
                <c:pt idx="4419">
                  <c:v>40945</c:v>
                </c:pt>
                <c:pt idx="4420">
                  <c:v>40946</c:v>
                </c:pt>
                <c:pt idx="4421">
                  <c:v>40947</c:v>
                </c:pt>
                <c:pt idx="4422">
                  <c:v>40948</c:v>
                </c:pt>
                <c:pt idx="4423">
                  <c:v>40949</c:v>
                </c:pt>
                <c:pt idx="4424">
                  <c:v>40950</c:v>
                </c:pt>
                <c:pt idx="4425">
                  <c:v>40951</c:v>
                </c:pt>
                <c:pt idx="4426">
                  <c:v>40952</c:v>
                </c:pt>
                <c:pt idx="4427">
                  <c:v>40953</c:v>
                </c:pt>
                <c:pt idx="4428">
                  <c:v>40954</c:v>
                </c:pt>
                <c:pt idx="4429">
                  <c:v>40955</c:v>
                </c:pt>
                <c:pt idx="4430">
                  <c:v>40956</c:v>
                </c:pt>
                <c:pt idx="4431">
                  <c:v>40957</c:v>
                </c:pt>
                <c:pt idx="4432">
                  <c:v>40958</c:v>
                </c:pt>
                <c:pt idx="4433">
                  <c:v>40959</c:v>
                </c:pt>
                <c:pt idx="4434">
                  <c:v>40960</c:v>
                </c:pt>
                <c:pt idx="4435">
                  <c:v>40961</c:v>
                </c:pt>
                <c:pt idx="4436">
                  <c:v>40962</c:v>
                </c:pt>
                <c:pt idx="4437">
                  <c:v>40963</c:v>
                </c:pt>
                <c:pt idx="4438">
                  <c:v>40964</c:v>
                </c:pt>
                <c:pt idx="4439">
                  <c:v>40965</c:v>
                </c:pt>
                <c:pt idx="4440">
                  <c:v>40966</c:v>
                </c:pt>
                <c:pt idx="4441">
                  <c:v>40967</c:v>
                </c:pt>
                <c:pt idx="4442">
                  <c:v>40968</c:v>
                </c:pt>
                <c:pt idx="4443">
                  <c:v>40969</c:v>
                </c:pt>
                <c:pt idx="4444">
                  <c:v>40970</c:v>
                </c:pt>
                <c:pt idx="4445">
                  <c:v>40971</c:v>
                </c:pt>
                <c:pt idx="4446">
                  <c:v>40972</c:v>
                </c:pt>
                <c:pt idx="4447">
                  <c:v>40973</c:v>
                </c:pt>
                <c:pt idx="4448">
                  <c:v>40974</c:v>
                </c:pt>
                <c:pt idx="4449">
                  <c:v>40975</c:v>
                </c:pt>
                <c:pt idx="4450">
                  <c:v>40976</c:v>
                </c:pt>
                <c:pt idx="4451">
                  <c:v>40977</c:v>
                </c:pt>
                <c:pt idx="4452">
                  <c:v>40978</c:v>
                </c:pt>
                <c:pt idx="4453">
                  <c:v>40979</c:v>
                </c:pt>
                <c:pt idx="4454">
                  <c:v>40980</c:v>
                </c:pt>
                <c:pt idx="4455">
                  <c:v>40981</c:v>
                </c:pt>
                <c:pt idx="4456">
                  <c:v>40982</c:v>
                </c:pt>
                <c:pt idx="4457">
                  <c:v>40983</c:v>
                </c:pt>
                <c:pt idx="4458">
                  <c:v>40984</c:v>
                </c:pt>
                <c:pt idx="4459">
                  <c:v>40985</c:v>
                </c:pt>
                <c:pt idx="4460">
                  <c:v>40986</c:v>
                </c:pt>
                <c:pt idx="4461">
                  <c:v>40987</c:v>
                </c:pt>
                <c:pt idx="4462">
                  <c:v>40988</c:v>
                </c:pt>
                <c:pt idx="4463">
                  <c:v>40989</c:v>
                </c:pt>
                <c:pt idx="4464">
                  <c:v>40990</c:v>
                </c:pt>
                <c:pt idx="4465">
                  <c:v>40991</c:v>
                </c:pt>
                <c:pt idx="4466">
                  <c:v>40992</c:v>
                </c:pt>
                <c:pt idx="4467">
                  <c:v>40993</c:v>
                </c:pt>
                <c:pt idx="4468">
                  <c:v>40994</c:v>
                </c:pt>
                <c:pt idx="4469">
                  <c:v>40995</c:v>
                </c:pt>
                <c:pt idx="4470">
                  <c:v>40996</c:v>
                </c:pt>
                <c:pt idx="4471">
                  <c:v>40997</c:v>
                </c:pt>
                <c:pt idx="4472">
                  <c:v>40998</c:v>
                </c:pt>
                <c:pt idx="4473">
                  <c:v>40999</c:v>
                </c:pt>
                <c:pt idx="4474">
                  <c:v>41000</c:v>
                </c:pt>
                <c:pt idx="4475">
                  <c:v>41001</c:v>
                </c:pt>
                <c:pt idx="4476">
                  <c:v>41002</c:v>
                </c:pt>
                <c:pt idx="4477">
                  <c:v>41003</c:v>
                </c:pt>
                <c:pt idx="4478">
                  <c:v>41004</c:v>
                </c:pt>
                <c:pt idx="4479">
                  <c:v>41005</c:v>
                </c:pt>
                <c:pt idx="4480">
                  <c:v>41006</c:v>
                </c:pt>
                <c:pt idx="4481">
                  <c:v>41007</c:v>
                </c:pt>
                <c:pt idx="4482">
                  <c:v>41008</c:v>
                </c:pt>
                <c:pt idx="4483">
                  <c:v>41009</c:v>
                </c:pt>
                <c:pt idx="4484">
                  <c:v>41010</c:v>
                </c:pt>
                <c:pt idx="4485">
                  <c:v>41011</c:v>
                </c:pt>
                <c:pt idx="4486">
                  <c:v>41012</c:v>
                </c:pt>
                <c:pt idx="4487">
                  <c:v>41013</c:v>
                </c:pt>
                <c:pt idx="4488">
                  <c:v>41014</c:v>
                </c:pt>
                <c:pt idx="4489">
                  <c:v>41015</c:v>
                </c:pt>
                <c:pt idx="4490">
                  <c:v>41016</c:v>
                </c:pt>
                <c:pt idx="4491">
                  <c:v>41017</c:v>
                </c:pt>
                <c:pt idx="4492">
                  <c:v>41018</c:v>
                </c:pt>
                <c:pt idx="4493">
                  <c:v>41019</c:v>
                </c:pt>
                <c:pt idx="4494">
                  <c:v>41020</c:v>
                </c:pt>
                <c:pt idx="4495">
                  <c:v>41021</c:v>
                </c:pt>
                <c:pt idx="4496">
                  <c:v>41022</c:v>
                </c:pt>
                <c:pt idx="4497">
                  <c:v>41023</c:v>
                </c:pt>
                <c:pt idx="4498">
                  <c:v>41024</c:v>
                </c:pt>
                <c:pt idx="4499">
                  <c:v>41025</c:v>
                </c:pt>
                <c:pt idx="4500">
                  <c:v>41026</c:v>
                </c:pt>
                <c:pt idx="4501">
                  <c:v>41027</c:v>
                </c:pt>
                <c:pt idx="4502">
                  <c:v>41028</c:v>
                </c:pt>
                <c:pt idx="4503">
                  <c:v>41029</c:v>
                </c:pt>
                <c:pt idx="4504">
                  <c:v>41030</c:v>
                </c:pt>
                <c:pt idx="4505">
                  <c:v>41031</c:v>
                </c:pt>
                <c:pt idx="4506">
                  <c:v>41032</c:v>
                </c:pt>
                <c:pt idx="4507">
                  <c:v>41033</c:v>
                </c:pt>
                <c:pt idx="4508">
                  <c:v>41034</c:v>
                </c:pt>
                <c:pt idx="4509">
                  <c:v>41035</c:v>
                </c:pt>
                <c:pt idx="4510">
                  <c:v>41036</c:v>
                </c:pt>
                <c:pt idx="4511">
                  <c:v>41037</c:v>
                </c:pt>
                <c:pt idx="4512">
                  <c:v>41038</c:v>
                </c:pt>
                <c:pt idx="4513">
                  <c:v>41039</c:v>
                </c:pt>
                <c:pt idx="4514">
                  <c:v>41040</c:v>
                </c:pt>
                <c:pt idx="4515">
                  <c:v>41041</c:v>
                </c:pt>
                <c:pt idx="4516">
                  <c:v>41042</c:v>
                </c:pt>
                <c:pt idx="4517">
                  <c:v>41043</c:v>
                </c:pt>
                <c:pt idx="4518">
                  <c:v>41044</c:v>
                </c:pt>
                <c:pt idx="4519">
                  <c:v>41045</c:v>
                </c:pt>
                <c:pt idx="4520">
                  <c:v>41046</c:v>
                </c:pt>
                <c:pt idx="4521">
                  <c:v>41047</c:v>
                </c:pt>
                <c:pt idx="4522">
                  <c:v>41048</c:v>
                </c:pt>
                <c:pt idx="4523">
                  <c:v>41049</c:v>
                </c:pt>
                <c:pt idx="4524">
                  <c:v>41050</c:v>
                </c:pt>
                <c:pt idx="4525">
                  <c:v>41051</c:v>
                </c:pt>
                <c:pt idx="4526">
                  <c:v>41052</c:v>
                </c:pt>
                <c:pt idx="4527">
                  <c:v>41053</c:v>
                </c:pt>
                <c:pt idx="4528">
                  <c:v>41054</c:v>
                </c:pt>
                <c:pt idx="4529">
                  <c:v>41055</c:v>
                </c:pt>
                <c:pt idx="4530">
                  <c:v>41056</c:v>
                </c:pt>
                <c:pt idx="4531">
                  <c:v>41057</c:v>
                </c:pt>
                <c:pt idx="4532">
                  <c:v>41058</c:v>
                </c:pt>
                <c:pt idx="4533">
                  <c:v>41059</c:v>
                </c:pt>
                <c:pt idx="4534">
                  <c:v>41060</c:v>
                </c:pt>
                <c:pt idx="4535">
                  <c:v>41061</c:v>
                </c:pt>
                <c:pt idx="4536">
                  <c:v>41062</c:v>
                </c:pt>
                <c:pt idx="4537">
                  <c:v>41063</c:v>
                </c:pt>
                <c:pt idx="4538">
                  <c:v>41064</c:v>
                </c:pt>
                <c:pt idx="4539">
                  <c:v>41065</c:v>
                </c:pt>
                <c:pt idx="4540">
                  <c:v>41066</c:v>
                </c:pt>
                <c:pt idx="4541">
                  <c:v>41067</c:v>
                </c:pt>
                <c:pt idx="4542">
                  <c:v>41068</c:v>
                </c:pt>
                <c:pt idx="4543">
                  <c:v>41069</c:v>
                </c:pt>
                <c:pt idx="4544">
                  <c:v>41070</c:v>
                </c:pt>
                <c:pt idx="4545">
                  <c:v>41071</c:v>
                </c:pt>
                <c:pt idx="4546">
                  <c:v>41072</c:v>
                </c:pt>
                <c:pt idx="4547">
                  <c:v>41073</c:v>
                </c:pt>
                <c:pt idx="4548">
                  <c:v>41074</c:v>
                </c:pt>
                <c:pt idx="4549">
                  <c:v>41075</c:v>
                </c:pt>
                <c:pt idx="4550">
                  <c:v>41076</c:v>
                </c:pt>
                <c:pt idx="4551">
                  <c:v>41077</c:v>
                </c:pt>
                <c:pt idx="4552">
                  <c:v>41078</c:v>
                </c:pt>
                <c:pt idx="4553">
                  <c:v>41079</c:v>
                </c:pt>
                <c:pt idx="4554">
                  <c:v>41080</c:v>
                </c:pt>
                <c:pt idx="4555">
                  <c:v>41081</c:v>
                </c:pt>
                <c:pt idx="4556">
                  <c:v>41082</c:v>
                </c:pt>
                <c:pt idx="4557">
                  <c:v>41083</c:v>
                </c:pt>
                <c:pt idx="4558">
                  <c:v>41084</c:v>
                </c:pt>
                <c:pt idx="4559">
                  <c:v>41085</c:v>
                </c:pt>
                <c:pt idx="4560">
                  <c:v>41086</c:v>
                </c:pt>
                <c:pt idx="4561">
                  <c:v>41087</c:v>
                </c:pt>
                <c:pt idx="4562">
                  <c:v>41088</c:v>
                </c:pt>
                <c:pt idx="4563">
                  <c:v>41089</c:v>
                </c:pt>
                <c:pt idx="4564">
                  <c:v>41090</c:v>
                </c:pt>
                <c:pt idx="4565">
                  <c:v>41091</c:v>
                </c:pt>
                <c:pt idx="4566">
                  <c:v>41092</c:v>
                </c:pt>
                <c:pt idx="4567">
                  <c:v>41093</c:v>
                </c:pt>
                <c:pt idx="4568">
                  <c:v>41094</c:v>
                </c:pt>
                <c:pt idx="4569">
                  <c:v>41095</c:v>
                </c:pt>
                <c:pt idx="4570">
                  <c:v>41096</c:v>
                </c:pt>
                <c:pt idx="4571">
                  <c:v>41097</c:v>
                </c:pt>
                <c:pt idx="4572">
                  <c:v>41098</c:v>
                </c:pt>
                <c:pt idx="4573">
                  <c:v>41099</c:v>
                </c:pt>
                <c:pt idx="4574">
                  <c:v>41100</c:v>
                </c:pt>
                <c:pt idx="4575">
                  <c:v>41101</c:v>
                </c:pt>
                <c:pt idx="4576">
                  <c:v>41102</c:v>
                </c:pt>
                <c:pt idx="4577">
                  <c:v>41103</c:v>
                </c:pt>
                <c:pt idx="4578">
                  <c:v>41104</c:v>
                </c:pt>
                <c:pt idx="4579">
                  <c:v>41105</c:v>
                </c:pt>
                <c:pt idx="4580">
                  <c:v>41106</c:v>
                </c:pt>
                <c:pt idx="4581">
                  <c:v>41107</c:v>
                </c:pt>
                <c:pt idx="4582">
                  <c:v>41108</c:v>
                </c:pt>
                <c:pt idx="4583">
                  <c:v>41109</c:v>
                </c:pt>
                <c:pt idx="4584">
                  <c:v>41110</c:v>
                </c:pt>
                <c:pt idx="4585">
                  <c:v>41111</c:v>
                </c:pt>
                <c:pt idx="4586">
                  <c:v>41112</c:v>
                </c:pt>
                <c:pt idx="4587">
                  <c:v>41113</c:v>
                </c:pt>
                <c:pt idx="4588">
                  <c:v>41114</c:v>
                </c:pt>
                <c:pt idx="4589">
                  <c:v>41115</c:v>
                </c:pt>
                <c:pt idx="4590">
                  <c:v>41116</c:v>
                </c:pt>
                <c:pt idx="4591">
                  <c:v>41117</c:v>
                </c:pt>
                <c:pt idx="4592">
                  <c:v>41118</c:v>
                </c:pt>
                <c:pt idx="4593">
                  <c:v>41119</c:v>
                </c:pt>
                <c:pt idx="4594">
                  <c:v>41120</c:v>
                </c:pt>
                <c:pt idx="4595">
                  <c:v>41121</c:v>
                </c:pt>
                <c:pt idx="4596">
                  <c:v>41122</c:v>
                </c:pt>
                <c:pt idx="4597">
                  <c:v>41123</c:v>
                </c:pt>
                <c:pt idx="4598">
                  <c:v>41124</c:v>
                </c:pt>
                <c:pt idx="4599">
                  <c:v>41125</c:v>
                </c:pt>
                <c:pt idx="4600">
                  <c:v>41126</c:v>
                </c:pt>
                <c:pt idx="4601">
                  <c:v>41127</c:v>
                </c:pt>
                <c:pt idx="4602">
                  <c:v>41128</c:v>
                </c:pt>
                <c:pt idx="4603">
                  <c:v>41129</c:v>
                </c:pt>
                <c:pt idx="4604">
                  <c:v>41130</c:v>
                </c:pt>
                <c:pt idx="4605">
                  <c:v>41131</c:v>
                </c:pt>
                <c:pt idx="4606">
                  <c:v>41132</c:v>
                </c:pt>
                <c:pt idx="4607">
                  <c:v>41133</c:v>
                </c:pt>
                <c:pt idx="4608">
                  <c:v>41134</c:v>
                </c:pt>
                <c:pt idx="4609">
                  <c:v>41135</c:v>
                </c:pt>
                <c:pt idx="4610">
                  <c:v>41136</c:v>
                </c:pt>
                <c:pt idx="4611">
                  <c:v>41137</c:v>
                </c:pt>
                <c:pt idx="4612">
                  <c:v>41138</c:v>
                </c:pt>
                <c:pt idx="4613">
                  <c:v>41139</c:v>
                </c:pt>
                <c:pt idx="4614">
                  <c:v>41140</c:v>
                </c:pt>
                <c:pt idx="4615">
                  <c:v>41141</c:v>
                </c:pt>
                <c:pt idx="4616">
                  <c:v>41142</c:v>
                </c:pt>
                <c:pt idx="4617">
                  <c:v>41143</c:v>
                </c:pt>
                <c:pt idx="4618">
                  <c:v>41144</c:v>
                </c:pt>
                <c:pt idx="4619">
                  <c:v>41145</c:v>
                </c:pt>
                <c:pt idx="4620">
                  <c:v>41146</c:v>
                </c:pt>
                <c:pt idx="4621">
                  <c:v>41147</c:v>
                </c:pt>
                <c:pt idx="4622">
                  <c:v>41148</c:v>
                </c:pt>
                <c:pt idx="4623">
                  <c:v>41149</c:v>
                </c:pt>
                <c:pt idx="4624">
                  <c:v>41150</c:v>
                </c:pt>
                <c:pt idx="4625">
                  <c:v>41151</c:v>
                </c:pt>
                <c:pt idx="4626">
                  <c:v>41152</c:v>
                </c:pt>
                <c:pt idx="4627">
                  <c:v>41153</c:v>
                </c:pt>
                <c:pt idx="4628">
                  <c:v>41154</c:v>
                </c:pt>
                <c:pt idx="4629">
                  <c:v>41155</c:v>
                </c:pt>
                <c:pt idx="4630">
                  <c:v>41156</c:v>
                </c:pt>
                <c:pt idx="4631">
                  <c:v>41157</c:v>
                </c:pt>
                <c:pt idx="4632">
                  <c:v>41158</c:v>
                </c:pt>
                <c:pt idx="4633">
                  <c:v>41159</c:v>
                </c:pt>
                <c:pt idx="4634">
                  <c:v>41160</c:v>
                </c:pt>
                <c:pt idx="4635">
                  <c:v>41161</c:v>
                </c:pt>
                <c:pt idx="4636">
                  <c:v>41162</c:v>
                </c:pt>
                <c:pt idx="4637">
                  <c:v>41163</c:v>
                </c:pt>
                <c:pt idx="4638">
                  <c:v>41164</c:v>
                </c:pt>
                <c:pt idx="4639">
                  <c:v>41165</c:v>
                </c:pt>
                <c:pt idx="4640">
                  <c:v>41166</c:v>
                </c:pt>
                <c:pt idx="4641">
                  <c:v>41167</c:v>
                </c:pt>
                <c:pt idx="4642">
                  <c:v>41168</c:v>
                </c:pt>
                <c:pt idx="4643">
                  <c:v>41169</c:v>
                </c:pt>
                <c:pt idx="4644">
                  <c:v>41170</c:v>
                </c:pt>
                <c:pt idx="4645">
                  <c:v>41171</c:v>
                </c:pt>
                <c:pt idx="4646">
                  <c:v>41172</c:v>
                </c:pt>
                <c:pt idx="4647">
                  <c:v>41173</c:v>
                </c:pt>
                <c:pt idx="4648">
                  <c:v>41174</c:v>
                </c:pt>
                <c:pt idx="4649">
                  <c:v>41175</c:v>
                </c:pt>
                <c:pt idx="4650">
                  <c:v>41176</c:v>
                </c:pt>
                <c:pt idx="4651">
                  <c:v>41177</c:v>
                </c:pt>
                <c:pt idx="4652">
                  <c:v>41178</c:v>
                </c:pt>
                <c:pt idx="4653">
                  <c:v>41179</c:v>
                </c:pt>
                <c:pt idx="4654">
                  <c:v>41180</c:v>
                </c:pt>
                <c:pt idx="4655">
                  <c:v>41181</c:v>
                </c:pt>
                <c:pt idx="4656">
                  <c:v>41182</c:v>
                </c:pt>
                <c:pt idx="4657">
                  <c:v>41183</c:v>
                </c:pt>
                <c:pt idx="4658">
                  <c:v>41184</c:v>
                </c:pt>
                <c:pt idx="4659">
                  <c:v>41185</c:v>
                </c:pt>
                <c:pt idx="4660">
                  <c:v>41186</c:v>
                </c:pt>
                <c:pt idx="4661">
                  <c:v>41187</c:v>
                </c:pt>
                <c:pt idx="4662">
                  <c:v>41188</c:v>
                </c:pt>
                <c:pt idx="4663">
                  <c:v>41189</c:v>
                </c:pt>
                <c:pt idx="4664">
                  <c:v>41190</c:v>
                </c:pt>
                <c:pt idx="4665">
                  <c:v>41191</c:v>
                </c:pt>
                <c:pt idx="4666">
                  <c:v>41192</c:v>
                </c:pt>
                <c:pt idx="4667">
                  <c:v>41193</c:v>
                </c:pt>
                <c:pt idx="4668">
                  <c:v>41194</c:v>
                </c:pt>
                <c:pt idx="4669">
                  <c:v>41195</c:v>
                </c:pt>
                <c:pt idx="4670">
                  <c:v>41196</c:v>
                </c:pt>
                <c:pt idx="4671">
                  <c:v>41197</c:v>
                </c:pt>
                <c:pt idx="4672">
                  <c:v>41198</c:v>
                </c:pt>
                <c:pt idx="4673">
                  <c:v>41199</c:v>
                </c:pt>
                <c:pt idx="4674">
                  <c:v>41200</c:v>
                </c:pt>
                <c:pt idx="4675">
                  <c:v>41201</c:v>
                </c:pt>
                <c:pt idx="4676">
                  <c:v>41202</c:v>
                </c:pt>
                <c:pt idx="4677">
                  <c:v>41203</c:v>
                </c:pt>
                <c:pt idx="4678">
                  <c:v>41204</c:v>
                </c:pt>
                <c:pt idx="4679">
                  <c:v>41205</c:v>
                </c:pt>
                <c:pt idx="4680">
                  <c:v>41206</c:v>
                </c:pt>
                <c:pt idx="4681">
                  <c:v>41207</c:v>
                </c:pt>
                <c:pt idx="4682">
                  <c:v>41208</c:v>
                </c:pt>
                <c:pt idx="4683">
                  <c:v>41209</c:v>
                </c:pt>
                <c:pt idx="4684">
                  <c:v>41210</c:v>
                </c:pt>
                <c:pt idx="4685">
                  <c:v>41211</c:v>
                </c:pt>
                <c:pt idx="4686">
                  <c:v>41212</c:v>
                </c:pt>
                <c:pt idx="4687">
                  <c:v>41213</c:v>
                </c:pt>
                <c:pt idx="4688">
                  <c:v>41214</c:v>
                </c:pt>
                <c:pt idx="4689">
                  <c:v>41215</c:v>
                </c:pt>
                <c:pt idx="4690">
                  <c:v>41216</c:v>
                </c:pt>
                <c:pt idx="4691">
                  <c:v>41217</c:v>
                </c:pt>
                <c:pt idx="4692">
                  <c:v>41218</c:v>
                </c:pt>
                <c:pt idx="4693">
                  <c:v>41219</c:v>
                </c:pt>
                <c:pt idx="4694">
                  <c:v>41220</c:v>
                </c:pt>
                <c:pt idx="4695">
                  <c:v>41221</c:v>
                </c:pt>
                <c:pt idx="4696">
                  <c:v>41222</c:v>
                </c:pt>
                <c:pt idx="4697">
                  <c:v>41223</c:v>
                </c:pt>
                <c:pt idx="4698">
                  <c:v>41224</c:v>
                </c:pt>
                <c:pt idx="4699">
                  <c:v>41225</c:v>
                </c:pt>
                <c:pt idx="4700">
                  <c:v>41226</c:v>
                </c:pt>
                <c:pt idx="4701">
                  <c:v>41227</c:v>
                </c:pt>
                <c:pt idx="4702">
                  <c:v>41228</c:v>
                </c:pt>
                <c:pt idx="4703">
                  <c:v>41229</c:v>
                </c:pt>
                <c:pt idx="4704">
                  <c:v>41230</c:v>
                </c:pt>
                <c:pt idx="4705">
                  <c:v>41231</c:v>
                </c:pt>
                <c:pt idx="4706">
                  <c:v>41232</c:v>
                </c:pt>
                <c:pt idx="4707">
                  <c:v>41233</c:v>
                </c:pt>
                <c:pt idx="4708">
                  <c:v>41234</c:v>
                </c:pt>
                <c:pt idx="4709">
                  <c:v>41235</c:v>
                </c:pt>
                <c:pt idx="4710">
                  <c:v>41236</c:v>
                </c:pt>
                <c:pt idx="4711">
                  <c:v>41237</c:v>
                </c:pt>
                <c:pt idx="4712">
                  <c:v>41238</c:v>
                </c:pt>
                <c:pt idx="4713">
                  <c:v>41239</c:v>
                </c:pt>
                <c:pt idx="4714">
                  <c:v>41240</c:v>
                </c:pt>
                <c:pt idx="4715">
                  <c:v>41241</c:v>
                </c:pt>
                <c:pt idx="4716">
                  <c:v>41242</c:v>
                </c:pt>
                <c:pt idx="4717">
                  <c:v>41243</c:v>
                </c:pt>
                <c:pt idx="4718">
                  <c:v>41244</c:v>
                </c:pt>
                <c:pt idx="4719">
                  <c:v>41245</c:v>
                </c:pt>
                <c:pt idx="4720">
                  <c:v>41246</c:v>
                </c:pt>
                <c:pt idx="4721">
                  <c:v>41247</c:v>
                </c:pt>
                <c:pt idx="4722">
                  <c:v>41248</c:v>
                </c:pt>
                <c:pt idx="4723">
                  <c:v>41249</c:v>
                </c:pt>
                <c:pt idx="4724">
                  <c:v>41250</c:v>
                </c:pt>
                <c:pt idx="4725">
                  <c:v>41251</c:v>
                </c:pt>
                <c:pt idx="4726">
                  <c:v>41252</c:v>
                </c:pt>
                <c:pt idx="4727">
                  <c:v>41253</c:v>
                </c:pt>
                <c:pt idx="4728">
                  <c:v>41254</c:v>
                </c:pt>
                <c:pt idx="4729">
                  <c:v>41255</c:v>
                </c:pt>
                <c:pt idx="4730">
                  <c:v>41256</c:v>
                </c:pt>
                <c:pt idx="4731">
                  <c:v>41257</c:v>
                </c:pt>
                <c:pt idx="4732">
                  <c:v>41258</c:v>
                </c:pt>
                <c:pt idx="4733">
                  <c:v>41259</c:v>
                </c:pt>
                <c:pt idx="4734">
                  <c:v>41260</c:v>
                </c:pt>
                <c:pt idx="4735">
                  <c:v>41261</c:v>
                </c:pt>
                <c:pt idx="4736">
                  <c:v>41262</c:v>
                </c:pt>
                <c:pt idx="4737">
                  <c:v>41263</c:v>
                </c:pt>
                <c:pt idx="4738">
                  <c:v>41264</c:v>
                </c:pt>
                <c:pt idx="4739">
                  <c:v>41265</c:v>
                </c:pt>
                <c:pt idx="4740">
                  <c:v>41266</c:v>
                </c:pt>
                <c:pt idx="4741">
                  <c:v>41267</c:v>
                </c:pt>
                <c:pt idx="4742">
                  <c:v>41268</c:v>
                </c:pt>
                <c:pt idx="4743">
                  <c:v>41269</c:v>
                </c:pt>
                <c:pt idx="4744">
                  <c:v>41270</c:v>
                </c:pt>
                <c:pt idx="4745">
                  <c:v>41271</c:v>
                </c:pt>
                <c:pt idx="4746">
                  <c:v>41272</c:v>
                </c:pt>
                <c:pt idx="4747">
                  <c:v>41273</c:v>
                </c:pt>
                <c:pt idx="4748">
                  <c:v>41274</c:v>
                </c:pt>
                <c:pt idx="4749">
                  <c:v>41275</c:v>
                </c:pt>
                <c:pt idx="4750">
                  <c:v>41276</c:v>
                </c:pt>
                <c:pt idx="4751">
                  <c:v>41277</c:v>
                </c:pt>
                <c:pt idx="4752">
                  <c:v>41278</c:v>
                </c:pt>
                <c:pt idx="4753">
                  <c:v>41279</c:v>
                </c:pt>
                <c:pt idx="4754">
                  <c:v>41280</c:v>
                </c:pt>
                <c:pt idx="4755">
                  <c:v>41281</c:v>
                </c:pt>
                <c:pt idx="4756">
                  <c:v>41282</c:v>
                </c:pt>
                <c:pt idx="4757">
                  <c:v>41283</c:v>
                </c:pt>
                <c:pt idx="4758">
                  <c:v>41284</c:v>
                </c:pt>
                <c:pt idx="4759">
                  <c:v>41285</c:v>
                </c:pt>
                <c:pt idx="4760">
                  <c:v>41286</c:v>
                </c:pt>
                <c:pt idx="4761">
                  <c:v>41287</c:v>
                </c:pt>
                <c:pt idx="4762">
                  <c:v>41288</c:v>
                </c:pt>
                <c:pt idx="4763">
                  <c:v>41289</c:v>
                </c:pt>
                <c:pt idx="4764">
                  <c:v>41290</c:v>
                </c:pt>
                <c:pt idx="4765">
                  <c:v>41291</c:v>
                </c:pt>
                <c:pt idx="4766">
                  <c:v>41292</c:v>
                </c:pt>
                <c:pt idx="4767">
                  <c:v>41293</c:v>
                </c:pt>
                <c:pt idx="4768">
                  <c:v>41294</c:v>
                </c:pt>
                <c:pt idx="4769">
                  <c:v>41295</c:v>
                </c:pt>
                <c:pt idx="4770">
                  <c:v>41296</c:v>
                </c:pt>
                <c:pt idx="4771">
                  <c:v>41297</c:v>
                </c:pt>
                <c:pt idx="4772">
                  <c:v>41298</c:v>
                </c:pt>
                <c:pt idx="4773">
                  <c:v>41299</c:v>
                </c:pt>
                <c:pt idx="4774">
                  <c:v>41300</c:v>
                </c:pt>
                <c:pt idx="4775">
                  <c:v>41301</c:v>
                </c:pt>
                <c:pt idx="4776">
                  <c:v>41302</c:v>
                </c:pt>
                <c:pt idx="4777">
                  <c:v>41303</c:v>
                </c:pt>
                <c:pt idx="4778">
                  <c:v>41304</c:v>
                </c:pt>
                <c:pt idx="4779">
                  <c:v>41305</c:v>
                </c:pt>
                <c:pt idx="4780">
                  <c:v>41306</c:v>
                </c:pt>
                <c:pt idx="4781">
                  <c:v>41307</c:v>
                </c:pt>
                <c:pt idx="4782">
                  <c:v>41308</c:v>
                </c:pt>
                <c:pt idx="4783">
                  <c:v>41309</c:v>
                </c:pt>
                <c:pt idx="4784">
                  <c:v>41310</c:v>
                </c:pt>
                <c:pt idx="4785">
                  <c:v>41311</c:v>
                </c:pt>
                <c:pt idx="4786">
                  <c:v>41312</c:v>
                </c:pt>
                <c:pt idx="4787">
                  <c:v>41313</c:v>
                </c:pt>
                <c:pt idx="4788">
                  <c:v>41314</c:v>
                </c:pt>
                <c:pt idx="4789">
                  <c:v>41315</c:v>
                </c:pt>
                <c:pt idx="4790">
                  <c:v>41316</c:v>
                </c:pt>
                <c:pt idx="4791">
                  <c:v>41317</c:v>
                </c:pt>
                <c:pt idx="4792">
                  <c:v>41318</c:v>
                </c:pt>
                <c:pt idx="4793">
                  <c:v>41319</c:v>
                </c:pt>
                <c:pt idx="4794">
                  <c:v>41320</c:v>
                </c:pt>
                <c:pt idx="4795">
                  <c:v>41321</c:v>
                </c:pt>
                <c:pt idx="4796">
                  <c:v>41322</c:v>
                </c:pt>
                <c:pt idx="4797">
                  <c:v>41323</c:v>
                </c:pt>
                <c:pt idx="4798">
                  <c:v>41324</c:v>
                </c:pt>
                <c:pt idx="4799">
                  <c:v>41325</c:v>
                </c:pt>
                <c:pt idx="4800">
                  <c:v>41326</c:v>
                </c:pt>
                <c:pt idx="4801">
                  <c:v>41327</c:v>
                </c:pt>
                <c:pt idx="4802">
                  <c:v>41328</c:v>
                </c:pt>
                <c:pt idx="4803">
                  <c:v>41329</c:v>
                </c:pt>
                <c:pt idx="4804">
                  <c:v>41330</c:v>
                </c:pt>
                <c:pt idx="4805">
                  <c:v>41331</c:v>
                </c:pt>
                <c:pt idx="4806">
                  <c:v>41332</c:v>
                </c:pt>
                <c:pt idx="4807">
                  <c:v>41333</c:v>
                </c:pt>
                <c:pt idx="4808">
                  <c:v>41334</c:v>
                </c:pt>
                <c:pt idx="4809">
                  <c:v>41335</c:v>
                </c:pt>
                <c:pt idx="4810">
                  <c:v>41336</c:v>
                </c:pt>
                <c:pt idx="4811">
                  <c:v>41337</c:v>
                </c:pt>
                <c:pt idx="4812">
                  <c:v>41338</c:v>
                </c:pt>
                <c:pt idx="4813">
                  <c:v>41339</c:v>
                </c:pt>
                <c:pt idx="4814">
                  <c:v>41340</c:v>
                </c:pt>
                <c:pt idx="4815">
                  <c:v>41341</c:v>
                </c:pt>
                <c:pt idx="4816">
                  <c:v>41342</c:v>
                </c:pt>
                <c:pt idx="4817">
                  <c:v>41343</c:v>
                </c:pt>
                <c:pt idx="4818">
                  <c:v>41344</c:v>
                </c:pt>
                <c:pt idx="4819">
                  <c:v>41345</c:v>
                </c:pt>
                <c:pt idx="4820">
                  <c:v>41346</c:v>
                </c:pt>
                <c:pt idx="4821">
                  <c:v>41347</c:v>
                </c:pt>
                <c:pt idx="4822">
                  <c:v>41348</c:v>
                </c:pt>
                <c:pt idx="4823">
                  <c:v>41349</c:v>
                </c:pt>
                <c:pt idx="4824">
                  <c:v>41350</c:v>
                </c:pt>
                <c:pt idx="4825">
                  <c:v>41351</c:v>
                </c:pt>
                <c:pt idx="4826">
                  <c:v>41352</c:v>
                </c:pt>
                <c:pt idx="4827">
                  <c:v>41353</c:v>
                </c:pt>
                <c:pt idx="4828">
                  <c:v>41354</c:v>
                </c:pt>
                <c:pt idx="4829">
                  <c:v>41355</c:v>
                </c:pt>
                <c:pt idx="4830">
                  <c:v>41356</c:v>
                </c:pt>
                <c:pt idx="4831">
                  <c:v>41357</c:v>
                </c:pt>
                <c:pt idx="4832">
                  <c:v>41358</c:v>
                </c:pt>
                <c:pt idx="4833">
                  <c:v>41359</c:v>
                </c:pt>
                <c:pt idx="4834">
                  <c:v>41360</c:v>
                </c:pt>
                <c:pt idx="4835">
                  <c:v>41361</c:v>
                </c:pt>
                <c:pt idx="4836">
                  <c:v>41362</c:v>
                </c:pt>
                <c:pt idx="4837">
                  <c:v>41363</c:v>
                </c:pt>
                <c:pt idx="4838">
                  <c:v>41364</c:v>
                </c:pt>
                <c:pt idx="4839">
                  <c:v>41365</c:v>
                </c:pt>
                <c:pt idx="4840">
                  <c:v>41366</c:v>
                </c:pt>
                <c:pt idx="4841">
                  <c:v>41367</c:v>
                </c:pt>
                <c:pt idx="4842">
                  <c:v>41368</c:v>
                </c:pt>
                <c:pt idx="4843">
                  <c:v>41369</c:v>
                </c:pt>
                <c:pt idx="4844">
                  <c:v>41370</c:v>
                </c:pt>
                <c:pt idx="4845">
                  <c:v>41371</c:v>
                </c:pt>
                <c:pt idx="4846">
                  <c:v>41372</c:v>
                </c:pt>
                <c:pt idx="4847">
                  <c:v>41373</c:v>
                </c:pt>
                <c:pt idx="4848">
                  <c:v>41374</c:v>
                </c:pt>
                <c:pt idx="4849">
                  <c:v>41375</c:v>
                </c:pt>
                <c:pt idx="4850">
                  <c:v>41376</c:v>
                </c:pt>
                <c:pt idx="4851">
                  <c:v>41377</c:v>
                </c:pt>
                <c:pt idx="4852">
                  <c:v>41378</c:v>
                </c:pt>
                <c:pt idx="4853">
                  <c:v>41379</c:v>
                </c:pt>
                <c:pt idx="4854">
                  <c:v>41380</c:v>
                </c:pt>
                <c:pt idx="4855">
                  <c:v>41381</c:v>
                </c:pt>
                <c:pt idx="4856">
                  <c:v>41382</c:v>
                </c:pt>
                <c:pt idx="4857">
                  <c:v>41383</c:v>
                </c:pt>
                <c:pt idx="4858">
                  <c:v>41384</c:v>
                </c:pt>
                <c:pt idx="4859">
                  <c:v>41385</c:v>
                </c:pt>
                <c:pt idx="4860">
                  <c:v>41386</c:v>
                </c:pt>
                <c:pt idx="4861">
                  <c:v>41387</c:v>
                </c:pt>
                <c:pt idx="4862">
                  <c:v>41388</c:v>
                </c:pt>
                <c:pt idx="4863">
                  <c:v>41389</c:v>
                </c:pt>
                <c:pt idx="4864">
                  <c:v>41390</c:v>
                </c:pt>
                <c:pt idx="4865">
                  <c:v>41391</c:v>
                </c:pt>
                <c:pt idx="4866">
                  <c:v>41392</c:v>
                </c:pt>
                <c:pt idx="4867">
                  <c:v>41393</c:v>
                </c:pt>
                <c:pt idx="4868">
                  <c:v>41394</c:v>
                </c:pt>
                <c:pt idx="4869">
                  <c:v>41395</c:v>
                </c:pt>
                <c:pt idx="4870">
                  <c:v>41396</c:v>
                </c:pt>
                <c:pt idx="4871">
                  <c:v>41397</c:v>
                </c:pt>
                <c:pt idx="4872">
                  <c:v>41398</c:v>
                </c:pt>
                <c:pt idx="4873">
                  <c:v>41399</c:v>
                </c:pt>
                <c:pt idx="4874">
                  <c:v>41400</c:v>
                </c:pt>
                <c:pt idx="4875">
                  <c:v>41401</c:v>
                </c:pt>
                <c:pt idx="4876">
                  <c:v>41402</c:v>
                </c:pt>
                <c:pt idx="4877">
                  <c:v>41403</c:v>
                </c:pt>
                <c:pt idx="4878">
                  <c:v>41404</c:v>
                </c:pt>
                <c:pt idx="4879">
                  <c:v>41405</c:v>
                </c:pt>
                <c:pt idx="4880">
                  <c:v>41406</c:v>
                </c:pt>
                <c:pt idx="4881">
                  <c:v>41407</c:v>
                </c:pt>
                <c:pt idx="4882">
                  <c:v>41408</c:v>
                </c:pt>
                <c:pt idx="4883">
                  <c:v>41409</c:v>
                </c:pt>
                <c:pt idx="4884">
                  <c:v>41410</c:v>
                </c:pt>
                <c:pt idx="4885">
                  <c:v>41411</c:v>
                </c:pt>
                <c:pt idx="4886">
                  <c:v>41412</c:v>
                </c:pt>
                <c:pt idx="4887">
                  <c:v>41413</c:v>
                </c:pt>
                <c:pt idx="4888">
                  <c:v>41414</c:v>
                </c:pt>
                <c:pt idx="4889">
                  <c:v>41415</c:v>
                </c:pt>
                <c:pt idx="4890">
                  <c:v>41416</c:v>
                </c:pt>
                <c:pt idx="4891">
                  <c:v>41417</c:v>
                </c:pt>
                <c:pt idx="4892">
                  <c:v>41418</c:v>
                </c:pt>
                <c:pt idx="4893">
                  <c:v>41419</c:v>
                </c:pt>
                <c:pt idx="4894">
                  <c:v>41420</c:v>
                </c:pt>
                <c:pt idx="4895">
                  <c:v>41421</c:v>
                </c:pt>
                <c:pt idx="4896">
                  <c:v>41422</c:v>
                </c:pt>
                <c:pt idx="4897">
                  <c:v>41423</c:v>
                </c:pt>
                <c:pt idx="4898">
                  <c:v>41424</c:v>
                </c:pt>
                <c:pt idx="4899">
                  <c:v>41425</c:v>
                </c:pt>
                <c:pt idx="4900">
                  <c:v>41426</c:v>
                </c:pt>
                <c:pt idx="4901">
                  <c:v>41427</c:v>
                </c:pt>
                <c:pt idx="4902">
                  <c:v>41428</c:v>
                </c:pt>
                <c:pt idx="4903">
                  <c:v>41429</c:v>
                </c:pt>
                <c:pt idx="4904">
                  <c:v>41430</c:v>
                </c:pt>
                <c:pt idx="4905">
                  <c:v>41431</c:v>
                </c:pt>
                <c:pt idx="4906">
                  <c:v>41432</c:v>
                </c:pt>
                <c:pt idx="4907">
                  <c:v>41433</c:v>
                </c:pt>
                <c:pt idx="4908">
                  <c:v>41434</c:v>
                </c:pt>
                <c:pt idx="4909">
                  <c:v>41435</c:v>
                </c:pt>
                <c:pt idx="4910">
                  <c:v>41436</c:v>
                </c:pt>
                <c:pt idx="4911">
                  <c:v>41437</c:v>
                </c:pt>
                <c:pt idx="4912">
                  <c:v>41438</c:v>
                </c:pt>
                <c:pt idx="4913">
                  <c:v>41439</c:v>
                </c:pt>
                <c:pt idx="4914">
                  <c:v>41440</c:v>
                </c:pt>
                <c:pt idx="4915">
                  <c:v>41441</c:v>
                </c:pt>
                <c:pt idx="4916">
                  <c:v>41442</c:v>
                </c:pt>
                <c:pt idx="4917">
                  <c:v>41443</c:v>
                </c:pt>
                <c:pt idx="4918">
                  <c:v>41444</c:v>
                </c:pt>
                <c:pt idx="4919">
                  <c:v>41445</c:v>
                </c:pt>
                <c:pt idx="4920">
                  <c:v>41446</c:v>
                </c:pt>
                <c:pt idx="4921">
                  <c:v>41447</c:v>
                </c:pt>
                <c:pt idx="4922">
                  <c:v>41448</c:v>
                </c:pt>
                <c:pt idx="4923">
                  <c:v>41449</c:v>
                </c:pt>
                <c:pt idx="4924">
                  <c:v>41450</c:v>
                </c:pt>
                <c:pt idx="4925">
                  <c:v>41451</c:v>
                </c:pt>
                <c:pt idx="4926">
                  <c:v>41452</c:v>
                </c:pt>
                <c:pt idx="4927">
                  <c:v>41453</c:v>
                </c:pt>
                <c:pt idx="4928">
                  <c:v>41454</c:v>
                </c:pt>
                <c:pt idx="4929">
                  <c:v>41455</c:v>
                </c:pt>
                <c:pt idx="4930">
                  <c:v>41456</c:v>
                </c:pt>
                <c:pt idx="4931">
                  <c:v>41457</c:v>
                </c:pt>
                <c:pt idx="4932">
                  <c:v>41458</c:v>
                </c:pt>
                <c:pt idx="4933">
                  <c:v>41459</c:v>
                </c:pt>
                <c:pt idx="4934">
                  <c:v>41460</c:v>
                </c:pt>
                <c:pt idx="4935">
                  <c:v>41461</c:v>
                </c:pt>
                <c:pt idx="4936">
                  <c:v>41462</c:v>
                </c:pt>
                <c:pt idx="4937">
                  <c:v>41463</c:v>
                </c:pt>
                <c:pt idx="4938">
                  <c:v>41464</c:v>
                </c:pt>
                <c:pt idx="4939">
                  <c:v>41465</c:v>
                </c:pt>
                <c:pt idx="4940">
                  <c:v>41466</c:v>
                </c:pt>
                <c:pt idx="4941">
                  <c:v>41467</c:v>
                </c:pt>
                <c:pt idx="4942">
                  <c:v>41468</c:v>
                </c:pt>
                <c:pt idx="4943">
                  <c:v>41469</c:v>
                </c:pt>
                <c:pt idx="4944">
                  <c:v>41470</c:v>
                </c:pt>
                <c:pt idx="4945">
                  <c:v>41471</c:v>
                </c:pt>
                <c:pt idx="4946">
                  <c:v>41472</c:v>
                </c:pt>
                <c:pt idx="4947">
                  <c:v>41473</c:v>
                </c:pt>
                <c:pt idx="4948">
                  <c:v>41474</c:v>
                </c:pt>
                <c:pt idx="4949">
                  <c:v>41475</c:v>
                </c:pt>
                <c:pt idx="4950">
                  <c:v>41476</c:v>
                </c:pt>
                <c:pt idx="4951">
                  <c:v>41477</c:v>
                </c:pt>
                <c:pt idx="4952">
                  <c:v>41478</c:v>
                </c:pt>
                <c:pt idx="4953">
                  <c:v>41479</c:v>
                </c:pt>
                <c:pt idx="4954">
                  <c:v>41480</c:v>
                </c:pt>
                <c:pt idx="4955">
                  <c:v>41481</c:v>
                </c:pt>
                <c:pt idx="4956">
                  <c:v>41482</c:v>
                </c:pt>
                <c:pt idx="4957">
                  <c:v>41483</c:v>
                </c:pt>
                <c:pt idx="4958">
                  <c:v>41484</c:v>
                </c:pt>
                <c:pt idx="4959">
                  <c:v>41485</c:v>
                </c:pt>
                <c:pt idx="4960">
                  <c:v>41486</c:v>
                </c:pt>
                <c:pt idx="4961">
                  <c:v>41487</c:v>
                </c:pt>
                <c:pt idx="4962">
                  <c:v>41488</c:v>
                </c:pt>
                <c:pt idx="4963">
                  <c:v>41489</c:v>
                </c:pt>
                <c:pt idx="4964">
                  <c:v>41490</c:v>
                </c:pt>
                <c:pt idx="4965">
                  <c:v>41491</c:v>
                </c:pt>
                <c:pt idx="4966">
                  <c:v>41492</c:v>
                </c:pt>
                <c:pt idx="4967">
                  <c:v>41493</c:v>
                </c:pt>
                <c:pt idx="4968">
                  <c:v>41494</c:v>
                </c:pt>
                <c:pt idx="4969">
                  <c:v>41495</c:v>
                </c:pt>
                <c:pt idx="4970">
                  <c:v>41496</c:v>
                </c:pt>
                <c:pt idx="4971">
                  <c:v>41497</c:v>
                </c:pt>
                <c:pt idx="4972">
                  <c:v>41498</c:v>
                </c:pt>
                <c:pt idx="4973">
                  <c:v>41499</c:v>
                </c:pt>
                <c:pt idx="4974">
                  <c:v>41500</c:v>
                </c:pt>
                <c:pt idx="4975">
                  <c:v>41501</c:v>
                </c:pt>
                <c:pt idx="4976">
                  <c:v>41502</c:v>
                </c:pt>
                <c:pt idx="4977">
                  <c:v>41503</c:v>
                </c:pt>
                <c:pt idx="4978">
                  <c:v>41504</c:v>
                </c:pt>
                <c:pt idx="4979">
                  <c:v>41505</c:v>
                </c:pt>
                <c:pt idx="4980">
                  <c:v>41506</c:v>
                </c:pt>
                <c:pt idx="4981">
                  <c:v>41507</c:v>
                </c:pt>
                <c:pt idx="4982">
                  <c:v>41508</c:v>
                </c:pt>
                <c:pt idx="4983">
                  <c:v>41509</c:v>
                </c:pt>
                <c:pt idx="4984">
                  <c:v>41510</c:v>
                </c:pt>
                <c:pt idx="4985">
                  <c:v>41511</c:v>
                </c:pt>
                <c:pt idx="4986">
                  <c:v>41512</c:v>
                </c:pt>
                <c:pt idx="4987">
                  <c:v>41513</c:v>
                </c:pt>
                <c:pt idx="4988">
                  <c:v>41514</c:v>
                </c:pt>
                <c:pt idx="4989">
                  <c:v>41515</c:v>
                </c:pt>
                <c:pt idx="4990">
                  <c:v>41516</c:v>
                </c:pt>
                <c:pt idx="4991">
                  <c:v>41517</c:v>
                </c:pt>
                <c:pt idx="4992">
                  <c:v>41518</c:v>
                </c:pt>
                <c:pt idx="4993">
                  <c:v>41519</c:v>
                </c:pt>
                <c:pt idx="4994">
                  <c:v>41520</c:v>
                </c:pt>
                <c:pt idx="4995">
                  <c:v>41521</c:v>
                </c:pt>
                <c:pt idx="4996">
                  <c:v>41522</c:v>
                </c:pt>
                <c:pt idx="4997">
                  <c:v>41523</c:v>
                </c:pt>
                <c:pt idx="4998">
                  <c:v>41524</c:v>
                </c:pt>
                <c:pt idx="4999">
                  <c:v>41525</c:v>
                </c:pt>
                <c:pt idx="5000">
                  <c:v>41526</c:v>
                </c:pt>
                <c:pt idx="5001">
                  <c:v>41527</c:v>
                </c:pt>
                <c:pt idx="5002">
                  <c:v>41528</c:v>
                </c:pt>
                <c:pt idx="5003">
                  <c:v>41529</c:v>
                </c:pt>
                <c:pt idx="5004">
                  <c:v>41530</c:v>
                </c:pt>
                <c:pt idx="5005">
                  <c:v>41531</c:v>
                </c:pt>
                <c:pt idx="5006">
                  <c:v>41532</c:v>
                </c:pt>
                <c:pt idx="5007">
                  <c:v>41533</c:v>
                </c:pt>
                <c:pt idx="5008">
                  <c:v>41534</c:v>
                </c:pt>
                <c:pt idx="5009">
                  <c:v>41535</c:v>
                </c:pt>
                <c:pt idx="5010">
                  <c:v>41536</c:v>
                </c:pt>
                <c:pt idx="5011">
                  <c:v>41537</c:v>
                </c:pt>
                <c:pt idx="5012">
                  <c:v>41538</c:v>
                </c:pt>
                <c:pt idx="5013">
                  <c:v>41539</c:v>
                </c:pt>
                <c:pt idx="5014">
                  <c:v>41540</c:v>
                </c:pt>
                <c:pt idx="5015">
                  <c:v>41541</c:v>
                </c:pt>
                <c:pt idx="5016">
                  <c:v>41542</c:v>
                </c:pt>
                <c:pt idx="5017">
                  <c:v>41543</c:v>
                </c:pt>
                <c:pt idx="5018">
                  <c:v>41544</c:v>
                </c:pt>
                <c:pt idx="5019">
                  <c:v>41545</c:v>
                </c:pt>
                <c:pt idx="5020">
                  <c:v>41546</c:v>
                </c:pt>
                <c:pt idx="5021">
                  <c:v>41547</c:v>
                </c:pt>
                <c:pt idx="5022">
                  <c:v>41548</c:v>
                </c:pt>
                <c:pt idx="5023">
                  <c:v>41549</c:v>
                </c:pt>
                <c:pt idx="5024">
                  <c:v>41550</c:v>
                </c:pt>
                <c:pt idx="5025">
                  <c:v>41551</c:v>
                </c:pt>
                <c:pt idx="5026">
                  <c:v>41552</c:v>
                </c:pt>
                <c:pt idx="5027">
                  <c:v>41553</c:v>
                </c:pt>
                <c:pt idx="5028">
                  <c:v>41554</c:v>
                </c:pt>
                <c:pt idx="5029">
                  <c:v>41555</c:v>
                </c:pt>
                <c:pt idx="5030">
                  <c:v>41556</c:v>
                </c:pt>
                <c:pt idx="5031">
                  <c:v>41557</c:v>
                </c:pt>
                <c:pt idx="5032">
                  <c:v>41558</c:v>
                </c:pt>
                <c:pt idx="5033">
                  <c:v>41559</c:v>
                </c:pt>
                <c:pt idx="5034">
                  <c:v>41560</c:v>
                </c:pt>
                <c:pt idx="5035">
                  <c:v>41561</c:v>
                </c:pt>
                <c:pt idx="5036">
                  <c:v>41562</c:v>
                </c:pt>
                <c:pt idx="5037">
                  <c:v>41563</c:v>
                </c:pt>
                <c:pt idx="5038">
                  <c:v>41564</c:v>
                </c:pt>
                <c:pt idx="5039">
                  <c:v>41565</c:v>
                </c:pt>
                <c:pt idx="5040">
                  <c:v>41566</c:v>
                </c:pt>
                <c:pt idx="5041">
                  <c:v>41567</c:v>
                </c:pt>
                <c:pt idx="5042">
                  <c:v>41568</c:v>
                </c:pt>
                <c:pt idx="5043">
                  <c:v>41569</c:v>
                </c:pt>
                <c:pt idx="5044">
                  <c:v>41570</c:v>
                </c:pt>
                <c:pt idx="5045">
                  <c:v>41571</c:v>
                </c:pt>
                <c:pt idx="5046">
                  <c:v>41572</c:v>
                </c:pt>
                <c:pt idx="5047">
                  <c:v>41573</c:v>
                </c:pt>
                <c:pt idx="5048">
                  <c:v>41574</c:v>
                </c:pt>
                <c:pt idx="5049">
                  <c:v>41575</c:v>
                </c:pt>
                <c:pt idx="5050">
                  <c:v>41576</c:v>
                </c:pt>
                <c:pt idx="5051">
                  <c:v>41577</c:v>
                </c:pt>
                <c:pt idx="5052">
                  <c:v>41578</c:v>
                </c:pt>
                <c:pt idx="5053">
                  <c:v>41579</c:v>
                </c:pt>
                <c:pt idx="5054">
                  <c:v>41580</c:v>
                </c:pt>
                <c:pt idx="5055">
                  <c:v>41581</c:v>
                </c:pt>
                <c:pt idx="5056">
                  <c:v>41582</c:v>
                </c:pt>
                <c:pt idx="5057">
                  <c:v>41583</c:v>
                </c:pt>
                <c:pt idx="5058">
                  <c:v>41584</c:v>
                </c:pt>
                <c:pt idx="5059">
                  <c:v>41585</c:v>
                </c:pt>
                <c:pt idx="5060">
                  <c:v>41586</c:v>
                </c:pt>
                <c:pt idx="5061">
                  <c:v>41587</c:v>
                </c:pt>
                <c:pt idx="5062">
                  <c:v>41588</c:v>
                </c:pt>
                <c:pt idx="5063">
                  <c:v>41589</c:v>
                </c:pt>
                <c:pt idx="5064">
                  <c:v>41590</c:v>
                </c:pt>
                <c:pt idx="5065">
                  <c:v>41591</c:v>
                </c:pt>
                <c:pt idx="5066">
                  <c:v>41592</c:v>
                </c:pt>
                <c:pt idx="5067">
                  <c:v>41593</c:v>
                </c:pt>
                <c:pt idx="5068">
                  <c:v>41594</c:v>
                </c:pt>
                <c:pt idx="5069">
                  <c:v>41595</c:v>
                </c:pt>
                <c:pt idx="5070">
                  <c:v>41596</c:v>
                </c:pt>
                <c:pt idx="5071">
                  <c:v>41597</c:v>
                </c:pt>
                <c:pt idx="5072">
                  <c:v>41598</c:v>
                </c:pt>
                <c:pt idx="5073">
                  <c:v>41599</c:v>
                </c:pt>
                <c:pt idx="5074">
                  <c:v>41600</c:v>
                </c:pt>
                <c:pt idx="5075">
                  <c:v>41601</c:v>
                </c:pt>
                <c:pt idx="5076">
                  <c:v>41602</c:v>
                </c:pt>
                <c:pt idx="5077">
                  <c:v>41603</c:v>
                </c:pt>
                <c:pt idx="5078">
                  <c:v>41604</c:v>
                </c:pt>
                <c:pt idx="5079">
                  <c:v>41605</c:v>
                </c:pt>
                <c:pt idx="5080">
                  <c:v>41606</c:v>
                </c:pt>
                <c:pt idx="5081">
                  <c:v>41607</c:v>
                </c:pt>
                <c:pt idx="5082">
                  <c:v>41608</c:v>
                </c:pt>
                <c:pt idx="5083">
                  <c:v>41609</c:v>
                </c:pt>
                <c:pt idx="5084">
                  <c:v>41610</c:v>
                </c:pt>
                <c:pt idx="5085">
                  <c:v>41611</c:v>
                </c:pt>
                <c:pt idx="5086">
                  <c:v>41612</c:v>
                </c:pt>
                <c:pt idx="5087">
                  <c:v>41613</c:v>
                </c:pt>
                <c:pt idx="5088">
                  <c:v>41614</c:v>
                </c:pt>
                <c:pt idx="5089">
                  <c:v>41615</c:v>
                </c:pt>
                <c:pt idx="5090">
                  <c:v>41616</c:v>
                </c:pt>
                <c:pt idx="5091">
                  <c:v>41617</c:v>
                </c:pt>
                <c:pt idx="5092">
                  <c:v>41618</c:v>
                </c:pt>
                <c:pt idx="5093">
                  <c:v>41619</c:v>
                </c:pt>
                <c:pt idx="5094">
                  <c:v>41620</c:v>
                </c:pt>
                <c:pt idx="5095">
                  <c:v>41621</c:v>
                </c:pt>
                <c:pt idx="5096">
                  <c:v>41622</c:v>
                </c:pt>
                <c:pt idx="5097">
                  <c:v>41623</c:v>
                </c:pt>
                <c:pt idx="5098">
                  <c:v>41624</c:v>
                </c:pt>
                <c:pt idx="5099">
                  <c:v>41625</c:v>
                </c:pt>
                <c:pt idx="5100">
                  <c:v>41626</c:v>
                </c:pt>
                <c:pt idx="5101">
                  <c:v>41627</c:v>
                </c:pt>
                <c:pt idx="5102">
                  <c:v>41628</c:v>
                </c:pt>
                <c:pt idx="5103">
                  <c:v>41629</c:v>
                </c:pt>
                <c:pt idx="5104">
                  <c:v>41630</c:v>
                </c:pt>
                <c:pt idx="5105">
                  <c:v>41631</c:v>
                </c:pt>
                <c:pt idx="5106">
                  <c:v>41632</c:v>
                </c:pt>
                <c:pt idx="5107">
                  <c:v>41633</c:v>
                </c:pt>
                <c:pt idx="5108">
                  <c:v>41634</c:v>
                </c:pt>
                <c:pt idx="5109">
                  <c:v>41635</c:v>
                </c:pt>
                <c:pt idx="5110">
                  <c:v>41636</c:v>
                </c:pt>
                <c:pt idx="5111">
                  <c:v>41637</c:v>
                </c:pt>
                <c:pt idx="5112">
                  <c:v>41638</c:v>
                </c:pt>
                <c:pt idx="5113">
                  <c:v>41639</c:v>
                </c:pt>
                <c:pt idx="5114">
                  <c:v>41640</c:v>
                </c:pt>
                <c:pt idx="5115">
                  <c:v>41641</c:v>
                </c:pt>
                <c:pt idx="5116">
                  <c:v>41642</c:v>
                </c:pt>
                <c:pt idx="5117">
                  <c:v>41643</c:v>
                </c:pt>
                <c:pt idx="5118">
                  <c:v>41644</c:v>
                </c:pt>
                <c:pt idx="5119">
                  <c:v>41645</c:v>
                </c:pt>
                <c:pt idx="5120">
                  <c:v>41646</c:v>
                </c:pt>
                <c:pt idx="5121">
                  <c:v>41647</c:v>
                </c:pt>
                <c:pt idx="5122">
                  <c:v>41648</c:v>
                </c:pt>
                <c:pt idx="5123">
                  <c:v>41649</c:v>
                </c:pt>
                <c:pt idx="5124">
                  <c:v>41650</c:v>
                </c:pt>
                <c:pt idx="5125">
                  <c:v>41651</c:v>
                </c:pt>
                <c:pt idx="5126">
                  <c:v>41652</c:v>
                </c:pt>
                <c:pt idx="5127">
                  <c:v>41653</c:v>
                </c:pt>
                <c:pt idx="5128">
                  <c:v>41654</c:v>
                </c:pt>
                <c:pt idx="5129">
                  <c:v>41655</c:v>
                </c:pt>
                <c:pt idx="5130">
                  <c:v>41656</c:v>
                </c:pt>
                <c:pt idx="5131">
                  <c:v>41657</c:v>
                </c:pt>
                <c:pt idx="5132">
                  <c:v>41658</c:v>
                </c:pt>
                <c:pt idx="5133">
                  <c:v>41659</c:v>
                </c:pt>
                <c:pt idx="5134">
                  <c:v>41660</c:v>
                </c:pt>
                <c:pt idx="5135">
                  <c:v>41661</c:v>
                </c:pt>
                <c:pt idx="5136">
                  <c:v>41662</c:v>
                </c:pt>
                <c:pt idx="5137">
                  <c:v>41663</c:v>
                </c:pt>
                <c:pt idx="5138">
                  <c:v>41664</c:v>
                </c:pt>
                <c:pt idx="5139">
                  <c:v>41665</c:v>
                </c:pt>
                <c:pt idx="5140">
                  <c:v>41666</c:v>
                </c:pt>
                <c:pt idx="5141">
                  <c:v>41667</c:v>
                </c:pt>
                <c:pt idx="5142">
                  <c:v>41668</c:v>
                </c:pt>
                <c:pt idx="5143">
                  <c:v>41669</c:v>
                </c:pt>
                <c:pt idx="5144">
                  <c:v>41670</c:v>
                </c:pt>
                <c:pt idx="5145">
                  <c:v>41671</c:v>
                </c:pt>
                <c:pt idx="5146">
                  <c:v>41672</c:v>
                </c:pt>
                <c:pt idx="5147">
                  <c:v>41673</c:v>
                </c:pt>
                <c:pt idx="5148">
                  <c:v>41674</c:v>
                </c:pt>
                <c:pt idx="5149">
                  <c:v>41675</c:v>
                </c:pt>
                <c:pt idx="5150">
                  <c:v>41676</c:v>
                </c:pt>
                <c:pt idx="5151">
                  <c:v>41677</c:v>
                </c:pt>
                <c:pt idx="5152">
                  <c:v>41678</c:v>
                </c:pt>
                <c:pt idx="5153">
                  <c:v>41679</c:v>
                </c:pt>
                <c:pt idx="5154">
                  <c:v>41680</c:v>
                </c:pt>
                <c:pt idx="5155">
                  <c:v>41681</c:v>
                </c:pt>
                <c:pt idx="5156">
                  <c:v>41682</c:v>
                </c:pt>
                <c:pt idx="5157">
                  <c:v>41683</c:v>
                </c:pt>
                <c:pt idx="5158">
                  <c:v>41684</c:v>
                </c:pt>
                <c:pt idx="5159">
                  <c:v>41685</c:v>
                </c:pt>
                <c:pt idx="5160">
                  <c:v>41686</c:v>
                </c:pt>
                <c:pt idx="5161">
                  <c:v>41687</c:v>
                </c:pt>
                <c:pt idx="5162">
                  <c:v>41688</c:v>
                </c:pt>
                <c:pt idx="5163">
                  <c:v>41689</c:v>
                </c:pt>
                <c:pt idx="5164">
                  <c:v>41690</c:v>
                </c:pt>
                <c:pt idx="5165">
                  <c:v>41691</c:v>
                </c:pt>
                <c:pt idx="5166">
                  <c:v>41692</c:v>
                </c:pt>
                <c:pt idx="5167">
                  <c:v>41693</c:v>
                </c:pt>
                <c:pt idx="5168">
                  <c:v>41694</c:v>
                </c:pt>
                <c:pt idx="5169">
                  <c:v>41695</c:v>
                </c:pt>
                <c:pt idx="5170">
                  <c:v>41696</c:v>
                </c:pt>
                <c:pt idx="5171">
                  <c:v>41697</c:v>
                </c:pt>
                <c:pt idx="5172">
                  <c:v>41698</c:v>
                </c:pt>
                <c:pt idx="5173">
                  <c:v>41699</c:v>
                </c:pt>
                <c:pt idx="5174">
                  <c:v>41700</c:v>
                </c:pt>
                <c:pt idx="5175">
                  <c:v>41701</c:v>
                </c:pt>
                <c:pt idx="5176">
                  <c:v>41702</c:v>
                </c:pt>
                <c:pt idx="5177">
                  <c:v>41703</c:v>
                </c:pt>
                <c:pt idx="5178">
                  <c:v>41704</c:v>
                </c:pt>
                <c:pt idx="5179">
                  <c:v>41705</c:v>
                </c:pt>
                <c:pt idx="5180">
                  <c:v>41706</c:v>
                </c:pt>
                <c:pt idx="5181">
                  <c:v>41707</c:v>
                </c:pt>
                <c:pt idx="5182">
                  <c:v>41708</c:v>
                </c:pt>
                <c:pt idx="5183">
                  <c:v>41709</c:v>
                </c:pt>
                <c:pt idx="5184">
                  <c:v>41710</c:v>
                </c:pt>
                <c:pt idx="5185">
                  <c:v>41711</c:v>
                </c:pt>
                <c:pt idx="5186">
                  <c:v>41712</c:v>
                </c:pt>
                <c:pt idx="5187">
                  <c:v>41713</c:v>
                </c:pt>
                <c:pt idx="5188">
                  <c:v>41714</c:v>
                </c:pt>
                <c:pt idx="5189">
                  <c:v>41715</c:v>
                </c:pt>
                <c:pt idx="5190">
                  <c:v>41716</c:v>
                </c:pt>
                <c:pt idx="5191">
                  <c:v>41717</c:v>
                </c:pt>
                <c:pt idx="5192">
                  <c:v>41718</c:v>
                </c:pt>
                <c:pt idx="5193">
                  <c:v>41719</c:v>
                </c:pt>
                <c:pt idx="5194">
                  <c:v>41720</c:v>
                </c:pt>
                <c:pt idx="5195">
                  <c:v>41721</c:v>
                </c:pt>
                <c:pt idx="5196">
                  <c:v>41722</c:v>
                </c:pt>
                <c:pt idx="5197">
                  <c:v>41723</c:v>
                </c:pt>
                <c:pt idx="5198">
                  <c:v>41724</c:v>
                </c:pt>
                <c:pt idx="5199">
                  <c:v>41725</c:v>
                </c:pt>
                <c:pt idx="5200">
                  <c:v>41726</c:v>
                </c:pt>
                <c:pt idx="5201">
                  <c:v>41727</c:v>
                </c:pt>
                <c:pt idx="5202">
                  <c:v>41728</c:v>
                </c:pt>
                <c:pt idx="5203">
                  <c:v>41729</c:v>
                </c:pt>
                <c:pt idx="5204">
                  <c:v>41730</c:v>
                </c:pt>
                <c:pt idx="5205">
                  <c:v>41731</c:v>
                </c:pt>
                <c:pt idx="5206">
                  <c:v>41732</c:v>
                </c:pt>
                <c:pt idx="5207">
                  <c:v>41733</c:v>
                </c:pt>
                <c:pt idx="5208">
                  <c:v>41734</c:v>
                </c:pt>
                <c:pt idx="5209">
                  <c:v>41735</c:v>
                </c:pt>
                <c:pt idx="5210">
                  <c:v>41736</c:v>
                </c:pt>
                <c:pt idx="5211">
                  <c:v>41737</c:v>
                </c:pt>
                <c:pt idx="5212">
                  <c:v>41738</c:v>
                </c:pt>
                <c:pt idx="5213">
                  <c:v>41739</c:v>
                </c:pt>
                <c:pt idx="5214">
                  <c:v>41740</c:v>
                </c:pt>
                <c:pt idx="5215">
                  <c:v>41741</c:v>
                </c:pt>
                <c:pt idx="5216">
                  <c:v>41742</c:v>
                </c:pt>
                <c:pt idx="5217">
                  <c:v>41743</c:v>
                </c:pt>
                <c:pt idx="5218">
                  <c:v>41744</c:v>
                </c:pt>
                <c:pt idx="5219">
                  <c:v>41745</c:v>
                </c:pt>
                <c:pt idx="5220">
                  <c:v>41746</c:v>
                </c:pt>
                <c:pt idx="5221">
                  <c:v>41747</c:v>
                </c:pt>
                <c:pt idx="5222">
                  <c:v>41748</c:v>
                </c:pt>
                <c:pt idx="5223">
                  <c:v>41749</c:v>
                </c:pt>
                <c:pt idx="5224">
                  <c:v>41750</c:v>
                </c:pt>
                <c:pt idx="5225">
                  <c:v>41751</c:v>
                </c:pt>
                <c:pt idx="5226">
                  <c:v>41752</c:v>
                </c:pt>
                <c:pt idx="5227">
                  <c:v>41753</c:v>
                </c:pt>
                <c:pt idx="5228">
                  <c:v>41754</c:v>
                </c:pt>
                <c:pt idx="5229">
                  <c:v>41755</c:v>
                </c:pt>
                <c:pt idx="5230">
                  <c:v>41756</c:v>
                </c:pt>
                <c:pt idx="5231">
                  <c:v>41757</c:v>
                </c:pt>
                <c:pt idx="5232">
                  <c:v>41758</c:v>
                </c:pt>
                <c:pt idx="5233">
                  <c:v>41759</c:v>
                </c:pt>
                <c:pt idx="5234">
                  <c:v>41760</c:v>
                </c:pt>
                <c:pt idx="5235">
                  <c:v>41761</c:v>
                </c:pt>
                <c:pt idx="5236">
                  <c:v>41762</c:v>
                </c:pt>
                <c:pt idx="5237">
                  <c:v>41763</c:v>
                </c:pt>
                <c:pt idx="5238">
                  <c:v>41764</c:v>
                </c:pt>
                <c:pt idx="5239">
                  <c:v>41765</c:v>
                </c:pt>
                <c:pt idx="5240">
                  <c:v>41766</c:v>
                </c:pt>
                <c:pt idx="5241">
                  <c:v>41767</c:v>
                </c:pt>
                <c:pt idx="5242">
                  <c:v>41768</c:v>
                </c:pt>
                <c:pt idx="5243">
                  <c:v>41769</c:v>
                </c:pt>
                <c:pt idx="5244">
                  <c:v>41770</c:v>
                </c:pt>
                <c:pt idx="5245">
                  <c:v>41771</c:v>
                </c:pt>
                <c:pt idx="5246">
                  <c:v>41772</c:v>
                </c:pt>
                <c:pt idx="5247">
                  <c:v>41773</c:v>
                </c:pt>
                <c:pt idx="5248">
                  <c:v>41774</c:v>
                </c:pt>
                <c:pt idx="5249">
                  <c:v>41775</c:v>
                </c:pt>
                <c:pt idx="5250">
                  <c:v>41776</c:v>
                </c:pt>
                <c:pt idx="5251">
                  <c:v>41777</c:v>
                </c:pt>
                <c:pt idx="5252">
                  <c:v>41778</c:v>
                </c:pt>
                <c:pt idx="5253">
                  <c:v>41779</c:v>
                </c:pt>
                <c:pt idx="5254">
                  <c:v>41780</c:v>
                </c:pt>
                <c:pt idx="5255">
                  <c:v>41781</c:v>
                </c:pt>
                <c:pt idx="5256">
                  <c:v>41782</c:v>
                </c:pt>
                <c:pt idx="5257">
                  <c:v>41783</c:v>
                </c:pt>
                <c:pt idx="5258">
                  <c:v>41784</c:v>
                </c:pt>
                <c:pt idx="5259">
                  <c:v>41785</c:v>
                </c:pt>
                <c:pt idx="5260">
                  <c:v>41786</c:v>
                </c:pt>
                <c:pt idx="5261">
                  <c:v>41787</c:v>
                </c:pt>
                <c:pt idx="5262">
                  <c:v>41788</c:v>
                </c:pt>
                <c:pt idx="5263">
                  <c:v>41789</c:v>
                </c:pt>
                <c:pt idx="5264">
                  <c:v>41790</c:v>
                </c:pt>
                <c:pt idx="5265">
                  <c:v>41791</c:v>
                </c:pt>
                <c:pt idx="5266">
                  <c:v>41792</c:v>
                </c:pt>
                <c:pt idx="5267">
                  <c:v>41793</c:v>
                </c:pt>
                <c:pt idx="5268">
                  <c:v>41794</c:v>
                </c:pt>
                <c:pt idx="5269">
                  <c:v>41795</c:v>
                </c:pt>
                <c:pt idx="5270">
                  <c:v>41796</c:v>
                </c:pt>
                <c:pt idx="5271">
                  <c:v>41797</c:v>
                </c:pt>
                <c:pt idx="5272">
                  <c:v>41798</c:v>
                </c:pt>
                <c:pt idx="5273">
                  <c:v>41799</c:v>
                </c:pt>
                <c:pt idx="5274">
                  <c:v>41800</c:v>
                </c:pt>
                <c:pt idx="5275">
                  <c:v>41801</c:v>
                </c:pt>
                <c:pt idx="5276">
                  <c:v>41802</c:v>
                </c:pt>
                <c:pt idx="5277">
                  <c:v>41803</c:v>
                </c:pt>
                <c:pt idx="5278">
                  <c:v>41804</c:v>
                </c:pt>
                <c:pt idx="5279">
                  <c:v>41805</c:v>
                </c:pt>
                <c:pt idx="5280">
                  <c:v>41806</c:v>
                </c:pt>
                <c:pt idx="5281">
                  <c:v>41807</c:v>
                </c:pt>
                <c:pt idx="5282">
                  <c:v>41808</c:v>
                </c:pt>
                <c:pt idx="5283">
                  <c:v>41809</c:v>
                </c:pt>
                <c:pt idx="5284">
                  <c:v>41810</c:v>
                </c:pt>
                <c:pt idx="5285">
                  <c:v>41811</c:v>
                </c:pt>
                <c:pt idx="5286">
                  <c:v>41812</c:v>
                </c:pt>
                <c:pt idx="5287">
                  <c:v>41813</c:v>
                </c:pt>
                <c:pt idx="5288">
                  <c:v>41814</c:v>
                </c:pt>
                <c:pt idx="5289">
                  <c:v>41815</c:v>
                </c:pt>
                <c:pt idx="5290">
                  <c:v>41816</c:v>
                </c:pt>
                <c:pt idx="5291">
                  <c:v>41817</c:v>
                </c:pt>
                <c:pt idx="5292">
                  <c:v>41818</c:v>
                </c:pt>
                <c:pt idx="5293">
                  <c:v>41819</c:v>
                </c:pt>
                <c:pt idx="5294">
                  <c:v>41820</c:v>
                </c:pt>
                <c:pt idx="5295">
                  <c:v>41821</c:v>
                </c:pt>
                <c:pt idx="5296">
                  <c:v>41822</c:v>
                </c:pt>
                <c:pt idx="5297">
                  <c:v>41823</c:v>
                </c:pt>
                <c:pt idx="5298">
                  <c:v>41824</c:v>
                </c:pt>
                <c:pt idx="5299">
                  <c:v>41825</c:v>
                </c:pt>
                <c:pt idx="5300">
                  <c:v>41826</c:v>
                </c:pt>
                <c:pt idx="5301">
                  <c:v>41827</c:v>
                </c:pt>
                <c:pt idx="5302">
                  <c:v>41828</c:v>
                </c:pt>
                <c:pt idx="5303">
                  <c:v>41829</c:v>
                </c:pt>
                <c:pt idx="5304">
                  <c:v>41830</c:v>
                </c:pt>
                <c:pt idx="5305">
                  <c:v>41831</c:v>
                </c:pt>
                <c:pt idx="5306">
                  <c:v>41832</c:v>
                </c:pt>
                <c:pt idx="5307">
                  <c:v>41833</c:v>
                </c:pt>
                <c:pt idx="5308">
                  <c:v>41834</c:v>
                </c:pt>
                <c:pt idx="5309">
                  <c:v>41835</c:v>
                </c:pt>
                <c:pt idx="5310">
                  <c:v>41836</c:v>
                </c:pt>
                <c:pt idx="5311">
                  <c:v>41837</c:v>
                </c:pt>
                <c:pt idx="5312">
                  <c:v>41838</c:v>
                </c:pt>
                <c:pt idx="5313">
                  <c:v>41839</c:v>
                </c:pt>
                <c:pt idx="5314">
                  <c:v>41840</c:v>
                </c:pt>
                <c:pt idx="5315">
                  <c:v>41841</c:v>
                </c:pt>
                <c:pt idx="5316">
                  <c:v>41842</c:v>
                </c:pt>
                <c:pt idx="5317">
                  <c:v>41843</c:v>
                </c:pt>
                <c:pt idx="5318">
                  <c:v>41844</c:v>
                </c:pt>
                <c:pt idx="5319">
                  <c:v>41845</c:v>
                </c:pt>
                <c:pt idx="5320">
                  <c:v>41846</c:v>
                </c:pt>
                <c:pt idx="5321">
                  <c:v>41847</c:v>
                </c:pt>
                <c:pt idx="5322">
                  <c:v>41848</c:v>
                </c:pt>
                <c:pt idx="5323">
                  <c:v>41849</c:v>
                </c:pt>
                <c:pt idx="5324">
                  <c:v>41850</c:v>
                </c:pt>
                <c:pt idx="5325">
                  <c:v>41851</c:v>
                </c:pt>
                <c:pt idx="5326">
                  <c:v>41852</c:v>
                </c:pt>
                <c:pt idx="5327">
                  <c:v>41853</c:v>
                </c:pt>
                <c:pt idx="5328">
                  <c:v>41854</c:v>
                </c:pt>
                <c:pt idx="5329">
                  <c:v>41855</c:v>
                </c:pt>
                <c:pt idx="5330">
                  <c:v>41856</c:v>
                </c:pt>
                <c:pt idx="5331">
                  <c:v>41857</c:v>
                </c:pt>
                <c:pt idx="5332">
                  <c:v>41858</c:v>
                </c:pt>
                <c:pt idx="5333">
                  <c:v>41859</c:v>
                </c:pt>
                <c:pt idx="5334">
                  <c:v>41860</c:v>
                </c:pt>
                <c:pt idx="5335">
                  <c:v>41861</c:v>
                </c:pt>
                <c:pt idx="5336">
                  <c:v>41862</c:v>
                </c:pt>
                <c:pt idx="5337">
                  <c:v>41863</c:v>
                </c:pt>
                <c:pt idx="5338">
                  <c:v>41864</c:v>
                </c:pt>
                <c:pt idx="5339">
                  <c:v>41865</c:v>
                </c:pt>
                <c:pt idx="5340">
                  <c:v>41866</c:v>
                </c:pt>
                <c:pt idx="5341">
                  <c:v>41867</c:v>
                </c:pt>
                <c:pt idx="5342">
                  <c:v>41868</c:v>
                </c:pt>
                <c:pt idx="5343">
                  <c:v>41869</c:v>
                </c:pt>
                <c:pt idx="5344">
                  <c:v>41870</c:v>
                </c:pt>
                <c:pt idx="5345">
                  <c:v>41871</c:v>
                </c:pt>
                <c:pt idx="5346">
                  <c:v>41872</c:v>
                </c:pt>
                <c:pt idx="5347">
                  <c:v>41873</c:v>
                </c:pt>
                <c:pt idx="5348">
                  <c:v>41874</c:v>
                </c:pt>
                <c:pt idx="5349">
                  <c:v>41875</c:v>
                </c:pt>
                <c:pt idx="5350">
                  <c:v>41876</c:v>
                </c:pt>
                <c:pt idx="5351">
                  <c:v>41877</c:v>
                </c:pt>
                <c:pt idx="5352">
                  <c:v>41878</c:v>
                </c:pt>
                <c:pt idx="5353">
                  <c:v>41879</c:v>
                </c:pt>
                <c:pt idx="5354">
                  <c:v>41880</c:v>
                </c:pt>
                <c:pt idx="5355">
                  <c:v>41881</c:v>
                </c:pt>
                <c:pt idx="5356">
                  <c:v>41882</c:v>
                </c:pt>
                <c:pt idx="5357">
                  <c:v>41883</c:v>
                </c:pt>
                <c:pt idx="5358">
                  <c:v>41884</c:v>
                </c:pt>
                <c:pt idx="5359">
                  <c:v>41885</c:v>
                </c:pt>
                <c:pt idx="5360">
                  <c:v>41886</c:v>
                </c:pt>
                <c:pt idx="5361">
                  <c:v>41887</c:v>
                </c:pt>
                <c:pt idx="5362">
                  <c:v>41888</c:v>
                </c:pt>
                <c:pt idx="5363">
                  <c:v>41889</c:v>
                </c:pt>
                <c:pt idx="5364">
                  <c:v>41890</c:v>
                </c:pt>
                <c:pt idx="5365">
                  <c:v>41891</c:v>
                </c:pt>
                <c:pt idx="5366">
                  <c:v>41892</c:v>
                </c:pt>
                <c:pt idx="5367">
                  <c:v>41893</c:v>
                </c:pt>
                <c:pt idx="5368">
                  <c:v>41894</c:v>
                </c:pt>
                <c:pt idx="5369">
                  <c:v>41895</c:v>
                </c:pt>
                <c:pt idx="5370">
                  <c:v>41896</c:v>
                </c:pt>
                <c:pt idx="5371">
                  <c:v>41897</c:v>
                </c:pt>
                <c:pt idx="5372">
                  <c:v>41898</c:v>
                </c:pt>
                <c:pt idx="5373">
                  <c:v>41899</c:v>
                </c:pt>
                <c:pt idx="5374">
                  <c:v>41900</c:v>
                </c:pt>
                <c:pt idx="5375">
                  <c:v>41901</c:v>
                </c:pt>
                <c:pt idx="5376">
                  <c:v>41902</c:v>
                </c:pt>
                <c:pt idx="5377">
                  <c:v>41903</c:v>
                </c:pt>
                <c:pt idx="5378">
                  <c:v>41904</c:v>
                </c:pt>
                <c:pt idx="5379">
                  <c:v>41905</c:v>
                </c:pt>
                <c:pt idx="5380">
                  <c:v>41906</c:v>
                </c:pt>
                <c:pt idx="5381">
                  <c:v>41907</c:v>
                </c:pt>
                <c:pt idx="5382">
                  <c:v>41908</c:v>
                </c:pt>
                <c:pt idx="5383">
                  <c:v>41909</c:v>
                </c:pt>
                <c:pt idx="5384">
                  <c:v>41910</c:v>
                </c:pt>
                <c:pt idx="5385">
                  <c:v>41911</c:v>
                </c:pt>
                <c:pt idx="5386">
                  <c:v>41912</c:v>
                </c:pt>
                <c:pt idx="5387">
                  <c:v>41913</c:v>
                </c:pt>
                <c:pt idx="5388">
                  <c:v>41914</c:v>
                </c:pt>
                <c:pt idx="5389">
                  <c:v>41915</c:v>
                </c:pt>
                <c:pt idx="5390">
                  <c:v>41916</c:v>
                </c:pt>
                <c:pt idx="5391">
                  <c:v>41917</c:v>
                </c:pt>
                <c:pt idx="5392">
                  <c:v>41918</c:v>
                </c:pt>
                <c:pt idx="5393">
                  <c:v>41919</c:v>
                </c:pt>
                <c:pt idx="5394">
                  <c:v>41920</c:v>
                </c:pt>
                <c:pt idx="5395">
                  <c:v>41921</c:v>
                </c:pt>
                <c:pt idx="5396">
                  <c:v>41922</c:v>
                </c:pt>
                <c:pt idx="5397">
                  <c:v>41923</c:v>
                </c:pt>
                <c:pt idx="5398">
                  <c:v>41924</c:v>
                </c:pt>
                <c:pt idx="5399">
                  <c:v>41925</c:v>
                </c:pt>
                <c:pt idx="5400">
                  <c:v>41926</c:v>
                </c:pt>
                <c:pt idx="5401">
                  <c:v>41927</c:v>
                </c:pt>
                <c:pt idx="5402">
                  <c:v>41928</c:v>
                </c:pt>
                <c:pt idx="5403">
                  <c:v>41929</c:v>
                </c:pt>
                <c:pt idx="5404">
                  <c:v>41930</c:v>
                </c:pt>
                <c:pt idx="5405">
                  <c:v>41931</c:v>
                </c:pt>
                <c:pt idx="5406">
                  <c:v>41932</c:v>
                </c:pt>
                <c:pt idx="5407">
                  <c:v>41933</c:v>
                </c:pt>
                <c:pt idx="5408">
                  <c:v>41934</c:v>
                </c:pt>
                <c:pt idx="5409">
                  <c:v>41935</c:v>
                </c:pt>
                <c:pt idx="5410">
                  <c:v>41936</c:v>
                </c:pt>
                <c:pt idx="5411">
                  <c:v>41937</c:v>
                </c:pt>
                <c:pt idx="5412">
                  <c:v>41938</c:v>
                </c:pt>
                <c:pt idx="5413">
                  <c:v>41939</c:v>
                </c:pt>
                <c:pt idx="5414">
                  <c:v>41940</c:v>
                </c:pt>
                <c:pt idx="5415">
                  <c:v>41941</c:v>
                </c:pt>
                <c:pt idx="5416">
                  <c:v>41942</c:v>
                </c:pt>
                <c:pt idx="5417">
                  <c:v>41943</c:v>
                </c:pt>
                <c:pt idx="5418">
                  <c:v>41944</c:v>
                </c:pt>
                <c:pt idx="5419">
                  <c:v>41945</c:v>
                </c:pt>
                <c:pt idx="5420">
                  <c:v>41946</c:v>
                </c:pt>
                <c:pt idx="5421">
                  <c:v>41947</c:v>
                </c:pt>
                <c:pt idx="5422">
                  <c:v>41948</c:v>
                </c:pt>
                <c:pt idx="5423">
                  <c:v>41949</c:v>
                </c:pt>
                <c:pt idx="5424">
                  <c:v>41950</c:v>
                </c:pt>
                <c:pt idx="5425">
                  <c:v>41951</c:v>
                </c:pt>
                <c:pt idx="5426">
                  <c:v>41952</c:v>
                </c:pt>
                <c:pt idx="5427">
                  <c:v>41953</c:v>
                </c:pt>
                <c:pt idx="5428">
                  <c:v>41954</c:v>
                </c:pt>
                <c:pt idx="5429">
                  <c:v>41955</c:v>
                </c:pt>
                <c:pt idx="5430">
                  <c:v>41956</c:v>
                </c:pt>
                <c:pt idx="5431">
                  <c:v>41957</c:v>
                </c:pt>
                <c:pt idx="5432">
                  <c:v>41958</c:v>
                </c:pt>
                <c:pt idx="5433">
                  <c:v>41959</c:v>
                </c:pt>
                <c:pt idx="5434">
                  <c:v>41960</c:v>
                </c:pt>
                <c:pt idx="5435">
                  <c:v>41961</c:v>
                </c:pt>
                <c:pt idx="5436">
                  <c:v>41962</c:v>
                </c:pt>
                <c:pt idx="5437">
                  <c:v>41963</c:v>
                </c:pt>
                <c:pt idx="5438">
                  <c:v>41964</c:v>
                </c:pt>
                <c:pt idx="5439">
                  <c:v>41965</c:v>
                </c:pt>
                <c:pt idx="5440">
                  <c:v>41966</c:v>
                </c:pt>
                <c:pt idx="5441">
                  <c:v>41967</c:v>
                </c:pt>
                <c:pt idx="5442">
                  <c:v>41968</c:v>
                </c:pt>
                <c:pt idx="5443">
                  <c:v>41969</c:v>
                </c:pt>
                <c:pt idx="5444">
                  <c:v>41970</c:v>
                </c:pt>
                <c:pt idx="5445">
                  <c:v>41971</c:v>
                </c:pt>
                <c:pt idx="5446">
                  <c:v>41972</c:v>
                </c:pt>
                <c:pt idx="5447">
                  <c:v>41973</c:v>
                </c:pt>
                <c:pt idx="5448">
                  <c:v>41974</c:v>
                </c:pt>
                <c:pt idx="5449">
                  <c:v>41975</c:v>
                </c:pt>
                <c:pt idx="5450">
                  <c:v>41976</c:v>
                </c:pt>
                <c:pt idx="5451">
                  <c:v>41977</c:v>
                </c:pt>
                <c:pt idx="5452">
                  <c:v>41978</c:v>
                </c:pt>
                <c:pt idx="5453">
                  <c:v>41979</c:v>
                </c:pt>
                <c:pt idx="5454">
                  <c:v>41980</c:v>
                </c:pt>
                <c:pt idx="5455">
                  <c:v>41981</c:v>
                </c:pt>
                <c:pt idx="5456">
                  <c:v>41982</c:v>
                </c:pt>
                <c:pt idx="5457">
                  <c:v>41983</c:v>
                </c:pt>
                <c:pt idx="5458">
                  <c:v>41984</c:v>
                </c:pt>
                <c:pt idx="5459">
                  <c:v>41985</c:v>
                </c:pt>
                <c:pt idx="5460">
                  <c:v>41986</c:v>
                </c:pt>
                <c:pt idx="5461">
                  <c:v>41987</c:v>
                </c:pt>
                <c:pt idx="5462">
                  <c:v>41988</c:v>
                </c:pt>
                <c:pt idx="5463">
                  <c:v>41989</c:v>
                </c:pt>
                <c:pt idx="5464">
                  <c:v>41990</c:v>
                </c:pt>
                <c:pt idx="5465">
                  <c:v>41991</c:v>
                </c:pt>
                <c:pt idx="5466">
                  <c:v>41992</c:v>
                </c:pt>
                <c:pt idx="5467">
                  <c:v>41993</c:v>
                </c:pt>
                <c:pt idx="5468">
                  <c:v>41994</c:v>
                </c:pt>
                <c:pt idx="5469">
                  <c:v>41995</c:v>
                </c:pt>
                <c:pt idx="5470">
                  <c:v>41996</c:v>
                </c:pt>
                <c:pt idx="5471">
                  <c:v>41997</c:v>
                </c:pt>
                <c:pt idx="5472">
                  <c:v>41998</c:v>
                </c:pt>
                <c:pt idx="5473">
                  <c:v>41999</c:v>
                </c:pt>
                <c:pt idx="5474">
                  <c:v>42000</c:v>
                </c:pt>
                <c:pt idx="5475">
                  <c:v>42001</c:v>
                </c:pt>
                <c:pt idx="5476">
                  <c:v>42002</c:v>
                </c:pt>
                <c:pt idx="5477">
                  <c:v>42003</c:v>
                </c:pt>
                <c:pt idx="5478">
                  <c:v>42004</c:v>
                </c:pt>
                <c:pt idx="5479">
                  <c:v>42005</c:v>
                </c:pt>
                <c:pt idx="5480">
                  <c:v>42006</c:v>
                </c:pt>
                <c:pt idx="5481">
                  <c:v>42007</c:v>
                </c:pt>
                <c:pt idx="5482">
                  <c:v>42008</c:v>
                </c:pt>
                <c:pt idx="5483">
                  <c:v>42009</c:v>
                </c:pt>
                <c:pt idx="5484">
                  <c:v>42010</c:v>
                </c:pt>
                <c:pt idx="5485">
                  <c:v>42011</c:v>
                </c:pt>
                <c:pt idx="5486">
                  <c:v>42012</c:v>
                </c:pt>
                <c:pt idx="5487">
                  <c:v>42013</c:v>
                </c:pt>
                <c:pt idx="5488">
                  <c:v>42014</c:v>
                </c:pt>
                <c:pt idx="5489">
                  <c:v>42015</c:v>
                </c:pt>
                <c:pt idx="5490">
                  <c:v>42016</c:v>
                </c:pt>
                <c:pt idx="5491">
                  <c:v>42017</c:v>
                </c:pt>
                <c:pt idx="5492">
                  <c:v>42018</c:v>
                </c:pt>
                <c:pt idx="5493">
                  <c:v>42019</c:v>
                </c:pt>
                <c:pt idx="5494">
                  <c:v>42020</c:v>
                </c:pt>
                <c:pt idx="5495">
                  <c:v>42021</c:v>
                </c:pt>
                <c:pt idx="5496">
                  <c:v>42022</c:v>
                </c:pt>
                <c:pt idx="5497">
                  <c:v>42023</c:v>
                </c:pt>
                <c:pt idx="5498">
                  <c:v>42024</c:v>
                </c:pt>
                <c:pt idx="5499">
                  <c:v>42025</c:v>
                </c:pt>
                <c:pt idx="5500">
                  <c:v>42026</c:v>
                </c:pt>
                <c:pt idx="5501">
                  <c:v>42027</c:v>
                </c:pt>
                <c:pt idx="5502">
                  <c:v>42028</c:v>
                </c:pt>
                <c:pt idx="5503">
                  <c:v>42029</c:v>
                </c:pt>
                <c:pt idx="5504">
                  <c:v>42030</c:v>
                </c:pt>
                <c:pt idx="5505">
                  <c:v>42031</c:v>
                </c:pt>
                <c:pt idx="5506">
                  <c:v>42032</c:v>
                </c:pt>
                <c:pt idx="5507">
                  <c:v>42033</c:v>
                </c:pt>
                <c:pt idx="5508">
                  <c:v>42034</c:v>
                </c:pt>
                <c:pt idx="5509">
                  <c:v>42035</c:v>
                </c:pt>
                <c:pt idx="5510">
                  <c:v>42036</c:v>
                </c:pt>
                <c:pt idx="5511">
                  <c:v>42037</c:v>
                </c:pt>
                <c:pt idx="5512">
                  <c:v>42038</c:v>
                </c:pt>
                <c:pt idx="5513">
                  <c:v>42039</c:v>
                </c:pt>
                <c:pt idx="5514">
                  <c:v>42040</c:v>
                </c:pt>
                <c:pt idx="5515">
                  <c:v>42041</c:v>
                </c:pt>
                <c:pt idx="5516">
                  <c:v>42042</c:v>
                </c:pt>
                <c:pt idx="5517">
                  <c:v>42043</c:v>
                </c:pt>
                <c:pt idx="5518">
                  <c:v>42044</c:v>
                </c:pt>
                <c:pt idx="5519">
                  <c:v>42045</c:v>
                </c:pt>
                <c:pt idx="5520">
                  <c:v>42046</c:v>
                </c:pt>
                <c:pt idx="5521">
                  <c:v>42047</c:v>
                </c:pt>
                <c:pt idx="5522">
                  <c:v>42048</c:v>
                </c:pt>
                <c:pt idx="5523">
                  <c:v>42049</c:v>
                </c:pt>
                <c:pt idx="5524">
                  <c:v>42050</c:v>
                </c:pt>
                <c:pt idx="5525">
                  <c:v>42051</c:v>
                </c:pt>
                <c:pt idx="5526">
                  <c:v>42052</c:v>
                </c:pt>
                <c:pt idx="5527">
                  <c:v>42053</c:v>
                </c:pt>
                <c:pt idx="5528">
                  <c:v>42054</c:v>
                </c:pt>
                <c:pt idx="5529">
                  <c:v>42055</c:v>
                </c:pt>
                <c:pt idx="5530">
                  <c:v>42056</c:v>
                </c:pt>
                <c:pt idx="5531">
                  <c:v>42057</c:v>
                </c:pt>
                <c:pt idx="5532">
                  <c:v>42058</c:v>
                </c:pt>
                <c:pt idx="5533">
                  <c:v>42059</c:v>
                </c:pt>
                <c:pt idx="5534">
                  <c:v>42060</c:v>
                </c:pt>
                <c:pt idx="5535">
                  <c:v>42061</c:v>
                </c:pt>
                <c:pt idx="5536">
                  <c:v>42062</c:v>
                </c:pt>
                <c:pt idx="5537">
                  <c:v>42063</c:v>
                </c:pt>
                <c:pt idx="5538">
                  <c:v>42064</c:v>
                </c:pt>
                <c:pt idx="5539">
                  <c:v>42065</c:v>
                </c:pt>
                <c:pt idx="5540">
                  <c:v>42066</c:v>
                </c:pt>
                <c:pt idx="5541">
                  <c:v>42067</c:v>
                </c:pt>
                <c:pt idx="5542">
                  <c:v>42068</c:v>
                </c:pt>
                <c:pt idx="5543">
                  <c:v>42069</c:v>
                </c:pt>
                <c:pt idx="5544">
                  <c:v>42070</c:v>
                </c:pt>
                <c:pt idx="5545">
                  <c:v>42071</c:v>
                </c:pt>
                <c:pt idx="5546">
                  <c:v>42072</c:v>
                </c:pt>
                <c:pt idx="5547">
                  <c:v>42073</c:v>
                </c:pt>
                <c:pt idx="5548">
                  <c:v>42074</c:v>
                </c:pt>
                <c:pt idx="5549">
                  <c:v>42075</c:v>
                </c:pt>
                <c:pt idx="5550">
                  <c:v>42076</c:v>
                </c:pt>
                <c:pt idx="5551">
                  <c:v>42077</c:v>
                </c:pt>
                <c:pt idx="5552">
                  <c:v>42078</c:v>
                </c:pt>
                <c:pt idx="5553">
                  <c:v>42079</c:v>
                </c:pt>
                <c:pt idx="5554">
                  <c:v>42080</c:v>
                </c:pt>
                <c:pt idx="5555">
                  <c:v>42081</c:v>
                </c:pt>
                <c:pt idx="5556">
                  <c:v>42082</c:v>
                </c:pt>
                <c:pt idx="5557">
                  <c:v>42083</c:v>
                </c:pt>
                <c:pt idx="5558">
                  <c:v>42084</c:v>
                </c:pt>
                <c:pt idx="5559">
                  <c:v>42085</c:v>
                </c:pt>
                <c:pt idx="5560">
                  <c:v>42086</c:v>
                </c:pt>
                <c:pt idx="5561">
                  <c:v>42087</c:v>
                </c:pt>
                <c:pt idx="5562">
                  <c:v>42088</c:v>
                </c:pt>
                <c:pt idx="5563">
                  <c:v>42089</c:v>
                </c:pt>
                <c:pt idx="5564">
                  <c:v>42090</c:v>
                </c:pt>
                <c:pt idx="5565">
                  <c:v>42091</c:v>
                </c:pt>
                <c:pt idx="5566">
                  <c:v>42092</c:v>
                </c:pt>
                <c:pt idx="5567">
                  <c:v>42093</c:v>
                </c:pt>
                <c:pt idx="5568">
                  <c:v>42094</c:v>
                </c:pt>
                <c:pt idx="5569">
                  <c:v>42095</c:v>
                </c:pt>
                <c:pt idx="5570">
                  <c:v>42096</c:v>
                </c:pt>
                <c:pt idx="5571">
                  <c:v>42097</c:v>
                </c:pt>
                <c:pt idx="5572">
                  <c:v>42098</c:v>
                </c:pt>
                <c:pt idx="5573">
                  <c:v>42099</c:v>
                </c:pt>
                <c:pt idx="5574">
                  <c:v>42100</c:v>
                </c:pt>
                <c:pt idx="5575">
                  <c:v>42101</c:v>
                </c:pt>
                <c:pt idx="5576">
                  <c:v>42102</c:v>
                </c:pt>
                <c:pt idx="5577">
                  <c:v>42103</c:v>
                </c:pt>
                <c:pt idx="5578">
                  <c:v>42104</c:v>
                </c:pt>
                <c:pt idx="5579">
                  <c:v>42105</c:v>
                </c:pt>
                <c:pt idx="5580">
                  <c:v>42106</c:v>
                </c:pt>
                <c:pt idx="5581">
                  <c:v>42107</c:v>
                </c:pt>
                <c:pt idx="5582">
                  <c:v>42108</c:v>
                </c:pt>
                <c:pt idx="5583">
                  <c:v>42109</c:v>
                </c:pt>
                <c:pt idx="5584">
                  <c:v>42110</c:v>
                </c:pt>
                <c:pt idx="5585">
                  <c:v>42111</c:v>
                </c:pt>
                <c:pt idx="5586">
                  <c:v>42112</c:v>
                </c:pt>
                <c:pt idx="5587">
                  <c:v>42113</c:v>
                </c:pt>
                <c:pt idx="5588">
                  <c:v>42114</c:v>
                </c:pt>
                <c:pt idx="5589">
                  <c:v>42115</c:v>
                </c:pt>
                <c:pt idx="5590">
                  <c:v>42116</c:v>
                </c:pt>
                <c:pt idx="5591">
                  <c:v>42117</c:v>
                </c:pt>
                <c:pt idx="5592">
                  <c:v>42118</c:v>
                </c:pt>
                <c:pt idx="5593">
                  <c:v>42119</c:v>
                </c:pt>
                <c:pt idx="5594">
                  <c:v>42120</c:v>
                </c:pt>
                <c:pt idx="5595">
                  <c:v>42121</c:v>
                </c:pt>
                <c:pt idx="5596">
                  <c:v>42122</c:v>
                </c:pt>
                <c:pt idx="5597">
                  <c:v>42123</c:v>
                </c:pt>
                <c:pt idx="5598">
                  <c:v>42124</c:v>
                </c:pt>
                <c:pt idx="5599">
                  <c:v>42125</c:v>
                </c:pt>
                <c:pt idx="5600">
                  <c:v>42126</c:v>
                </c:pt>
                <c:pt idx="5601">
                  <c:v>42127</c:v>
                </c:pt>
                <c:pt idx="5602">
                  <c:v>42128</c:v>
                </c:pt>
                <c:pt idx="5603">
                  <c:v>42129</c:v>
                </c:pt>
                <c:pt idx="5604">
                  <c:v>42130</c:v>
                </c:pt>
                <c:pt idx="5605">
                  <c:v>42131</c:v>
                </c:pt>
                <c:pt idx="5606">
                  <c:v>42132</c:v>
                </c:pt>
                <c:pt idx="5607">
                  <c:v>42133</c:v>
                </c:pt>
                <c:pt idx="5608">
                  <c:v>42134</c:v>
                </c:pt>
                <c:pt idx="5609">
                  <c:v>42135</c:v>
                </c:pt>
                <c:pt idx="5610">
                  <c:v>42136</c:v>
                </c:pt>
                <c:pt idx="5611">
                  <c:v>42137</c:v>
                </c:pt>
                <c:pt idx="5612">
                  <c:v>42138</c:v>
                </c:pt>
                <c:pt idx="5613">
                  <c:v>42139</c:v>
                </c:pt>
                <c:pt idx="5614">
                  <c:v>42140</c:v>
                </c:pt>
                <c:pt idx="5615">
                  <c:v>42141</c:v>
                </c:pt>
                <c:pt idx="5616">
                  <c:v>42142</c:v>
                </c:pt>
                <c:pt idx="5617">
                  <c:v>42143</c:v>
                </c:pt>
                <c:pt idx="5618">
                  <c:v>42144</c:v>
                </c:pt>
                <c:pt idx="5619">
                  <c:v>42145</c:v>
                </c:pt>
                <c:pt idx="5620">
                  <c:v>42146</c:v>
                </c:pt>
                <c:pt idx="5621">
                  <c:v>42147</c:v>
                </c:pt>
                <c:pt idx="5622">
                  <c:v>42148</c:v>
                </c:pt>
                <c:pt idx="5623">
                  <c:v>42149</c:v>
                </c:pt>
                <c:pt idx="5624">
                  <c:v>42150</c:v>
                </c:pt>
                <c:pt idx="5625">
                  <c:v>42151</c:v>
                </c:pt>
                <c:pt idx="5626">
                  <c:v>42152</c:v>
                </c:pt>
                <c:pt idx="5627">
                  <c:v>42153</c:v>
                </c:pt>
                <c:pt idx="5628">
                  <c:v>42154</c:v>
                </c:pt>
                <c:pt idx="5629">
                  <c:v>42155</c:v>
                </c:pt>
                <c:pt idx="5630">
                  <c:v>42156</c:v>
                </c:pt>
                <c:pt idx="5631">
                  <c:v>42157</c:v>
                </c:pt>
                <c:pt idx="5632">
                  <c:v>42158</c:v>
                </c:pt>
                <c:pt idx="5633">
                  <c:v>42159</c:v>
                </c:pt>
                <c:pt idx="5634">
                  <c:v>42160</c:v>
                </c:pt>
                <c:pt idx="5635">
                  <c:v>42161</c:v>
                </c:pt>
                <c:pt idx="5636">
                  <c:v>42162</c:v>
                </c:pt>
                <c:pt idx="5637">
                  <c:v>42163</c:v>
                </c:pt>
                <c:pt idx="5638">
                  <c:v>42164</c:v>
                </c:pt>
                <c:pt idx="5639">
                  <c:v>42165</c:v>
                </c:pt>
                <c:pt idx="5640">
                  <c:v>42166</c:v>
                </c:pt>
                <c:pt idx="5641">
                  <c:v>42167</c:v>
                </c:pt>
                <c:pt idx="5642">
                  <c:v>42168</c:v>
                </c:pt>
                <c:pt idx="5643">
                  <c:v>42169</c:v>
                </c:pt>
                <c:pt idx="5644">
                  <c:v>42170</c:v>
                </c:pt>
                <c:pt idx="5645">
                  <c:v>42171</c:v>
                </c:pt>
                <c:pt idx="5646">
                  <c:v>42172</c:v>
                </c:pt>
                <c:pt idx="5647">
                  <c:v>42173</c:v>
                </c:pt>
                <c:pt idx="5648">
                  <c:v>42174</c:v>
                </c:pt>
                <c:pt idx="5649">
                  <c:v>42175</c:v>
                </c:pt>
                <c:pt idx="5650">
                  <c:v>42176</c:v>
                </c:pt>
                <c:pt idx="5651">
                  <c:v>42177</c:v>
                </c:pt>
                <c:pt idx="5652">
                  <c:v>42178</c:v>
                </c:pt>
                <c:pt idx="5653">
                  <c:v>42179</c:v>
                </c:pt>
                <c:pt idx="5654">
                  <c:v>42180</c:v>
                </c:pt>
                <c:pt idx="5655">
                  <c:v>42181</c:v>
                </c:pt>
                <c:pt idx="5656">
                  <c:v>42182</c:v>
                </c:pt>
                <c:pt idx="5657">
                  <c:v>42183</c:v>
                </c:pt>
                <c:pt idx="5658">
                  <c:v>42184</c:v>
                </c:pt>
                <c:pt idx="5659">
                  <c:v>42185</c:v>
                </c:pt>
                <c:pt idx="5660">
                  <c:v>42186</c:v>
                </c:pt>
                <c:pt idx="5661">
                  <c:v>42187</c:v>
                </c:pt>
                <c:pt idx="5662">
                  <c:v>42188</c:v>
                </c:pt>
                <c:pt idx="5663">
                  <c:v>42189</c:v>
                </c:pt>
                <c:pt idx="5664">
                  <c:v>42190</c:v>
                </c:pt>
                <c:pt idx="5665">
                  <c:v>42191</c:v>
                </c:pt>
                <c:pt idx="5666">
                  <c:v>42192</c:v>
                </c:pt>
                <c:pt idx="5667">
                  <c:v>42193</c:v>
                </c:pt>
                <c:pt idx="5668">
                  <c:v>42194</c:v>
                </c:pt>
                <c:pt idx="5669">
                  <c:v>42195</c:v>
                </c:pt>
                <c:pt idx="5670">
                  <c:v>42196</c:v>
                </c:pt>
                <c:pt idx="5671">
                  <c:v>42197</c:v>
                </c:pt>
                <c:pt idx="5672">
                  <c:v>42198</c:v>
                </c:pt>
                <c:pt idx="5673">
                  <c:v>42199</c:v>
                </c:pt>
                <c:pt idx="5674">
                  <c:v>42200</c:v>
                </c:pt>
                <c:pt idx="5675">
                  <c:v>42201</c:v>
                </c:pt>
                <c:pt idx="5676">
                  <c:v>42202</c:v>
                </c:pt>
                <c:pt idx="5677">
                  <c:v>42203</c:v>
                </c:pt>
                <c:pt idx="5678">
                  <c:v>42204</c:v>
                </c:pt>
                <c:pt idx="5679">
                  <c:v>42205</c:v>
                </c:pt>
                <c:pt idx="5680">
                  <c:v>42206</c:v>
                </c:pt>
                <c:pt idx="5681">
                  <c:v>42207</c:v>
                </c:pt>
                <c:pt idx="5682">
                  <c:v>42208</c:v>
                </c:pt>
                <c:pt idx="5683">
                  <c:v>42209</c:v>
                </c:pt>
                <c:pt idx="5684">
                  <c:v>42210</c:v>
                </c:pt>
                <c:pt idx="5685">
                  <c:v>42211</c:v>
                </c:pt>
                <c:pt idx="5686">
                  <c:v>42212</c:v>
                </c:pt>
                <c:pt idx="5687">
                  <c:v>42213</c:v>
                </c:pt>
                <c:pt idx="5688">
                  <c:v>42214</c:v>
                </c:pt>
                <c:pt idx="5689">
                  <c:v>42215</c:v>
                </c:pt>
                <c:pt idx="5690">
                  <c:v>42216</c:v>
                </c:pt>
                <c:pt idx="5691">
                  <c:v>42217</c:v>
                </c:pt>
                <c:pt idx="5692">
                  <c:v>42218</c:v>
                </c:pt>
                <c:pt idx="5693">
                  <c:v>42219</c:v>
                </c:pt>
                <c:pt idx="5694">
                  <c:v>42220</c:v>
                </c:pt>
                <c:pt idx="5695">
                  <c:v>42221</c:v>
                </c:pt>
                <c:pt idx="5696">
                  <c:v>42222</c:v>
                </c:pt>
                <c:pt idx="5697">
                  <c:v>42223</c:v>
                </c:pt>
                <c:pt idx="5698">
                  <c:v>42224</c:v>
                </c:pt>
                <c:pt idx="5699">
                  <c:v>42225</c:v>
                </c:pt>
                <c:pt idx="5700">
                  <c:v>42226</c:v>
                </c:pt>
                <c:pt idx="5701">
                  <c:v>42227</c:v>
                </c:pt>
                <c:pt idx="5702">
                  <c:v>42228</c:v>
                </c:pt>
                <c:pt idx="5703">
                  <c:v>42229</c:v>
                </c:pt>
                <c:pt idx="5704">
                  <c:v>42230</c:v>
                </c:pt>
                <c:pt idx="5705">
                  <c:v>42231</c:v>
                </c:pt>
                <c:pt idx="5706">
                  <c:v>42232</c:v>
                </c:pt>
                <c:pt idx="5707">
                  <c:v>42233</c:v>
                </c:pt>
                <c:pt idx="5708">
                  <c:v>42234</c:v>
                </c:pt>
                <c:pt idx="5709">
                  <c:v>42235</c:v>
                </c:pt>
                <c:pt idx="5710">
                  <c:v>42236</c:v>
                </c:pt>
                <c:pt idx="5711">
                  <c:v>42237</c:v>
                </c:pt>
                <c:pt idx="5712">
                  <c:v>42238</c:v>
                </c:pt>
                <c:pt idx="5713">
                  <c:v>42239</c:v>
                </c:pt>
                <c:pt idx="5714">
                  <c:v>42240</c:v>
                </c:pt>
                <c:pt idx="5715">
                  <c:v>42241</c:v>
                </c:pt>
                <c:pt idx="5716">
                  <c:v>42242</c:v>
                </c:pt>
                <c:pt idx="5717">
                  <c:v>42243</c:v>
                </c:pt>
                <c:pt idx="5718">
                  <c:v>42244</c:v>
                </c:pt>
                <c:pt idx="5719">
                  <c:v>42245</c:v>
                </c:pt>
                <c:pt idx="5720">
                  <c:v>42246</c:v>
                </c:pt>
                <c:pt idx="5721">
                  <c:v>42247</c:v>
                </c:pt>
                <c:pt idx="5722">
                  <c:v>42248</c:v>
                </c:pt>
                <c:pt idx="5723">
                  <c:v>42249</c:v>
                </c:pt>
                <c:pt idx="5724">
                  <c:v>42250</c:v>
                </c:pt>
                <c:pt idx="5725">
                  <c:v>42251</c:v>
                </c:pt>
                <c:pt idx="5726">
                  <c:v>42252</c:v>
                </c:pt>
                <c:pt idx="5727">
                  <c:v>42253</c:v>
                </c:pt>
                <c:pt idx="5728">
                  <c:v>42254</c:v>
                </c:pt>
                <c:pt idx="5729">
                  <c:v>42255</c:v>
                </c:pt>
                <c:pt idx="5730">
                  <c:v>42256</c:v>
                </c:pt>
                <c:pt idx="5731">
                  <c:v>42257</c:v>
                </c:pt>
                <c:pt idx="5732">
                  <c:v>42258</c:v>
                </c:pt>
                <c:pt idx="5733">
                  <c:v>42259</c:v>
                </c:pt>
                <c:pt idx="5734">
                  <c:v>42260</c:v>
                </c:pt>
                <c:pt idx="5735">
                  <c:v>42261</c:v>
                </c:pt>
                <c:pt idx="5736">
                  <c:v>42262</c:v>
                </c:pt>
                <c:pt idx="5737">
                  <c:v>42263</c:v>
                </c:pt>
                <c:pt idx="5738">
                  <c:v>42264</c:v>
                </c:pt>
                <c:pt idx="5739">
                  <c:v>42265</c:v>
                </c:pt>
                <c:pt idx="5740">
                  <c:v>42266</c:v>
                </c:pt>
                <c:pt idx="5741">
                  <c:v>42267</c:v>
                </c:pt>
                <c:pt idx="5742">
                  <c:v>42268</c:v>
                </c:pt>
                <c:pt idx="5743">
                  <c:v>42269</c:v>
                </c:pt>
                <c:pt idx="5744">
                  <c:v>42270</c:v>
                </c:pt>
                <c:pt idx="5745">
                  <c:v>42271</c:v>
                </c:pt>
                <c:pt idx="5746">
                  <c:v>42272</c:v>
                </c:pt>
                <c:pt idx="5747">
                  <c:v>42273</c:v>
                </c:pt>
                <c:pt idx="5748">
                  <c:v>42274</c:v>
                </c:pt>
                <c:pt idx="5749">
                  <c:v>42275</c:v>
                </c:pt>
                <c:pt idx="5750">
                  <c:v>42276</c:v>
                </c:pt>
                <c:pt idx="5751">
                  <c:v>42277</c:v>
                </c:pt>
                <c:pt idx="5752">
                  <c:v>42278</c:v>
                </c:pt>
                <c:pt idx="5753">
                  <c:v>42279</c:v>
                </c:pt>
                <c:pt idx="5754">
                  <c:v>42280</c:v>
                </c:pt>
                <c:pt idx="5755">
                  <c:v>42281</c:v>
                </c:pt>
                <c:pt idx="5756">
                  <c:v>42282</c:v>
                </c:pt>
                <c:pt idx="5757">
                  <c:v>42283</c:v>
                </c:pt>
                <c:pt idx="5758">
                  <c:v>42284</c:v>
                </c:pt>
                <c:pt idx="5759">
                  <c:v>42285</c:v>
                </c:pt>
                <c:pt idx="5760">
                  <c:v>42286</c:v>
                </c:pt>
                <c:pt idx="5761">
                  <c:v>42287</c:v>
                </c:pt>
                <c:pt idx="5762">
                  <c:v>42288</c:v>
                </c:pt>
                <c:pt idx="5763">
                  <c:v>42289</c:v>
                </c:pt>
                <c:pt idx="5764">
                  <c:v>42290</c:v>
                </c:pt>
                <c:pt idx="5765">
                  <c:v>42291</c:v>
                </c:pt>
                <c:pt idx="5766">
                  <c:v>42292</c:v>
                </c:pt>
                <c:pt idx="5767">
                  <c:v>42293</c:v>
                </c:pt>
                <c:pt idx="5768">
                  <c:v>42294</c:v>
                </c:pt>
                <c:pt idx="5769">
                  <c:v>42295</c:v>
                </c:pt>
                <c:pt idx="5770">
                  <c:v>42296</c:v>
                </c:pt>
                <c:pt idx="5771">
                  <c:v>42297</c:v>
                </c:pt>
                <c:pt idx="5772">
                  <c:v>42298</c:v>
                </c:pt>
                <c:pt idx="5773">
                  <c:v>42299</c:v>
                </c:pt>
                <c:pt idx="5774">
                  <c:v>42300</c:v>
                </c:pt>
                <c:pt idx="5775">
                  <c:v>42301</c:v>
                </c:pt>
                <c:pt idx="5776">
                  <c:v>42302</c:v>
                </c:pt>
                <c:pt idx="5777">
                  <c:v>42303</c:v>
                </c:pt>
                <c:pt idx="5778">
                  <c:v>42304</c:v>
                </c:pt>
                <c:pt idx="5779">
                  <c:v>42305</c:v>
                </c:pt>
                <c:pt idx="5780">
                  <c:v>42306</c:v>
                </c:pt>
                <c:pt idx="5781">
                  <c:v>42307</c:v>
                </c:pt>
                <c:pt idx="5782">
                  <c:v>42308</c:v>
                </c:pt>
                <c:pt idx="5783">
                  <c:v>42309</c:v>
                </c:pt>
                <c:pt idx="5784">
                  <c:v>42310</c:v>
                </c:pt>
                <c:pt idx="5785">
                  <c:v>42311</c:v>
                </c:pt>
                <c:pt idx="5786">
                  <c:v>42312</c:v>
                </c:pt>
                <c:pt idx="5787">
                  <c:v>42313</c:v>
                </c:pt>
                <c:pt idx="5788">
                  <c:v>42314</c:v>
                </c:pt>
                <c:pt idx="5789">
                  <c:v>42315</c:v>
                </c:pt>
                <c:pt idx="5790">
                  <c:v>42316</c:v>
                </c:pt>
                <c:pt idx="5791">
                  <c:v>42317</c:v>
                </c:pt>
                <c:pt idx="5792">
                  <c:v>42318</c:v>
                </c:pt>
                <c:pt idx="5793">
                  <c:v>42319</c:v>
                </c:pt>
                <c:pt idx="5794">
                  <c:v>42320</c:v>
                </c:pt>
                <c:pt idx="5795">
                  <c:v>42321</c:v>
                </c:pt>
                <c:pt idx="5796">
                  <c:v>42322</c:v>
                </c:pt>
                <c:pt idx="5797">
                  <c:v>42323</c:v>
                </c:pt>
                <c:pt idx="5798">
                  <c:v>42324</c:v>
                </c:pt>
                <c:pt idx="5799">
                  <c:v>42325</c:v>
                </c:pt>
                <c:pt idx="5800">
                  <c:v>42326</c:v>
                </c:pt>
                <c:pt idx="5801">
                  <c:v>42327</c:v>
                </c:pt>
                <c:pt idx="5802">
                  <c:v>42328</c:v>
                </c:pt>
                <c:pt idx="5803">
                  <c:v>42329</c:v>
                </c:pt>
                <c:pt idx="5804">
                  <c:v>42330</c:v>
                </c:pt>
                <c:pt idx="5805">
                  <c:v>42331</c:v>
                </c:pt>
                <c:pt idx="5806">
                  <c:v>42332</c:v>
                </c:pt>
                <c:pt idx="5807">
                  <c:v>42333</c:v>
                </c:pt>
                <c:pt idx="5808">
                  <c:v>42334</c:v>
                </c:pt>
                <c:pt idx="5809">
                  <c:v>42335</c:v>
                </c:pt>
                <c:pt idx="5810">
                  <c:v>42336</c:v>
                </c:pt>
                <c:pt idx="5811">
                  <c:v>42337</c:v>
                </c:pt>
                <c:pt idx="5812">
                  <c:v>42338</c:v>
                </c:pt>
                <c:pt idx="5813">
                  <c:v>42339</c:v>
                </c:pt>
                <c:pt idx="5814">
                  <c:v>42340</c:v>
                </c:pt>
                <c:pt idx="5815">
                  <c:v>42341</c:v>
                </c:pt>
                <c:pt idx="5816">
                  <c:v>42342</c:v>
                </c:pt>
                <c:pt idx="5817">
                  <c:v>42343</c:v>
                </c:pt>
                <c:pt idx="5818">
                  <c:v>42344</c:v>
                </c:pt>
                <c:pt idx="5819">
                  <c:v>42345</c:v>
                </c:pt>
                <c:pt idx="5820">
                  <c:v>42346</c:v>
                </c:pt>
                <c:pt idx="5821">
                  <c:v>42347</c:v>
                </c:pt>
                <c:pt idx="5822">
                  <c:v>42348</c:v>
                </c:pt>
                <c:pt idx="5823">
                  <c:v>42349</c:v>
                </c:pt>
                <c:pt idx="5824">
                  <c:v>42350</c:v>
                </c:pt>
                <c:pt idx="5825">
                  <c:v>42351</c:v>
                </c:pt>
                <c:pt idx="5826">
                  <c:v>42352</c:v>
                </c:pt>
                <c:pt idx="5827">
                  <c:v>42353</c:v>
                </c:pt>
                <c:pt idx="5828">
                  <c:v>42354</c:v>
                </c:pt>
                <c:pt idx="5829">
                  <c:v>42355</c:v>
                </c:pt>
                <c:pt idx="5830">
                  <c:v>42356</c:v>
                </c:pt>
                <c:pt idx="5831">
                  <c:v>42357</c:v>
                </c:pt>
                <c:pt idx="5832">
                  <c:v>42358</c:v>
                </c:pt>
                <c:pt idx="5833">
                  <c:v>42359</c:v>
                </c:pt>
                <c:pt idx="5834">
                  <c:v>42360</c:v>
                </c:pt>
                <c:pt idx="5835">
                  <c:v>42361</c:v>
                </c:pt>
                <c:pt idx="5836">
                  <c:v>42362</c:v>
                </c:pt>
                <c:pt idx="5837">
                  <c:v>42363</c:v>
                </c:pt>
                <c:pt idx="5838">
                  <c:v>42364</c:v>
                </c:pt>
                <c:pt idx="5839">
                  <c:v>42365</c:v>
                </c:pt>
                <c:pt idx="5840">
                  <c:v>42366</c:v>
                </c:pt>
                <c:pt idx="5841">
                  <c:v>42367</c:v>
                </c:pt>
                <c:pt idx="5842">
                  <c:v>42368</c:v>
                </c:pt>
                <c:pt idx="5843">
                  <c:v>42369</c:v>
                </c:pt>
                <c:pt idx="5844">
                  <c:v>42370</c:v>
                </c:pt>
                <c:pt idx="5845">
                  <c:v>42371</c:v>
                </c:pt>
                <c:pt idx="5846">
                  <c:v>42372</c:v>
                </c:pt>
                <c:pt idx="5847">
                  <c:v>42373</c:v>
                </c:pt>
                <c:pt idx="5848">
                  <c:v>42374</c:v>
                </c:pt>
                <c:pt idx="5849">
                  <c:v>42375</c:v>
                </c:pt>
                <c:pt idx="5850">
                  <c:v>42376</c:v>
                </c:pt>
                <c:pt idx="5851">
                  <c:v>42377</c:v>
                </c:pt>
                <c:pt idx="5852">
                  <c:v>42378</c:v>
                </c:pt>
                <c:pt idx="5853">
                  <c:v>42379</c:v>
                </c:pt>
                <c:pt idx="5854">
                  <c:v>42380</c:v>
                </c:pt>
                <c:pt idx="5855">
                  <c:v>42381</c:v>
                </c:pt>
                <c:pt idx="5856">
                  <c:v>42382</c:v>
                </c:pt>
                <c:pt idx="5857">
                  <c:v>42383</c:v>
                </c:pt>
                <c:pt idx="5858">
                  <c:v>42384</c:v>
                </c:pt>
                <c:pt idx="5859">
                  <c:v>42385</c:v>
                </c:pt>
                <c:pt idx="5860">
                  <c:v>42386</c:v>
                </c:pt>
                <c:pt idx="5861">
                  <c:v>42387</c:v>
                </c:pt>
                <c:pt idx="5862">
                  <c:v>42388</c:v>
                </c:pt>
                <c:pt idx="5863">
                  <c:v>42389</c:v>
                </c:pt>
                <c:pt idx="5864">
                  <c:v>42390</c:v>
                </c:pt>
                <c:pt idx="5865">
                  <c:v>42391</c:v>
                </c:pt>
                <c:pt idx="5866">
                  <c:v>42392</c:v>
                </c:pt>
                <c:pt idx="5867">
                  <c:v>42393</c:v>
                </c:pt>
                <c:pt idx="5868">
                  <c:v>42394</c:v>
                </c:pt>
                <c:pt idx="5869">
                  <c:v>42395</c:v>
                </c:pt>
                <c:pt idx="5870">
                  <c:v>42396</c:v>
                </c:pt>
                <c:pt idx="5871">
                  <c:v>42397</c:v>
                </c:pt>
                <c:pt idx="5872">
                  <c:v>42398</c:v>
                </c:pt>
                <c:pt idx="5873">
                  <c:v>42399</c:v>
                </c:pt>
                <c:pt idx="5874">
                  <c:v>42400</c:v>
                </c:pt>
                <c:pt idx="5875">
                  <c:v>42401</c:v>
                </c:pt>
                <c:pt idx="5876">
                  <c:v>42402</c:v>
                </c:pt>
                <c:pt idx="5877">
                  <c:v>42403</c:v>
                </c:pt>
                <c:pt idx="5878">
                  <c:v>42404</c:v>
                </c:pt>
                <c:pt idx="5879">
                  <c:v>42405</c:v>
                </c:pt>
                <c:pt idx="5880">
                  <c:v>42406</c:v>
                </c:pt>
                <c:pt idx="5881">
                  <c:v>42407</c:v>
                </c:pt>
                <c:pt idx="5882">
                  <c:v>42408</c:v>
                </c:pt>
                <c:pt idx="5883">
                  <c:v>42409</c:v>
                </c:pt>
                <c:pt idx="5884">
                  <c:v>42410</c:v>
                </c:pt>
                <c:pt idx="5885">
                  <c:v>42411</c:v>
                </c:pt>
                <c:pt idx="5886">
                  <c:v>42412</c:v>
                </c:pt>
                <c:pt idx="5887">
                  <c:v>42413</c:v>
                </c:pt>
                <c:pt idx="5888">
                  <c:v>42414</c:v>
                </c:pt>
                <c:pt idx="5889">
                  <c:v>42415</c:v>
                </c:pt>
                <c:pt idx="5890">
                  <c:v>42416</c:v>
                </c:pt>
                <c:pt idx="5891">
                  <c:v>42417</c:v>
                </c:pt>
                <c:pt idx="5892">
                  <c:v>42418</c:v>
                </c:pt>
                <c:pt idx="5893">
                  <c:v>42419</c:v>
                </c:pt>
                <c:pt idx="5894">
                  <c:v>42420</c:v>
                </c:pt>
                <c:pt idx="5895">
                  <c:v>42421</c:v>
                </c:pt>
                <c:pt idx="5896">
                  <c:v>42422</c:v>
                </c:pt>
                <c:pt idx="5897">
                  <c:v>42423</c:v>
                </c:pt>
                <c:pt idx="5898">
                  <c:v>42424</c:v>
                </c:pt>
                <c:pt idx="5899">
                  <c:v>42425</c:v>
                </c:pt>
                <c:pt idx="5900">
                  <c:v>42426</c:v>
                </c:pt>
                <c:pt idx="5901">
                  <c:v>42427</c:v>
                </c:pt>
                <c:pt idx="5902">
                  <c:v>42428</c:v>
                </c:pt>
                <c:pt idx="5903">
                  <c:v>42429</c:v>
                </c:pt>
                <c:pt idx="5904">
                  <c:v>42430</c:v>
                </c:pt>
                <c:pt idx="5905">
                  <c:v>42431</c:v>
                </c:pt>
                <c:pt idx="5906">
                  <c:v>42432</c:v>
                </c:pt>
                <c:pt idx="5907">
                  <c:v>42433</c:v>
                </c:pt>
                <c:pt idx="5908">
                  <c:v>42434</c:v>
                </c:pt>
                <c:pt idx="5909">
                  <c:v>42435</c:v>
                </c:pt>
                <c:pt idx="5910">
                  <c:v>42436</c:v>
                </c:pt>
                <c:pt idx="5911">
                  <c:v>42437</c:v>
                </c:pt>
                <c:pt idx="5912">
                  <c:v>42438</c:v>
                </c:pt>
                <c:pt idx="5913">
                  <c:v>42439</c:v>
                </c:pt>
                <c:pt idx="5914">
                  <c:v>42440</c:v>
                </c:pt>
                <c:pt idx="5915">
                  <c:v>42441</c:v>
                </c:pt>
                <c:pt idx="5916">
                  <c:v>42442</c:v>
                </c:pt>
                <c:pt idx="5917">
                  <c:v>42443</c:v>
                </c:pt>
                <c:pt idx="5918">
                  <c:v>42444</c:v>
                </c:pt>
                <c:pt idx="5919">
                  <c:v>42445</c:v>
                </c:pt>
                <c:pt idx="5920">
                  <c:v>42446</c:v>
                </c:pt>
                <c:pt idx="5921">
                  <c:v>42447</c:v>
                </c:pt>
                <c:pt idx="5922">
                  <c:v>42448</c:v>
                </c:pt>
                <c:pt idx="5923">
                  <c:v>42449</c:v>
                </c:pt>
                <c:pt idx="5924">
                  <c:v>42450</c:v>
                </c:pt>
                <c:pt idx="5925">
                  <c:v>42451</c:v>
                </c:pt>
                <c:pt idx="5926">
                  <c:v>42452</c:v>
                </c:pt>
                <c:pt idx="5927">
                  <c:v>42453</c:v>
                </c:pt>
                <c:pt idx="5928">
                  <c:v>42454</c:v>
                </c:pt>
                <c:pt idx="5929">
                  <c:v>42455</c:v>
                </c:pt>
                <c:pt idx="5930">
                  <c:v>42456</c:v>
                </c:pt>
                <c:pt idx="5931">
                  <c:v>42457</c:v>
                </c:pt>
                <c:pt idx="5932">
                  <c:v>42458</c:v>
                </c:pt>
                <c:pt idx="5933">
                  <c:v>42459</c:v>
                </c:pt>
                <c:pt idx="5934">
                  <c:v>42460</c:v>
                </c:pt>
                <c:pt idx="5935">
                  <c:v>42461</c:v>
                </c:pt>
                <c:pt idx="5936">
                  <c:v>42462</c:v>
                </c:pt>
                <c:pt idx="5937">
                  <c:v>42463</c:v>
                </c:pt>
                <c:pt idx="5938">
                  <c:v>42464</c:v>
                </c:pt>
                <c:pt idx="5939">
                  <c:v>42465</c:v>
                </c:pt>
                <c:pt idx="5940">
                  <c:v>42466</c:v>
                </c:pt>
                <c:pt idx="5941">
                  <c:v>42467</c:v>
                </c:pt>
                <c:pt idx="5942">
                  <c:v>42468</c:v>
                </c:pt>
                <c:pt idx="5943">
                  <c:v>42469</c:v>
                </c:pt>
                <c:pt idx="5944">
                  <c:v>42470</c:v>
                </c:pt>
                <c:pt idx="5945">
                  <c:v>42471</c:v>
                </c:pt>
                <c:pt idx="5946">
                  <c:v>42472</c:v>
                </c:pt>
                <c:pt idx="5947">
                  <c:v>42473</c:v>
                </c:pt>
                <c:pt idx="5948">
                  <c:v>42474</c:v>
                </c:pt>
                <c:pt idx="5949">
                  <c:v>42475</c:v>
                </c:pt>
                <c:pt idx="5950">
                  <c:v>42476</c:v>
                </c:pt>
                <c:pt idx="5951">
                  <c:v>42477</c:v>
                </c:pt>
                <c:pt idx="5952">
                  <c:v>42478</c:v>
                </c:pt>
                <c:pt idx="5953">
                  <c:v>42479</c:v>
                </c:pt>
                <c:pt idx="5954">
                  <c:v>42480</c:v>
                </c:pt>
                <c:pt idx="5955">
                  <c:v>42481</c:v>
                </c:pt>
                <c:pt idx="5956">
                  <c:v>42482</c:v>
                </c:pt>
                <c:pt idx="5957">
                  <c:v>42483</c:v>
                </c:pt>
                <c:pt idx="5958">
                  <c:v>42484</c:v>
                </c:pt>
                <c:pt idx="5959">
                  <c:v>42485</c:v>
                </c:pt>
                <c:pt idx="5960">
                  <c:v>42486</c:v>
                </c:pt>
                <c:pt idx="5961">
                  <c:v>42487</c:v>
                </c:pt>
                <c:pt idx="5962">
                  <c:v>42488</c:v>
                </c:pt>
                <c:pt idx="5963">
                  <c:v>42489</c:v>
                </c:pt>
                <c:pt idx="5964">
                  <c:v>42490</c:v>
                </c:pt>
                <c:pt idx="5965">
                  <c:v>42491</c:v>
                </c:pt>
                <c:pt idx="5966">
                  <c:v>42492</c:v>
                </c:pt>
                <c:pt idx="5967">
                  <c:v>42493</c:v>
                </c:pt>
                <c:pt idx="5968">
                  <c:v>42494</c:v>
                </c:pt>
                <c:pt idx="5969">
                  <c:v>42495</c:v>
                </c:pt>
                <c:pt idx="5970">
                  <c:v>42496</c:v>
                </c:pt>
                <c:pt idx="5971">
                  <c:v>42497</c:v>
                </c:pt>
                <c:pt idx="5972">
                  <c:v>42498</c:v>
                </c:pt>
                <c:pt idx="5973">
                  <c:v>42499</c:v>
                </c:pt>
                <c:pt idx="5974">
                  <c:v>42500</c:v>
                </c:pt>
                <c:pt idx="5975">
                  <c:v>42501</c:v>
                </c:pt>
                <c:pt idx="5976">
                  <c:v>42502</c:v>
                </c:pt>
                <c:pt idx="5977">
                  <c:v>42503</c:v>
                </c:pt>
                <c:pt idx="5978">
                  <c:v>42504</c:v>
                </c:pt>
                <c:pt idx="5979">
                  <c:v>42505</c:v>
                </c:pt>
                <c:pt idx="5980">
                  <c:v>42506</c:v>
                </c:pt>
                <c:pt idx="5981">
                  <c:v>42507</c:v>
                </c:pt>
                <c:pt idx="5982">
                  <c:v>42508</c:v>
                </c:pt>
                <c:pt idx="5983">
                  <c:v>42509</c:v>
                </c:pt>
                <c:pt idx="5984">
                  <c:v>42510</c:v>
                </c:pt>
                <c:pt idx="5985">
                  <c:v>42511</c:v>
                </c:pt>
                <c:pt idx="5986">
                  <c:v>42512</c:v>
                </c:pt>
                <c:pt idx="5987">
                  <c:v>42513</c:v>
                </c:pt>
                <c:pt idx="5988">
                  <c:v>42514</c:v>
                </c:pt>
                <c:pt idx="5989">
                  <c:v>42515</c:v>
                </c:pt>
                <c:pt idx="5990">
                  <c:v>42516</c:v>
                </c:pt>
                <c:pt idx="5991">
                  <c:v>42517</c:v>
                </c:pt>
                <c:pt idx="5992">
                  <c:v>42518</c:v>
                </c:pt>
                <c:pt idx="5993">
                  <c:v>42519</c:v>
                </c:pt>
                <c:pt idx="5994">
                  <c:v>42520</c:v>
                </c:pt>
                <c:pt idx="5995">
                  <c:v>42521</c:v>
                </c:pt>
                <c:pt idx="5996">
                  <c:v>42522</c:v>
                </c:pt>
                <c:pt idx="5997">
                  <c:v>42523</c:v>
                </c:pt>
                <c:pt idx="5998">
                  <c:v>42524</c:v>
                </c:pt>
                <c:pt idx="5999">
                  <c:v>42525</c:v>
                </c:pt>
                <c:pt idx="6000">
                  <c:v>42526</c:v>
                </c:pt>
                <c:pt idx="6001">
                  <c:v>42527</c:v>
                </c:pt>
                <c:pt idx="6002">
                  <c:v>42528</c:v>
                </c:pt>
                <c:pt idx="6003">
                  <c:v>42529</c:v>
                </c:pt>
                <c:pt idx="6004">
                  <c:v>42530</c:v>
                </c:pt>
                <c:pt idx="6005">
                  <c:v>42531</c:v>
                </c:pt>
                <c:pt idx="6006">
                  <c:v>42532</c:v>
                </c:pt>
                <c:pt idx="6007">
                  <c:v>42533</c:v>
                </c:pt>
                <c:pt idx="6008">
                  <c:v>42534</c:v>
                </c:pt>
                <c:pt idx="6009">
                  <c:v>42535</c:v>
                </c:pt>
                <c:pt idx="6010">
                  <c:v>42536</c:v>
                </c:pt>
                <c:pt idx="6011">
                  <c:v>42537</c:v>
                </c:pt>
                <c:pt idx="6012">
                  <c:v>42538</c:v>
                </c:pt>
                <c:pt idx="6013">
                  <c:v>42539</c:v>
                </c:pt>
                <c:pt idx="6014">
                  <c:v>42540</c:v>
                </c:pt>
                <c:pt idx="6015">
                  <c:v>42541</c:v>
                </c:pt>
                <c:pt idx="6016">
                  <c:v>42542</c:v>
                </c:pt>
                <c:pt idx="6017">
                  <c:v>42543</c:v>
                </c:pt>
                <c:pt idx="6018">
                  <c:v>42544</c:v>
                </c:pt>
                <c:pt idx="6019">
                  <c:v>42545</c:v>
                </c:pt>
                <c:pt idx="6020">
                  <c:v>42546</c:v>
                </c:pt>
                <c:pt idx="6021">
                  <c:v>42547</c:v>
                </c:pt>
                <c:pt idx="6022">
                  <c:v>42548</c:v>
                </c:pt>
                <c:pt idx="6023">
                  <c:v>42549</c:v>
                </c:pt>
                <c:pt idx="6024">
                  <c:v>42550</c:v>
                </c:pt>
                <c:pt idx="6025">
                  <c:v>42551</c:v>
                </c:pt>
                <c:pt idx="6026">
                  <c:v>42552</c:v>
                </c:pt>
                <c:pt idx="6027">
                  <c:v>42553</c:v>
                </c:pt>
                <c:pt idx="6028">
                  <c:v>42554</c:v>
                </c:pt>
                <c:pt idx="6029">
                  <c:v>42555</c:v>
                </c:pt>
                <c:pt idx="6030">
                  <c:v>42556</c:v>
                </c:pt>
                <c:pt idx="6031">
                  <c:v>42557</c:v>
                </c:pt>
                <c:pt idx="6032">
                  <c:v>42558</c:v>
                </c:pt>
                <c:pt idx="6033">
                  <c:v>42559</c:v>
                </c:pt>
                <c:pt idx="6034">
                  <c:v>42560</c:v>
                </c:pt>
                <c:pt idx="6035">
                  <c:v>42561</c:v>
                </c:pt>
                <c:pt idx="6036">
                  <c:v>42562</c:v>
                </c:pt>
                <c:pt idx="6037">
                  <c:v>42563</c:v>
                </c:pt>
                <c:pt idx="6038">
                  <c:v>42564</c:v>
                </c:pt>
                <c:pt idx="6039">
                  <c:v>42565</c:v>
                </c:pt>
                <c:pt idx="6040">
                  <c:v>42566</c:v>
                </c:pt>
                <c:pt idx="6041">
                  <c:v>42567</c:v>
                </c:pt>
                <c:pt idx="6042">
                  <c:v>42568</c:v>
                </c:pt>
                <c:pt idx="6043">
                  <c:v>42569</c:v>
                </c:pt>
                <c:pt idx="6044">
                  <c:v>42570</c:v>
                </c:pt>
                <c:pt idx="6045">
                  <c:v>42571</c:v>
                </c:pt>
                <c:pt idx="6046">
                  <c:v>42572</c:v>
                </c:pt>
                <c:pt idx="6047">
                  <c:v>42573</c:v>
                </c:pt>
                <c:pt idx="6048">
                  <c:v>42574</c:v>
                </c:pt>
                <c:pt idx="6049">
                  <c:v>42575</c:v>
                </c:pt>
                <c:pt idx="6050">
                  <c:v>42576</c:v>
                </c:pt>
                <c:pt idx="6051">
                  <c:v>42577</c:v>
                </c:pt>
                <c:pt idx="6052">
                  <c:v>42578</c:v>
                </c:pt>
                <c:pt idx="6053">
                  <c:v>42579</c:v>
                </c:pt>
                <c:pt idx="6054">
                  <c:v>42580</c:v>
                </c:pt>
                <c:pt idx="6055">
                  <c:v>42581</c:v>
                </c:pt>
                <c:pt idx="6056">
                  <c:v>42582</c:v>
                </c:pt>
                <c:pt idx="6057">
                  <c:v>42583</c:v>
                </c:pt>
                <c:pt idx="6058">
                  <c:v>42584</c:v>
                </c:pt>
                <c:pt idx="6059">
                  <c:v>42585</c:v>
                </c:pt>
                <c:pt idx="6060">
                  <c:v>42586</c:v>
                </c:pt>
                <c:pt idx="6061">
                  <c:v>42587</c:v>
                </c:pt>
                <c:pt idx="6062">
                  <c:v>42588</c:v>
                </c:pt>
                <c:pt idx="6063">
                  <c:v>42589</c:v>
                </c:pt>
                <c:pt idx="6064">
                  <c:v>42590</c:v>
                </c:pt>
                <c:pt idx="6065">
                  <c:v>42591</c:v>
                </c:pt>
                <c:pt idx="6066">
                  <c:v>42592</c:v>
                </c:pt>
                <c:pt idx="6067">
                  <c:v>42593</c:v>
                </c:pt>
                <c:pt idx="6068">
                  <c:v>42594</c:v>
                </c:pt>
                <c:pt idx="6069">
                  <c:v>42595</c:v>
                </c:pt>
                <c:pt idx="6070">
                  <c:v>42596</c:v>
                </c:pt>
                <c:pt idx="6071">
                  <c:v>42597</c:v>
                </c:pt>
                <c:pt idx="6072">
                  <c:v>42598</c:v>
                </c:pt>
                <c:pt idx="6073">
                  <c:v>42599</c:v>
                </c:pt>
                <c:pt idx="6074">
                  <c:v>42600</c:v>
                </c:pt>
                <c:pt idx="6075">
                  <c:v>42601</c:v>
                </c:pt>
                <c:pt idx="6076">
                  <c:v>42602</c:v>
                </c:pt>
                <c:pt idx="6077">
                  <c:v>42603</c:v>
                </c:pt>
                <c:pt idx="6078">
                  <c:v>42604</c:v>
                </c:pt>
                <c:pt idx="6079">
                  <c:v>42605</c:v>
                </c:pt>
                <c:pt idx="6080">
                  <c:v>42606</c:v>
                </c:pt>
                <c:pt idx="6081">
                  <c:v>42607</c:v>
                </c:pt>
                <c:pt idx="6082">
                  <c:v>42608</c:v>
                </c:pt>
                <c:pt idx="6083">
                  <c:v>42609</c:v>
                </c:pt>
                <c:pt idx="6084">
                  <c:v>42610</c:v>
                </c:pt>
                <c:pt idx="6085">
                  <c:v>42611</c:v>
                </c:pt>
                <c:pt idx="6086">
                  <c:v>42612</c:v>
                </c:pt>
                <c:pt idx="6087">
                  <c:v>42613</c:v>
                </c:pt>
                <c:pt idx="6088">
                  <c:v>42614</c:v>
                </c:pt>
                <c:pt idx="6089">
                  <c:v>42615</c:v>
                </c:pt>
                <c:pt idx="6090">
                  <c:v>42616</c:v>
                </c:pt>
                <c:pt idx="6091">
                  <c:v>42617</c:v>
                </c:pt>
                <c:pt idx="6092">
                  <c:v>42618</c:v>
                </c:pt>
                <c:pt idx="6093">
                  <c:v>42619</c:v>
                </c:pt>
                <c:pt idx="6094">
                  <c:v>42620</c:v>
                </c:pt>
                <c:pt idx="6095">
                  <c:v>42621</c:v>
                </c:pt>
                <c:pt idx="6096">
                  <c:v>42622</c:v>
                </c:pt>
                <c:pt idx="6097">
                  <c:v>42623</c:v>
                </c:pt>
                <c:pt idx="6098">
                  <c:v>42624</c:v>
                </c:pt>
                <c:pt idx="6099">
                  <c:v>42625</c:v>
                </c:pt>
                <c:pt idx="6100">
                  <c:v>42626</c:v>
                </c:pt>
                <c:pt idx="6101">
                  <c:v>42627</c:v>
                </c:pt>
                <c:pt idx="6102">
                  <c:v>42628</c:v>
                </c:pt>
                <c:pt idx="6103">
                  <c:v>42629</c:v>
                </c:pt>
                <c:pt idx="6104">
                  <c:v>42630</c:v>
                </c:pt>
                <c:pt idx="6105">
                  <c:v>42631</c:v>
                </c:pt>
                <c:pt idx="6106">
                  <c:v>42632</c:v>
                </c:pt>
                <c:pt idx="6107">
                  <c:v>42633</c:v>
                </c:pt>
                <c:pt idx="6108">
                  <c:v>42634</c:v>
                </c:pt>
                <c:pt idx="6109">
                  <c:v>42635</c:v>
                </c:pt>
                <c:pt idx="6110">
                  <c:v>42636</c:v>
                </c:pt>
                <c:pt idx="6111">
                  <c:v>42637</c:v>
                </c:pt>
                <c:pt idx="6112">
                  <c:v>42638</c:v>
                </c:pt>
                <c:pt idx="6113">
                  <c:v>42639</c:v>
                </c:pt>
                <c:pt idx="6114">
                  <c:v>42640</c:v>
                </c:pt>
                <c:pt idx="6115">
                  <c:v>42641</c:v>
                </c:pt>
                <c:pt idx="6116">
                  <c:v>42642</c:v>
                </c:pt>
                <c:pt idx="6117">
                  <c:v>42643</c:v>
                </c:pt>
                <c:pt idx="6118">
                  <c:v>42644</c:v>
                </c:pt>
                <c:pt idx="6119">
                  <c:v>42645</c:v>
                </c:pt>
                <c:pt idx="6120">
                  <c:v>42646</c:v>
                </c:pt>
                <c:pt idx="6121">
                  <c:v>42647</c:v>
                </c:pt>
                <c:pt idx="6122">
                  <c:v>42648</c:v>
                </c:pt>
                <c:pt idx="6123">
                  <c:v>42649</c:v>
                </c:pt>
                <c:pt idx="6124">
                  <c:v>42650</c:v>
                </c:pt>
                <c:pt idx="6125">
                  <c:v>42651</c:v>
                </c:pt>
                <c:pt idx="6126">
                  <c:v>42652</c:v>
                </c:pt>
                <c:pt idx="6127">
                  <c:v>42653</c:v>
                </c:pt>
                <c:pt idx="6128">
                  <c:v>42654</c:v>
                </c:pt>
                <c:pt idx="6129">
                  <c:v>42655</c:v>
                </c:pt>
                <c:pt idx="6130">
                  <c:v>42656</c:v>
                </c:pt>
                <c:pt idx="6131">
                  <c:v>42657</c:v>
                </c:pt>
                <c:pt idx="6132">
                  <c:v>42658</c:v>
                </c:pt>
                <c:pt idx="6133">
                  <c:v>42659</c:v>
                </c:pt>
                <c:pt idx="6134">
                  <c:v>42660</c:v>
                </c:pt>
                <c:pt idx="6135">
                  <c:v>42661</c:v>
                </c:pt>
                <c:pt idx="6136">
                  <c:v>42662</c:v>
                </c:pt>
                <c:pt idx="6137">
                  <c:v>42663</c:v>
                </c:pt>
                <c:pt idx="6138">
                  <c:v>42664</c:v>
                </c:pt>
                <c:pt idx="6139">
                  <c:v>42665</c:v>
                </c:pt>
                <c:pt idx="6140">
                  <c:v>42666</c:v>
                </c:pt>
                <c:pt idx="6141">
                  <c:v>42667</c:v>
                </c:pt>
                <c:pt idx="6142">
                  <c:v>42668</c:v>
                </c:pt>
                <c:pt idx="6143">
                  <c:v>42669</c:v>
                </c:pt>
                <c:pt idx="6144">
                  <c:v>42670</c:v>
                </c:pt>
                <c:pt idx="6145">
                  <c:v>42671</c:v>
                </c:pt>
                <c:pt idx="6146">
                  <c:v>42672</c:v>
                </c:pt>
                <c:pt idx="6147">
                  <c:v>42673</c:v>
                </c:pt>
                <c:pt idx="6148">
                  <c:v>42674</c:v>
                </c:pt>
                <c:pt idx="6149">
                  <c:v>42675</c:v>
                </c:pt>
                <c:pt idx="6150">
                  <c:v>42676</c:v>
                </c:pt>
                <c:pt idx="6151">
                  <c:v>42677</c:v>
                </c:pt>
                <c:pt idx="6152">
                  <c:v>42678</c:v>
                </c:pt>
                <c:pt idx="6153">
                  <c:v>42679</c:v>
                </c:pt>
                <c:pt idx="6154">
                  <c:v>42680</c:v>
                </c:pt>
                <c:pt idx="6155">
                  <c:v>42681</c:v>
                </c:pt>
                <c:pt idx="6156">
                  <c:v>42682</c:v>
                </c:pt>
                <c:pt idx="6157">
                  <c:v>42683</c:v>
                </c:pt>
                <c:pt idx="6158">
                  <c:v>42684</c:v>
                </c:pt>
                <c:pt idx="6159">
                  <c:v>42685</c:v>
                </c:pt>
                <c:pt idx="6160">
                  <c:v>42686</c:v>
                </c:pt>
                <c:pt idx="6161">
                  <c:v>42687</c:v>
                </c:pt>
                <c:pt idx="6162">
                  <c:v>42688</c:v>
                </c:pt>
                <c:pt idx="6163">
                  <c:v>42689</c:v>
                </c:pt>
                <c:pt idx="6164">
                  <c:v>42690</c:v>
                </c:pt>
                <c:pt idx="6165">
                  <c:v>42691</c:v>
                </c:pt>
                <c:pt idx="6166">
                  <c:v>42692</c:v>
                </c:pt>
                <c:pt idx="6167">
                  <c:v>42693</c:v>
                </c:pt>
                <c:pt idx="6168">
                  <c:v>42694</c:v>
                </c:pt>
                <c:pt idx="6169">
                  <c:v>42695</c:v>
                </c:pt>
                <c:pt idx="6170">
                  <c:v>42696</c:v>
                </c:pt>
                <c:pt idx="6171">
                  <c:v>42697</c:v>
                </c:pt>
                <c:pt idx="6172">
                  <c:v>42698</c:v>
                </c:pt>
                <c:pt idx="6173">
                  <c:v>42699</c:v>
                </c:pt>
                <c:pt idx="6174">
                  <c:v>42700</c:v>
                </c:pt>
                <c:pt idx="6175">
                  <c:v>42701</c:v>
                </c:pt>
                <c:pt idx="6176">
                  <c:v>42702</c:v>
                </c:pt>
                <c:pt idx="6177">
                  <c:v>42703</c:v>
                </c:pt>
                <c:pt idx="6178">
                  <c:v>42704</c:v>
                </c:pt>
                <c:pt idx="6179">
                  <c:v>42705</c:v>
                </c:pt>
                <c:pt idx="6180">
                  <c:v>42706</c:v>
                </c:pt>
                <c:pt idx="6181">
                  <c:v>42707</c:v>
                </c:pt>
                <c:pt idx="6182">
                  <c:v>42708</c:v>
                </c:pt>
                <c:pt idx="6183">
                  <c:v>42709</c:v>
                </c:pt>
                <c:pt idx="6184">
                  <c:v>42710</c:v>
                </c:pt>
                <c:pt idx="6185">
                  <c:v>42711</c:v>
                </c:pt>
                <c:pt idx="6186">
                  <c:v>42712</c:v>
                </c:pt>
                <c:pt idx="6187">
                  <c:v>42713</c:v>
                </c:pt>
                <c:pt idx="6188">
                  <c:v>42714</c:v>
                </c:pt>
                <c:pt idx="6189">
                  <c:v>42715</c:v>
                </c:pt>
                <c:pt idx="6190">
                  <c:v>42716</c:v>
                </c:pt>
                <c:pt idx="6191">
                  <c:v>42717</c:v>
                </c:pt>
                <c:pt idx="6192">
                  <c:v>42718</c:v>
                </c:pt>
                <c:pt idx="6193">
                  <c:v>42719</c:v>
                </c:pt>
                <c:pt idx="6194">
                  <c:v>42720</c:v>
                </c:pt>
                <c:pt idx="6195">
                  <c:v>42721</c:v>
                </c:pt>
                <c:pt idx="6196">
                  <c:v>42722</c:v>
                </c:pt>
                <c:pt idx="6197">
                  <c:v>42723</c:v>
                </c:pt>
                <c:pt idx="6198">
                  <c:v>42724</c:v>
                </c:pt>
                <c:pt idx="6199">
                  <c:v>42725</c:v>
                </c:pt>
                <c:pt idx="6200">
                  <c:v>42726</c:v>
                </c:pt>
                <c:pt idx="6201">
                  <c:v>42727</c:v>
                </c:pt>
                <c:pt idx="6202">
                  <c:v>42728</c:v>
                </c:pt>
                <c:pt idx="6203">
                  <c:v>42729</c:v>
                </c:pt>
                <c:pt idx="6204">
                  <c:v>42730</c:v>
                </c:pt>
                <c:pt idx="6205">
                  <c:v>42731</c:v>
                </c:pt>
                <c:pt idx="6206">
                  <c:v>42732</c:v>
                </c:pt>
                <c:pt idx="6207">
                  <c:v>42733</c:v>
                </c:pt>
                <c:pt idx="6208">
                  <c:v>42734</c:v>
                </c:pt>
                <c:pt idx="6209">
                  <c:v>42735</c:v>
                </c:pt>
                <c:pt idx="6210">
                  <c:v>42736</c:v>
                </c:pt>
                <c:pt idx="6211">
                  <c:v>42737</c:v>
                </c:pt>
                <c:pt idx="6212">
                  <c:v>42738</c:v>
                </c:pt>
                <c:pt idx="6213">
                  <c:v>42739</c:v>
                </c:pt>
                <c:pt idx="6214">
                  <c:v>42740</c:v>
                </c:pt>
                <c:pt idx="6215">
                  <c:v>42741</c:v>
                </c:pt>
                <c:pt idx="6216">
                  <c:v>42742</c:v>
                </c:pt>
                <c:pt idx="6217">
                  <c:v>42743</c:v>
                </c:pt>
                <c:pt idx="6218">
                  <c:v>42744</c:v>
                </c:pt>
                <c:pt idx="6219">
                  <c:v>42745</c:v>
                </c:pt>
                <c:pt idx="6220">
                  <c:v>42746</c:v>
                </c:pt>
                <c:pt idx="6221">
                  <c:v>42747</c:v>
                </c:pt>
                <c:pt idx="6222">
                  <c:v>42748</c:v>
                </c:pt>
                <c:pt idx="6223">
                  <c:v>42749</c:v>
                </c:pt>
                <c:pt idx="6224">
                  <c:v>42750</c:v>
                </c:pt>
                <c:pt idx="6225">
                  <c:v>42751</c:v>
                </c:pt>
                <c:pt idx="6226">
                  <c:v>42752</c:v>
                </c:pt>
                <c:pt idx="6227">
                  <c:v>42753</c:v>
                </c:pt>
                <c:pt idx="6228">
                  <c:v>42754</c:v>
                </c:pt>
                <c:pt idx="6229">
                  <c:v>42755</c:v>
                </c:pt>
                <c:pt idx="6230">
                  <c:v>42756</c:v>
                </c:pt>
                <c:pt idx="6231">
                  <c:v>42757</c:v>
                </c:pt>
                <c:pt idx="6232">
                  <c:v>42758</c:v>
                </c:pt>
                <c:pt idx="6233">
                  <c:v>42759</c:v>
                </c:pt>
                <c:pt idx="6234">
                  <c:v>42760</c:v>
                </c:pt>
                <c:pt idx="6235">
                  <c:v>42761</c:v>
                </c:pt>
                <c:pt idx="6236">
                  <c:v>42762</c:v>
                </c:pt>
                <c:pt idx="6237">
                  <c:v>42763</c:v>
                </c:pt>
                <c:pt idx="6238">
                  <c:v>42764</c:v>
                </c:pt>
                <c:pt idx="6239">
                  <c:v>42765</c:v>
                </c:pt>
                <c:pt idx="6240">
                  <c:v>42766</c:v>
                </c:pt>
                <c:pt idx="6241">
                  <c:v>42767</c:v>
                </c:pt>
                <c:pt idx="6242">
                  <c:v>42768</c:v>
                </c:pt>
                <c:pt idx="6243">
                  <c:v>42769</c:v>
                </c:pt>
                <c:pt idx="6244">
                  <c:v>42770</c:v>
                </c:pt>
                <c:pt idx="6245">
                  <c:v>42771</c:v>
                </c:pt>
                <c:pt idx="6246">
                  <c:v>42772</c:v>
                </c:pt>
                <c:pt idx="6247">
                  <c:v>42773</c:v>
                </c:pt>
                <c:pt idx="6248">
                  <c:v>42774</c:v>
                </c:pt>
                <c:pt idx="6249">
                  <c:v>42775</c:v>
                </c:pt>
                <c:pt idx="6250">
                  <c:v>42776</c:v>
                </c:pt>
                <c:pt idx="6251">
                  <c:v>42777</c:v>
                </c:pt>
                <c:pt idx="6252">
                  <c:v>42778</c:v>
                </c:pt>
                <c:pt idx="6253">
                  <c:v>42779</c:v>
                </c:pt>
                <c:pt idx="6254">
                  <c:v>42780</c:v>
                </c:pt>
                <c:pt idx="6255">
                  <c:v>42781</c:v>
                </c:pt>
                <c:pt idx="6256">
                  <c:v>42782</c:v>
                </c:pt>
                <c:pt idx="6257">
                  <c:v>42783</c:v>
                </c:pt>
                <c:pt idx="6258">
                  <c:v>42784</c:v>
                </c:pt>
                <c:pt idx="6259">
                  <c:v>42785</c:v>
                </c:pt>
                <c:pt idx="6260">
                  <c:v>42786</c:v>
                </c:pt>
                <c:pt idx="6261">
                  <c:v>42787</c:v>
                </c:pt>
                <c:pt idx="6262">
                  <c:v>42788</c:v>
                </c:pt>
                <c:pt idx="6263">
                  <c:v>42789</c:v>
                </c:pt>
                <c:pt idx="6264">
                  <c:v>42790</c:v>
                </c:pt>
                <c:pt idx="6265">
                  <c:v>42791</c:v>
                </c:pt>
                <c:pt idx="6266">
                  <c:v>42792</c:v>
                </c:pt>
                <c:pt idx="6267">
                  <c:v>42793</c:v>
                </c:pt>
                <c:pt idx="6268">
                  <c:v>42794</c:v>
                </c:pt>
                <c:pt idx="6269">
                  <c:v>42795</c:v>
                </c:pt>
                <c:pt idx="6270">
                  <c:v>42796</c:v>
                </c:pt>
                <c:pt idx="6271">
                  <c:v>42797</c:v>
                </c:pt>
                <c:pt idx="6272">
                  <c:v>42798</c:v>
                </c:pt>
                <c:pt idx="6273">
                  <c:v>42799</c:v>
                </c:pt>
                <c:pt idx="6274">
                  <c:v>42800</c:v>
                </c:pt>
                <c:pt idx="6275">
                  <c:v>42801</c:v>
                </c:pt>
                <c:pt idx="6276">
                  <c:v>42802</c:v>
                </c:pt>
                <c:pt idx="6277">
                  <c:v>42803</c:v>
                </c:pt>
                <c:pt idx="6278">
                  <c:v>42804</c:v>
                </c:pt>
                <c:pt idx="6279">
                  <c:v>42805</c:v>
                </c:pt>
                <c:pt idx="6280">
                  <c:v>42806</c:v>
                </c:pt>
                <c:pt idx="6281">
                  <c:v>42807</c:v>
                </c:pt>
                <c:pt idx="6282">
                  <c:v>42808</c:v>
                </c:pt>
                <c:pt idx="6283">
                  <c:v>42809</c:v>
                </c:pt>
                <c:pt idx="6284">
                  <c:v>42810</c:v>
                </c:pt>
                <c:pt idx="6285">
                  <c:v>42811</c:v>
                </c:pt>
                <c:pt idx="6286">
                  <c:v>42812</c:v>
                </c:pt>
                <c:pt idx="6287">
                  <c:v>42813</c:v>
                </c:pt>
                <c:pt idx="6288">
                  <c:v>42814</c:v>
                </c:pt>
                <c:pt idx="6289">
                  <c:v>42815</c:v>
                </c:pt>
                <c:pt idx="6290">
                  <c:v>42816</c:v>
                </c:pt>
                <c:pt idx="6291">
                  <c:v>42817</c:v>
                </c:pt>
                <c:pt idx="6292">
                  <c:v>42818</c:v>
                </c:pt>
                <c:pt idx="6293">
                  <c:v>42819</c:v>
                </c:pt>
                <c:pt idx="6294">
                  <c:v>42820</c:v>
                </c:pt>
                <c:pt idx="6295">
                  <c:v>42821</c:v>
                </c:pt>
                <c:pt idx="6296">
                  <c:v>42822</c:v>
                </c:pt>
                <c:pt idx="6297">
                  <c:v>42823</c:v>
                </c:pt>
                <c:pt idx="6298">
                  <c:v>42824</c:v>
                </c:pt>
                <c:pt idx="6299">
                  <c:v>42825</c:v>
                </c:pt>
                <c:pt idx="6300">
                  <c:v>42826</c:v>
                </c:pt>
                <c:pt idx="6301">
                  <c:v>42827</c:v>
                </c:pt>
                <c:pt idx="6302">
                  <c:v>42828</c:v>
                </c:pt>
                <c:pt idx="6303">
                  <c:v>42829</c:v>
                </c:pt>
                <c:pt idx="6304">
                  <c:v>42830</c:v>
                </c:pt>
                <c:pt idx="6305">
                  <c:v>42831</c:v>
                </c:pt>
                <c:pt idx="6306">
                  <c:v>42832</c:v>
                </c:pt>
                <c:pt idx="6307">
                  <c:v>42833</c:v>
                </c:pt>
                <c:pt idx="6308">
                  <c:v>42834</c:v>
                </c:pt>
                <c:pt idx="6309">
                  <c:v>42835</c:v>
                </c:pt>
                <c:pt idx="6310">
                  <c:v>42836</c:v>
                </c:pt>
                <c:pt idx="6311">
                  <c:v>42837</c:v>
                </c:pt>
                <c:pt idx="6312">
                  <c:v>42838</c:v>
                </c:pt>
                <c:pt idx="6313">
                  <c:v>42839</c:v>
                </c:pt>
                <c:pt idx="6314">
                  <c:v>42840</c:v>
                </c:pt>
                <c:pt idx="6315">
                  <c:v>42841</c:v>
                </c:pt>
                <c:pt idx="6316">
                  <c:v>42842</c:v>
                </c:pt>
                <c:pt idx="6317">
                  <c:v>42843</c:v>
                </c:pt>
                <c:pt idx="6318">
                  <c:v>42844</c:v>
                </c:pt>
                <c:pt idx="6319">
                  <c:v>42845</c:v>
                </c:pt>
                <c:pt idx="6320">
                  <c:v>42846</c:v>
                </c:pt>
                <c:pt idx="6321">
                  <c:v>42847</c:v>
                </c:pt>
                <c:pt idx="6322">
                  <c:v>42848</c:v>
                </c:pt>
                <c:pt idx="6323">
                  <c:v>42849</c:v>
                </c:pt>
                <c:pt idx="6324">
                  <c:v>42850</c:v>
                </c:pt>
                <c:pt idx="6325">
                  <c:v>42851</c:v>
                </c:pt>
                <c:pt idx="6326">
                  <c:v>42852</c:v>
                </c:pt>
                <c:pt idx="6327">
                  <c:v>42853</c:v>
                </c:pt>
                <c:pt idx="6328">
                  <c:v>42854</c:v>
                </c:pt>
                <c:pt idx="6329">
                  <c:v>42855</c:v>
                </c:pt>
                <c:pt idx="6330">
                  <c:v>42856</c:v>
                </c:pt>
                <c:pt idx="6331">
                  <c:v>42857</c:v>
                </c:pt>
                <c:pt idx="6332">
                  <c:v>42858</c:v>
                </c:pt>
                <c:pt idx="6333">
                  <c:v>42859</c:v>
                </c:pt>
                <c:pt idx="6334">
                  <c:v>42860</c:v>
                </c:pt>
                <c:pt idx="6335">
                  <c:v>42861</c:v>
                </c:pt>
                <c:pt idx="6336">
                  <c:v>42862</c:v>
                </c:pt>
                <c:pt idx="6337">
                  <c:v>42863</c:v>
                </c:pt>
                <c:pt idx="6338">
                  <c:v>42864</c:v>
                </c:pt>
                <c:pt idx="6339">
                  <c:v>42865</c:v>
                </c:pt>
                <c:pt idx="6340">
                  <c:v>42866</c:v>
                </c:pt>
                <c:pt idx="6341">
                  <c:v>42867</c:v>
                </c:pt>
                <c:pt idx="6342">
                  <c:v>42868</c:v>
                </c:pt>
                <c:pt idx="6343">
                  <c:v>42869</c:v>
                </c:pt>
                <c:pt idx="6344">
                  <c:v>42870</c:v>
                </c:pt>
                <c:pt idx="6345">
                  <c:v>42871</c:v>
                </c:pt>
                <c:pt idx="6346">
                  <c:v>42872</c:v>
                </c:pt>
                <c:pt idx="6347">
                  <c:v>42873</c:v>
                </c:pt>
                <c:pt idx="6348">
                  <c:v>42874</c:v>
                </c:pt>
                <c:pt idx="6349">
                  <c:v>42875</c:v>
                </c:pt>
                <c:pt idx="6350">
                  <c:v>42876</c:v>
                </c:pt>
                <c:pt idx="6351">
                  <c:v>42877</c:v>
                </c:pt>
                <c:pt idx="6352">
                  <c:v>42878</c:v>
                </c:pt>
                <c:pt idx="6353">
                  <c:v>42879</c:v>
                </c:pt>
                <c:pt idx="6354">
                  <c:v>42880</c:v>
                </c:pt>
                <c:pt idx="6355">
                  <c:v>42881</c:v>
                </c:pt>
                <c:pt idx="6356">
                  <c:v>42882</c:v>
                </c:pt>
                <c:pt idx="6357">
                  <c:v>42883</c:v>
                </c:pt>
                <c:pt idx="6358">
                  <c:v>42884</c:v>
                </c:pt>
                <c:pt idx="6359">
                  <c:v>42885</c:v>
                </c:pt>
                <c:pt idx="6360">
                  <c:v>42886</c:v>
                </c:pt>
                <c:pt idx="6361">
                  <c:v>42887</c:v>
                </c:pt>
                <c:pt idx="6362">
                  <c:v>42888</c:v>
                </c:pt>
                <c:pt idx="6363">
                  <c:v>42889</c:v>
                </c:pt>
                <c:pt idx="6364">
                  <c:v>42890</c:v>
                </c:pt>
                <c:pt idx="6365">
                  <c:v>42891</c:v>
                </c:pt>
                <c:pt idx="6366">
                  <c:v>42892</c:v>
                </c:pt>
                <c:pt idx="6367">
                  <c:v>42893</c:v>
                </c:pt>
                <c:pt idx="6368">
                  <c:v>42894</c:v>
                </c:pt>
                <c:pt idx="6369">
                  <c:v>42895</c:v>
                </c:pt>
                <c:pt idx="6370">
                  <c:v>42896</c:v>
                </c:pt>
                <c:pt idx="6371">
                  <c:v>42897</c:v>
                </c:pt>
                <c:pt idx="6372">
                  <c:v>42898</c:v>
                </c:pt>
                <c:pt idx="6373">
                  <c:v>42899</c:v>
                </c:pt>
                <c:pt idx="6374">
                  <c:v>42900</c:v>
                </c:pt>
                <c:pt idx="6375">
                  <c:v>42901</c:v>
                </c:pt>
                <c:pt idx="6376">
                  <c:v>42902</c:v>
                </c:pt>
                <c:pt idx="6377">
                  <c:v>42903</c:v>
                </c:pt>
                <c:pt idx="6378">
                  <c:v>42904</c:v>
                </c:pt>
                <c:pt idx="6379">
                  <c:v>42905</c:v>
                </c:pt>
                <c:pt idx="6380">
                  <c:v>42906</c:v>
                </c:pt>
                <c:pt idx="6381">
                  <c:v>42907</c:v>
                </c:pt>
                <c:pt idx="6382">
                  <c:v>42908</c:v>
                </c:pt>
                <c:pt idx="6383">
                  <c:v>42909</c:v>
                </c:pt>
                <c:pt idx="6384">
                  <c:v>42910</c:v>
                </c:pt>
                <c:pt idx="6385">
                  <c:v>42911</c:v>
                </c:pt>
                <c:pt idx="6386">
                  <c:v>42912</c:v>
                </c:pt>
                <c:pt idx="6387">
                  <c:v>42913</c:v>
                </c:pt>
                <c:pt idx="6388">
                  <c:v>42914</c:v>
                </c:pt>
                <c:pt idx="6389">
                  <c:v>42915</c:v>
                </c:pt>
                <c:pt idx="6390">
                  <c:v>42916</c:v>
                </c:pt>
                <c:pt idx="6391">
                  <c:v>42917</c:v>
                </c:pt>
                <c:pt idx="6392">
                  <c:v>42918</c:v>
                </c:pt>
                <c:pt idx="6393">
                  <c:v>42919</c:v>
                </c:pt>
                <c:pt idx="6394">
                  <c:v>42920</c:v>
                </c:pt>
                <c:pt idx="6395">
                  <c:v>42921</c:v>
                </c:pt>
                <c:pt idx="6396">
                  <c:v>42922</c:v>
                </c:pt>
                <c:pt idx="6397">
                  <c:v>42923</c:v>
                </c:pt>
                <c:pt idx="6398">
                  <c:v>42924</c:v>
                </c:pt>
                <c:pt idx="6399">
                  <c:v>42925</c:v>
                </c:pt>
                <c:pt idx="6400">
                  <c:v>42926</c:v>
                </c:pt>
                <c:pt idx="6401">
                  <c:v>42927</c:v>
                </c:pt>
                <c:pt idx="6402">
                  <c:v>42928</c:v>
                </c:pt>
                <c:pt idx="6403">
                  <c:v>42929</c:v>
                </c:pt>
                <c:pt idx="6404">
                  <c:v>42930</c:v>
                </c:pt>
                <c:pt idx="6405">
                  <c:v>42931</c:v>
                </c:pt>
                <c:pt idx="6406">
                  <c:v>42932</c:v>
                </c:pt>
                <c:pt idx="6407">
                  <c:v>42933</c:v>
                </c:pt>
                <c:pt idx="6408">
                  <c:v>42934</c:v>
                </c:pt>
                <c:pt idx="6409">
                  <c:v>42935</c:v>
                </c:pt>
                <c:pt idx="6410">
                  <c:v>42936</c:v>
                </c:pt>
                <c:pt idx="6411">
                  <c:v>42937</c:v>
                </c:pt>
                <c:pt idx="6412">
                  <c:v>42938</c:v>
                </c:pt>
                <c:pt idx="6413">
                  <c:v>42939</c:v>
                </c:pt>
                <c:pt idx="6414">
                  <c:v>42940</c:v>
                </c:pt>
                <c:pt idx="6415">
                  <c:v>42941</c:v>
                </c:pt>
                <c:pt idx="6416">
                  <c:v>42942</c:v>
                </c:pt>
                <c:pt idx="6417">
                  <c:v>42943</c:v>
                </c:pt>
                <c:pt idx="6418">
                  <c:v>42944</c:v>
                </c:pt>
                <c:pt idx="6419">
                  <c:v>42945</c:v>
                </c:pt>
                <c:pt idx="6420">
                  <c:v>42946</c:v>
                </c:pt>
                <c:pt idx="6421">
                  <c:v>42947</c:v>
                </c:pt>
                <c:pt idx="6422">
                  <c:v>42948</c:v>
                </c:pt>
                <c:pt idx="6423">
                  <c:v>42949</c:v>
                </c:pt>
                <c:pt idx="6424">
                  <c:v>42950</c:v>
                </c:pt>
                <c:pt idx="6425">
                  <c:v>42951</c:v>
                </c:pt>
                <c:pt idx="6426">
                  <c:v>42952</c:v>
                </c:pt>
                <c:pt idx="6427">
                  <c:v>42953</c:v>
                </c:pt>
                <c:pt idx="6428">
                  <c:v>42954</c:v>
                </c:pt>
                <c:pt idx="6429">
                  <c:v>42955</c:v>
                </c:pt>
                <c:pt idx="6430">
                  <c:v>42956</c:v>
                </c:pt>
                <c:pt idx="6431">
                  <c:v>42957</c:v>
                </c:pt>
                <c:pt idx="6432">
                  <c:v>42958</c:v>
                </c:pt>
                <c:pt idx="6433">
                  <c:v>42959</c:v>
                </c:pt>
                <c:pt idx="6434">
                  <c:v>42960</c:v>
                </c:pt>
                <c:pt idx="6435">
                  <c:v>42961</c:v>
                </c:pt>
                <c:pt idx="6436">
                  <c:v>42962</c:v>
                </c:pt>
                <c:pt idx="6437">
                  <c:v>42963</c:v>
                </c:pt>
                <c:pt idx="6438">
                  <c:v>42964</c:v>
                </c:pt>
                <c:pt idx="6439">
                  <c:v>42965</c:v>
                </c:pt>
                <c:pt idx="6440">
                  <c:v>42966</c:v>
                </c:pt>
                <c:pt idx="6441">
                  <c:v>42967</c:v>
                </c:pt>
                <c:pt idx="6442">
                  <c:v>42968</c:v>
                </c:pt>
                <c:pt idx="6443">
                  <c:v>42969</c:v>
                </c:pt>
                <c:pt idx="6444">
                  <c:v>42970</c:v>
                </c:pt>
                <c:pt idx="6445">
                  <c:v>42971</c:v>
                </c:pt>
                <c:pt idx="6446">
                  <c:v>42972</c:v>
                </c:pt>
                <c:pt idx="6447">
                  <c:v>42973</c:v>
                </c:pt>
                <c:pt idx="6448">
                  <c:v>42974</c:v>
                </c:pt>
                <c:pt idx="6449">
                  <c:v>42975</c:v>
                </c:pt>
                <c:pt idx="6450">
                  <c:v>42976</c:v>
                </c:pt>
                <c:pt idx="6451">
                  <c:v>42977</c:v>
                </c:pt>
                <c:pt idx="6452">
                  <c:v>42978</c:v>
                </c:pt>
                <c:pt idx="6453">
                  <c:v>42979</c:v>
                </c:pt>
                <c:pt idx="6454">
                  <c:v>42980</c:v>
                </c:pt>
                <c:pt idx="6455">
                  <c:v>42981</c:v>
                </c:pt>
                <c:pt idx="6456">
                  <c:v>42982</c:v>
                </c:pt>
                <c:pt idx="6457">
                  <c:v>42983</c:v>
                </c:pt>
                <c:pt idx="6458">
                  <c:v>42984</c:v>
                </c:pt>
                <c:pt idx="6459">
                  <c:v>42985</c:v>
                </c:pt>
                <c:pt idx="6460">
                  <c:v>42986</c:v>
                </c:pt>
                <c:pt idx="6461">
                  <c:v>42987</c:v>
                </c:pt>
                <c:pt idx="6462">
                  <c:v>42988</c:v>
                </c:pt>
                <c:pt idx="6463">
                  <c:v>42989</c:v>
                </c:pt>
                <c:pt idx="6464">
                  <c:v>42990</c:v>
                </c:pt>
                <c:pt idx="6465">
                  <c:v>42991</c:v>
                </c:pt>
                <c:pt idx="6466">
                  <c:v>42992</c:v>
                </c:pt>
                <c:pt idx="6467">
                  <c:v>42993</c:v>
                </c:pt>
                <c:pt idx="6468">
                  <c:v>42994</c:v>
                </c:pt>
                <c:pt idx="6469">
                  <c:v>42995</c:v>
                </c:pt>
                <c:pt idx="6470">
                  <c:v>42996</c:v>
                </c:pt>
                <c:pt idx="6471">
                  <c:v>42997</c:v>
                </c:pt>
                <c:pt idx="6472">
                  <c:v>42998</c:v>
                </c:pt>
                <c:pt idx="6473">
                  <c:v>42999</c:v>
                </c:pt>
                <c:pt idx="6474">
                  <c:v>43000</c:v>
                </c:pt>
                <c:pt idx="6475">
                  <c:v>43001</c:v>
                </c:pt>
                <c:pt idx="6476">
                  <c:v>43002</c:v>
                </c:pt>
                <c:pt idx="6477">
                  <c:v>43003</c:v>
                </c:pt>
                <c:pt idx="6478">
                  <c:v>43004</c:v>
                </c:pt>
                <c:pt idx="6479">
                  <c:v>43005</c:v>
                </c:pt>
                <c:pt idx="6480">
                  <c:v>43006</c:v>
                </c:pt>
                <c:pt idx="6481">
                  <c:v>43007</c:v>
                </c:pt>
                <c:pt idx="6482">
                  <c:v>43008</c:v>
                </c:pt>
                <c:pt idx="6483">
                  <c:v>43009</c:v>
                </c:pt>
                <c:pt idx="6484">
                  <c:v>43010</c:v>
                </c:pt>
                <c:pt idx="6485">
                  <c:v>43011</c:v>
                </c:pt>
                <c:pt idx="6486">
                  <c:v>43012</c:v>
                </c:pt>
                <c:pt idx="6487">
                  <c:v>43013</c:v>
                </c:pt>
                <c:pt idx="6488">
                  <c:v>43014</c:v>
                </c:pt>
                <c:pt idx="6489">
                  <c:v>43015</c:v>
                </c:pt>
                <c:pt idx="6490">
                  <c:v>43016</c:v>
                </c:pt>
                <c:pt idx="6491">
                  <c:v>43017</c:v>
                </c:pt>
                <c:pt idx="6492">
                  <c:v>43018</c:v>
                </c:pt>
                <c:pt idx="6493">
                  <c:v>43019</c:v>
                </c:pt>
                <c:pt idx="6494">
                  <c:v>43020</c:v>
                </c:pt>
                <c:pt idx="6495">
                  <c:v>43021</c:v>
                </c:pt>
                <c:pt idx="6496">
                  <c:v>43022</c:v>
                </c:pt>
                <c:pt idx="6497">
                  <c:v>43023</c:v>
                </c:pt>
                <c:pt idx="6498">
                  <c:v>43024</c:v>
                </c:pt>
                <c:pt idx="6499">
                  <c:v>43025</c:v>
                </c:pt>
                <c:pt idx="6500">
                  <c:v>43026</c:v>
                </c:pt>
                <c:pt idx="6501">
                  <c:v>43027</c:v>
                </c:pt>
                <c:pt idx="6502">
                  <c:v>43028</c:v>
                </c:pt>
                <c:pt idx="6503">
                  <c:v>43029</c:v>
                </c:pt>
                <c:pt idx="6504">
                  <c:v>43030</c:v>
                </c:pt>
                <c:pt idx="6505">
                  <c:v>43031</c:v>
                </c:pt>
                <c:pt idx="6506">
                  <c:v>43032</c:v>
                </c:pt>
                <c:pt idx="6507">
                  <c:v>43033</c:v>
                </c:pt>
                <c:pt idx="6508">
                  <c:v>43034</c:v>
                </c:pt>
                <c:pt idx="6509">
                  <c:v>43035</c:v>
                </c:pt>
                <c:pt idx="6510">
                  <c:v>43036</c:v>
                </c:pt>
                <c:pt idx="6511">
                  <c:v>43037</c:v>
                </c:pt>
                <c:pt idx="6512">
                  <c:v>43038</c:v>
                </c:pt>
                <c:pt idx="6513">
                  <c:v>43039</c:v>
                </c:pt>
                <c:pt idx="6514">
                  <c:v>43040</c:v>
                </c:pt>
                <c:pt idx="6515">
                  <c:v>43041</c:v>
                </c:pt>
                <c:pt idx="6516">
                  <c:v>43042</c:v>
                </c:pt>
                <c:pt idx="6517">
                  <c:v>43043</c:v>
                </c:pt>
                <c:pt idx="6518">
                  <c:v>43044</c:v>
                </c:pt>
                <c:pt idx="6519">
                  <c:v>43045</c:v>
                </c:pt>
                <c:pt idx="6520">
                  <c:v>43046</c:v>
                </c:pt>
                <c:pt idx="6521">
                  <c:v>43047</c:v>
                </c:pt>
                <c:pt idx="6522">
                  <c:v>43048</c:v>
                </c:pt>
                <c:pt idx="6523">
                  <c:v>43049</c:v>
                </c:pt>
                <c:pt idx="6524">
                  <c:v>43050</c:v>
                </c:pt>
                <c:pt idx="6525">
                  <c:v>43051</c:v>
                </c:pt>
                <c:pt idx="6526">
                  <c:v>43052</c:v>
                </c:pt>
                <c:pt idx="6527">
                  <c:v>43053</c:v>
                </c:pt>
                <c:pt idx="6528">
                  <c:v>43054</c:v>
                </c:pt>
                <c:pt idx="6529">
                  <c:v>43055</c:v>
                </c:pt>
                <c:pt idx="6530">
                  <c:v>43056</c:v>
                </c:pt>
                <c:pt idx="6531">
                  <c:v>43057</c:v>
                </c:pt>
                <c:pt idx="6532">
                  <c:v>43058</c:v>
                </c:pt>
                <c:pt idx="6533">
                  <c:v>43059</c:v>
                </c:pt>
                <c:pt idx="6534">
                  <c:v>43060</c:v>
                </c:pt>
                <c:pt idx="6535">
                  <c:v>43061</c:v>
                </c:pt>
                <c:pt idx="6536">
                  <c:v>43062</c:v>
                </c:pt>
                <c:pt idx="6537">
                  <c:v>43063</c:v>
                </c:pt>
                <c:pt idx="6538">
                  <c:v>43064</c:v>
                </c:pt>
                <c:pt idx="6539">
                  <c:v>43065</c:v>
                </c:pt>
                <c:pt idx="6540">
                  <c:v>43066</c:v>
                </c:pt>
                <c:pt idx="6541">
                  <c:v>43067</c:v>
                </c:pt>
                <c:pt idx="6542">
                  <c:v>43068</c:v>
                </c:pt>
                <c:pt idx="6543">
                  <c:v>43069</c:v>
                </c:pt>
                <c:pt idx="6544">
                  <c:v>43070</c:v>
                </c:pt>
                <c:pt idx="6545">
                  <c:v>43071</c:v>
                </c:pt>
                <c:pt idx="6546">
                  <c:v>43072</c:v>
                </c:pt>
                <c:pt idx="6547">
                  <c:v>43073</c:v>
                </c:pt>
                <c:pt idx="6548">
                  <c:v>43074</c:v>
                </c:pt>
                <c:pt idx="6549">
                  <c:v>43075</c:v>
                </c:pt>
                <c:pt idx="6550">
                  <c:v>43076</c:v>
                </c:pt>
                <c:pt idx="6551">
                  <c:v>43077</c:v>
                </c:pt>
                <c:pt idx="6552">
                  <c:v>43078</c:v>
                </c:pt>
                <c:pt idx="6553">
                  <c:v>43079</c:v>
                </c:pt>
                <c:pt idx="6554">
                  <c:v>43080</c:v>
                </c:pt>
                <c:pt idx="6555">
                  <c:v>43081</c:v>
                </c:pt>
                <c:pt idx="6556">
                  <c:v>43082</c:v>
                </c:pt>
                <c:pt idx="6557">
                  <c:v>43083</c:v>
                </c:pt>
                <c:pt idx="6558">
                  <c:v>43084</c:v>
                </c:pt>
                <c:pt idx="6559">
                  <c:v>43085</c:v>
                </c:pt>
                <c:pt idx="6560">
                  <c:v>43086</c:v>
                </c:pt>
                <c:pt idx="6561">
                  <c:v>43087</c:v>
                </c:pt>
                <c:pt idx="6562">
                  <c:v>43088</c:v>
                </c:pt>
                <c:pt idx="6563">
                  <c:v>43089</c:v>
                </c:pt>
                <c:pt idx="6564">
                  <c:v>43090</c:v>
                </c:pt>
                <c:pt idx="6565">
                  <c:v>43091</c:v>
                </c:pt>
                <c:pt idx="6566">
                  <c:v>43092</c:v>
                </c:pt>
                <c:pt idx="6567">
                  <c:v>43093</c:v>
                </c:pt>
                <c:pt idx="6568">
                  <c:v>43094</c:v>
                </c:pt>
                <c:pt idx="6569">
                  <c:v>43095</c:v>
                </c:pt>
                <c:pt idx="6570">
                  <c:v>43096</c:v>
                </c:pt>
                <c:pt idx="6571">
                  <c:v>43097</c:v>
                </c:pt>
                <c:pt idx="6572">
                  <c:v>43098</c:v>
                </c:pt>
                <c:pt idx="6573">
                  <c:v>43099</c:v>
                </c:pt>
                <c:pt idx="6574">
                  <c:v>43100</c:v>
                </c:pt>
                <c:pt idx="6575">
                  <c:v>43101</c:v>
                </c:pt>
                <c:pt idx="6576">
                  <c:v>43102</c:v>
                </c:pt>
                <c:pt idx="6577">
                  <c:v>43103</c:v>
                </c:pt>
                <c:pt idx="6578">
                  <c:v>43104</c:v>
                </c:pt>
                <c:pt idx="6579">
                  <c:v>43105</c:v>
                </c:pt>
                <c:pt idx="6580">
                  <c:v>43106</c:v>
                </c:pt>
                <c:pt idx="6581">
                  <c:v>43107</c:v>
                </c:pt>
                <c:pt idx="6582">
                  <c:v>43108</c:v>
                </c:pt>
                <c:pt idx="6583">
                  <c:v>43109</c:v>
                </c:pt>
                <c:pt idx="6584">
                  <c:v>43110</c:v>
                </c:pt>
                <c:pt idx="6585">
                  <c:v>43111</c:v>
                </c:pt>
                <c:pt idx="6586">
                  <c:v>43112</c:v>
                </c:pt>
                <c:pt idx="6587">
                  <c:v>43113</c:v>
                </c:pt>
                <c:pt idx="6588">
                  <c:v>43114</c:v>
                </c:pt>
                <c:pt idx="6589">
                  <c:v>43115</c:v>
                </c:pt>
                <c:pt idx="6590">
                  <c:v>43116</c:v>
                </c:pt>
                <c:pt idx="6591">
                  <c:v>43117</c:v>
                </c:pt>
                <c:pt idx="6592">
                  <c:v>43118</c:v>
                </c:pt>
                <c:pt idx="6593">
                  <c:v>43119</c:v>
                </c:pt>
                <c:pt idx="6594">
                  <c:v>43120</c:v>
                </c:pt>
                <c:pt idx="6595">
                  <c:v>43121</c:v>
                </c:pt>
                <c:pt idx="6596">
                  <c:v>43122</c:v>
                </c:pt>
                <c:pt idx="6597">
                  <c:v>43123</c:v>
                </c:pt>
                <c:pt idx="6598">
                  <c:v>43124</c:v>
                </c:pt>
                <c:pt idx="6599">
                  <c:v>43125</c:v>
                </c:pt>
                <c:pt idx="6600">
                  <c:v>43126</c:v>
                </c:pt>
                <c:pt idx="6601">
                  <c:v>43127</c:v>
                </c:pt>
                <c:pt idx="6602">
                  <c:v>43128</c:v>
                </c:pt>
                <c:pt idx="6603">
                  <c:v>43129</c:v>
                </c:pt>
                <c:pt idx="6604">
                  <c:v>43130</c:v>
                </c:pt>
                <c:pt idx="6605">
                  <c:v>43131</c:v>
                </c:pt>
                <c:pt idx="6606">
                  <c:v>43132</c:v>
                </c:pt>
                <c:pt idx="6607">
                  <c:v>43133</c:v>
                </c:pt>
                <c:pt idx="6608">
                  <c:v>43134</c:v>
                </c:pt>
                <c:pt idx="6609">
                  <c:v>43135</c:v>
                </c:pt>
                <c:pt idx="6610">
                  <c:v>43136</c:v>
                </c:pt>
                <c:pt idx="6611">
                  <c:v>43137</c:v>
                </c:pt>
                <c:pt idx="6612">
                  <c:v>43138</c:v>
                </c:pt>
                <c:pt idx="6613">
                  <c:v>43139</c:v>
                </c:pt>
                <c:pt idx="6614">
                  <c:v>43140</c:v>
                </c:pt>
                <c:pt idx="6615">
                  <c:v>43141</c:v>
                </c:pt>
                <c:pt idx="6616">
                  <c:v>43142</c:v>
                </c:pt>
                <c:pt idx="6617">
                  <c:v>43143</c:v>
                </c:pt>
                <c:pt idx="6618">
                  <c:v>43144</c:v>
                </c:pt>
                <c:pt idx="6619">
                  <c:v>43145</c:v>
                </c:pt>
                <c:pt idx="6620">
                  <c:v>43146</c:v>
                </c:pt>
                <c:pt idx="6621">
                  <c:v>43147</c:v>
                </c:pt>
                <c:pt idx="6622">
                  <c:v>43148</c:v>
                </c:pt>
                <c:pt idx="6623">
                  <c:v>43149</c:v>
                </c:pt>
                <c:pt idx="6624">
                  <c:v>43150</c:v>
                </c:pt>
                <c:pt idx="6625">
                  <c:v>43151</c:v>
                </c:pt>
                <c:pt idx="6626">
                  <c:v>43152</c:v>
                </c:pt>
                <c:pt idx="6627">
                  <c:v>43153</c:v>
                </c:pt>
                <c:pt idx="6628">
                  <c:v>43154</c:v>
                </c:pt>
                <c:pt idx="6629">
                  <c:v>43155</c:v>
                </c:pt>
                <c:pt idx="6630">
                  <c:v>43156</c:v>
                </c:pt>
                <c:pt idx="6631">
                  <c:v>43157</c:v>
                </c:pt>
                <c:pt idx="6632">
                  <c:v>43158</c:v>
                </c:pt>
                <c:pt idx="6633">
                  <c:v>43159</c:v>
                </c:pt>
                <c:pt idx="6634">
                  <c:v>43160</c:v>
                </c:pt>
                <c:pt idx="6635">
                  <c:v>43161</c:v>
                </c:pt>
                <c:pt idx="6636">
                  <c:v>43162</c:v>
                </c:pt>
                <c:pt idx="6637">
                  <c:v>43163</c:v>
                </c:pt>
                <c:pt idx="6638">
                  <c:v>43164</c:v>
                </c:pt>
                <c:pt idx="6639">
                  <c:v>43165</c:v>
                </c:pt>
                <c:pt idx="6640">
                  <c:v>43166</c:v>
                </c:pt>
                <c:pt idx="6641">
                  <c:v>43167</c:v>
                </c:pt>
                <c:pt idx="6642">
                  <c:v>43168</c:v>
                </c:pt>
                <c:pt idx="6643">
                  <c:v>43169</c:v>
                </c:pt>
                <c:pt idx="6644">
                  <c:v>43170</c:v>
                </c:pt>
                <c:pt idx="6645">
                  <c:v>43171</c:v>
                </c:pt>
                <c:pt idx="6646">
                  <c:v>43172</c:v>
                </c:pt>
                <c:pt idx="6647">
                  <c:v>43173</c:v>
                </c:pt>
                <c:pt idx="6648">
                  <c:v>43174</c:v>
                </c:pt>
                <c:pt idx="6649">
                  <c:v>43175</c:v>
                </c:pt>
                <c:pt idx="6650">
                  <c:v>43176</c:v>
                </c:pt>
                <c:pt idx="6651">
                  <c:v>43177</c:v>
                </c:pt>
                <c:pt idx="6652">
                  <c:v>43178</c:v>
                </c:pt>
                <c:pt idx="6653">
                  <c:v>43179</c:v>
                </c:pt>
                <c:pt idx="6654">
                  <c:v>43180</c:v>
                </c:pt>
                <c:pt idx="6655">
                  <c:v>43181</c:v>
                </c:pt>
                <c:pt idx="6656">
                  <c:v>43182</c:v>
                </c:pt>
                <c:pt idx="6657">
                  <c:v>43183</c:v>
                </c:pt>
                <c:pt idx="6658">
                  <c:v>43184</c:v>
                </c:pt>
                <c:pt idx="6659">
                  <c:v>43185</c:v>
                </c:pt>
                <c:pt idx="6660">
                  <c:v>43186</c:v>
                </c:pt>
                <c:pt idx="6661">
                  <c:v>43187</c:v>
                </c:pt>
                <c:pt idx="6662">
                  <c:v>43188</c:v>
                </c:pt>
                <c:pt idx="6663">
                  <c:v>43189</c:v>
                </c:pt>
                <c:pt idx="6664">
                  <c:v>43190</c:v>
                </c:pt>
                <c:pt idx="6665">
                  <c:v>43191</c:v>
                </c:pt>
                <c:pt idx="6666">
                  <c:v>43192</c:v>
                </c:pt>
                <c:pt idx="6667">
                  <c:v>43193</c:v>
                </c:pt>
                <c:pt idx="6668">
                  <c:v>43194</c:v>
                </c:pt>
                <c:pt idx="6669">
                  <c:v>43195</c:v>
                </c:pt>
                <c:pt idx="6670">
                  <c:v>43196</c:v>
                </c:pt>
                <c:pt idx="6671">
                  <c:v>43197</c:v>
                </c:pt>
                <c:pt idx="6672">
                  <c:v>43198</c:v>
                </c:pt>
                <c:pt idx="6673">
                  <c:v>43199</c:v>
                </c:pt>
                <c:pt idx="6674">
                  <c:v>43200</c:v>
                </c:pt>
                <c:pt idx="6675">
                  <c:v>43201</c:v>
                </c:pt>
                <c:pt idx="6676">
                  <c:v>43202</c:v>
                </c:pt>
                <c:pt idx="6677">
                  <c:v>43203</c:v>
                </c:pt>
                <c:pt idx="6678">
                  <c:v>43204</c:v>
                </c:pt>
                <c:pt idx="6679">
                  <c:v>43205</c:v>
                </c:pt>
                <c:pt idx="6680">
                  <c:v>43206</c:v>
                </c:pt>
                <c:pt idx="6681">
                  <c:v>43207</c:v>
                </c:pt>
                <c:pt idx="6682">
                  <c:v>43208</c:v>
                </c:pt>
                <c:pt idx="6683">
                  <c:v>43209</c:v>
                </c:pt>
                <c:pt idx="6684">
                  <c:v>43210</c:v>
                </c:pt>
                <c:pt idx="6685">
                  <c:v>43211</c:v>
                </c:pt>
                <c:pt idx="6686">
                  <c:v>43212</c:v>
                </c:pt>
                <c:pt idx="6687">
                  <c:v>43213</c:v>
                </c:pt>
                <c:pt idx="6688">
                  <c:v>43214</c:v>
                </c:pt>
                <c:pt idx="6689">
                  <c:v>43215</c:v>
                </c:pt>
                <c:pt idx="6690">
                  <c:v>43216</c:v>
                </c:pt>
                <c:pt idx="6691">
                  <c:v>43217</c:v>
                </c:pt>
                <c:pt idx="6692">
                  <c:v>43218</c:v>
                </c:pt>
                <c:pt idx="6693">
                  <c:v>43219</c:v>
                </c:pt>
                <c:pt idx="6694">
                  <c:v>43220</c:v>
                </c:pt>
                <c:pt idx="6695">
                  <c:v>43221</c:v>
                </c:pt>
                <c:pt idx="6696">
                  <c:v>43222</c:v>
                </c:pt>
                <c:pt idx="6697">
                  <c:v>43223</c:v>
                </c:pt>
                <c:pt idx="6698">
                  <c:v>43224</c:v>
                </c:pt>
                <c:pt idx="6699">
                  <c:v>43225</c:v>
                </c:pt>
                <c:pt idx="6700">
                  <c:v>43226</c:v>
                </c:pt>
                <c:pt idx="6701">
                  <c:v>43227</c:v>
                </c:pt>
                <c:pt idx="6702">
                  <c:v>43228</c:v>
                </c:pt>
                <c:pt idx="6703">
                  <c:v>43229</c:v>
                </c:pt>
                <c:pt idx="6704">
                  <c:v>43230</c:v>
                </c:pt>
                <c:pt idx="6705">
                  <c:v>43231</c:v>
                </c:pt>
                <c:pt idx="6706">
                  <c:v>43232</c:v>
                </c:pt>
                <c:pt idx="6707">
                  <c:v>43233</c:v>
                </c:pt>
                <c:pt idx="6708">
                  <c:v>43234</c:v>
                </c:pt>
                <c:pt idx="6709">
                  <c:v>43235</c:v>
                </c:pt>
                <c:pt idx="6710">
                  <c:v>43236</c:v>
                </c:pt>
                <c:pt idx="6711">
                  <c:v>43237</c:v>
                </c:pt>
                <c:pt idx="6712">
                  <c:v>43238</c:v>
                </c:pt>
                <c:pt idx="6713">
                  <c:v>43239</c:v>
                </c:pt>
                <c:pt idx="6714">
                  <c:v>43240</c:v>
                </c:pt>
                <c:pt idx="6715">
                  <c:v>43241</c:v>
                </c:pt>
                <c:pt idx="6716">
                  <c:v>43242</c:v>
                </c:pt>
                <c:pt idx="6717">
                  <c:v>43243</c:v>
                </c:pt>
                <c:pt idx="6718">
                  <c:v>43244</c:v>
                </c:pt>
                <c:pt idx="6719">
                  <c:v>43245</c:v>
                </c:pt>
                <c:pt idx="6720">
                  <c:v>43246</c:v>
                </c:pt>
                <c:pt idx="6721">
                  <c:v>43247</c:v>
                </c:pt>
                <c:pt idx="6722">
                  <c:v>43248</c:v>
                </c:pt>
                <c:pt idx="6723">
                  <c:v>43249</c:v>
                </c:pt>
                <c:pt idx="6724">
                  <c:v>43250</c:v>
                </c:pt>
                <c:pt idx="6725">
                  <c:v>43251</c:v>
                </c:pt>
                <c:pt idx="6726">
                  <c:v>43252</c:v>
                </c:pt>
                <c:pt idx="6727">
                  <c:v>43253</c:v>
                </c:pt>
                <c:pt idx="6728">
                  <c:v>43254</c:v>
                </c:pt>
                <c:pt idx="6729">
                  <c:v>43255</c:v>
                </c:pt>
                <c:pt idx="6730">
                  <c:v>43256</c:v>
                </c:pt>
                <c:pt idx="6731">
                  <c:v>43257</c:v>
                </c:pt>
                <c:pt idx="6732">
                  <c:v>43258</c:v>
                </c:pt>
                <c:pt idx="6733">
                  <c:v>43259</c:v>
                </c:pt>
                <c:pt idx="6734">
                  <c:v>43260</c:v>
                </c:pt>
                <c:pt idx="6735">
                  <c:v>43261</c:v>
                </c:pt>
                <c:pt idx="6736">
                  <c:v>43262</c:v>
                </c:pt>
                <c:pt idx="6737">
                  <c:v>43263</c:v>
                </c:pt>
                <c:pt idx="6738">
                  <c:v>43264</c:v>
                </c:pt>
                <c:pt idx="6739">
                  <c:v>43265</c:v>
                </c:pt>
                <c:pt idx="6740">
                  <c:v>43266</c:v>
                </c:pt>
                <c:pt idx="6741">
                  <c:v>43267</c:v>
                </c:pt>
                <c:pt idx="6742">
                  <c:v>43268</c:v>
                </c:pt>
                <c:pt idx="6743">
                  <c:v>43269</c:v>
                </c:pt>
                <c:pt idx="6744">
                  <c:v>43270</c:v>
                </c:pt>
                <c:pt idx="6745">
                  <c:v>43271</c:v>
                </c:pt>
                <c:pt idx="6746">
                  <c:v>43272</c:v>
                </c:pt>
                <c:pt idx="6747">
                  <c:v>43273</c:v>
                </c:pt>
                <c:pt idx="6748">
                  <c:v>43274</c:v>
                </c:pt>
                <c:pt idx="6749">
                  <c:v>43275</c:v>
                </c:pt>
                <c:pt idx="6750">
                  <c:v>43276</c:v>
                </c:pt>
                <c:pt idx="6751">
                  <c:v>43277</c:v>
                </c:pt>
                <c:pt idx="6752">
                  <c:v>43278</c:v>
                </c:pt>
                <c:pt idx="6753">
                  <c:v>43279</c:v>
                </c:pt>
                <c:pt idx="6754">
                  <c:v>43280</c:v>
                </c:pt>
                <c:pt idx="6755">
                  <c:v>43281</c:v>
                </c:pt>
                <c:pt idx="6756">
                  <c:v>43282</c:v>
                </c:pt>
                <c:pt idx="6757">
                  <c:v>43283</c:v>
                </c:pt>
                <c:pt idx="6758">
                  <c:v>43284</c:v>
                </c:pt>
                <c:pt idx="6759">
                  <c:v>43285</c:v>
                </c:pt>
                <c:pt idx="6760">
                  <c:v>43286</c:v>
                </c:pt>
                <c:pt idx="6761">
                  <c:v>43287</c:v>
                </c:pt>
                <c:pt idx="6762">
                  <c:v>43288</c:v>
                </c:pt>
                <c:pt idx="6763">
                  <c:v>43289</c:v>
                </c:pt>
                <c:pt idx="6764">
                  <c:v>43290</c:v>
                </c:pt>
                <c:pt idx="6765">
                  <c:v>43291</c:v>
                </c:pt>
                <c:pt idx="6766">
                  <c:v>43292</c:v>
                </c:pt>
                <c:pt idx="6767">
                  <c:v>43293</c:v>
                </c:pt>
                <c:pt idx="6768">
                  <c:v>43294</c:v>
                </c:pt>
                <c:pt idx="6769">
                  <c:v>43295</c:v>
                </c:pt>
                <c:pt idx="6770">
                  <c:v>43296</c:v>
                </c:pt>
                <c:pt idx="6771">
                  <c:v>43297</c:v>
                </c:pt>
                <c:pt idx="6772">
                  <c:v>43298</c:v>
                </c:pt>
                <c:pt idx="6773">
                  <c:v>43299</c:v>
                </c:pt>
                <c:pt idx="6774">
                  <c:v>43300</c:v>
                </c:pt>
                <c:pt idx="6775">
                  <c:v>43301</c:v>
                </c:pt>
                <c:pt idx="6776">
                  <c:v>43302</c:v>
                </c:pt>
                <c:pt idx="6777">
                  <c:v>43303</c:v>
                </c:pt>
                <c:pt idx="6778">
                  <c:v>43304</c:v>
                </c:pt>
                <c:pt idx="6779">
                  <c:v>43305</c:v>
                </c:pt>
                <c:pt idx="6780">
                  <c:v>43306</c:v>
                </c:pt>
                <c:pt idx="6781">
                  <c:v>43307</c:v>
                </c:pt>
                <c:pt idx="6782">
                  <c:v>43308</c:v>
                </c:pt>
                <c:pt idx="6783">
                  <c:v>43309</c:v>
                </c:pt>
                <c:pt idx="6784">
                  <c:v>43310</c:v>
                </c:pt>
                <c:pt idx="6785">
                  <c:v>43311</c:v>
                </c:pt>
                <c:pt idx="6786">
                  <c:v>43312</c:v>
                </c:pt>
                <c:pt idx="6787">
                  <c:v>43313</c:v>
                </c:pt>
                <c:pt idx="6788">
                  <c:v>43314</c:v>
                </c:pt>
                <c:pt idx="6789">
                  <c:v>43315</c:v>
                </c:pt>
                <c:pt idx="6790">
                  <c:v>43316</c:v>
                </c:pt>
                <c:pt idx="6791">
                  <c:v>43317</c:v>
                </c:pt>
                <c:pt idx="6792">
                  <c:v>43318</c:v>
                </c:pt>
                <c:pt idx="6793">
                  <c:v>43319</c:v>
                </c:pt>
                <c:pt idx="6794">
                  <c:v>43320</c:v>
                </c:pt>
                <c:pt idx="6795">
                  <c:v>43321</c:v>
                </c:pt>
                <c:pt idx="6796">
                  <c:v>43322</c:v>
                </c:pt>
                <c:pt idx="6797">
                  <c:v>43323</c:v>
                </c:pt>
                <c:pt idx="6798">
                  <c:v>43324</c:v>
                </c:pt>
                <c:pt idx="6799">
                  <c:v>43325</c:v>
                </c:pt>
                <c:pt idx="6800">
                  <c:v>43326</c:v>
                </c:pt>
                <c:pt idx="6801">
                  <c:v>43327</c:v>
                </c:pt>
                <c:pt idx="6802">
                  <c:v>43328</c:v>
                </c:pt>
                <c:pt idx="6803">
                  <c:v>43329</c:v>
                </c:pt>
                <c:pt idx="6804">
                  <c:v>43330</c:v>
                </c:pt>
                <c:pt idx="6805">
                  <c:v>43331</c:v>
                </c:pt>
                <c:pt idx="6806">
                  <c:v>43332</c:v>
                </c:pt>
                <c:pt idx="6807">
                  <c:v>43333</c:v>
                </c:pt>
                <c:pt idx="6808">
                  <c:v>43334</c:v>
                </c:pt>
                <c:pt idx="6809">
                  <c:v>43335</c:v>
                </c:pt>
                <c:pt idx="6810">
                  <c:v>43336</c:v>
                </c:pt>
                <c:pt idx="6811">
                  <c:v>43337</c:v>
                </c:pt>
                <c:pt idx="6812">
                  <c:v>43338</c:v>
                </c:pt>
                <c:pt idx="6813">
                  <c:v>43339</c:v>
                </c:pt>
                <c:pt idx="6814">
                  <c:v>43340</c:v>
                </c:pt>
                <c:pt idx="6815">
                  <c:v>43341</c:v>
                </c:pt>
                <c:pt idx="6816">
                  <c:v>43342</c:v>
                </c:pt>
                <c:pt idx="6817">
                  <c:v>43343</c:v>
                </c:pt>
                <c:pt idx="6818">
                  <c:v>43344</c:v>
                </c:pt>
                <c:pt idx="6819">
                  <c:v>43345</c:v>
                </c:pt>
                <c:pt idx="6820">
                  <c:v>43346</c:v>
                </c:pt>
                <c:pt idx="6821">
                  <c:v>43347</c:v>
                </c:pt>
                <c:pt idx="6822">
                  <c:v>43348</c:v>
                </c:pt>
                <c:pt idx="6823">
                  <c:v>43349</c:v>
                </c:pt>
                <c:pt idx="6824">
                  <c:v>43350</c:v>
                </c:pt>
                <c:pt idx="6825">
                  <c:v>43351</c:v>
                </c:pt>
                <c:pt idx="6826">
                  <c:v>43352</c:v>
                </c:pt>
                <c:pt idx="6827">
                  <c:v>43353</c:v>
                </c:pt>
                <c:pt idx="6828">
                  <c:v>43354</c:v>
                </c:pt>
                <c:pt idx="6829">
                  <c:v>43355</c:v>
                </c:pt>
                <c:pt idx="6830">
                  <c:v>43356</c:v>
                </c:pt>
                <c:pt idx="6831">
                  <c:v>43357</c:v>
                </c:pt>
                <c:pt idx="6832">
                  <c:v>43358</c:v>
                </c:pt>
                <c:pt idx="6833">
                  <c:v>43359</c:v>
                </c:pt>
                <c:pt idx="6834">
                  <c:v>43360</c:v>
                </c:pt>
                <c:pt idx="6835">
                  <c:v>43361</c:v>
                </c:pt>
                <c:pt idx="6836">
                  <c:v>43362</c:v>
                </c:pt>
                <c:pt idx="6837">
                  <c:v>43363</c:v>
                </c:pt>
                <c:pt idx="6838">
                  <c:v>43364</c:v>
                </c:pt>
                <c:pt idx="6839">
                  <c:v>43365</c:v>
                </c:pt>
                <c:pt idx="6840">
                  <c:v>43366</c:v>
                </c:pt>
                <c:pt idx="6841">
                  <c:v>43367</c:v>
                </c:pt>
                <c:pt idx="6842">
                  <c:v>43368</c:v>
                </c:pt>
                <c:pt idx="6843">
                  <c:v>43369</c:v>
                </c:pt>
                <c:pt idx="6844">
                  <c:v>43370</c:v>
                </c:pt>
                <c:pt idx="6845">
                  <c:v>43371</c:v>
                </c:pt>
                <c:pt idx="6846">
                  <c:v>43372</c:v>
                </c:pt>
                <c:pt idx="6847">
                  <c:v>43373</c:v>
                </c:pt>
                <c:pt idx="6848">
                  <c:v>43374</c:v>
                </c:pt>
                <c:pt idx="6849">
                  <c:v>43375</c:v>
                </c:pt>
                <c:pt idx="6850">
                  <c:v>43376</c:v>
                </c:pt>
                <c:pt idx="6851">
                  <c:v>43377</c:v>
                </c:pt>
                <c:pt idx="6852">
                  <c:v>43378</c:v>
                </c:pt>
                <c:pt idx="6853">
                  <c:v>43379</c:v>
                </c:pt>
                <c:pt idx="6854">
                  <c:v>43380</c:v>
                </c:pt>
                <c:pt idx="6855">
                  <c:v>43381</c:v>
                </c:pt>
                <c:pt idx="6856">
                  <c:v>43382</c:v>
                </c:pt>
                <c:pt idx="6857">
                  <c:v>43383</c:v>
                </c:pt>
                <c:pt idx="6858">
                  <c:v>43384</c:v>
                </c:pt>
                <c:pt idx="6859">
                  <c:v>43385</c:v>
                </c:pt>
                <c:pt idx="6860">
                  <c:v>43386</c:v>
                </c:pt>
                <c:pt idx="6861">
                  <c:v>43387</c:v>
                </c:pt>
                <c:pt idx="6862">
                  <c:v>43388</c:v>
                </c:pt>
                <c:pt idx="6863">
                  <c:v>43389</c:v>
                </c:pt>
                <c:pt idx="6864">
                  <c:v>43390</c:v>
                </c:pt>
                <c:pt idx="6865">
                  <c:v>43391</c:v>
                </c:pt>
                <c:pt idx="6866">
                  <c:v>43392</c:v>
                </c:pt>
                <c:pt idx="6867">
                  <c:v>43393</c:v>
                </c:pt>
                <c:pt idx="6868">
                  <c:v>43394</c:v>
                </c:pt>
                <c:pt idx="6869">
                  <c:v>43395</c:v>
                </c:pt>
                <c:pt idx="6870">
                  <c:v>43396</c:v>
                </c:pt>
                <c:pt idx="6871">
                  <c:v>43397</c:v>
                </c:pt>
                <c:pt idx="6872">
                  <c:v>43398</c:v>
                </c:pt>
                <c:pt idx="6873">
                  <c:v>43399</c:v>
                </c:pt>
                <c:pt idx="6874">
                  <c:v>43400</c:v>
                </c:pt>
                <c:pt idx="6875">
                  <c:v>43401</c:v>
                </c:pt>
                <c:pt idx="6876">
                  <c:v>43402</c:v>
                </c:pt>
                <c:pt idx="6877">
                  <c:v>43403</c:v>
                </c:pt>
                <c:pt idx="6878">
                  <c:v>43404</c:v>
                </c:pt>
                <c:pt idx="6879">
                  <c:v>43405</c:v>
                </c:pt>
                <c:pt idx="6880">
                  <c:v>43406</c:v>
                </c:pt>
                <c:pt idx="6881">
                  <c:v>43407</c:v>
                </c:pt>
                <c:pt idx="6882">
                  <c:v>43408</c:v>
                </c:pt>
                <c:pt idx="6883">
                  <c:v>43409</c:v>
                </c:pt>
                <c:pt idx="6884">
                  <c:v>43410</c:v>
                </c:pt>
                <c:pt idx="6885">
                  <c:v>43411</c:v>
                </c:pt>
                <c:pt idx="6886">
                  <c:v>43412</c:v>
                </c:pt>
                <c:pt idx="6887">
                  <c:v>43413</c:v>
                </c:pt>
                <c:pt idx="6888">
                  <c:v>43414</c:v>
                </c:pt>
                <c:pt idx="6889">
                  <c:v>43415</c:v>
                </c:pt>
                <c:pt idx="6890">
                  <c:v>43416</c:v>
                </c:pt>
                <c:pt idx="6891">
                  <c:v>43417</c:v>
                </c:pt>
                <c:pt idx="6892">
                  <c:v>43418</c:v>
                </c:pt>
                <c:pt idx="6893">
                  <c:v>43419</c:v>
                </c:pt>
                <c:pt idx="6894">
                  <c:v>43420</c:v>
                </c:pt>
                <c:pt idx="6895">
                  <c:v>43421</c:v>
                </c:pt>
                <c:pt idx="6896">
                  <c:v>43422</c:v>
                </c:pt>
                <c:pt idx="6897">
                  <c:v>43423</c:v>
                </c:pt>
                <c:pt idx="6898">
                  <c:v>43424</c:v>
                </c:pt>
                <c:pt idx="6899">
                  <c:v>43425</c:v>
                </c:pt>
                <c:pt idx="6900">
                  <c:v>43426</c:v>
                </c:pt>
                <c:pt idx="6901">
                  <c:v>43427</c:v>
                </c:pt>
                <c:pt idx="6902">
                  <c:v>43428</c:v>
                </c:pt>
                <c:pt idx="6903">
                  <c:v>43429</c:v>
                </c:pt>
                <c:pt idx="6904">
                  <c:v>43430</c:v>
                </c:pt>
                <c:pt idx="6905">
                  <c:v>43431</c:v>
                </c:pt>
                <c:pt idx="6906">
                  <c:v>43432</c:v>
                </c:pt>
                <c:pt idx="6907">
                  <c:v>43433</c:v>
                </c:pt>
                <c:pt idx="6908">
                  <c:v>43434</c:v>
                </c:pt>
                <c:pt idx="6909">
                  <c:v>43435</c:v>
                </c:pt>
                <c:pt idx="6910">
                  <c:v>43436</c:v>
                </c:pt>
                <c:pt idx="6911">
                  <c:v>43437</c:v>
                </c:pt>
                <c:pt idx="6912">
                  <c:v>43438</c:v>
                </c:pt>
                <c:pt idx="6913">
                  <c:v>43439</c:v>
                </c:pt>
                <c:pt idx="6914">
                  <c:v>43440</c:v>
                </c:pt>
                <c:pt idx="6915">
                  <c:v>43441</c:v>
                </c:pt>
                <c:pt idx="6916">
                  <c:v>43442</c:v>
                </c:pt>
                <c:pt idx="6917">
                  <c:v>43443</c:v>
                </c:pt>
                <c:pt idx="6918">
                  <c:v>43444</c:v>
                </c:pt>
                <c:pt idx="6919">
                  <c:v>43445</c:v>
                </c:pt>
                <c:pt idx="6920">
                  <c:v>43446</c:v>
                </c:pt>
                <c:pt idx="6921">
                  <c:v>43447</c:v>
                </c:pt>
                <c:pt idx="6922">
                  <c:v>43448</c:v>
                </c:pt>
                <c:pt idx="6923">
                  <c:v>43449</c:v>
                </c:pt>
                <c:pt idx="6924">
                  <c:v>43450</c:v>
                </c:pt>
                <c:pt idx="6925">
                  <c:v>43451</c:v>
                </c:pt>
                <c:pt idx="6926">
                  <c:v>43452</c:v>
                </c:pt>
                <c:pt idx="6927">
                  <c:v>43453</c:v>
                </c:pt>
                <c:pt idx="6928">
                  <c:v>43454</c:v>
                </c:pt>
                <c:pt idx="6929">
                  <c:v>43455</c:v>
                </c:pt>
                <c:pt idx="6930">
                  <c:v>43456</c:v>
                </c:pt>
                <c:pt idx="6931">
                  <c:v>43457</c:v>
                </c:pt>
                <c:pt idx="6932">
                  <c:v>43458</c:v>
                </c:pt>
                <c:pt idx="6933">
                  <c:v>43459</c:v>
                </c:pt>
                <c:pt idx="6934">
                  <c:v>43460</c:v>
                </c:pt>
                <c:pt idx="6935">
                  <c:v>43461</c:v>
                </c:pt>
                <c:pt idx="6936">
                  <c:v>43462</c:v>
                </c:pt>
                <c:pt idx="6937">
                  <c:v>43463</c:v>
                </c:pt>
                <c:pt idx="6938">
                  <c:v>43464</c:v>
                </c:pt>
                <c:pt idx="6939">
                  <c:v>43465</c:v>
                </c:pt>
                <c:pt idx="6940">
                  <c:v>43466</c:v>
                </c:pt>
                <c:pt idx="6941">
                  <c:v>43467</c:v>
                </c:pt>
                <c:pt idx="6942">
                  <c:v>43468</c:v>
                </c:pt>
                <c:pt idx="6943">
                  <c:v>43469</c:v>
                </c:pt>
                <c:pt idx="6944">
                  <c:v>43470</c:v>
                </c:pt>
                <c:pt idx="6945">
                  <c:v>43471</c:v>
                </c:pt>
                <c:pt idx="6946">
                  <c:v>43472</c:v>
                </c:pt>
                <c:pt idx="6947">
                  <c:v>43473</c:v>
                </c:pt>
                <c:pt idx="6948">
                  <c:v>43474</c:v>
                </c:pt>
                <c:pt idx="6949">
                  <c:v>43475</c:v>
                </c:pt>
                <c:pt idx="6950">
                  <c:v>43476</c:v>
                </c:pt>
                <c:pt idx="6951">
                  <c:v>43477</c:v>
                </c:pt>
                <c:pt idx="6952">
                  <c:v>43478</c:v>
                </c:pt>
                <c:pt idx="6953">
                  <c:v>43479</c:v>
                </c:pt>
                <c:pt idx="6954">
                  <c:v>43480</c:v>
                </c:pt>
                <c:pt idx="6955">
                  <c:v>43481</c:v>
                </c:pt>
                <c:pt idx="6956">
                  <c:v>43482</c:v>
                </c:pt>
                <c:pt idx="6957">
                  <c:v>43483</c:v>
                </c:pt>
                <c:pt idx="6958">
                  <c:v>43484</c:v>
                </c:pt>
                <c:pt idx="6959">
                  <c:v>43485</c:v>
                </c:pt>
                <c:pt idx="6960">
                  <c:v>43486</c:v>
                </c:pt>
                <c:pt idx="6961">
                  <c:v>43487</c:v>
                </c:pt>
                <c:pt idx="6962">
                  <c:v>43488</c:v>
                </c:pt>
                <c:pt idx="6963">
                  <c:v>43489</c:v>
                </c:pt>
                <c:pt idx="6964">
                  <c:v>43490</c:v>
                </c:pt>
                <c:pt idx="6965">
                  <c:v>43491</c:v>
                </c:pt>
                <c:pt idx="6966">
                  <c:v>43492</c:v>
                </c:pt>
                <c:pt idx="6967">
                  <c:v>43493</c:v>
                </c:pt>
                <c:pt idx="6968">
                  <c:v>43494</c:v>
                </c:pt>
                <c:pt idx="6969">
                  <c:v>43495</c:v>
                </c:pt>
                <c:pt idx="6970">
                  <c:v>43496</c:v>
                </c:pt>
                <c:pt idx="6971">
                  <c:v>43497</c:v>
                </c:pt>
                <c:pt idx="6972">
                  <c:v>43498</c:v>
                </c:pt>
                <c:pt idx="6973">
                  <c:v>43499</c:v>
                </c:pt>
                <c:pt idx="6974">
                  <c:v>43500</c:v>
                </c:pt>
                <c:pt idx="6975">
                  <c:v>43501</c:v>
                </c:pt>
                <c:pt idx="6976">
                  <c:v>43502</c:v>
                </c:pt>
                <c:pt idx="6977">
                  <c:v>43503</c:v>
                </c:pt>
                <c:pt idx="6978">
                  <c:v>43504</c:v>
                </c:pt>
                <c:pt idx="6979">
                  <c:v>43505</c:v>
                </c:pt>
                <c:pt idx="6980">
                  <c:v>43506</c:v>
                </c:pt>
                <c:pt idx="6981">
                  <c:v>43507</c:v>
                </c:pt>
                <c:pt idx="6982">
                  <c:v>43508</c:v>
                </c:pt>
                <c:pt idx="6983">
                  <c:v>43509</c:v>
                </c:pt>
                <c:pt idx="6984">
                  <c:v>43510</c:v>
                </c:pt>
                <c:pt idx="6985">
                  <c:v>43511</c:v>
                </c:pt>
                <c:pt idx="6986">
                  <c:v>43512</c:v>
                </c:pt>
                <c:pt idx="6987">
                  <c:v>43513</c:v>
                </c:pt>
                <c:pt idx="6988">
                  <c:v>43514</c:v>
                </c:pt>
                <c:pt idx="6989">
                  <c:v>43515</c:v>
                </c:pt>
                <c:pt idx="6990">
                  <c:v>43516</c:v>
                </c:pt>
                <c:pt idx="6991">
                  <c:v>43517</c:v>
                </c:pt>
                <c:pt idx="6992">
                  <c:v>43518</c:v>
                </c:pt>
                <c:pt idx="6993">
                  <c:v>43519</c:v>
                </c:pt>
                <c:pt idx="6994">
                  <c:v>43520</c:v>
                </c:pt>
                <c:pt idx="6995">
                  <c:v>43521</c:v>
                </c:pt>
                <c:pt idx="6996">
                  <c:v>43522</c:v>
                </c:pt>
                <c:pt idx="6997">
                  <c:v>43523</c:v>
                </c:pt>
                <c:pt idx="6998">
                  <c:v>43524</c:v>
                </c:pt>
                <c:pt idx="6999">
                  <c:v>43525</c:v>
                </c:pt>
                <c:pt idx="7000">
                  <c:v>43526</c:v>
                </c:pt>
                <c:pt idx="7001">
                  <c:v>43527</c:v>
                </c:pt>
                <c:pt idx="7002">
                  <c:v>43528</c:v>
                </c:pt>
                <c:pt idx="7003">
                  <c:v>43529</c:v>
                </c:pt>
                <c:pt idx="7004">
                  <c:v>43530</c:v>
                </c:pt>
                <c:pt idx="7005">
                  <c:v>43531</c:v>
                </c:pt>
                <c:pt idx="7006">
                  <c:v>43532</c:v>
                </c:pt>
                <c:pt idx="7007">
                  <c:v>43533</c:v>
                </c:pt>
                <c:pt idx="7008">
                  <c:v>43534</c:v>
                </c:pt>
                <c:pt idx="7009">
                  <c:v>43535</c:v>
                </c:pt>
                <c:pt idx="7010">
                  <c:v>43536</c:v>
                </c:pt>
                <c:pt idx="7011">
                  <c:v>43537</c:v>
                </c:pt>
                <c:pt idx="7012">
                  <c:v>43538</c:v>
                </c:pt>
                <c:pt idx="7013">
                  <c:v>43539</c:v>
                </c:pt>
                <c:pt idx="7014">
                  <c:v>43540</c:v>
                </c:pt>
                <c:pt idx="7015">
                  <c:v>43541</c:v>
                </c:pt>
                <c:pt idx="7016">
                  <c:v>43542</c:v>
                </c:pt>
                <c:pt idx="7017">
                  <c:v>43543</c:v>
                </c:pt>
                <c:pt idx="7018">
                  <c:v>43544</c:v>
                </c:pt>
                <c:pt idx="7019">
                  <c:v>43545</c:v>
                </c:pt>
                <c:pt idx="7020">
                  <c:v>43546</c:v>
                </c:pt>
                <c:pt idx="7021">
                  <c:v>43547</c:v>
                </c:pt>
                <c:pt idx="7022">
                  <c:v>43548</c:v>
                </c:pt>
                <c:pt idx="7023">
                  <c:v>43549</c:v>
                </c:pt>
                <c:pt idx="7024">
                  <c:v>43550</c:v>
                </c:pt>
                <c:pt idx="7025">
                  <c:v>43551</c:v>
                </c:pt>
                <c:pt idx="7026">
                  <c:v>43552</c:v>
                </c:pt>
                <c:pt idx="7027">
                  <c:v>43553</c:v>
                </c:pt>
                <c:pt idx="7028">
                  <c:v>43554</c:v>
                </c:pt>
                <c:pt idx="7029">
                  <c:v>43555</c:v>
                </c:pt>
                <c:pt idx="7030">
                  <c:v>43556</c:v>
                </c:pt>
                <c:pt idx="7031">
                  <c:v>43557</c:v>
                </c:pt>
                <c:pt idx="7032">
                  <c:v>43558</c:v>
                </c:pt>
                <c:pt idx="7033">
                  <c:v>43559</c:v>
                </c:pt>
                <c:pt idx="7034">
                  <c:v>43560</c:v>
                </c:pt>
                <c:pt idx="7035">
                  <c:v>43561</c:v>
                </c:pt>
                <c:pt idx="7036">
                  <c:v>43562</c:v>
                </c:pt>
                <c:pt idx="7037">
                  <c:v>43563</c:v>
                </c:pt>
                <c:pt idx="7038">
                  <c:v>43564</c:v>
                </c:pt>
                <c:pt idx="7039">
                  <c:v>43565</c:v>
                </c:pt>
                <c:pt idx="7040">
                  <c:v>43566</c:v>
                </c:pt>
                <c:pt idx="7041">
                  <c:v>43567</c:v>
                </c:pt>
                <c:pt idx="7042">
                  <c:v>43568</c:v>
                </c:pt>
                <c:pt idx="7043">
                  <c:v>43569</c:v>
                </c:pt>
                <c:pt idx="7044">
                  <c:v>43570</c:v>
                </c:pt>
                <c:pt idx="7045">
                  <c:v>43571</c:v>
                </c:pt>
                <c:pt idx="7046">
                  <c:v>43572</c:v>
                </c:pt>
                <c:pt idx="7047">
                  <c:v>43573</c:v>
                </c:pt>
                <c:pt idx="7048">
                  <c:v>43574</c:v>
                </c:pt>
                <c:pt idx="7049">
                  <c:v>43575</c:v>
                </c:pt>
                <c:pt idx="7050">
                  <c:v>43576</c:v>
                </c:pt>
                <c:pt idx="7051">
                  <c:v>43577</c:v>
                </c:pt>
                <c:pt idx="7052">
                  <c:v>43578</c:v>
                </c:pt>
                <c:pt idx="7053">
                  <c:v>43579</c:v>
                </c:pt>
                <c:pt idx="7054">
                  <c:v>43580</c:v>
                </c:pt>
                <c:pt idx="7055">
                  <c:v>43581</c:v>
                </c:pt>
                <c:pt idx="7056">
                  <c:v>43582</c:v>
                </c:pt>
                <c:pt idx="7057">
                  <c:v>43583</c:v>
                </c:pt>
                <c:pt idx="7058">
                  <c:v>43584</c:v>
                </c:pt>
                <c:pt idx="7059">
                  <c:v>43585</c:v>
                </c:pt>
                <c:pt idx="7060">
                  <c:v>43586</c:v>
                </c:pt>
                <c:pt idx="7061">
                  <c:v>43587</c:v>
                </c:pt>
                <c:pt idx="7062">
                  <c:v>43588</c:v>
                </c:pt>
                <c:pt idx="7063">
                  <c:v>43589</c:v>
                </c:pt>
                <c:pt idx="7064">
                  <c:v>43590</c:v>
                </c:pt>
                <c:pt idx="7065">
                  <c:v>43591</c:v>
                </c:pt>
                <c:pt idx="7066">
                  <c:v>43592</c:v>
                </c:pt>
                <c:pt idx="7067">
                  <c:v>43593</c:v>
                </c:pt>
                <c:pt idx="7068">
                  <c:v>43594</c:v>
                </c:pt>
                <c:pt idx="7069">
                  <c:v>43595</c:v>
                </c:pt>
                <c:pt idx="7070">
                  <c:v>43596</c:v>
                </c:pt>
                <c:pt idx="7071">
                  <c:v>43597</c:v>
                </c:pt>
                <c:pt idx="7072">
                  <c:v>43598</c:v>
                </c:pt>
                <c:pt idx="7073">
                  <c:v>43599</c:v>
                </c:pt>
                <c:pt idx="7074">
                  <c:v>43600</c:v>
                </c:pt>
                <c:pt idx="7075">
                  <c:v>43601</c:v>
                </c:pt>
                <c:pt idx="7076">
                  <c:v>43602</c:v>
                </c:pt>
                <c:pt idx="7077">
                  <c:v>43603</c:v>
                </c:pt>
                <c:pt idx="7078">
                  <c:v>43604</c:v>
                </c:pt>
                <c:pt idx="7079">
                  <c:v>43605</c:v>
                </c:pt>
                <c:pt idx="7080">
                  <c:v>43606</c:v>
                </c:pt>
                <c:pt idx="7081">
                  <c:v>43607</c:v>
                </c:pt>
                <c:pt idx="7082">
                  <c:v>43608</c:v>
                </c:pt>
                <c:pt idx="7083">
                  <c:v>43609</c:v>
                </c:pt>
                <c:pt idx="7084">
                  <c:v>43610</c:v>
                </c:pt>
                <c:pt idx="7085">
                  <c:v>43611</c:v>
                </c:pt>
                <c:pt idx="7086">
                  <c:v>43612</c:v>
                </c:pt>
                <c:pt idx="7087">
                  <c:v>43613</c:v>
                </c:pt>
                <c:pt idx="7088">
                  <c:v>43614</c:v>
                </c:pt>
                <c:pt idx="7089">
                  <c:v>43615</c:v>
                </c:pt>
                <c:pt idx="7090">
                  <c:v>43616</c:v>
                </c:pt>
                <c:pt idx="7091">
                  <c:v>43617</c:v>
                </c:pt>
                <c:pt idx="7092">
                  <c:v>43618</c:v>
                </c:pt>
                <c:pt idx="7093">
                  <c:v>43619</c:v>
                </c:pt>
                <c:pt idx="7094">
                  <c:v>43620</c:v>
                </c:pt>
                <c:pt idx="7095">
                  <c:v>43621</c:v>
                </c:pt>
                <c:pt idx="7096">
                  <c:v>43622</c:v>
                </c:pt>
                <c:pt idx="7097">
                  <c:v>43623</c:v>
                </c:pt>
                <c:pt idx="7098">
                  <c:v>43624</c:v>
                </c:pt>
                <c:pt idx="7099">
                  <c:v>43625</c:v>
                </c:pt>
                <c:pt idx="7100">
                  <c:v>43626</c:v>
                </c:pt>
                <c:pt idx="7101">
                  <c:v>43627</c:v>
                </c:pt>
                <c:pt idx="7102">
                  <c:v>43628</c:v>
                </c:pt>
                <c:pt idx="7103">
                  <c:v>43629</c:v>
                </c:pt>
                <c:pt idx="7104">
                  <c:v>43630</c:v>
                </c:pt>
                <c:pt idx="7105">
                  <c:v>43631</c:v>
                </c:pt>
                <c:pt idx="7106">
                  <c:v>43632</c:v>
                </c:pt>
                <c:pt idx="7107">
                  <c:v>43633</c:v>
                </c:pt>
                <c:pt idx="7108">
                  <c:v>43634</c:v>
                </c:pt>
                <c:pt idx="7109">
                  <c:v>43635</c:v>
                </c:pt>
                <c:pt idx="7110">
                  <c:v>43636</c:v>
                </c:pt>
                <c:pt idx="7111">
                  <c:v>43637</c:v>
                </c:pt>
                <c:pt idx="7112">
                  <c:v>43638</c:v>
                </c:pt>
                <c:pt idx="7113">
                  <c:v>43639</c:v>
                </c:pt>
                <c:pt idx="7114">
                  <c:v>43640</c:v>
                </c:pt>
                <c:pt idx="7115">
                  <c:v>43641</c:v>
                </c:pt>
                <c:pt idx="7116">
                  <c:v>43642</c:v>
                </c:pt>
                <c:pt idx="7117">
                  <c:v>43643</c:v>
                </c:pt>
                <c:pt idx="7118">
                  <c:v>43644</c:v>
                </c:pt>
                <c:pt idx="7119">
                  <c:v>43645</c:v>
                </c:pt>
                <c:pt idx="7120">
                  <c:v>43646</c:v>
                </c:pt>
                <c:pt idx="7121">
                  <c:v>43647</c:v>
                </c:pt>
                <c:pt idx="7122">
                  <c:v>43648</c:v>
                </c:pt>
                <c:pt idx="7123">
                  <c:v>43649</c:v>
                </c:pt>
                <c:pt idx="7124">
                  <c:v>43650</c:v>
                </c:pt>
                <c:pt idx="7125">
                  <c:v>43651</c:v>
                </c:pt>
                <c:pt idx="7126">
                  <c:v>43652</c:v>
                </c:pt>
                <c:pt idx="7127">
                  <c:v>43653</c:v>
                </c:pt>
                <c:pt idx="7128">
                  <c:v>43654</c:v>
                </c:pt>
                <c:pt idx="7129">
                  <c:v>43655</c:v>
                </c:pt>
                <c:pt idx="7130">
                  <c:v>43656</c:v>
                </c:pt>
                <c:pt idx="7131">
                  <c:v>43657</c:v>
                </c:pt>
                <c:pt idx="7132">
                  <c:v>43658</c:v>
                </c:pt>
                <c:pt idx="7133">
                  <c:v>43659</c:v>
                </c:pt>
                <c:pt idx="7134">
                  <c:v>43660</c:v>
                </c:pt>
                <c:pt idx="7135">
                  <c:v>43661</c:v>
                </c:pt>
                <c:pt idx="7136">
                  <c:v>43662</c:v>
                </c:pt>
                <c:pt idx="7137">
                  <c:v>43663</c:v>
                </c:pt>
                <c:pt idx="7138">
                  <c:v>43664</c:v>
                </c:pt>
                <c:pt idx="7139">
                  <c:v>43665</c:v>
                </c:pt>
                <c:pt idx="7140">
                  <c:v>43666</c:v>
                </c:pt>
                <c:pt idx="7141">
                  <c:v>43667</c:v>
                </c:pt>
                <c:pt idx="7142">
                  <c:v>43668</c:v>
                </c:pt>
                <c:pt idx="7143">
                  <c:v>43669</c:v>
                </c:pt>
                <c:pt idx="7144">
                  <c:v>43670</c:v>
                </c:pt>
                <c:pt idx="7145">
                  <c:v>43671</c:v>
                </c:pt>
                <c:pt idx="7146">
                  <c:v>43672</c:v>
                </c:pt>
                <c:pt idx="7147">
                  <c:v>43673</c:v>
                </c:pt>
                <c:pt idx="7148">
                  <c:v>43674</c:v>
                </c:pt>
                <c:pt idx="7149">
                  <c:v>43675</c:v>
                </c:pt>
                <c:pt idx="7150">
                  <c:v>43676</c:v>
                </c:pt>
                <c:pt idx="7151">
                  <c:v>43677</c:v>
                </c:pt>
                <c:pt idx="7152">
                  <c:v>43678</c:v>
                </c:pt>
                <c:pt idx="7153">
                  <c:v>43679</c:v>
                </c:pt>
                <c:pt idx="7154">
                  <c:v>43680</c:v>
                </c:pt>
                <c:pt idx="7155">
                  <c:v>43681</c:v>
                </c:pt>
                <c:pt idx="7156">
                  <c:v>43682</c:v>
                </c:pt>
                <c:pt idx="7157">
                  <c:v>43683</c:v>
                </c:pt>
                <c:pt idx="7158">
                  <c:v>43684</c:v>
                </c:pt>
                <c:pt idx="7159">
                  <c:v>43685</c:v>
                </c:pt>
                <c:pt idx="7160">
                  <c:v>43686</c:v>
                </c:pt>
                <c:pt idx="7161">
                  <c:v>43687</c:v>
                </c:pt>
                <c:pt idx="7162">
                  <c:v>43688</c:v>
                </c:pt>
                <c:pt idx="7163">
                  <c:v>43689</c:v>
                </c:pt>
                <c:pt idx="7164">
                  <c:v>43690</c:v>
                </c:pt>
                <c:pt idx="7165">
                  <c:v>43691</c:v>
                </c:pt>
                <c:pt idx="7166">
                  <c:v>43692</c:v>
                </c:pt>
                <c:pt idx="7167">
                  <c:v>43693</c:v>
                </c:pt>
                <c:pt idx="7168">
                  <c:v>43694</c:v>
                </c:pt>
                <c:pt idx="7169">
                  <c:v>43695</c:v>
                </c:pt>
                <c:pt idx="7170">
                  <c:v>43696</c:v>
                </c:pt>
                <c:pt idx="7171">
                  <c:v>43697</c:v>
                </c:pt>
                <c:pt idx="7172">
                  <c:v>43698</c:v>
                </c:pt>
                <c:pt idx="7173">
                  <c:v>43699</c:v>
                </c:pt>
                <c:pt idx="7174">
                  <c:v>43700</c:v>
                </c:pt>
                <c:pt idx="7175">
                  <c:v>43701</c:v>
                </c:pt>
                <c:pt idx="7176">
                  <c:v>43702</c:v>
                </c:pt>
                <c:pt idx="7177">
                  <c:v>43703</c:v>
                </c:pt>
                <c:pt idx="7178">
                  <c:v>43704</c:v>
                </c:pt>
                <c:pt idx="7179">
                  <c:v>43705</c:v>
                </c:pt>
                <c:pt idx="7180">
                  <c:v>43706</c:v>
                </c:pt>
                <c:pt idx="7181">
                  <c:v>43707</c:v>
                </c:pt>
                <c:pt idx="7182">
                  <c:v>43708</c:v>
                </c:pt>
                <c:pt idx="7183">
                  <c:v>43709</c:v>
                </c:pt>
                <c:pt idx="7184">
                  <c:v>43710</c:v>
                </c:pt>
                <c:pt idx="7185">
                  <c:v>43711</c:v>
                </c:pt>
                <c:pt idx="7186">
                  <c:v>43712</c:v>
                </c:pt>
                <c:pt idx="7187">
                  <c:v>43713</c:v>
                </c:pt>
                <c:pt idx="7188">
                  <c:v>43714</c:v>
                </c:pt>
                <c:pt idx="7189">
                  <c:v>43715</c:v>
                </c:pt>
                <c:pt idx="7190">
                  <c:v>43716</c:v>
                </c:pt>
                <c:pt idx="7191">
                  <c:v>43717</c:v>
                </c:pt>
                <c:pt idx="7192">
                  <c:v>43718</c:v>
                </c:pt>
                <c:pt idx="7193">
                  <c:v>43719</c:v>
                </c:pt>
                <c:pt idx="7194">
                  <c:v>43720</c:v>
                </c:pt>
                <c:pt idx="7195">
                  <c:v>43721</c:v>
                </c:pt>
                <c:pt idx="7196">
                  <c:v>43722</c:v>
                </c:pt>
                <c:pt idx="7197">
                  <c:v>43723</c:v>
                </c:pt>
                <c:pt idx="7198">
                  <c:v>43724</c:v>
                </c:pt>
                <c:pt idx="7199">
                  <c:v>43725</c:v>
                </c:pt>
                <c:pt idx="7200">
                  <c:v>43726</c:v>
                </c:pt>
                <c:pt idx="7201">
                  <c:v>43727</c:v>
                </c:pt>
                <c:pt idx="7202">
                  <c:v>43728</c:v>
                </c:pt>
                <c:pt idx="7203">
                  <c:v>43729</c:v>
                </c:pt>
                <c:pt idx="7204">
                  <c:v>43730</c:v>
                </c:pt>
                <c:pt idx="7205">
                  <c:v>43731</c:v>
                </c:pt>
                <c:pt idx="7206">
                  <c:v>43732</c:v>
                </c:pt>
                <c:pt idx="7207">
                  <c:v>43733</c:v>
                </c:pt>
                <c:pt idx="7208">
                  <c:v>43734</c:v>
                </c:pt>
                <c:pt idx="7209">
                  <c:v>43735</c:v>
                </c:pt>
                <c:pt idx="7210">
                  <c:v>43736</c:v>
                </c:pt>
                <c:pt idx="7211">
                  <c:v>43737</c:v>
                </c:pt>
                <c:pt idx="7212">
                  <c:v>43738</c:v>
                </c:pt>
                <c:pt idx="7213">
                  <c:v>43739</c:v>
                </c:pt>
                <c:pt idx="7214">
                  <c:v>43740</c:v>
                </c:pt>
                <c:pt idx="7215">
                  <c:v>43741</c:v>
                </c:pt>
                <c:pt idx="7216">
                  <c:v>43742</c:v>
                </c:pt>
                <c:pt idx="7217">
                  <c:v>43743</c:v>
                </c:pt>
                <c:pt idx="7218">
                  <c:v>43744</c:v>
                </c:pt>
                <c:pt idx="7219">
                  <c:v>43745</c:v>
                </c:pt>
                <c:pt idx="7220">
                  <c:v>43746</c:v>
                </c:pt>
                <c:pt idx="7221">
                  <c:v>43747</c:v>
                </c:pt>
                <c:pt idx="7222">
                  <c:v>43748</c:v>
                </c:pt>
                <c:pt idx="7223">
                  <c:v>43749</c:v>
                </c:pt>
                <c:pt idx="7224">
                  <c:v>43750</c:v>
                </c:pt>
                <c:pt idx="7225">
                  <c:v>43751</c:v>
                </c:pt>
                <c:pt idx="7226">
                  <c:v>43752</c:v>
                </c:pt>
                <c:pt idx="7227">
                  <c:v>43753</c:v>
                </c:pt>
                <c:pt idx="7228">
                  <c:v>43754</c:v>
                </c:pt>
                <c:pt idx="7229">
                  <c:v>43755</c:v>
                </c:pt>
                <c:pt idx="7230">
                  <c:v>43756</c:v>
                </c:pt>
                <c:pt idx="7231">
                  <c:v>43757</c:v>
                </c:pt>
                <c:pt idx="7232">
                  <c:v>43758</c:v>
                </c:pt>
                <c:pt idx="7233">
                  <c:v>43759</c:v>
                </c:pt>
                <c:pt idx="7234">
                  <c:v>43760</c:v>
                </c:pt>
                <c:pt idx="7235">
                  <c:v>43761</c:v>
                </c:pt>
                <c:pt idx="7236">
                  <c:v>43762</c:v>
                </c:pt>
                <c:pt idx="7237">
                  <c:v>43763</c:v>
                </c:pt>
                <c:pt idx="7238">
                  <c:v>43764</c:v>
                </c:pt>
                <c:pt idx="7239">
                  <c:v>43765</c:v>
                </c:pt>
                <c:pt idx="7240">
                  <c:v>43766</c:v>
                </c:pt>
                <c:pt idx="7241">
                  <c:v>43767</c:v>
                </c:pt>
                <c:pt idx="7242">
                  <c:v>43768</c:v>
                </c:pt>
                <c:pt idx="7243">
                  <c:v>43769</c:v>
                </c:pt>
                <c:pt idx="7244">
                  <c:v>43770</c:v>
                </c:pt>
                <c:pt idx="7245">
                  <c:v>43771</c:v>
                </c:pt>
                <c:pt idx="7246">
                  <c:v>43772</c:v>
                </c:pt>
                <c:pt idx="7247">
                  <c:v>43773</c:v>
                </c:pt>
                <c:pt idx="7248">
                  <c:v>43774</c:v>
                </c:pt>
                <c:pt idx="7249">
                  <c:v>43775</c:v>
                </c:pt>
                <c:pt idx="7250">
                  <c:v>43776</c:v>
                </c:pt>
                <c:pt idx="7251">
                  <c:v>43777</c:v>
                </c:pt>
                <c:pt idx="7252">
                  <c:v>43778</c:v>
                </c:pt>
                <c:pt idx="7253">
                  <c:v>43779</c:v>
                </c:pt>
                <c:pt idx="7254">
                  <c:v>43780</c:v>
                </c:pt>
                <c:pt idx="7255">
                  <c:v>43781</c:v>
                </c:pt>
                <c:pt idx="7256">
                  <c:v>43782</c:v>
                </c:pt>
                <c:pt idx="7257">
                  <c:v>43783</c:v>
                </c:pt>
                <c:pt idx="7258">
                  <c:v>43784</c:v>
                </c:pt>
                <c:pt idx="7259">
                  <c:v>43785</c:v>
                </c:pt>
                <c:pt idx="7260">
                  <c:v>43786</c:v>
                </c:pt>
                <c:pt idx="7261">
                  <c:v>43787</c:v>
                </c:pt>
                <c:pt idx="7262">
                  <c:v>43788</c:v>
                </c:pt>
                <c:pt idx="7263">
                  <c:v>43789</c:v>
                </c:pt>
                <c:pt idx="7264">
                  <c:v>43790</c:v>
                </c:pt>
                <c:pt idx="7265">
                  <c:v>43791</c:v>
                </c:pt>
                <c:pt idx="7266">
                  <c:v>43792</c:v>
                </c:pt>
                <c:pt idx="7267">
                  <c:v>43793</c:v>
                </c:pt>
                <c:pt idx="7268">
                  <c:v>43794</c:v>
                </c:pt>
                <c:pt idx="7269">
                  <c:v>43795</c:v>
                </c:pt>
                <c:pt idx="7270">
                  <c:v>43796</c:v>
                </c:pt>
                <c:pt idx="7271">
                  <c:v>43797</c:v>
                </c:pt>
                <c:pt idx="7272">
                  <c:v>43798</c:v>
                </c:pt>
                <c:pt idx="7273">
                  <c:v>43799</c:v>
                </c:pt>
                <c:pt idx="7274">
                  <c:v>43800</c:v>
                </c:pt>
                <c:pt idx="7275">
                  <c:v>43801</c:v>
                </c:pt>
                <c:pt idx="7276">
                  <c:v>43802</c:v>
                </c:pt>
                <c:pt idx="7277">
                  <c:v>43803</c:v>
                </c:pt>
                <c:pt idx="7278">
                  <c:v>43804</c:v>
                </c:pt>
                <c:pt idx="7279">
                  <c:v>43805</c:v>
                </c:pt>
                <c:pt idx="7280">
                  <c:v>43806</c:v>
                </c:pt>
                <c:pt idx="7281">
                  <c:v>43807</c:v>
                </c:pt>
                <c:pt idx="7282">
                  <c:v>43808</c:v>
                </c:pt>
                <c:pt idx="7283">
                  <c:v>43809</c:v>
                </c:pt>
                <c:pt idx="7284">
                  <c:v>43810</c:v>
                </c:pt>
                <c:pt idx="7285">
                  <c:v>43811</c:v>
                </c:pt>
                <c:pt idx="7286">
                  <c:v>43812</c:v>
                </c:pt>
                <c:pt idx="7287">
                  <c:v>43813</c:v>
                </c:pt>
                <c:pt idx="7288">
                  <c:v>43814</c:v>
                </c:pt>
                <c:pt idx="7289">
                  <c:v>43815</c:v>
                </c:pt>
                <c:pt idx="7290">
                  <c:v>43816</c:v>
                </c:pt>
                <c:pt idx="7291">
                  <c:v>43817</c:v>
                </c:pt>
                <c:pt idx="7292">
                  <c:v>43818</c:v>
                </c:pt>
                <c:pt idx="7293">
                  <c:v>43819</c:v>
                </c:pt>
                <c:pt idx="7294">
                  <c:v>43820</c:v>
                </c:pt>
                <c:pt idx="7295">
                  <c:v>43821</c:v>
                </c:pt>
                <c:pt idx="7296">
                  <c:v>43822</c:v>
                </c:pt>
                <c:pt idx="7297">
                  <c:v>43823</c:v>
                </c:pt>
                <c:pt idx="7298">
                  <c:v>43824</c:v>
                </c:pt>
                <c:pt idx="7299">
                  <c:v>43825</c:v>
                </c:pt>
                <c:pt idx="7300">
                  <c:v>43826</c:v>
                </c:pt>
                <c:pt idx="7301">
                  <c:v>43827</c:v>
                </c:pt>
                <c:pt idx="7302">
                  <c:v>43828</c:v>
                </c:pt>
                <c:pt idx="7303">
                  <c:v>43829</c:v>
                </c:pt>
                <c:pt idx="7304">
                  <c:v>43830</c:v>
                </c:pt>
                <c:pt idx="7305">
                  <c:v>43831</c:v>
                </c:pt>
                <c:pt idx="7306">
                  <c:v>43832</c:v>
                </c:pt>
                <c:pt idx="7307">
                  <c:v>43833</c:v>
                </c:pt>
                <c:pt idx="7308">
                  <c:v>43834</c:v>
                </c:pt>
                <c:pt idx="7309">
                  <c:v>43835</c:v>
                </c:pt>
                <c:pt idx="7310">
                  <c:v>43836</c:v>
                </c:pt>
                <c:pt idx="7311">
                  <c:v>43837</c:v>
                </c:pt>
                <c:pt idx="7312">
                  <c:v>43838</c:v>
                </c:pt>
                <c:pt idx="7313">
                  <c:v>43839</c:v>
                </c:pt>
                <c:pt idx="7314">
                  <c:v>43840</c:v>
                </c:pt>
                <c:pt idx="7315">
                  <c:v>43841</c:v>
                </c:pt>
                <c:pt idx="7316">
                  <c:v>43842</c:v>
                </c:pt>
                <c:pt idx="7317">
                  <c:v>43843</c:v>
                </c:pt>
                <c:pt idx="7318">
                  <c:v>43844</c:v>
                </c:pt>
                <c:pt idx="7319">
                  <c:v>43845</c:v>
                </c:pt>
                <c:pt idx="7320">
                  <c:v>43846</c:v>
                </c:pt>
                <c:pt idx="7321">
                  <c:v>43847</c:v>
                </c:pt>
                <c:pt idx="7322">
                  <c:v>43848</c:v>
                </c:pt>
                <c:pt idx="7323">
                  <c:v>43849</c:v>
                </c:pt>
                <c:pt idx="7324">
                  <c:v>43850</c:v>
                </c:pt>
                <c:pt idx="7325">
                  <c:v>43851</c:v>
                </c:pt>
                <c:pt idx="7326">
                  <c:v>43852</c:v>
                </c:pt>
                <c:pt idx="7327">
                  <c:v>43853</c:v>
                </c:pt>
                <c:pt idx="7328">
                  <c:v>43854</c:v>
                </c:pt>
                <c:pt idx="7329">
                  <c:v>43855</c:v>
                </c:pt>
                <c:pt idx="7330">
                  <c:v>43856</c:v>
                </c:pt>
                <c:pt idx="7331">
                  <c:v>43857</c:v>
                </c:pt>
                <c:pt idx="7332">
                  <c:v>43858</c:v>
                </c:pt>
                <c:pt idx="7333">
                  <c:v>43859</c:v>
                </c:pt>
                <c:pt idx="7334">
                  <c:v>43860</c:v>
                </c:pt>
                <c:pt idx="7335">
                  <c:v>43861</c:v>
                </c:pt>
                <c:pt idx="7336">
                  <c:v>43862</c:v>
                </c:pt>
                <c:pt idx="7337">
                  <c:v>43863</c:v>
                </c:pt>
                <c:pt idx="7338">
                  <c:v>43864</c:v>
                </c:pt>
                <c:pt idx="7339">
                  <c:v>43865</c:v>
                </c:pt>
                <c:pt idx="7340">
                  <c:v>43866</c:v>
                </c:pt>
                <c:pt idx="7341">
                  <c:v>43867</c:v>
                </c:pt>
                <c:pt idx="7342">
                  <c:v>43868</c:v>
                </c:pt>
                <c:pt idx="7343">
                  <c:v>43869</c:v>
                </c:pt>
                <c:pt idx="7344">
                  <c:v>43870</c:v>
                </c:pt>
                <c:pt idx="7345">
                  <c:v>43871</c:v>
                </c:pt>
                <c:pt idx="7346">
                  <c:v>43872</c:v>
                </c:pt>
                <c:pt idx="7347">
                  <c:v>43873</c:v>
                </c:pt>
                <c:pt idx="7348">
                  <c:v>43874</c:v>
                </c:pt>
                <c:pt idx="7349">
                  <c:v>43875</c:v>
                </c:pt>
                <c:pt idx="7350">
                  <c:v>43876</c:v>
                </c:pt>
                <c:pt idx="7351">
                  <c:v>43877</c:v>
                </c:pt>
                <c:pt idx="7352">
                  <c:v>43878</c:v>
                </c:pt>
                <c:pt idx="7353">
                  <c:v>43879</c:v>
                </c:pt>
                <c:pt idx="7354">
                  <c:v>43880</c:v>
                </c:pt>
                <c:pt idx="7355">
                  <c:v>43881</c:v>
                </c:pt>
                <c:pt idx="7356">
                  <c:v>43882</c:v>
                </c:pt>
                <c:pt idx="7357">
                  <c:v>43883</c:v>
                </c:pt>
                <c:pt idx="7358">
                  <c:v>43884</c:v>
                </c:pt>
                <c:pt idx="7359">
                  <c:v>43885</c:v>
                </c:pt>
                <c:pt idx="7360">
                  <c:v>43886</c:v>
                </c:pt>
                <c:pt idx="7361">
                  <c:v>43887</c:v>
                </c:pt>
                <c:pt idx="7362">
                  <c:v>43888</c:v>
                </c:pt>
                <c:pt idx="7363">
                  <c:v>43889</c:v>
                </c:pt>
                <c:pt idx="7364">
                  <c:v>43890</c:v>
                </c:pt>
                <c:pt idx="7365">
                  <c:v>43891</c:v>
                </c:pt>
                <c:pt idx="7366">
                  <c:v>43892</c:v>
                </c:pt>
                <c:pt idx="7367">
                  <c:v>43893</c:v>
                </c:pt>
                <c:pt idx="7368">
                  <c:v>43894</c:v>
                </c:pt>
                <c:pt idx="7369">
                  <c:v>43895</c:v>
                </c:pt>
                <c:pt idx="7370">
                  <c:v>43896</c:v>
                </c:pt>
                <c:pt idx="7371">
                  <c:v>43897</c:v>
                </c:pt>
                <c:pt idx="7372">
                  <c:v>43898</c:v>
                </c:pt>
                <c:pt idx="7373">
                  <c:v>43899</c:v>
                </c:pt>
                <c:pt idx="7374">
                  <c:v>43900</c:v>
                </c:pt>
                <c:pt idx="7375">
                  <c:v>43901</c:v>
                </c:pt>
                <c:pt idx="7376">
                  <c:v>43902</c:v>
                </c:pt>
                <c:pt idx="7377">
                  <c:v>43903</c:v>
                </c:pt>
                <c:pt idx="7378">
                  <c:v>43904</c:v>
                </c:pt>
                <c:pt idx="7379">
                  <c:v>43905</c:v>
                </c:pt>
                <c:pt idx="7380">
                  <c:v>43906</c:v>
                </c:pt>
                <c:pt idx="7381">
                  <c:v>43907</c:v>
                </c:pt>
                <c:pt idx="7382">
                  <c:v>43908</c:v>
                </c:pt>
                <c:pt idx="7383">
                  <c:v>43909</c:v>
                </c:pt>
                <c:pt idx="7384">
                  <c:v>43910</c:v>
                </c:pt>
                <c:pt idx="7385">
                  <c:v>43911</c:v>
                </c:pt>
                <c:pt idx="7386">
                  <c:v>43912</c:v>
                </c:pt>
                <c:pt idx="7387">
                  <c:v>43913</c:v>
                </c:pt>
                <c:pt idx="7388">
                  <c:v>43914</c:v>
                </c:pt>
                <c:pt idx="7389">
                  <c:v>43915</c:v>
                </c:pt>
                <c:pt idx="7390">
                  <c:v>43916</c:v>
                </c:pt>
                <c:pt idx="7391">
                  <c:v>43917</c:v>
                </c:pt>
                <c:pt idx="7392">
                  <c:v>43918</c:v>
                </c:pt>
                <c:pt idx="7393">
                  <c:v>43919</c:v>
                </c:pt>
                <c:pt idx="7394">
                  <c:v>43920</c:v>
                </c:pt>
                <c:pt idx="7395">
                  <c:v>43921</c:v>
                </c:pt>
                <c:pt idx="7396">
                  <c:v>43922</c:v>
                </c:pt>
                <c:pt idx="7397">
                  <c:v>43923</c:v>
                </c:pt>
                <c:pt idx="7398">
                  <c:v>43924</c:v>
                </c:pt>
                <c:pt idx="7399">
                  <c:v>43925</c:v>
                </c:pt>
                <c:pt idx="7400">
                  <c:v>43926</c:v>
                </c:pt>
                <c:pt idx="7401">
                  <c:v>43927</c:v>
                </c:pt>
                <c:pt idx="7402">
                  <c:v>43928</c:v>
                </c:pt>
                <c:pt idx="7403">
                  <c:v>43929</c:v>
                </c:pt>
                <c:pt idx="7404">
                  <c:v>43930</c:v>
                </c:pt>
                <c:pt idx="7405">
                  <c:v>43931</c:v>
                </c:pt>
                <c:pt idx="7406">
                  <c:v>43932</c:v>
                </c:pt>
                <c:pt idx="7407">
                  <c:v>43933</c:v>
                </c:pt>
                <c:pt idx="7408">
                  <c:v>43934</c:v>
                </c:pt>
                <c:pt idx="7409">
                  <c:v>43935</c:v>
                </c:pt>
                <c:pt idx="7410">
                  <c:v>43936</c:v>
                </c:pt>
                <c:pt idx="7411">
                  <c:v>43937</c:v>
                </c:pt>
                <c:pt idx="7412">
                  <c:v>43938</c:v>
                </c:pt>
                <c:pt idx="7413">
                  <c:v>43939</c:v>
                </c:pt>
                <c:pt idx="7414">
                  <c:v>43940</c:v>
                </c:pt>
                <c:pt idx="7415">
                  <c:v>43941</c:v>
                </c:pt>
                <c:pt idx="7416">
                  <c:v>43942</c:v>
                </c:pt>
                <c:pt idx="7417">
                  <c:v>43943</c:v>
                </c:pt>
                <c:pt idx="7418">
                  <c:v>43944</c:v>
                </c:pt>
                <c:pt idx="7419">
                  <c:v>43945</c:v>
                </c:pt>
                <c:pt idx="7420">
                  <c:v>43946</c:v>
                </c:pt>
                <c:pt idx="7421">
                  <c:v>43947</c:v>
                </c:pt>
                <c:pt idx="7422">
                  <c:v>43948</c:v>
                </c:pt>
                <c:pt idx="7423">
                  <c:v>43949</c:v>
                </c:pt>
                <c:pt idx="7424">
                  <c:v>43950</c:v>
                </c:pt>
                <c:pt idx="7425">
                  <c:v>43951</c:v>
                </c:pt>
                <c:pt idx="7426">
                  <c:v>43952</c:v>
                </c:pt>
                <c:pt idx="7427">
                  <c:v>43953</c:v>
                </c:pt>
                <c:pt idx="7428">
                  <c:v>43954</c:v>
                </c:pt>
                <c:pt idx="7429">
                  <c:v>43955</c:v>
                </c:pt>
                <c:pt idx="7430">
                  <c:v>43956</c:v>
                </c:pt>
                <c:pt idx="7431">
                  <c:v>43957</c:v>
                </c:pt>
                <c:pt idx="7432">
                  <c:v>43958</c:v>
                </c:pt>
                <c:pt idx="7433">
                  <c:v>43959</c:v>
                </c:pt>
                <c:pt idx="7434">
                  <c:v>43960</c:v>
                </c:pt>
                <c:pt idx="7435">
                  <c:v>43961</c:v>
                </c:pt>
                <c:pt idx="7436">
                  <c:v>43962</c:v>
                </c:pt>
                <c:pt idx="7437">
                  <c:v>43963</c:v>
                </c:pt>
                <c:pt idx="7438">
                  <c:v>43964</c:v>
                </c:pt>
                <c:pt idx="7439">
                  <c:v>43965</c:v>
                </c:pt>
                <c:pt idx="7440">
                  <c:v>43966</c:v>
                </c:pt>
                <c:pt idx="7441">
                  <c:v>43967</c:v>
                </c:pt>
                <c:pt idx="7442">
                  <c:v>43968</c:v>
                </c:pt>
                <c:pt idx="7443">
                  <c:v>43969</c:v>
                </c:pt>
                <c:pt idx="7444">
                  <c:v>43970</c:v>
                </c:pt>
                <c:pt idx="7445">
                  <c:v>43971</c:v>
                </c:pt>
                <c:pt idx="7446">
                  <c:v>43972</c:v>
                </c:pt>
                <c:pt idx="7447">
                  <c:v>43973</c:v>
                </c:pt>
                <c:pt idx="7448">
                  <c:v>43974</c:v>
                </c:pt>
                <c:pt idx="7449">
                  <c:v>43975</c:v>
                </c:pt>
                <c:pt idx="7450">
                  <c:v>43976</c:v>
                </c:pt>
                <c:pt idx="7451">
                  <c:v>43977</c:v>
                </c:pt>
                <c:pt idx="7452">
                  <c:v>43978</c:v>
                </c:pt>
                <c:pt idx="7453">
                  <c:v>43979</c:v>
                </c:pt>
                <c:pt idx="7454">
                  <c:v>43980</c:v>
                </c:pt>
                <c:pt idx="7455">
                  <c:v>43981</c:v>
                </c:pt>
                <c:pt idx="7456">
                  <c:v>43982</c:v>
                </c:pt>
                <c:pt idx="7457">
                  <c:v>43983</c:v>
                </c:pt>
                <c:pt idx="7458">
                  <c:v>43984</c:v>
                </c:pt>
                <c:pt idx="7459">
                  <c:v>43985</c:v>
                </c:pt>
                <c:pt idx="7460">
                  <c:v>43986</c:v>
                </c:pt>
                <c:pt idx="7461">
                  <c:v>43987</c:v>
                </c:pt>
                <c:pt idx="7462">
                  <c:v>43988</c:v>
                </c:pt>
                <c:pt idx="7463">
                  <c:v>43989</c:v>
                </c:pt>
                <c:pt idx="7464">
                  <c:v>43990</c:v>
                </c:pt>
                <c:pt idx="7465">
                  <c:v>43991</c:v>
                </c:pt>
                <c:pt idx="7466">
                  <c:v>43992</c:v>
                </c:pt>
                <c:pt idx="7467">
                  <c:v>43993</c:v>
                </c:pt>
                <c:pt idx="7468">
                  <c:v>43994</c:v>
                </c:pt>
                <c:pt idx="7469">
                  <c:v>43995</c:v>
                </c:pt>
                <c:pt idx="7470">
                  <c:v>43996</c:v>
                </c:pt>
                <c:pt idx="7471">
                  <c:v>43997</c:v>
                </c:pt>
                <c:pt idx="7472">
                  <c:v>43998</c:v>
                </c:pt>
                <c:pt idx="7473">
                  <c:v>43999</c:v>
                </c:pt>
                <c:pt idx="7474">
                  <c:v>44000</c:v>
                </c:pt>
                <c:pt idx="7475">
                  <c:v>44001</c:v>
                </c:pt>
                <c:pt idx="7476">
                  <c:v>44002</c:v>
                </c:pt>
                <c:pt idx="7477">
                  <c:v>44003</c:v>
                </c:pt>
                <c:pt idx="7478">
                  <c:v>44004</c:v>
                </c:pt>
                <c:pt idx="7479">
                  <c:v>44005</c:v>
                </c:pt>
                <c:pt idx="7480">
                  <c:v>44006</c:v>
                </c:pt>
                <c:pt idx="7481">
                  <c:v>44007</c:v>
                </c:pt>
                <c:pt idx="7482">
                  <c:v>44008</c:v>
                </c:pt>
                <c:pt idx="7483">
                  <c:v>44009</c:v>
                </c:pt>
                <c:pt idx="7484">
                  <c:v>44010</c:v>
                </c:pt>
                <c:pt idx="7485">
                  <c:v>44011</c:v>
                </c:pt>
                <c:pt idx="7486">
                  <c:v>44012</c:v>
                </c:pt>
                <c:pt idx="7487">
                  <c:v>44013</c:v>
                </c:pt>
                <c:pt idx="7488">
                  <c:v>44014</c:v>
                </c:pt>
                <c:pt idx="7489">
                  <c:v>44015</c:v>
                </c:pt>
                <c:pt idx="7490">
                  <c:v>44016</c:v>
                </c:pt>
                <c:pt idx="7491">
                  <c:v>44017</c:v>
                </c:pt>
                <c:pt idx="7492">
                  <c:v>44018</c:v>
                </c:pt>
                <c:pt idx="7493">
                  <c:v>44019</c:v>
                </c:pt>
                <c:pt idx="7494">
                  <c:v>44020</c:v>
                </c:pt>
                <c:pt idx="7495">
                  <c:v>44021</c:v>
                </c:pt>
                <c:pt idx="7496">
                  <c:v>44022</c:v>
                </c:pt>
                <c:pt idx="7497">
                  <c:v>44023</c:v>
                </c:pt>
                <c:pt idx="7498">
                  <c:v>44024</c:v>
                </c:pt>
                <c:pt idx="7499">
                  <c:v>44025</c:v>
                </c:pt>
                <c:pt idx="7500">
                  <c:v>44026</c:v>
                </c:pt>
                <c:pt idx="7501">
                  <c:v>44027</c:v>
                </c:pt>
                <c:pt idx="7502">
                  <c:v>44028</c:v>
                </c:pt>
                <c:pt idx="7503">
                  <c:v>44029</c:v>
                </c:pt>
                <c:pt idx="7504">
                  <c:v>44030</c:v>
                </c:pt>
                <c:pt idx="7505">
                  <c:v>44031</c:v>
                </c:pt>
                <c:pt idx="7506">
                  <c:v>44032</c:v>
                </c:pt>
                <c:pt idx="7507">
                  <c:v>44033</c:v>
                </c:pt>
                <c:pt idx="7508">
                  <c:v>44034</c:v>
                </c:pt>
                <c:pt idx="7509">
                  <c:v>44035</c:v>
                </c:pt>
                <c:pt idx="7510">
                  <c:v>44036</c:v>
                </c:pt>
                <c:pt idx="7511">
                  <c:v>44037</c:v>
                </c:pt>
                <c:pt idx="7512">
                  <c:v>44038</c:v>
                </c:pt>
                <c:pt idx="7513">
                  <c:v>44039</c:v>
                </c:pt>
                <c:pt idx="7514">
                  <c:v>44040</c:v>
                </c:pt>
                <c:pt idx="7515">
                  <c:v>44041</c:v>
                </c:pt>
                <c:pt idx="7516">
                  <c:v>44042</c:v>
                </c:pt>
                <c:pt idx="7517">
                  <c:v>44043</c:v>
                </c:pt>
                <c:pt idx="7518">
                  <c:v>44044</c:v>
                </c:pt>
                <c:pt idx="7519">
                  <c:v>44045</c:v>
                </c:pt>
                <c:pt idx="7520">
                  <c:v>44046</c:v>
                </c:pt>
                <c:pt idx="7521">
                  <c:v>44047</c:v>
                </c:pt>
                <c:pt idx="7522">
                  <c:v>44048</c:v>
                </c:pt>
                <c:pt idx="7523">
                  <c:v>44049</c:v>
                </c:pt>
                <c:pt idx="7524">
                  <c:v>44050</c:v>
                </c:pt>
                <c:pt idx="7525">
                  <c:v>44051</c:v>
                </c:pt>
                <c:pt idx="7526">
                  <c:v>44052</c:v>
                </c:pt>
                <c:pt idx="7527">
                  <c:v>44053</c:v>
                </c:pt>
                <c:pt idx="7528">
                  <c:v>44054</c:v>
                </c:pt>
                <c:pt idx="7529">
                  <c:v>44055</c:v>
                </c:pt>
                <c:pt idx="7530">
                  <c:v>44056</c:v>
                </c:pt>
                <c:pt idx="7531">
                  <c:v>44057</c:v>
                </c:pt>
                <c:pt idx="7532">
                  <c:v>44058</c:v>
                </c:pt>
                <c:pt idx="7533">
                  <c:v>44059</c:v>
                </c:pt>
                <c:pt idx="7534">
                  <c:v>44060</c:v>
                </c:pt>
                <c:pt idx="7535">
                  <c:v>44061</c:v>
                </c:pt>
                <c:pt idx="7536">
                  <c:v>44062</c:v>
                </c:pt>
                <c:pt idx="7537">
                  <c:v>44063</c:v>
                </c:pt>
                <c:pt idx="7538">
                  <c:v>44064</c:v>
                </c:pt>
                <c:pt idx="7539">
                  <c:v>44065</c:v>
                </c:pt>
                <c:pt idx="7540">
                  <c:v>44066</c:v>
                </c:pt>
                <c:pt idx="7541">
                  <c:v>44067</c:v>
                </c:pt>
                <c:pt idx="7542">
                  <c:v>44068</c:v>
                </c:pt>
                <c:pt idx="7543">
                  <c:v>44069</c:v>
                </c:pt>
                <c:pt idx="7544">
                  <c:v>44070</c:v>
                </c:pt>
                <c:pt idx="7545">
                  <c:v>44071</c:v>
                </c:pt>
                <c:pt idx="7546">
                  <c:v>44072</c:v>
                </c:pt>
                <c:pt idx="7547">
                  <c:v>44073</c:v>
                </c:pt>
                <c:pt idx="7548">
                  <c:v>44074</c:v>
                </c:pt>
                <c:pt idx="7549">
                  <c:v>44075</c:v>
                </c:pt>
                <c:pt idx="7550">
                  <c:v>44076</c:v>
                </c:pt>
                <c:pt idx="7551">
                  <c:v>44077</c:v>
                </c:pt>
                <c:pt idx="7552">
                  <c:v>44078</c:v>
                </c:pt>
                <c:pt idx="7553">
                  <c:v>44079</c:v>
                </c:pt>
                <c:pt idx="7554">
                  <c:v>44080</c:v>
                </c:pt>
                <c:pt idx="7555">
                  <c:v>44081</c:v>
                </c:pt>
                <c:pt idx="7556">
                  <c:v>44082</c:v>
                </c:pt>
                <c:pt idx="7557">
                  <c:v>44083</c:v>
                </c:pt>
                <c:pt idx="7558">
                  <c:v>44084</c:v>
                </c:pt>
                <c:pt idx="7559">
                  <c:v>44085</c:v>
                </c:pt>
                <c:pt idx="7560">
                  <c:v>44086</c:v>
                </c:pt>
                <c:pt idx="7561">
                  <c:v>44087</c:v>
                </c:pt>
                <c:pt idx="7562">
                  <c:v>44088</c:v>
                </c:pt>
                <c:pt idx="7563">
                  <c:v>44089</c:v>
                </c:pt>
                <c:pt idx="7564">
                  <c:v>44090</c:v>
                </c:pt>
                <c:pt idx="7565">
                  <c:v>44091</c:v>
                </c:pt>
                <c:pt idx="7566">
                  <c:v>44092</c:v>
                </c:pt>
                <c:pt idx="7567">
                  <c:v>44093</c:v>
                </c:pt>
                <c:pt idx="7568">
                  <c:v>44094</c:v>
                </c:pt>
                <c:pt idx="7569">
                  <c:v>44095</c:v>
                </c:pt>
                <c:pt idx="7570">
                  <c:v>44096</c:v>
                </c:pt>
                <c:pt idx="7571">
                  <c:v>44097</c:v>
                </c:pt>
                <c:pt idx="7572">
                  <c:v>44098</c:v>
                </c:pt>
                <c:pt idx="7573">
                  <c:v>44099</c:v>
                </c:pt>
                <c:pt idx="7574">
                  <c:v>44100</c:v>
                </c:pt>
                <c:pt idx="7575">
                  <c:v>44101</c:v>
                </c:pt>
                <c:pt idx="7576">
                  <c:v>44102</c:v>
                </c:pt>
                <c:pt idx="7577">
                  <c:v>44103</c:v>
                </c:pt>
                <c:pt idx="7578">
                  <c:v>44104</c:v>
                </c:pt>
                <c:pt idx="7579">
                  <c:v>44105</c:v>
                </c:pt>
                <c:pt idx="7580">
                  <c:v>44106</c:v>
                </c:pt>
                <c:pt idx="7581">
                  <c:v>44107</c:v>
                </c:pt>
                <c:pt idx="7582">
                  <c:v>44108</c:v>
                </c:pt>
                <c:pt idx="7583">
                  <c:v>44109</c:v>
                </c:pt>
                <c:pt idx="7584">
                  <c:v>44110</c:v>
                </c:pt>
                <c:pt idx="7585">
                  <c:v>44111</c:v>
                </c:pt>
                <c:pt idx="7586">
                  <c:v>44112</c:v>
                </c:pt>
                <c:pt idx="7587">
                  <c:v>44113</c:v>
                </c:pt>
                <c:pt idx="7588">
                  <c:v>44114</c:v>
                </c:pt>
                <c:pt idx="7589">
                  <c:v>44115</c:v>
                </c:pt>
                <c:pt idx="7590">
                  <c:v>44116</c:v>
                </c:pt>
                <c:pt idx="7591">
                  <c:v>44117</c:v>
                </c:pt>
                <c:pt idx="7592">
                  <c:v>44118</c:v>
                </c:pt>
                <c:pt idx="7593">
                  <c:v>44119</c:v>
                </c:pt>
                <c:pt idx="7594">
                  <c:v>44120</c:v>
                </c:pt>
                <c:pt idx="7595">
                  <c:v>44121</c:v>
                </c:pt>
                <c:pt idx="7596">
                  <c:v>44122</c:v>
                </c:pt>
                <c:pt idx="7597">
                  <c:v>44123</c:v>
                </c:pt>
                <c:pt idx="7598">
                  <c:v>44124</c:v>
                </c:pt>
                <c:pt idx="7599">
                  <c:v>44125</c:v>
                </c:pt>
                <c:pt idx="7600">
                  <c:v>44126</c:v>
                </c:pt>
                <c:pt idx="7601">
                  <c:v>44127</c:v>
                </c:pt>
                <c:pt idx="7602">
                  <c:v>44128</c:v>
                </c:pt>
                <c:pt idx="7603">
                  <c:v>44129</c:v>
                </c:pt>
                <c:pt idx="7604">
                  <c:v>44130</c:v>
                </c:pt>
                <c:pt idx="7605">
                  <c:v>44131</c:v>
                </c:pt>
                <c:pt idx="7606">
                  <c:v>44132</c:v>
                </c:pt>
                <c:pt idx="7607">
                  <c:v>44133</c:v>
                </c:pt>
                <c:pt idx="7608">
                  <c:v>44134</c:v>
                </c:pt>
                <c:pt idx="7609">
                  <c:v>44135</c:v>
                </c:pt>
                <c:pt idx="7610">
                  <c:v>44136</c:v>
                </c:pt>
                <c:pt idx="7611">
                  <c:v>44137</c:v>
                </c:pt>
                <c:pt idx="7612">
                  <c:v>44138</c:v>
                </c:pt>
                <c:pt idx="7613">
                  <c:v>44139</c:v>
                </c:pt>
                <c:pt idx="7614">
                  <c:v>44140</c:v>
                </c:pt>
                <c:pt idx="7615">
                  <c:v>44141</c:v>
                </c:pt>
                <c:pt idx="7616">
                  <c:v>44142</c:v>
                </c:pt>
                <c:pt idx="7617">
                  <c:v>44143</c:v>
                </c:pt>
                <c:pt idx="7618">
                  <c:v>44144</c:v>
                </c:pt>
                <c:pt idx="7619">
                  <c:v>44145</c:v>
                </c:pt>
                <c:pt idx="7620">
                  <c:v>44146</c:v>
                </c:pt>
                <c:pt idx="7621">
                  <c:v>44147</c:v>
                </c:pt>
                <c:pt idx="7622">
                  <c:v>44148</c:v>
                </c:pt>
                <c:pt idx="7623">
                  <c:v>44149</c:v>
                </c:pt>
                <c:pt idx="7624">
                  <c:v>44150</c:v>
                </c:pt>
                <c:pt idx="7625">
                  <c:v>44151</c:v>
                </c:pt>
                <c:pt idx="7626">
                  <c:v>44152</c:v>
                </c:pt>
                <c:pt idx="7627">
                  <c:v>44153</c:v>
                </c:pt>
                <c:pt idx="7628">
                  <c:v>44154</c:v>
                </c:pt>
                <c:pt idx="7629">
                  <c:v>44155</c:v>
                </c:pt>
                <c:pt idx="7630">
                  <c:v>44156</c:v>
                </c:pt>
                <c:pt idx="7631">
                  <c:v>44157</c:v>
                </c:pt>
                <c:pt idx="7632">
                  <c:v>44158</c:v>
                </c:pt>
                <c:pt idx="7633">
                  <c:v>44159</c:v>
                </c:pt>
                <c:pt idx="7634">
                  <c:v>44160</c:v>
                </c:pt>
                <c:pt idx="7635">
                  <c:v>44161</c:v>
                </c:pt>
                <c:pt idx="7636">
                  <c:v>44162</c:v>
                </c:pt>
                <c:pt idx="7637">
                  <c:v>44163</c:v>
                </c:pt>
                <c:pt idx="7638">
                  <c:v>44164</c:v>
                </c:pt>
                <c:pt idx="7639">
                  <c:v>44165</c:v>
                </c:pt>
                <c:pt idx="7640">
                  <c:v>44166</c:v>
                </c:pt>
                <c:pt idx="7641">
                  <c:v>44167</c:v>
                </c:pt>
                <c:pt idx="7642">
                  <c:v>44168</c:v>
                </c:pt>
                <c:pt idx="7643">
                  <c:v>44169</c:v>
                </c:pt>
                <c:pt idx="7644">
                  <c:v>44170</c:v>
                </c:pt>
                <c:pt idx="7645">
                  <c:v>44171</c:v>
                </c:pt>
                <c:pt idx="7646">
                  <c:v>44172</c:v>
                </c:pt>
                <c:pt idx="7647">
                  <c:v>44173</c:v>
                </c:pt>
                <c:pt idx="7648">
                  <c:v>44174</c:v>
                </c:pt>
                <c:pt idx="7649">
                  <c:v>44175</c:v>
                </c:pt>
                <c:pt idx="7650">
                  <c:v>44176</c:v>
                </c:pt>
                <c:pt idx="7651">
                  <c:v>44177</c:v>
                </c:pt>
                <c:pt idx="7652">
                  <c:v>44178</c:v>
                </c:pt>
                <c:pt idx="7653">
                  <c:v>44179</c:v>
                </c:pt>
                <c:pt idx="7654">
                  <c:v>44180</c:v>
                </c:pt>
                <c:pt idx="7655">
                  <c:v>44181</c:v>
                </c:pt>
                <c:pt idx="7656">
                  <c:v>44182</c:v>
                </c:pt>
                <c:pt idx="7657">
                  <c:v>44183</c:v>
                </c:pt>
                <c:pt idx="7658">
                  <c:v>44184</c:v>
                </c:pt>
                <c:pt idx="7659">
                  <c:v>44185</c:v>
                </c:pt>
                <c:pt idx="7660">
                  <c:v>44186</c:v>
                </c:pt>
                <c:pt idx="7661">
                  <c:v>44187</c:v>
                </c:pt>
                <c:pt idx="7662">
                  <c:v>44188</c:v>
                </c:pt>
                <c:pt idx="7663">
                  <c:v>44189</c:v>
                </c:pt>
                <c:pt idx="7664">
                  <c:v>44190</c:v>
                </c:pt>
                <c:pt idx="7665">
                  <c:v>44191</c:v>
                </c:pt>
                <c:pt idx="7666">
                  <c:v>44192</c:v>
                </c:pt>
                <c:pt idx="7667">
                  <c:v>44193</c:v>
                </c:pt>
                <c:pt idx="7668">
                  <c:v>44194</c:v>
                </c:pt>
                <c:pt idx="7669">
                  <c:v>44195</c:v>
                </c:pt>
                <c:pt idx="7670">
                  <c:v>44196</c:v>
                </c:pt>
                <c:pt idx="7671">
                  <c:v>44197</c:v>
                </c:pt>
                <c:pt idx="7672">
                  <c:v>44198</c:v>
                </c:pt>
                <c:pt idx="7673">
                  <c:v>44199</c:v>
                </c:pt>
                <c:pt idx="7674">
                  <c:v>44200</c:v>
                </c:pt>
                <c:pt idx="7675">
                  <c:v>44201</c:v>
                </c:pt>
                <c:pt idx="7676">
                  <c:v>44202</c:v>
                </c:pt>
                <c:pt idx="7677">
                  <c:v>44203</c:v>
                </c:pt>
                <c:pt idx="7678">
                  <c:v>44204</c:v>
                </c:pt>
                <c:pt idx="7679">
                  <c:v>44205</c:v>
                </c:pt>
                <c:pt idx="7680">
                  <c:v>44206</c:v>
                </c:pt>
                <c:pt idx="7681">
                  <c:v>44207</c:v>
                </c:pt>
                <c:pt idx="7682">
                  <c:v>44208</c:v>
                </c:pt>
                <c:pt idx="7683">
                  <c:v>44209</c:v>
                </c:pt>
                <c:pt idx="7684">
                  <c:v>44210</c:v>
                </c:pt>
                <c:pt idx="7685">
                  <c:v>44211</c:v>
                </c:pt>
                <c:pt idx="7686">
                  <c:v>44212</c:v>
                </c:pt>
                <c:pt idx="7687">
                  <c:v>44213</c:v>
                </c:pt>
                <c:pt idx="7688">
                  <c:v>44214</c:v>
                </c:pt>
                <c:pt idx="7689">
                  <c:v>44215</c:v>
                </c:pt>
                <c:pt idx="7690">
                  <c:v>44216</c:v>
                </c:pt>
                <c:pt idx="7691">
                  <c:v>44217</c:v>
                </c:pt>
                <c:pt idx="7692">
                  <c:v>44218</c:v>
                </c:pt>
                <c:pt idx="7693">
                  <c:v>44219</c:v>
                </c:pt>
                <c:pt idx="7694">
                  <c:v>44220</c:v>
                </c:pt>
                <c:pt idx="7695">
                  <c:v>44221</c:v>
                </c:pt>
                <c:pt idx="7696">
                  <c:v>44222</c:v>
                </c:pt>
                <c:pt idx="7697">
                  <c:v>44223</c:v>
                </c:pt>
                <c:pt idx="7698">
                  <c:v>44224</c:v>
                </c:pt>
                <c:pt idx="7699">
                  <c:v>44225</c:v>
                </c:pt>
                <c:pt idx="7700">
                  <c:v>44226</c:v>
                </c:pt>
                <c:pt idx="7701">
                  <c:v>44227</c:v>
                </c:pt>
                <c:pt idx="7702">
                  <c:v>44228</c:v>
                </c:pt>
                <c:pt idx="7703">
                  <c:v>44229</c:v>
                </c:pt>
                <c:pt idx="7704">
                  <c:v>44230</c:v>
                </c:pt>
                <c:pt idx="7705">
                  <c:v>44231</c:v>
                </c:pt>
                <c:pt idx="7706">
                  <c:v>44232</c:v>
                </c:pt>
                <c:pt idx="7707">
                  <c:v>44233</c:v>
                </c:pt>
                <c:pt idx="7708">
                  <c:v>44234</c:v>
                </c:pt>
                <c:pt idx="7709">
                  <c:v>44235</c:v>
                </c:pt>
                <c:pt idx="7710">
                  <c:v>44236</c:v>
                </c:pt>
                <c:pt idx="7711">
                  <c:v>44237</c:v>
                </c:pt>
                <c:pt idx="7712">
                  <c:v>44238</c:v>
                </c:pt>
                <c:pt idx="7713">
                  <c:v>44239</c:v>
                </c:pt>
                <c:pt idx="7714">
                  <c:v>44240</c:v>
                </c:pt>
                <c:pt idx="7715">
                  <c:v>44241</c:v>
                </c:pt>
                <c:pt idx="7716">
                  <c:v>44242</c:v>
                </c:pt>
                <c:pt idx="7717">
                  <c:v>44243</c:v>
                </c:pt>
                <c:pt idx="7718">
                  <c:v>44244</c:v>
                </c:pt>
                <c:pt idx="7719">
                  <c:v>44245</c:v>
                </c:pt>
                <c:pt idx="7720">
                  <c:v>44246</c:v>
                </c:pt>
                <c:pt idx="7721">
                  <c:v>44247</c:v>
                </c:pt>
                <c:pt idx="7722">
                  <c:v>44248</c:v>
                </c:pt>
                <c:pt idx="7723">
                  <c:v>44249</c:v>
                </c:pt>
                <c:pt idx="7724">
                  <c:v>44250</c:v>
                </c:pt>
                <c:pt idx="7725">
                  <c:v>44251</c:v>
                </c:pt>
                <c:pt idx="7726">
                  <c:v>44252</c:v>
                </c:pt>
                <c:pt idx="7727">
                  <c:v>44253</c:v>
                </c:pt>
                <c:pt idx="7728">
                  <c:v>44254</c:v>
                </c:pt>
                <c:pt idx="7729">
                  <c:v>44255</c:v>
                </c:pt>
                <c:pt idx="7730">
                  <c:v>44256</c:v>
                </c:pt>
                <c:pt idx="7731">
                  <c:v>44257</c:v>
                </c:pt>
                <c:pt idx="7732">
                  <c:v>44258</c:v>
                </c:pt>
                <c:pt idx="7733">
                  <c:v>44259</c:v>
                </c:pt>
                <c:pt idx="7734">
                  <c:v>44260</c:v>
                </c:pt>
                <c:pt idx="7735">
                  <c:v>44261</c:v>
                </c:pt>
                <c:pt idx="7736">
                  <c:v>44262</c:v>
                </c:pt>
                <c:pt idx="7737">
                  <c:v>44263</c:v>
                </c:pt>
                <c:pt idx="7738">
                  <c:v>44264</c:v>
                </c:pt>
                <c:pt idx="7739">
                  <c:v>44265</c:v>
                </c:pt>
                <c:pt idx="7740">
                  <c:v>44266</c:v>
                </c:pt>
                <c:pt idx="7741">
                  <c:v>44267</c:v>
                </c:pt>
                <c:pt idx="7742">
                  <c:v>44268</c:v>
                </c:pt>
                <c:pt idx="7743">
                  <c:v>44269</c:v>
                </c:pt>
                <c:pt idx="7744">
                  <c:v>44270</c:v>
                </c:pt>
                <c:pt idx="7745">
                  <c:v>44271</c:v>
                </c:pt>
                <c:pt idx="7746">
                  <c:v>44272</c:v>
                </c:pt>
                <c:pt idx="7747">
                  <c:v>44273</c:v>
                </c:pt>
                <c:pt idx="7748">
                  <c:v>44274</c:v>
                </c:pt>
                <c:pt idx="7749">
                  <c:v>44275</c:v>
                </c:pt>
                <c:pt idx="7750">
                  <c:v>44276</c:v>
                </c:pt>
                <c:pt idx="7751">
                  <c:v>44277</c:v>
                </c:pt>
                <c:pt idx="7752">
                  <c:v>44278</c:v>
                </c:pt>
                <c:pt idx="7753">
                  <c:v>44279</c:v>
                </c:pt>
                <c:pt idx="7754">
                  <c:v>44280</c:v>
                </c:pt>
                <c:pt idx="7755">
                  <c:v>44281</c:v>
                </c:pt>
                <c:pt idx="7756">
                  <c:v>44282</c:v>
                </c:pt>
                <c:pt idx="7757">
                  <c:v>44283</c:v>
                </c:pt>
                <c:pt idx="7758">
                  <c:v>44284</c:v>
                </c:pt>
                <c:pt idx="7759">
                  <c:v>44285</c:v>
                </c:pt>
                <c:pt idx="7760">
                  <c:v>44286</c:v>
                </c:pt>
                <c:pt idx="7761">
                  <c:v>44287</c:v>
                </c:pt>
                <c:pt idx="7762">
                  <c:v>44288</c:v>
                </c:pt>
                <c:pt idx="7763">
                  <c:v>44289</c:v>
                </c:pt>
                <c:pt idx="7764">
                  <c:v>44290</c:v>
                </c:pt>
                <c:pt idx="7765">
                  <c:v>44291</c:v>
                </c:pt>
                <c:pt idx="7766">
                  <c:v>44292</c:v>
                </c:pt>
                <c:pt idx="7767">
                  <c:v>44293</c:v>
                </c:pt>
                <c:pt idx="7768">
                  <c:v>44294</c:v>
                </c:pt>
                <c:pt idx="7769">
                  <c:v>44295</c:v>
                </c:pt>
                <c:pt idx="7770">
                  <c:v>44296</c:v>
                </c:pt>
                <c:pt idx="7771">
                  <c:v>44297</c:v>
                </c:pt>
                <c:pt idx="7772">
                  <c:v>44298</c:v>
                </c:pt>
                <c:pt idx="7773">
                  <c:v>44299</c:v>
                </c:pt>
                <c:pt idx="7774">
                  <c:v>44300</c:v>
                </c:pt>
                <c:pt idx="7775">
                  <c:v>44301</c:v>
                </c:pt>
                <c:pt idx="7776">
                  <c:v>44302</c:v>
                </c:pt>
                <c:pt idx="7777">
                  <c:v>44303</c:v>
                </c:pt>
                <c:pt idx="7778">
                  <c:v>44304</c:v>
                </c:pt>
                <c:pt idx="7779">
                  <c:v>44305</c:v>
                </c:pt>
                <c:pt idx="7780">
                  <c:v>44306</c:v>
                </c:pt>
                <c:pt idx="7781">
                  <c:v>44307</c:v>
                </c:pt>
                <c:pt idx="7782">
                  <c:v>44308</c:v>
                </c:pt>
                <c:pt idx="7783">
                  <c:v>44309</c:v>
                </c:pt>
                <c:pt idx="7784">
                  <c:v>44310</c:v>
                </c:pt>
                <c:pt idx="7785">
                  <c:v>44311</c:v>
                </c:pt>
                <c:pt idx="7786">
                  <c:v>44312</c:v>
                </c:pt>
                <c:pt idx="7787">
                  <c:v>44313</c:v>
                </c:pt>
                <c:pt idx="7788">
                  <c:v>44314</c:v>
                </c:pt>
                <c:pt idx="7789">
                  <c:v>44315</c:v>
                </c:pt>
                <c:pt idx="7790">
                  <c:v>44316</c:v>
                </c:pt>
                <c:pt idx="7791">
                  <c:v>44317</c:v>
                </c:pt>
                <c:pt idx="7792">
                  <c:v>44318</c:v>
                </c:pt>
                <c:pt idx="7793">
                  <c:v>44319</c:v>
                </c:pt>
                <c:pt idx="7794">
                  <c:v>44320</c:v>
                </c:pt>
                <c:pt idx="7795">
                  <c:v>44321</c:v>
                </c:pt>
                <c:pt idx="7796">
                  <c:v>44322</c:v>
                </c:pt>
                <c:pt idx="7797">
                  <c:v>44323</c:v>
                </c:pt>
                <c:pt idx="7798">
                  <c:v>44324</c:v>
                </c:pt>
                <c:pt idx="7799">
                  <c:v>44325</c:v>
                </c:pt>
                <c:pt idx="7800">
                  <c:v>44326</c:v>
                </c:pt>
                <c:pt idx="7801">
                  <c:v>44327</c:v>
                </c:pt>
                <c:pt idx="7802">
                  <c:v>44328</c:v>
                </c:pt>
                <c:pt idx="7803">
                  <c:v>44329</c:v>
                </c:pt>
                <c:pt idx="7804">
                  <c:v>44330</c:v>
                </c:pt>
                <c:pt idx="7805">
                  <c:v>44331</c:v>
                </c:pt>
                <c:pt idx="7806">
                  <c:v>44332</c:v>
                </c:pt>
                <c:pt idx="7807">
                  <c:v>44333</c:v>
                </c:pt>
                <c:pt idx="7808">
                  <c:v>44334</c:v>
                </c:pt>
                <c:pt idx="7809">
                  <c:v>44335</c:v>
                </c:pt>
                <c:pt idx="7810">
                  <c:v>44336</c:v>
                </c:pt>
                <c:pt idx="7811">
                  <c:v>44337</c:v>
                </c:pt>
                <c:pt idx="7812">
                  <c:v>44338</c:v>
                </c:pt>
                <c:pt idx="7813">
                  <c:v>44339</c:v>
                </c:pt>
                <c:pt idx="7814">
                  <c:v>44340</c:v>
                </c:pt>
                <c:pt idx="7815">
                  <c:v>44341</c:v>
                </c:pt>
                <c:pt idx="7816">
                  <c:v>44342</c:v>
                </c:pt>
                <c:pt idx="7817">
                  <c:v>44343</c:v>
                </c:pt>
                <c:pt idx="7818">
                  <c:v>44344</c:v>
                </c:pt>
                <c:pt idx="7819">
                  <c:v>44345</c:v>
                </c:pt>
                <c:pt idx="7820">
                  <c:v>44346</c:v>
                </c:pt>
                <c:pt idx="7821">
                  <c:v>44347</c:v>
                </c:pt>
                <c:pt idx="7822">
                  <c:v>44348</c:v>
                </c:pt>
                <c:pt idx="7823">
                  <c:v>44349</c:v>
                </c:pt>
                <c:pt idx="7824">
                  <c:v>44350</c:v>
                </c:pt>
                <c:pt idx="7825">
                  <c:v>44351</c:v>
                </c:pt>
                <c:pt idx="7826">
                  <c:v>44352</c:v>
                </c:pt>
                <c:pt idx="7827">
                  <c:v>44353</c:v>
                </c:pt>
                <c:pt idx="7828">
                  <c:v>44354</c:v>
                </c:pt>
                <c:pt idx="7829">
                  <c:v>44355</c:v>
                </c:pt>
                <c:pt idx="7830">
                  <c:v>44356</c:v>
                </c:pt>
                <c:pt idx="7831">
                  <c:v>44357</c:v>
                </c:pt>
                <c:pt idx="7832">
                  <c:v>44358</c:v>
                </c:pt>
                <c:pt idx="7833">
                  <c:v>44359</c:v>
                </c:pt>
                <c:pt idx="7834">
                  <c:v>44360</c:v>
                </c:pt>
                <c:pt idx="7835">
                  <c:v>44361</c:v>
                </c:pt>
                <c:pt idx="7836">
                  <c:v>44362</c:v>
                </c:pt>
                <c:pt idx="7837">
                  <c:v>44363</c:v>
                </c:pt>
                <c:pt idx="7838">
                  <c:v>44364</c:v>
                </c:pt>
                <c:pt idx="7839">
                  <c:v>44365</c:v>
                </c:pt>
                <c:pt idx="7840">
                  <c:v>44366</c:v>
                </c:pt>
                <c:pt idx="7841">
                  <c:v>44367</c:v>
                </c:pt>
                <c:pt idx="7842">
                  <c:v>44368</c:v>
                </c:pt>
                <c:pt idx="7843">
                  <c:v>44369</c:v>
                </c:pt>
                <c:pt idx="7844">
                  <c:v>44370</c:v>
                </c:pt>
                <c:pt idx="7845">
                  <c:v>44371</c:v>
                </c:pt>
                <c:pt idx="7846">
                  <c:v>44372</c:v>
                </c:pt>
                <c:pt idx="7847">
                  <c:v>44373</c:v>
                </c:pt>
                <c:pt idx="7848">
                  <c:v>44374</c:v>
                </c:pt>
                <c:pt idx="7849">
                  <c:v>44375</c:v>
                </c:pt>
                <c:pt idx="7850">
                  <c:v>44376</c:v>
                </c:pt>
                <c:pt idx="7851">
                  <c:v>44377</c:v>
                </c:pt>
                <c:pt idx="7852">
                  <c:v>44378</c:v>
                </c:pt>
                <c:pt idx="7853">
                  <c:v>44379</c:v>
                </c:pt>
                <c:pt idx="7854">
                  <c:v>44380</c:v>
                </c:pt>
                <c:pt idx="7855">
                  <c:v>44381</c:v>
                </c:pt>
                <c:pt idx="7856">
                  <c:v>44382</c:v>
                </c:pt>
                <c:pt idx="7857">
                  <c:v>44383</c:v>
                </c:pt>
                <c:pt idx="7858">
                  <c:v>44384</c:v>
                </c:pt>
                <c:pt idx="7859">
                  <c:v>44385</c:v>
                </c:pt>
                <c:pt idx="7860">
                  <c:v>44386</c:v>
                </c:pt>
                <c:pt idx="7861">
                  <c:v>44387</c:v>
                </c:pt>
                <c:pt idx="7862">
                  <c:v>44388</c:v>
                </c:pt>
                <c:pt idx="7863">
                  <c:v>44389</c:v>
                </c:pt>
                <c:pt idx="7864">
                  <c:v>44390</c:v>
                </c:pt>
                <c:pt idx="7865">
                  <c:v>44391</c:v>
                </c:pt>
                <c:pt idx="7866">
                  <c:v>44392</c:v>
                </c:pt>
                <c:pt idx="7867">
                  <c:v>44393</c:v>
                </c:pt>
                <c:pt idx="7868">
                  <c:v>44394</c:v>
                </c:pt>
                <c:pt idx="7869">
                  <c:v>44395</c:v>
                </c:pt>
                <c:pt idx="7870">
                  <c:v>44396</c:v>
                </c:pt>
                <c:pt idx="7871">
                  <c:v>44397</c:v>
                </c:pt>
                <c:pt idx="7872">
                  <c:v>44398</c:v>
                </c:pt>
                <c:pt idx="7873">
                  <c:v>44399</c:v>
                </c:pt>
                <c:pt idx="7874">
                  <c:v>44400</c:v>
                </c:pt>
                <c:pt idx="7875">
                  <c:v>44401</c:v>
                </c:pt>
                <c:pt idx="7876">
                  <c:v>44402</c:v>
                </c:pt>
                <c:pt idx="7877">
                  <c:v>44403</c:v>
                </c:pt>
                <c:pt idx="7878">
                  <c:v>44404</c:v>
                </c:pt>
                <c:pt idx="7879">
                  <c:v>44405</c:v>
                </c:pt>
                <c:pt idx="7880">
                  <c:v>44406</c:v>
                </c:pt>
                <c:pt idx="7881">
                  <c:v>44407</c:v>
                </c:pt>
                <c:pt idx="7882">
                  <c:v>44408</c:v>
                </c:pt>
                <c:pt idx="7883">
                  <c:v>44409</c:v>
                </c:pt>
                <c:pt idx="7884">
                  <c:v>44410</c:v>
                </c:pt>
                <c:pt idx="7885">
                  <c:v>44411</c:v>
                </c:pt>
                <c:pt idx="7886">
                  <c:v>44412</c:v>
                </c:pt>
                <c:pt idx="7887">
                  <c:v>44413</c:v>
                </c:pt>
                <c:pt idx="7888">
                  <c:v>44414</c:v>
                </c:pt>
                <c:pt idx="7889">
                  <c:v>44415</c:v>
                </c:pt>
                <c:pt idx="7890">
                  <c:v>44416</c:v>
                </c:pt>
                <c:pt idx="7891">
                  <c:v>44417</c:v>
                </c:pt>
                <c:pt idx="7892">
                  <c:v>44418</c:v>
                </c:pt>
                <c:pt idx="7893">
                  <c:v>44419</c:v>
                </c:pt>
                <c:pt idx="7894">
                  <c:v>44420</c:v>
                </c:pt>
                <c:pt idx="7895">
                  <c:v>44421</c:v>
                </c:pt>
                <c:pt idx="7896">
                  <c:v>44422</c:v>
                </c:pt>
                <c:pt idx="7897">
                  <c:v>44423</c:v>
                </c:pt>
                <c:pt idx="7898">
                  <c:v>44424</c:v>
                </c:pt>
                <c:pt idx="7899">
                  <c:v>44425</c:v>
                </c:pt>
                <c:pt idx="7900">
                  <c:v>44426</c:v>
                </c:pt>
                <c:pt idx="7901">
                  <c:v>44427</c:v>
                </c:pt>
                <c:pt idx="7902">
                  <c:v>44428</c:v>
                </c:pt>
                <c:pt idx="7903">
                  <c:v>44429</c:v>
                </c:pt>
                <c:pt idx="7904">
                  <c:v>44430</c:v>
                </c:pt>
                <c:pt idx="7905">
                  <c:v>44431</c:v>
                </c:pt>
                <c:pt idx="7906">
                  <c:v>44432</c:v>
                </c:pt>
                <c:pt idx="7907">
                  <c:v>44433</c:v>
                </c:pt>
                <c:pt idx="7908">
                  <c:v>44434</c:v>
                </c:pt>
                <c:pt idx="7909">
                  <c:v>44435</c:v>
                </c:pt>
                <c:pt idx="7910">
                  <c:v>44436</c:v>
                </c:pt>
                <c:pt idx="7911">
                  <c:v>44437</c:v>
                </c:pt>
                <c:pt idx="7912">
                  <c:v>44438</c:v>
                </c:pt>
                <c:pt idx="7913">
                  <c:v>44439</c:v>
                </c:pt>
                <c:pt idx="7914">
                  <c:v>44440</c:v>
                </c:pt>
                <c:pt idx="7915">
                  <c:v>44441</c:v>
                </c:pt>
                <c:pt idx="7916">
                  <c:v>44442</c:v>
                </c:pt>
                <c:pt idx="7917">
                  <c:v>44443</c:v>
                </c:pt>
                <c:pt idx="7918">
                  <c:v>44444</c:v>
                </c:pt>
                <c:pt idx="7919">
                  <c:v>44445</c:v>
                </c:pt>
                <c:pt idx="7920">
                  <c:v>44446</c:v>
                </c:pt>
                <c:pt idx="7921">
                  <c:v>44447</c:v>
                </c:pt>
                <c:pt idx="7922">
                  <c:v>44448</c:v>
                </c:pt>
                <c:pt idx="7923">
                  <c:v>44449</c:v>
                </c:pt>
                <c:pt idx="7924">
                  <c:v>44450</c:v>
                </c:pt>
                <c:pt idx="7925">
                  <c:v>44451</c:v>
                </c:pt>
                <c:pt idx="7926">
                  <c:v>44452</c:v>
                </c:pt>
                <c:pt idx="7927">
                  <c:v>44453</c:v>
                </c:pt>
                <c:pt idx="7928">
                  <c:v>44454</c:v>
                </c:pt>
                <c:pt idx="7929">
                  <c:v>44455</c:v>
                </c:pt>
                <c:pt idx="7930">
                  <c:v>44456</c:v>
                </c:pt>
                <c:pt idx="7931">
                  <c:v>44457</c:v>
                </c:pt>
                <c:pt idx="7932">
                  <c:v>44458</c:v>
                </c:pt>
                <c:pt idx="7933">
                  <c:v>44459</c:v>
                </c:pt>
                <c:pt idx="7934">
                  <c:v>44460</c:v>
                </c:pt>
                <c:pt idx="7935">
                  <c:v>44461</c:v>
                </c:pt>
                <c:pt idx="7936">
                  <c:v>44462</c:v>
                </c:pt>
                <c:pt idx="7937">
                  <c:v>44463</c:v>
                </c:pt>
                <c:pt idx="7938">
                  <c:v>44464</c:v>
                </c:pt>
                <c:pt idx="7939">
                  <c:v>44465</c:v>
                </c:pt>
                <c:pt idx="7940">
                  <c:v>44466</c:v>
                </c:pt>
                <c:pt idx="7941">
                  <c:v>44467</c:v>
                </c:pt>
                <c:pt idx="7942">
                  <c:v>44468</c:v>
                </c:pt>
                <c:pt idx="7943">
                  <c:v>44469</c:v>
                </c:pt>
                <c:pt idx="7944">
                  <c:v>44470</c:v>
                </c:pt>
                <c:pt idx="7945">
                  <c:v>44471</c:v>
                </c:pt>
                <c:pt idx="7946">
                  <c:v>44472</c:v>
                </c:pt>
                <c:pt idx="7947">
                  <c:v>44473</c:v>
                </c:pt>
                <c:pt idx="7948">
                  <c:v>44474</c:v>
                </c:pt>
                <c:pt idx="7949">
                  <c:v>44475</c:v>
                </c:pt>
                <c:pt idx="7950">
                  <c:v>44476</c:v>
                </c:pt>
                <c:pt idx="7951">
                  <c:v>44477</c:v>
                </c:pt>
                <c:pt idx="7952">
                  <c:v>44478</c:v>
                </c:pt>
                <c:pt idx="7953">
                  <c:v>44479</c:v>
                </c:pt>
                <c:pt idx="7954">
                  <c:v>44480</c:v>
                </c:pt>
                <c:pt idx="7955">
                  <c:v>44481</c:v>
                </c:pt>
                <c:pt idx="7956">
                  <c:v>44482</c:v>
                </c:pt>
                <c:pt idx="7957">
                  <c:v>44483</c:v>
                </c:pt>
                <c:pt idx="7958">
                  <c:v>44484</c:v>
                </c:pt>
                <c:pt idx="7959">
                  <c:v>44485</c:v>
                </c:pt>
                <c:pt idx="7960">
                  <c:v>44486</c:v>
                </c:pt>
                <c:pt idx="7961">
                  <c:v>44487</c:v>
                </c:pt>
                <c:pt idx="7962">
                  <c:v>44488</c:v>
                </c:pt>
                <c:pt idx="7963">
                  <c:v>44489</c:v>
                </c:pt>
                <c:pt idx="7964">
                  <c:v>44490</c:v>
                </c:pt>
                <c:pt idx="7965">
                  <c:v>44491</c:v>
                </c:pt>
                <c:pt idx="7966">
                  <c:v>44492</c:v>
                </c:pt>
                <c:pt idx="7967">
                  <c:v>44493</c:v>
                </c:pt>
                <c:pt idx="7968">
                  <c:v>44494</c:v>
                </c:pt>
                <c:pt idx="7969">
                  <c:v>44495</c:v>
                </c:pt>
                <c:pt idx="7970">
                  <c:v>44496</c:v>
                </c:pt>
                <c:pt idx="7971">
                  <c:v>44497</c:v>
                </c:pt>
                <c:pt idx="7972">
                  <c:v>44498</c:v>
                </c:pt>
                <c:pt idx="7973">
                  <c:v>44499</c:v>
                </c:pt>
                <c:pt idx="7974">
                  <c:v>44500</c:v>
                </c:pt>
                <c:pt idx="7975">
                  <c:v>44501</c:v>
                </c:pt>
                <c:pt idx="7976">
                  <c:v>44502</c:v>
                </c:pt>
                <c:pt idx="7977">
                  <c:v>44503</c:v>
                </c:pt>
                <c:pt idx="7978">
                  <c:v>44504</c:v>
                </c:pt>
                <c:pt idx="7979">
                  <c:v>44505</c:v>
                </c:pt>
                <c:pt idx="7980">
                  <c:v>44506</c:v>
                </c:pt>
                <c:pt idx="7981">
                  <c:v>44507</c:v>
                </c:pt>
                <c:pt idx="7982">
                  <c:v>44508</c:v>
                </c:pt>
                <c:pt idx="7983">
                  <c:v>44509</c:v>
                </c:pt>
                <c:pt idx="7984">
                  <c:v>44510</c:v>
                </c:pt>
                <c:pt idx="7985">
                  <c:v>44511</c:v>
                </c:pt>
                <c:pt idx="7986">
                  <c:v>44512</c:v>
                </c:pt>
                <c:pt idx="7987">
                  <c:v>44513</c:v>
                </c:pt>
                <c:pt idx="7988">
                  <c:v>44514</c:v>
                </c:pt>
                <c:pt idx="7989">
                  <c:v>44515</c:v>
                </c:pt>
                <c:pt idx="7990">
                  <c:v>44516</c:v>
                </c:pt>
                <c:pt idx="7991">
                  <c:v>44517</c:v>
                </c:pt>
                <c:pt idx="7992">
                  <c:v>44518</c:v>
                </c:pt>
                <c:pt idx="7993">
                  <c:v>44519</c:v>
                </c:pt>
                <c:pt idx="7994">
                  <c:v>44520</c:v>
                </c:pt>
                <c:pt idx="7995">
                  <c:v>44521</c:v>
                </c:pt>
                <c:pt idx="7996">
                  <c:v>44522</c:v>
                </c:pt>
                <c:pt idx="7997">
                  <c:v>44523</c:v>
                </c:pt>
                <c:pt idx="7998">
                  <c:v>44524</c:v>
                </c:pt>
                <c:pt idx="7999">
                  <c:v>44525</c:v>
                </c:pt>
                <c:pt idx="8000">
                  <c:v>44526</c:v>
                </c:pt>
                <c:pt idx="8001">
                  <c:v>44527</c:v>
                </c:pt>
                <c:pt idx="8002">
                  <c:v>44528</c:v>
                </c:pt>
                <c:pt idx="8003">
                  <c:v>44529</c:v>
                </c:pt>
                <c:pt idx="8004">
                  <c:v>44530</c:v>
                </c:pt>
                <c:pt idx="8005">
                  <c:v>44531</c:v>
                </c:pt>
                <c:pt idx="8006">
                  <c:v>44532</c:v>
                </c:pt>
                <c:pt idx="8007">
                  <c:v>44533</c:v>
                </c:pt>
                <c:pt idx="8008">
                  <c:v>44534</c:v>
                </c:pt>
                <c:pt idx="8009">
                  <c:v>44535</c:v>
                </c:pt>
                <c:pt idx="8010">
                  <c:v>44536</c:v>
                </c:pt>
                <c:pt idx="8011">
                  <c:v>44537</c:v>
                </c:pt>
                <c:pt idx="8012">
                  <c:v>44538</c:v>
                </c:pt>
                <c:pt idx="8013">
                  <c:v>44539</c:v>
                </c:pt>
                <c:pt idx="8014">
                  <c:v>44540</c:v>
                </c:pt>
                <c:pt idx="8015">
                  <c:v>44541</c:v>
                </c:pt>
                <c:pt idx="8016">
                  <c:v>44542</c:v>
                </c:pt>
                <c:pt idx="8017">
                  <c:v>44543</c:v>
                </c:pt>
                <c:pt idx="8018">
                  <c:v>44544</c:v>
                </c:pt>
                <c:pt idx="8019">
                  <c:v>44545</c:v>
                </c:pt>
                <c:pt idx="8020">
                  <c:v>44546</c:v>
                </c:pt>
                <c:pt idx="8021">
                  <c:v>44547</c:v>
                </c:pt>
                <c:pt idx="8022">
                  <c:v>44548</c:v>
                </c:pt>
                <c:pt idx="8023">
                  <c:v>44549</c:v>
                </c:pt>
                <c:pt idx="8024">
                  <c:v>44550</c:v>
                </c:pt>
                <c:pt idx="8025">
                  <c:v>44551</c:v>
                </c:pt>
                <c:pt idx="8026">
                  <c:v>44552</c:v>
                </c:pt>
                <c:pt idx="8027">
                  <c:v>44553</c:v>
                </c:pt>
                <c:pt idx="8028">
                  <c:v>44554</c:v>
                </c:pt>
                <c:pt idx="8029">
                  <c:v>44555</c:v>
                </c:pt>
                <c:pt idx="8030">
                  <c:v>44556</c:v>
                </c:pt>
                <c:pt idx="8031">
                  <c:v>44557</c:v>
                </c:pt>
                <c:pt idx="8032">
                  <c:v>44558</c:v>
                </c:pt>
                <c:pt idx="8033">
                  <c:v>44559</c:v>
                </c:pt>
                <c:pt idx="8034">
                  <c:v>44560</c:v>
                </c:pt>
                <c:pt idx="8035">
                  <c:v>44561</c:v>
                </c:pt>
                <c:pt idx="8036">
                  <c:v>44562</c:v>
                </c:pt>
                <c:pt idx="8037">
                  <c:v>44563</c:v>
                </c:pt>
                <c:pt idx="8038">
                  <c:v>44564</c:v>
                </c:pt>
                <c:pt idx="8039">
                  <c:v>44565</c:v>
                </c:pt>
                <c:pt idx="8040">
                  <c:v>44566</c:v>
                </c:pt>
                <c:pt idx="8041">
                  <c:v>44567</c:v>
                </c:pt>
                <c:pt idx="8042">
                  <c:v>44568</c:v>
                </c:pt>
                <c:pt idx="8043">
                  <c:v>44569</c:v>
                </c:pt>
                <c:pt idx="8044">
                  <c:v>44570</c:v>
                </c:pt>
                <c:pt idx="8045">
                  <c:v>44571</c:v>
                </c:pt>
                <c:pt idx="8046">
                  <c:v>44572</c:v>
                </c:pt>
                <c:pt idx="8047">
                  <c:v>44573</c:v>
                </c:pt>
                <c:pt idx="8048">
                  <c:v>44574</c:v>
                </c:pt>
                <c:pt idx="8049">
                  <c:v>44575</c:v>
                </c:pt>
                <c:pt idx="8050">
                  <c:v>44576</c:v>
                </c:pt>
                <c:pt idx="8051">
                  <c:v>44577</c:v>
                </c:pt>
                <c:pt idx="8052">
                  <c:v>44578</c:v>
                </c:pt>
                <c:pt idx="8053">
                  <c:v>44579</c:v>
                </c:pt>
                <c:pt idx="8054">
                  <c:v>44580</c:v>
                </c:pt>
                <c:pt idx="8055">
                  <c:v>44581</c:v>
                </c:pt>
                <c:pt idx="8056">
                  <c:v>44582</c:v>
                </c:pt>
                <c:pt idx="8057">
                  <c:v>44583</c:v>
                </c:pt>
                <c:pt idx="8058">
                  <c:v>44584</c:v>
                </c:pt>
                <c:pt idx="8059">
                  <c:v>44585</c:v>
                </c:pt>
                <c:pt idx="8060">
                  <c:v>44586</c:v>
                </c:pt>
                <c:pt idx="8061">
                  <c:v>44587</c:v>
                </c:pt>
                <c:pt idx="8062">
                  <c:v>44588</c:v>
                </c:pt>
                <c:pt idx="8063">
                  <c:v>44589</c:v>
                </c:pt>
                <c:pt idx="8064">
                  <c:v>44590</c:v>
                </c:pt>
                <c:pt idx="8065">
                  <c:v>44591</c:v>
                </c:pt>
                <c:pt idx="8066">
                  <c:v>44592</c:v>
                </c:pt>
                <c:pt idx="8067">
                  <c:v>44593</c:v>
                </c:pt>
                <c:pt idx="8068">
                  <c:v>44594</c:v>
                </c:pt>
                <c:pt idx="8069">
                  <c:v>44595</c:v>
                </c:pt>
                <c:pt idx="8070">
                  <c:v>44596</c:v>
                </c:pt>
                <c:pt idx="8071">
                  <c:v>44597</c:v>
                </c:pt>
                <c:pt idx="8072">
                  <c:v>44598</c:v>
                </c:pt>
                <c:pt idx="8073">
                  <c:v>44599</c:v>
                </c:pt>
                <c:pt idx="8074">
                  <c:v>44600</c:v>
                </c:pt>
                <c:pt idx="8075">
                  <c:v>44601</c:v>
                </c:pt>
                <c:pt idx="8076">
                  <c:v>44602</c:v>
                </c:pt>
                <c:pt idx="8077">
                  <c:v>44603</c:v>
                </c:pt>
                <c:pt idx="8078">
                  <c:v>44604</c:v>
                </c:pt>
                <c:pt idx="8079">
                  <c:v>44605</c:v>
                </c:pt>
                <c:pt idx="8080">
                  <c:v>44606</c:v>
                </c:pt>
                <c:pt idx="8081">
                  <c:v>44607</c:v>
                </c:pt>
                <c:pt idx="8082">
                  <c:v>44608</c:v>
                </c:pt>
                <c:pt idx="8083">
                  <c:v>44609</c:v>
                </c:pt>
                <c:pt idx="8084">
                  <c:v>44610</c:v>
                </c:pt>
                <c:pt idx="8085">
                  <c:v>44611</c:v>
                </c:pt>
                <c:pt idx="8086">
                  <c:v>44612</c:v>
                </c:pt>
                <c:pt idx="8087">
                  <c:v>44613</c:v>
                </c:pt>
                <c:pt idx="8088">
                  <c:v>44614</c:v>
                </c:pt>
                <c:pt idx="8089">
                  <c:v>44615</c:v>
                </c:pt>
                <c:pt idx="8090">
                  <c:v>44616</c:v>
                </c:pt>
                <c:pt idx="8091">
                  <c:v>44617</c:v>
                </c:pt>
                <c:pt idx="8092">
                  <c:v>44618</c:v>
                </c:pt>
                <c:pt idx="8093">
                  <c:v>44619</c:v>
                </c:pt>
                <c:pt idx="8094">
                  <c:v>44620</c:v>
                </c:pt>
                <c:pt idx="8095">
                  <c:v>44621</c:v>
                </c:pt>
                <c:pt idx="8096">
                  <c:v>44622</c:v>
                </c:pt>
                <c:pt idx="8097">
                  <c:v>44623</c:v>
                </c:pt>
                <c:pt idx="8098">
                  <c:v>44624</c:v>
                </c:pt>
                <c:pt idx="8099">
                  <c:v>44625</c:v>
                </c:pt>
                <c:pt idx="8100">
                  <c:v>44626</c:v>
                </c:pt>
                <c:pt idx="8101">
                  <c:v>44627</c:v>
                </c:pt>
                <c:pt idx="8102">
                  <c:v>44628</c:v>
                </c:pt>
                <c:pt idx="8103">
                  <c:v>44629</c:v>
                </c:pt>
                <c:pt idx="8104">
                  <c:v>44630</c:v>
                </c:pt>
                <c:pt idx="8105">
                  <c:v>44631</c:v>
                </c:pt>
                <c:pt idx="8106">
                  <c:v>44632</c:v>
                </c:pt>
                <c:pt idx="8107">
                  <c:v>44633</c:v>
                </c:pt>
                <c:pt idx="8108">
                  <c:v>44634</c:v>
                </c:pt>
                <c:pt idx="8109">
                  <c:v>44635</c:v>
                </c:pt>
                <c:pt idx="8110">
                  <c:v>44636</c:v>
                </c:pt>
                <c:pt idx="8111">
                  <c:v>44637</c:v>
                </c:pt>
                <c:pt idx="8112">
                  <c:v>44638</c:v>
                </c:pt>
                <c:pt idx="8113">
                  <c:v>44639</c:v>
                </c:pt>
                <c:pt idx="8114">
                  <c:v>44640</c:v>
                </c:pt>
                <c:pt idx="8115">
                  <c:v>44641</c:v>
                </c:pt>
                <c:pt idx="8116">
                  <c:v>44642</c:v>
                </c:pt>
                <c:pt idx="8117">
                  <c:v>44643</c:v>
                </c:pt>
                <c:pt idx="8118">
                  <c:v>44644</c:v>
                </c:pt>
                <c:pt idx="8119">
                  <c:v>44645</c:v>
                </c:pt>
                <c:pt idx="8120">
                  <c:v>44646</c:v>
                </c:pt>
                <c:pt idx="8121">
                  <c:v>44647</c:v>
                </c:pt>
                <c:pt idx="8122">
                  <c:v>44648</c:v>
                </c:pt>
                <c:pt idx="8123">
                  <c:v>44649</c:v>
                </c:pt>
                <c:pt idx="8124">
                  <c:v>44650</c:v>
                </c:pt>
                <c:pt idx="8125">
                  <c:v>44651</c:v>
                </c:pt>
                <c:pt idx="8126">
                  <c:v>44652</c:v>
                </c:pt>
                <c:pt idx="8127">
                  <c:v>44653</c:v>
                </c:pt>
                <c:pt idx="8128">
                  <c:v>44654</c:v>
                </c:pt>
                <c:pt idx="8129">
                  <c:v>44655</c:v>
                </c:pt>
                <c:pt idx="8130">
                  <c:v>44656</c:v>
                </c:pt>
                <c:pt idx="8131">
                  <c:v>44657</c:v>
                </c:pt>
                <c:pt idx="8132">
                  <c:v>44658</c:v>
                </c:pt>
                <c:pt idx="8133">
                  <c:v>44659</c:v>
                </c:pt>
                <c:pt idx="8134">
                  <c:v>44660</c:v>
                </c:pt>
                <c:pt idx="8135">
                  <c:v>44661</c:v>
                </c:pt>
                <c:pt idx="8136">
                  <c:v>44662</c:v>
                </c:pt>
                <c:pt idx="8137">
                  <c:v>44663</c:v>
                </c:pt>
                <c:pt idx="8138">
                  <c:v>44664</c:v>
                </c:pt>
                <c:pt idx="8139">
                  <c:v>44665</c:v>
                </c:pt>
                <c:pt idx="8140">
                  <c:v>44666</c:v>
                </c:pt>
                <c:pt idx="8141">
                  <c:v>44667</c:v>
                </c:pt>
                <c:pt idx="8142">
                  <c:v>44668</c:v>
                </c:pt>
                <c:pt idx="8143">
                  <c:v>44669</c:v>
                </c:pt>
                <c:pt idx="8144">
                  <c:v>44670</c:v>
                </c:pt>
                <c:pt idx="8145">
                  <c:v>44671</c:v>
                </c:pt>
                <c:pt idx="8146">
                  <c:v>44672</c:v>
                </c:pt>
                <c:pt idx="8147">
                  <c:v>44673</c:v>
                </c:pt>
                <c:pt idx="8148">
                  <c:v>44674</c:v>
                </c:pt>
                <c:pt idx="8149">
                  <c:v>44675</c:v>
                </c:pt>
                <c:pt idx="8150">
                  <c:v>44676</c:v>
                </c:pt>
                <c:pt idx="8151">
                  <c:v>44677</c:v>
                </c:pt>
                <c:pt idx="8152">
                  <c:v>44678</c:v>
                </c:pt>
                <c:pt idx="8153">
                  <c:v>44679</c:v>
                </c:pt>
                <c:pt idx="8154">
                  <c:v>44680</c:v>
                </c:pt>
                <c:pt idx="8155">
                  <c:v>44681</c:v>
                </c:pt>
                <c:pt idx="8156">
                  <c:v>44682</c:v>
                </c:pt>
                <c:pt idx="8157">
                  <c:v>44683</c:v>
                </c:pt>
                <c:pt idx="8158">
                  <c:v>44684</c:v>
                </c:pt>
                <c:pt idx="8159">
                  <c:v>44685</c:v>
                </c:pt>
                <c:pt idx="8160">
                  <c:v>44686</c:v>
                </c:pt>
                <c:pt idx="8161">
                  <c:v>44687</c:v>
                </c:pt>
                <c:pt idx="8162">
                  <c:v>44688</c:v>
                </c:pt>
                <c:pt idx="8163">
                  <c:v>44689</c:v>
                </c:pt>
                <c:pt idx="8164">
                  <c:v>44690</c:v>
                </c:pt>
                <c:pt idx="8165">
                  <c:v>44691</c:v>
                </c:pt>
                <c:pt idx="8166">
                  <c:v>44692</c:v>
                </c:pt>
                <c:pt idx="8167">
                  <c:v>44693</c:v>
                </c:pt>
                <c:pt idx="8168">
                  <c:v>44694</c:v>
                </c:pt>
                <c:pt idx="8169">
                  <c:v>44695</c:v>
                </c:pt>
                <c:pt idx="8170">
                  <c:v>44696</c:v>
                </c:pt>
                <c:pt idx="8171">
                  <c:v>44697</c:v>
                </c:pt>
                <c:pt idx="8172">
                  <c:v>44698</c:v>
                </c:pt>
                <c:pt idx="8173">
                  <c:v>44699</c:v>
                </c:pt>
                <c:pt idx="8174">
                  <c:v>44700</c:v>
                </c:pt>
                <c:pt idx="8175">
                  <c:v>44701</c:v>
                </c:pt>
                <c:pt idx="8176">
                  <c:v>44702</c:v>
                </c:pt>
                <c:pt idx="8177">
                  <c:v>44703</c:v>
                </c:pt>
                <c:pt idx="8178">
                  <c:v>44704</c:v>
                </c:pt>
                <c:pt idx="8179">
                  <c:v>44705</c:v>
                </c:pt>
                <c:pt idx="8180">
                  <c:v>44706</c:v>
                </c:pt>
                <c:pt idx="8181">
                  <c:v>44707</c:v>
                </c:pt>
                <c:pt idx="8182">
                  <c:v>44708</c:v>
                </c:pt>
                <c:pt idx="8183">
                  <c:v>44709</c:v>
                </c:pt>
                <c:pt idx="8184">
                  <c:v>44710</c:v>
                </c:pt>
                <c:pt idx="8185">
                  <c:v>44711</c:v>
                </c:pt>
                <c:pt idx="8186">
                  <c:v>44712</c:v>
                </c:pt>
                <c:pt idx="8187">
                  <c:v>44713</c:v>
                </c:pt>
                <c:pt idx="8188">
                  <c:v>44714</c:v>
                </c:pt>
                <c:pt idx="8189">
                  <c:v>44715</c:v>
                </c:pt>
                <c:pt idx="8190">
                  <c:v>44716</c:v>
                </c:pt>
                <c:pt idx="8191">
                  <c:v>44717</c:v>
                </c:pt>
                <c:pt idx="8192">
                  <c:v>44718</c:v>
                </c:pt>
                <c:pt idx="8193">
                  <c:v>44719</c:v>
                </c:pt>
                <c:pt idx="8194">
                  <c:v>44720</c:v>
                </c:pt>
                <c:pt idx="8195">
                  <c:v>44721</c:v>
                </c:pt>
                <c:pt idx="8196">
                  <c:v>44722</c:v>
                </c:pt>
                <c:pt idx="8197">
                  <c:v>44723</c:v>
                </c:pt>
                <c:pt idx="8198">
                  <c:v>44724</c:v>
                </c:pt>
                <c:pt idx="8199">
                  <c:v>44725</c:v>
                </c:pt>
                <c:pt idx="8200">
                  <c:v>44726</c:v>
                </c:pt>
                <c:pt idx="8201">
                  <c:v>44727</c:v>
                </c:pt>
                <c:pt idx="8202">
                  <c:v>44728</c:v>
                </c:pt>
                <c:pt idx="8203">
                  <c:v>44729</c:v>
                </c:pt>
                <c:pt idx="8204">
                  <c:v>44730</c:v>
                </c:pt>
                <c:pt idx="8205">
                  <c:v>44731</c:v>
                </c:pt>
                <c:pt idx="8206">
                  <c:v>44732</c:v>
                </c:pt>
                <c:pt idx="8207">
                  <c:v>44733</c:v>
                </c:pt>
                <c:pt idx="8208">
                  <c:v>44734</c:v>
                </c:pt>
                <c:pt idx="8209">
                  <c:v>44735</c:v>
                </c:pt>
                <c:pt idx="8210">
                  <c:v>44736</c:v>
                </c:pt>
                <c:pt idx="8211">
                  <c:v>44737</c:v>
                </c:pt>
                <c:pt idx="8212">
                  <c:v>44738</c:v>
                </c:pt>
                <c:pt idx="8213">
                  <c:v>44739</c:v>
                </c:pt>
                <c:pt idx="8214">
                  <c:v>44740</c:v>
                </c:pt>
                <c:pt idx="8215">
                  <c:v>44741</c:v>
                </c:pt>
                <c:pt idx="8216">
                  <c:v>44742</c:v>
                </c:pt>
                <c:pt idx="8217">
                  <c:v>44743</c:v>
                </c:pt>
                <c:pt idx="8218">
                  <c:v>44744</c:v>
                </c:pt>
                <c:pt idx="8219">
                  <c:v>44745</c:v>
                </c:pt>
                <c:pt idx="8220">
                  <c:v>44746</c:v>
                </c:pt>
                <c:pt idx="8221">
                  <c:v>44747</c:v>
                </c:pt>
                <c:pt idx="8222">
                  <c:v>44748</c:v>
                </c:pt>
                <c:pt idx="8223">
                  <c:v>44749</c:v>
                </c:pt>
                <c:pt idx="8224">
                  <c:v>44750</c:v>
                </c:pt>
                <c:pt idx="8225">
                  <c:v>44751</c:v>
                </c:pt>
                <c:pt idx="8226">
                  <c:v>44752</c:v>
                </c:pt>
                <c:pt idx="8227">
                  <c:v>44753</c:v>
                </c:pt>
                <c:pt idx="8228">
                  <c:v>44754</c:v>
                </c:pt>
                <c:pt idx="8229">
                  <c:v>44755</c:v>
                </c:pt>
                <c:pt idx="8230">
                  <c:v>44756</c:v>
                </c:pt>
                <c:pt idx="8231">
                  <c:v>44757</c:v>
                </c:pt>
                <c:pt idx="8232">
                  <c:v>44758</c:v>
                </c:pt>
                <c:pt idx="8233">
                  <c:v>44759</c:v>
                </c:pt>
                <c:pt idx="8234">
                  <c:v>44760</c:v>
                </c:pt>
                <c:pt idx="8235">
                  <c:v>44761</c:v>
                </c:pt>
                <c:pt idx="8236">
                  <c:v>44762</c:v>
                </c:pt>
                <c:pt idx="8237">
                  <c:v>44763</c:v>
                </c:pt>
                <c:pt idx="8238">
                  <c:v>44764</c:v>
                </c:pt>
                <c:pt idx="8239">
                  <c:v>44765</c:v>
                </c:pt>
                <c:pt idx="8240">
                  <c:v>44766</c:v>
                </c:pt>
                <c:pt idx="8241">
                  <c:v>44767</c:v>
                </c:pt>
                <c:pt idx="8242">
                  <c:v>44768</c:v>
                </c:pt>
                <c:pt idx="8243">
                  <c:v>44769</c:v>
                </c:pt>
                <c:pt idx="8244">
                  <c:v>44770</c:v>
                </c:pt>
                <c:pt idx="8245">
                  <c:v>44771</c:v>
                </c:pt>
                <c:pt idx="8246">
                  <c:v>44772</c:v>
                </c:pt>
                <c:pt idx="8247">
                  <c:v>44773</c:v>
                </c:pt>
                <c:pt idx="8248">
                  <c:v>44774</c:v>
                </c:pt>
                <c:pt idx="8249">
                  <c:v>44775</c:v>
                </c:pt>
                <c:pt idx="8250">
                  <c:v>44776</c:v>
                </c:pt>
                <c:pt idx="8251">
                  <c:v>44777</c:v>
                </c:pt>
                <c:pt idx="8252">
                  <c:v>44778</c:v>
                </c:pt>
                <c:pt idx="8253">
                  <c:v>44779</c:v>
                </c:pt>
                <c:pt idx="8254">
                  <c:v>44780</c:v>
                </c:pt>
                <c:pt idx="8255">
                  <c:v>44781</c:v>
                </c:pt>
                <c:pt idx="8256">
                  <c:v>44782</c:v>
                </c:pt>
                <c:pt idx="8257">
                  <c:v>44783</c:v>
                </c:pt>
                <c:pt idx="8258">
                  <c:v>44784</c:v>
                </c:pt>
                <c:pt idx="8259">
                  <c:v>44785</c:v>
                </c:pt>
                <c:pt idx="8260">
                  <c:v>44786</c:v>
                </c:pt>
                <c:pt idx="8261">
                  <c:v>44787</c:v>
                </c:pt>
                <c:pt idx="8262">
                  <c:v>44788</c:v>
                </c:pt>
                <c:pt idx="8263">
                  <c:v>44789</c:v>
                </c:pt>
                <c:pt idx="8264">
                  <c:v>44790</c:v>
                </c:pt>
                <c:pt idx="8265">
                  <c:v>44791</c:v>
                </c:pt>
                <c:pt idx="8266">
                  <c:v>44792</c:v>
                </c:pt>
                <c:pt idx="8267">
                  <c:v>44793</c:v>
                </c:pt>
                <c:pt idx="8268">
                  <c:v>44794</c:v>
                </c:pt>
                <c:pt idx="8269">
                  <c:v>44795</c:v>
                </c:pt>
                <c:pt idx="8270">
                  <c:v>44796</c:v>
                </c:pt>
                <c:pt idx="8271">
                  <c:v>44797</c:v>
                </c:pt>
                <c:pt idx="8272">
                  <c:v>44798</c:v>
                </c:pt>
                <c:pt idx="8273">
                  <c:v>44799</c:v>
                </c:pt>
                <c:pt idx="8274">
                  <c:v>44800</c:v>
                </c:pt>
                <c:pt idx="8275">
                  <c:v>44801</c:v>
                </c:pt>
                <c:pt idx="8276">
                  <c:v>44802</c:v>
                </c:pt>
                <c:pt idx="8277">
                  <c:v>44803</c:v>
                </c:pt>
                <c:pt idx="8278">
                  <c:v>44804</c:v>
                </c:pt>
                <c:pt idx="8279">
                  <c:v>44805</c:v>
                </c:pt>
                <c:pt idx="8280">
                  <c:v>44806</c:v>
                </c:pt>
                <c:pt idx="8281">
                  <c:v>44807</c:v>
                </c:pt>
                <c:pt idx="8282">
                  <c:v>44808</c:v>
                </c:pt>
                <c:pt idx="8283">
                  <c:v>44809</c:v>
                </c:pt>
                <c:pt idx="8284">
                  <c:v>44810</c:v>
                </c:pt>
                <c:pt idx="8285">
                  <c:v>44811</c:v>
                </c:pt>
                <c:pt idx="8286">
                  <c:v>44812</c:v>
                </c:pt>
                <c:pt idx="8287">
                  <c:v>44813</c:v>
                </c:pt>
                <c:pt idx="8288">
                  <c:v>44814</c:v>
                </c:pt>
                <c:pt idx="8289">
                  <c:v>44815</c:v>
                </c:pt>
                <c:pt idx="8290">
                  <c:v>44816</c:v>
                </c:pt>
                <c:pt idx="8291">
                  <c:v>44817</c:v>
                </c:pt>
                <c:pt idx="8292">
                  <c:v>44818</c:v>
                </c:pt>
                <c:pt idx="8293">
                  <c:v>44819</c:v>
                </c:pt>
                <c:pt idx="8294">
                  <c:v>44820</c:v>
                </c:pt>
                <c:pt idx="8295">
                  <c:v>44821</c:v>
                </c:pt>
                <c:pt idx="8296">
                  <c:v>44822</c:v>
                </c:pt>
                <c:pt idx="8297">
                  <c:v>44823</c:v>
                </c:pt>
                <c:pt idx="8298">
                  <c:v>44824</c:v>
                </c:pt>
                <c:pt idx="8299">
                  <c:v>44825</c:v>
                </c:pt>
                <c:pt idx="8300">
                  <c:v>44826</c:v>
                </c:pt>
                <c:pt idx="8301">
                  <c:v>44827</c:v>
                </c:pt>
                <c:pt idx="8302">
                  <c:v>44828</c:v>
                </c:pt>
                <c:pt idx="8303">
                  <c:v>44829</c:v>
                </c:pt>
                <c:pt idx="8304">
                  <c:v>44830</c:v>
                </c:pt>
                <c:pt idx="8305">
                  <c:v>44831</c:v>
                </c:pt>
                <c:pt idx="8306">
                  <c:v>44832</c:v>
                </c:pt>
                <c:pt idx="8307">
                  <c:v>44833</c:v>
                </c:pt>
                <c:pt idx="8308">
                  <c:v>44834</c:v>
                </c:pt>
                <c:pt idx="8309">
                  <c:v>44835</c:v>
                </c:pt>
                <c:pt idx="8310">
                  <c:v>44836</c:v>
                </c:pt>
                <c:pt idx="8311">
                  <c:v>44837</c:v>
                </c:pt>
                <c:pt idx="8312">
                  <c:v>44838</c:v>
                </c:pt>
                <c:pt idx="8313">
                  <c:v>44839</c:v>
                </c:pt>
                <c:pt idx="8314">
                  <c:v>44840</c:v>
                </c:pt>
                <c:pt idx="8315">
                  <c:v>44841</c:v>
                </c:pt>
                <c:pt idx="8316">
                  <c:v>44842</c:v>
                </c:pt>
                <c:pt idx="8317">
                  <c:v>44843</c:v>
                </c:pt>
                <c:pt idx="8318">
                  <c:v>44844</c:v>
                </c:pt>
                <c:pt idx="8319">
                  <c:v>44845</c:v>
                </c:pt>
                <c:pt idx="8320">
                  <c:v>44846</c:v>
                </c:pt>
                <c:pt idx="8321">
                  <c:v>44847</c:v>
                </c:pt>
                <c:pt idx="8322">
                  <c:v>44848</c:v>
                </c:pt>
                <c:pt idx="8323">
                  <c:v>44849</c:v>
                </c:pt>
                <c:pt idx="8324">
                  <c:v>44850</c:v>
                </c:pt>
                <c:pt idx="8325">
                  <c:v>44851</c:v>
                </c:pt>
                <c:pt idx="8326">
                  <c:v>44852</c:v>
                </c:pt>
                <c:pt idx="8327">
                  <c:v>44853</c:v>
                </c:pt>
                <c:pt idx="8328">
                  <c:v>44854</c:v>
                </c:pt>
                <c:pt idx="8329">
                  <c:v>44855</c:v>
                </c:pt>
                <c:pt idx="8330">
                  <c:v>44856</c:v>
                </c:pt>
                <c:pt idx="8331">
                  <c:v>44857</c:v>
                </c:pt>
                <c:pt idx="8332">
                  <c:v>44858</c:v>
                </c:pt>
                <c:pt idx="8333">
                  <c:v>44859</c:v>
                </c:pt>
                <c:pt idx="8334">
                  <c:v>44860</c:v>
                </c:pt>
                <c:pt idx="8335">
                  <c:v>44861</c:v>
                </c:pt>
                <c:pt idx="8336">
                  <c:v>44862</c:v>
                </c:pt>
                <c:pt idx="8337">
                  <c:v>44863</c:v>
                </c:pt>
                <c:pt idx="8338">
                  <c:v>44864</c:v>
                </c:pt>
                <c:pt idx="8339">
                  <c:v>44865</c:v>
                </c:pt>
                <c:pt idx="8340">
                  <c:v>44866</c:v>
                </c:pt>
                <c:pt idx="8341">
                  <c:v>44867</c:v>
                </c:pt>
                <c:pt idx="8342">
                  <c:v>44868</c:v>
                </c:pt>
                <c:pt idx="8343">
                  <c:v>44869</c:v>
                </c:pt>
                <c:pt idx="8344">
                  <c:v>44870</c:v>
                </c:pt>
                <c:pt idx="8345">
                  <c:v>44871</c:v>
                </c:pt>
                <c:pt idx="8346">
                  <c:v>44872</c:v>
                </c:pt>
                <c:pt idx="8347">
                  <c:v>44873</c:v>
                </c:pt>
                <c:pt idx="8348">
                  <c:v>44874</c:v>
                </c:pt>
                <c:pt idx="8349">
                  <c:v>44875</c:v>
                </c:pt>
                <c:pt idx="8350">
                  <c:v>44876</c:v>
                </c:pt>
                <c:pt idx="8351">
                  <c:v>44877</c:v>
                </c:pt>
                <c:pt idx="8352">
                  <c:v>44878</c:v>
                </c:pt>
                <c:pt idx="8353">
                  <c:v>44879</c:v>
                </c:pt>
                <c:pt idx="8354">
                  <c:v>44880</c:v>
                </c:pt>
                <c:pt idx="8355">
                  <c:v>44881</c:v>
                </c:pt>
                <c:pt idx="8356">
                  <c:v>44882</c:v>
                </c:pt>
                <c:pt idx="8357">
                  <c:v>44883</c:v>
                </c:pt>
                <c:pt idx="8358">
                  <c:v>44884</c:v>
                </c:pt>
                <c:pt idx="8359">
                  <c:v>44885</c:v>
                </c:pt>
                <c:pt idx="8360">
                  <c:v>44886</c:v>
                </c:pt>
                <c:pt idx="8361">
                  <c:v>44887</c:v>
                </c:pt>
                <c:pt idx="8362">
                  <c:v>44888</c:v>
                </c:pt>
                <c:pt idx="8363">
                  <c:v>44889</c:v>
                </c:pt>
                <c:pt idx="8364">
                  <c:v>44890</c:v>
                </c:pt>
                <c:pt idx="8365">
                  <c:v>44891</c:v>
                </c:pt>
                <c:pt idx="8366">
                  <c:v>44892</c:v>
                </c:pt>
                <c:pt idx="8367">
                  <c:v>44893</c:v>
                </c:pt>
                <c:pt idx="8368">
                  <c:v>44894</c:v>
                </c:pt>
                <c:pt idx="8369">
                  <c:v>44895</c:v>
                </c:pt>
                <c:pt idx="8370">
                  <c:v>44896</c:v>
                </c:pt>
                <c:pt idx="8371">
                  <c:v>44897</c:v>
                </c:pt>
                <c:pt idx="8372">
                  <c:v>44898</c:v>
                </c:pt>
                <c:pt idx="8373">
                  <c:v>44899</c:v>
                </c:pt>
                <c:pt idx="8374">
                  <c:v>44900</c:v>
                </c:pt>
                <c:pt idx="8375">
                  <c:v>44901</c:v>
                </c:pt>
                <c:pt idx="8376">
                  <c:v>44902</c:v>
                </c:pt>
                <c:pt idx="8377">
                  <c:v>44903</c:v>
                </c:pt>
                <c:pt idx="8378">
                  <c:v>44904</c:v>
                </c:pt>
                <c:pt idx="8379">
                  <c:v>44905</c:v>
                </c:pt>
                <c:pt idx="8380">
                  <c:v>44906</c:v>
                </c:pt>
                <c:pt idx="8381">
                  <c:v>44907</c:v>
                </c:pt>
                <c:pt idx="8382">
                  <c:v>44908</c:v>
                </c:pt>
                <c:pt idx="8383">
                  <c:v>44909</c:v>
                </c:pt>
                <c:pt idx="8384">
                  <c:v>44910</c:v>
                </c:pt>
                <c:pt idx="8385">
                  <c:v>44911</c:v>
                </c:pt>
                <c:pt idx="8386">
                  <c:v>44912</c:v>
                </c:pt>
                <c:pt idx="8387">
                  <c:v>44913</c:v>
                </c:pt>
                <c:pt idx="8388">
                  <c:v>44914</c:v>
                </c:pt>
                <c:pt idx="8389">
                  <c:v>44915</c:v>
                </c:pt>
                <c:pt idx="8390">
                  <c:v>44916</c:v>
                </c:pt>
                <c:pt idx="8391">
                  <c:v>44917</c:v>
                </c:pt>
                <c:pt idx="8392">
                  <c:v>44918</c:v>
                </c:pt>
                <c:pt idx="8393">
                  <c:v>44919</c:v>
                </c:pt>
                <c:pt idx="8394">
                  <c:v>44920</c:v>
                </c:pt>
                <c:pt idx="8395">
                  <c:v>44921</c:v>
                </c:pt>
                <c:pt idx="8396">
                  <c:v>44922</c:v>
                </c:pt>
                <c:pt idx="8397">
                  <c:v>44923</c:v>
                </c:pt>
                <c:pt idx="8398">
                  <c:v>44924</c:v>
                </c:pt>
                <c:pt idx="8399">
                  <c:v>44925</c:v>
                </c:pt>
                <c:pt idx="8400">
                  <c:v>44926</c:v>
                </c:pt>
                <c:pt idx="8401">
                  <c:v>44927</c:v>
                </c:pt>
                <c:pt idx="8402">
                  <c:v>44928</c:v>
                </c:pt>
                <c:pt idx="8403">
                  <c:v>44929</c:v>
                </c:pt>
                <c:pt idx="8404">
                  <c:v>44930</c:v>
                </c:pt>
                <c:pt idx="8405">
                  <c:v>44931</c:v>
                </c:pt>
                <c:pt idx="8406">
                  <c:v>44932</c:v>
                </c:pt>
                <c:pt idx="8407">
                  <c:v>44933</c:v>
                </c:pt>
                <c:pt idx="8408">
                  <c:v>44934</c:v>
                </c:pt>
                <c:pt idx="8409">
                  <c:v>44935</c:v>
                </c:pt>
                <c:pt idx="8410">
                  <c:v>44936</c:v>
                </c:pt>
                <c:pt idx="8411">
                  <c:v>44937</c:v>
                </c:pt>
                <c:pt idx="8412">
                  <c:v>44938</c:v>
                </c:pt>
                <c:pt idx="8413">
                  <c:v>44939</c:v>
                </c:pt>
                <c:pt idx="8414">
                  <c:v>44940</c:v>
                </c:pt>
                <c:pt idx="8415">
                  <c:v>44941</c:v>
                </c:pt>
                <c:pt idx="8416">
                  <c:v>44942</c:v>
                </c:pt>
                <c:pt idx="8417">
                  <c:v>44943</c:v>
                </c:pt>
                <c:pt idx="8418">
                  <c:v>44944</c:v>
                </c:pt>
                <c:pt idx="8419">
                  <c:v>44945</c:v>
                </c:pt>
                <c:pt idx="8420">
                  <c:v>44946</c:v>
                </c:pt>
                <c:pt idx="8421">
                  <c:v>44947</c:v>
                </c:pt>
                <c:pt idx="8422">
                  <c:v>44948</c:v>
                </c:pt>
                <c:pt idx="8423">
                  <c:v>44949</c:v>
                </c:pt>
                <c:pt idx="8424">
                  <c:v>44950</c:v>
                </c:pt>
                <c:pt idx="8425">
                  <c:v>44951</c:v>
                </c:pt>
                <c:pt idx="8426">
                  <c:v>44952</c:v>
                </c:pt>
                <c:pt idx="8427">
                  <c:v>44953</c:v>
                </c:pt>
                <c:pt idx="8428">
                  <c:v>44954</c:v>
                </c:pt>
                <c:pt idx="8429">
                  <c:v>44955</c:v>
                </c:pt>
                <c:pt idx="8430">
                  <c:v>44956</c:v>
                </c:pt>
                <c:pt idx="8431">
                  <c:v>44957</c:v>
                </c:pt>
                <c:pt idx="8432">
                  <c:v>44958</c:v>
                </c:pt>
                <c:pt idx="8433">
                  <c:v>44959</c:v>
                </c:pt>
                <c:pt idx="8434">
                  <c:v>44960</c:v>
                </c:pt>
                <c:pt idx="8435">
                  <c:v>44961</c:v>
                </c:pt>
                <c:pt idx="8436">
                  <c:v>44962</c:v>
                </c:pt>
                <c:pt idx="8437">
                  <c:v>44963</c:v>
                </c:pt>
                <c:pt idx="8438">
                  <c:v>44964</c:v>
                </c:pt>
                <c:pt idx="8439">
                  <c:v>44965</c:v>
                </c:pt>
                <c:pt idx="8440">
                  <c:v>44966</c:v>
                </c:pt>
                <c:pt idx="8441">
                  <c:v>44967</c:v>
                </c:pt>
                <c:pt idx="8442">
                  <c:v>44968</c:v>
                </c:pt>
                <c:pt idx="8443">
                  <c:v>44969</c:v>
                </c:pt>
                <c:pt idx="8444">
                  <c:v>44970</c:v>
                </c:pt>
                <c:pt idx="8445">
                  <c:v>44971</c:v>
                </c:pt>
                <c:pt idx="8446">
                  <c:v>44972</c:v>
                </c:pt>
                <c:pt idx="8447">
                  <c:v>44973</c:v>
                </c:pt>
                <c:pt idx="8448">
                  <c:v>44974</c:v>
                </c:pt>
                <c:pt idx="8449">
                  <c:v>44975</c:v>
                </c:pt>
                <c:pt idx="8450">
                  <c:v>44976</c:v>
                </c:pt>
                <c:pt idx="8451">
                  <c:v>44977</c:v>
                </c:pt>
                <c:pt idx="8452">
                  <c:v>44978</c:v>
                </c:pt>
                <c:pt idx="8453">
                  <c:v>44979</c:v>
                </c:pt>
                <c:pt idx="8454">
                  <c:v>44980</c:v>
                </c:pt>
                <c:pt idx="8455">
                  <c:v>44981</c:v>
                </c:pt>
                <c:pt idx="8456">
                  <c:v>44982</c:v>
                </c:pt>
                <c:pt idx="8457">
                  <c:v>44983</c:v>
                </c:pt>
                <c:pt idx="8458">
                  <c:v>44984</c:v>
                </c:pt>
                <c:pt idx="8459">
                  <c:v>44985</c:v>
                </c:pt>
                <c:pt idx="8460">
                  <c:v>44986</c:v>
                </c:pt>
                <c:pt idx="8461">
                  <c:v>44987</c:v>
                </c:pt>
                <c:pt idx="8462">
                  <c:v>44988</c:v>
                </c:pt>
                <c:pt idx="8463">
                  <c:v>44989</c:v>
                </c:pt>
                <c:pt idx="8464">
                  <c:v>44990</c:v>
                </c:pt>
                <c:pt idx="8465">
                  <c:v>44991</c:v>
                </c:pt>
                <c:pt idx="8466">
                  <c:v>44992</c:v>
                </c:pt>
                <c:pt idx="8467">
                  <c:v>44993</c:v>
                </c:pt>
                <c:pt idx="8468">
                  <c:v>44994</c:v>
                </c:pt>
                <c:pt idx="8469">
                  <c:v>44995</c:v>
                </c:pt>
                <c:pt idx="8470">
                  <c:v>44996</c:v>
                </c:pt>
                <c:pt idx="8471">
                  <c:v>44997</c:v>
                </c:pt>
                <c:pt idx="8472">
                  <c:v>44998</c:v>
                </c:pt>
                <c:pt idx="8473">
                  <c:v>44999</c:v>
                </c:pt>
                <c:pt idx="8474">
                  <c:v>45000</c:v>
                </c:pt>
                <c:pt idx="8475">
                  <c:v>45001</c:v>
                </c:pt>
                <c:pt idx="8476">
                  <c:v>45002</c:v>
                </c:pt>
                <c:pt idx="8477">
                  <c:v>45003</c:v>
                </c:pt>
                <c:pt idx="8478">
                  <c:v>45004</c:v>
                </c:pt>
                <c:pt idx="8479">
                  <c:v>45005</c:v>
                </c:pt>
                <c:pt idx="8480">
                  <c:v>45006</c:v>
                </c:pt>
                <c:pt idx="8481">
                  <c:v>45007</c:v>
                </c:pt>
                <c:pt idx="8482">
                  <c:v>45008</c:v>
                </c:pt>
                <c:pt idx="8483">
                  <c:v>45009</c:v>
                </c:pt>
                <c:pt idx="8484">
                  <c:v>45010</c:v>
                </c:pt>
                <c:pt idx="8485">
                  <c:v>45011</c:v>
                </c:pt>
                <c:pt idx="8486">
                  <c:v>45012</c:v>
                </c:pt>
                <c:pt idx="8487">
                  <c:v>45013</c:v>
                </c:pt>
                <c:pt idx="8488">
                  <c:v>45014</c:v>
                </c:pt>
                <c:pt idx="8489">
                  <c:v>45015</c:v>
                </c:pt>
                <c:pt idx="8490">
                  <c:v>45016</c:v>
                </c:pt>
                <c:pt idx="8491">
                  <c:v>45017</c:v>
                </c:pt>
                <c:pt idx="8492">
                  <c:v>45018</c:v>
                </c:pt>
                <c:pt idx="8493">
                  <c:v>45019</c:v>
                </c:pt>
                <c:pt idx="8494">
                  <c:v>45020</c:v>
                </c:pt>
                <c:pt idx="8495">
                  <c:v>45021</c:v>
                </c:pt>
                <c:pt idx="8496">
                  <c:v>45022</c:v>
                </c:pt>
                <c:pt idx="8497">
                  <c:v>45023</c:v>
                </c:pt>
                <c:pt idx="8498">
                  <c:v>45024</c:v>
                </c:pt>
                <c:pt idx="8499">
                  <c:v>45025</c:v>
                </c:pt>
                <c:pt idx="8500">
                  <c:v>45026</c:v>
                </c:pt>
                <c:pt idx="8501">
                  <c:v>45027</c:v>
                </c:pt>
                <c:pt idx="8502">
                  <c:v>45028</c:v>
                </c:pt>
                <c:pt idx="8503">
                  <c:v>45029</c:v>
                </c:pt>
                <c:pt idx="8504">
                  <c:v>45030</c:v>
                </c:pt>
                <c:pt idx="8505">
                  <c:v>45031</c:v>
                </c:pt>
                <c:pt idx="8506">
                  <c:v>45032</c:v>
                </c:pt>
                <c:pt idx="8507">
                  <c:v>45033</c:v>
                </c:pt>
                <c:pt idx="8508">
                  <c:v>45034</c:v>
                </c:pt>
                <c:pt idx="8509">
                  <c:v>45035</c:v>
                </c:pt>
                <c:pt idx="8510">
                  <c:v>45036</c:v>
                </c:pt>
                <c:pt idx="8511">
                  <c:v>45037</c:v>
                </c:pt>
                <c:pt idx="8512">
                  <c:v>45038</c:v>
                </c:pt>
                <c:pt idx="8513">
                  <c:v>45039</c:v>
                </c:pt>
                <c:pt idx="8514">
                  <c:v>45040</c:v>
                </c:pt>
                <c:pt idx="8515">
                  <c:v>45041</c:v>
                </c:pt>
                <c:pt idx="8516">
                  <c:v>45042</c:v>
                </c:pt>
                <c:pt idx="8517">
                  <c:v>45043</c:v>
                </c:pt>
                <c:pt idx="8518">
                  <c:v>45044</c:v>
                </c:pt>
                <c:pt idx="8519">
                  <c:v>45045</c:v>
                </c:pt>
                <c:pt idx="8520">
                  <c:v>45046</c:v>
                </c:pt>
                <c:pt idx="8521">
                  <c:v>45047</c:v>
                </c:pt>
                <c:pt idx="8522">
                  <c:v>45048</c:v>
                </c:pt>
                <c:pt idx="8523">
                  <c:v>45049</c:v>
                </c:pt>
                <c:pt idx="8524">
                  <c:v>45050</c:v>
                </c:pt>
                <c:pt idx="8525">
                  <c:v>45051</c:v>
                </c:pt>
                <c:pt idx="8526">
                  <c:v>45052</c:v>
                </c:pt>
                <c:pt idx="8527">
                  <c:v>45053</c:v>
                </c:pt>
                <c:pt idx="8528">
                  <c:v>45054</c:v>
                </c:pt>
                <c:pt idx="8529">
                  <c:v>45055</c:v>
                </c:pt>
                <c:pt idx="8530">
                  <c:v>45056</c:v>
                </c:pt>
                <c:pt idx="8531">
                  <c:v>45057</c:v>
                </c:pt>
                <c:pt idx="8532">
                  <c:v>45058</c:v>
                </c:pt>
                <c:pt idx="8533">
                  <c:v>45059</c:v>
                </c:pt>
                <c:pt idx="8534">
                  <c:v>45060</c:v>
                </c:pt>
                <c:pt idx="8535">
                  <c:v>45061</c:v>
                </c:pt>
                <c:pt idx="8536">
                  <c:v>45062</c:v>
                </c:pt>
                <c:pt idx="8537">
                  <c:v>45063</c:v>
                </c:pt>
                <c:pt idx="8538">
                  <c:v>45064</c:v>
                </c:pt>
                <c:pt idx="8539">
                  <c:v>45065</c:v>
                </c:pt>
                <c:pt idx="8540">
                  <c:v>45066</c:v>
                </c:pt>
                <c:pt idx="8541">
                  <c:v>45067</c:v>
                </c:pt>
                <c:pt idx="8542">
                  <c:v>45068</c:v>
                </c:pt>
                <c:pt idx="8543">
                  <c:v>45069</c:v>
                </c:pt>
                <c:pt idx="8544">
                  <c:v>45070</c:v>
                </c:pt>
                <c:pt idx="8545">
                  <c:v>45071</c:v>
                </c:pt>
                <c:pt idx="8546">
                  <c:v>45072</c:v>
                </c:pt>
                <c:pt idx="8547">
                  <c:v>45073</c:v>
                </c:pt>
                <c:pt idx="8548">
                  <c:v>45074</c:v>
                </c:pt>
                <c:pt idx="8549">
                  <c:v>45075</c:v>
                </c:pt>
                <c:pt idx="8550">
                  <c:v>45076</c:v>
                </c:pt>
                <c:pt idx="8551">
                  <c:v>45077</c:v>
                </c:pt>
                <c:pt idx="8552">
                  <c:v>45078</c:v>
                </c:pt>
                <c:pt idx="8553">
                  <c:v>45079</c:v>
                </c:pt>
                <c:pt idx="8554">
                  <c:v>45080</c:v>
                </c:pt>
                <c:pt idx="8555">
                  <c:v>45081</c:v>
                </c:pt>
                <c:pt idx="8556">
                  <c:v>45082</c:v>
                </c:pt>
                <c:pt idx="8557">
                  <c:v>45083</c:v>
                </c:pt>
                <c:pt idx="8558">
                  <c:v>45084</c:v>
                </c:pt>
                <c:pt idx="8559">
                  <c:v>45085</c:v>
                </c:pt>
                <c:pt idx="8560">
                  <c:v>45086</c:v>
                </c:pt>
                <c:pt idx="8561">
                  <c:v>45087</c:v>
                </c:pt>
                <c:pt idx="8562">
                  <c:v>45088</c:v>
                </c:pt>
                <c:pt idx="8563">
                  <c:v>45089</c:v>
                </c:pt>
                <c:pt idx="8564">
                  <c:v>45090</c:v>
                </c:pt>
                <c:pt idx="8565">
                  <c:v>45091</c:v>
                </c:pt>
                <c:pt idx="8566">
                  <c:v>45092</c:v>
                </c:pt>
                <c:pt idx="8567">
                  <c:v>45093</c:v>
                </c:pt>
                <c:pt idx="8568">
                  <c:v>45094</c:v>
                </c:pt>
                <c:pt idx="8569">
                  <c:v>45095</c:v>
                </c:pt>
                <c:pt idx="8570">
                  <c:v>45096</c:v>
                </c:pt>
                <c:pt idx="8571">
                  <c:v>45097</c:v>
                </c:pt>
                <c:pt idx="8572">
                  <c:v>45098</c:v>
                </c:pt>
                <c:pt idx="8573">
                  <c:v>45099</c:v>
                </c:pt>
                <c:pt idx="8574">
                  <c:v>45100</c:v>
                </c:pt>
                <c:pt idx="8575">
                  <c:v>45101</c:v>
                </c:pt>
                <c:pt idx="8576">
                  <c:v>45102</c:v>
                </c:pt>
                <c:pt idx="8577">
                  <c:v>45103</c:v>
                </c:pt>
                <c:pt idx="8578">
                  <c:v>45104</c:v>
                </c:pt>
                <c:pt idx="8579">
                  <c:v>45105</c:v>
                </c:pt>
                <c:pt idx="8580">
                  <c:v>45106</c:v>
                </c:pt>
                <c:pt idx="8581">
                  <c:v>45107</c:v>
                </c:pt>
                <c:pt idx="8582">
                  <c:v>45108</c:v>
                </c:pt>
                <c:pt idx="8583">
                  <c:v>45109</c:v>
                </c:pt>
                <c:pt idx="8584">
                  <c:v>45110</c:v>
                </c:pt>
                <c:pt idx="8585">
                  <c:v>45111</c:v>
                </c:pt>
                <c:pt idx="8586">
                  <c:v>45112</c:v>
                </c:pt>
                <c:pt idx="8587">
                  <c:v>45113</c:v>
                </c:pt>
                <c:pt idx="8588">
                  <c:v>45114</c:v>
                </c:pt>
                <c:pt idx="8589">
                  <c:v>45115</c:v>
                </c:pt>
                <c:pt idx="8590">
                  <c:v>45116</c:v>
                </c:pt>
                <c:pt idx="8591">
                  <c:v>45117</c:v>
                </c:pt>
                <c:pt idx="8592">
                  <c:v>45118</c:v>
                </c:pt>
                <c:pt idx="8593">
                  <c:v>45119</c:v>
                </c:pt>
                <c:pt idx="8594">
                  <c:v>45120</c:v>
                </c:pt>
                <c:pt idx="8595">
                  <c:v>45121</c:v>
                </c:pt>
                <c:pt idx="8596">
                  <c:v>45122</c:v>
                </c:pt>
                <c:pt idx="8597">
                  <c:v>45123</c:v>
                </c:pt>
                <c:pt idx="8598">
                  <c:v>45124</c:v>
                </c:pt>
                <c:pt idx="8599">
                  <c:v>45125</c:v>
                </c:pt>
                <c:pt idx="8600">
                  <c:v>45126</c:v>
                </c:pt>
                <c:pt idx="8601">
                  <c:v>45127</c:v>
                </c:pt>
                <c:pt idx="8602">
                  <c:v>45128</c:v>
                </c:pt>
                <c:pt idx="8603">
                  <c:v>45129</c:v>
                </c:pt>
                <c:pt idx="8604">
                  <c:v>45130</c:v>
                </c:pt>
                <c:pt idx="8605">
                  <c:v>45131</c:v>
                </c:pt>
                <c:pt idx="8606">
                  <c:v>45132</c:v>
                </c:pt>
                <c:pt idx="8607">
                  <c:v>45133</c:v>
                </c:pt>
                <c:pt idx="8608">
                  <c:v>45134</c:v>
                </c:pt>
                <c:pt idx="8609">
                  <c:v>45135</c:v>
                </c:pt>
                <c:pt idx="8610">
                  <c:v>45136</c:v>
                </c:pt>
                <c:pt idx="8611">
                  <c:v>45137</c:v>
                </c:pt>
                <c:pt idx="8612">
                  <c:v>45138</c:v>
                </c:pt>
                <c:pt idx="8613">
                  <c:v>45139</c:v>
                </c:pt>
                <c:pt idx="8614">
                  <c:v>45140</c:v>
                </c:pt>
                <c:pt idx="8615">
                  <c:v>45141</c:v>
                </c:pt>
                <c:pt idx="8616">
                  <c:v>45142</c:v>
                </c:pt>
                <c:pt idx="8617">
                  <c:v>45143</c:v>
                </c:pt>
                <c:pt idx="8618">
                  <c:v>45144</c:v>
                </c:pt>
                <c:pt idx="8619">
                  <c:v>45145</c:v>
                </c:pt>
                <c:pt idx="8620">
                  <c:v>45146</c:v>
                </c:pt>
                <c:pt idx="8621">
                  <c:v>45147</c:v>
                </c:pt>
                <c:pt idx="8622">
                  <c:v>45148</c:v>
                </c:pt>
                <c:pt idx="8623">
                  <c:v>45149</c:v>
                </c:pt>
                <c:pt idx="8624">
                  <c:v>45150</c:v>
                </c:pt>
                <c:pt idx="8625">
                  <c:v>45151</c:v>
                </c:pt>
                <c:pt idx="8626">
                  <c:v>45152</c:v>
                </c:pt>
                <c:pt idx="8627">
                  <c:v>45153</c:v>
                </c:pt>
                <c:pt idx="8628">
                  <c:v>45154</c:v>
                </c:pt>
                <c:pt idx="8629">
                  <c:v>45155</c:v>
                </c:pt>
                <c:pt idx="8630">
                  <c:v>45156</c:v>
                </c:pt>
                <c:pt idx="8631">
                  <c:v>45157</c:v>
                </c:pt>
                <c:pt idx="8632">
                  <c:v>45158</c:v>
                </c:pt>
                <c:pt idx="8633">
                  <c:v>45159</c:v>
                </c:pt>
                <c:pt idx="8634">
                  <c:v>45160</c:v>
                </c:pt>
                <c:pt idx="8635">
                  <c:v>45161</c:v>
                </c:pt>
                <c:pt idx="8636">
                  <c:v>45162</c:v>
                </c:pt>
                <c:pt idx="8637">
                  <c:v>45163</c:v>
                </c:pt>
                <c:pt idx="8638">
                  <c:v>45164</c:v>
                </c:pt>
                <c:pt idx="8639">
                  <c:v>45165</c:v>
                </c:pt>
                <c:pt idx="8640">
                  <c:v>45166</c:v>
                </c:pt>
                <c:pt idx="8641">
                  <c:v>45167</c:v>
                </c:pt>
                <c:pt idx="8642">
                  <c:v>45168</c:v>
                </c:pt>
                <c:pt idx="8643">
                  <c:v>45169</c:v>
                </c:pt>
                <c:pt idx="8644">
                  <c:v>45170</c:v>
                </c:pt>
                <c:pt idx="8645">
                  <c:v>45171</c:v>
                </c:pt>
                <c:pt idx="8646">
                  <c:v>45172</c:v>
                </c:pt>
                <c:pt idx="8647">
                  <c:v>45173</c:v>
                </c:pt>
                <c:pt idx="8648">
                  <c:v>45174</c:v>
                </c:pt>
                <c:pt idx="8649">
                  <c:v>45175</c:v>
                </c:pt>
                <c:pt idx="8650">
                  <c:v>45176</c:v>
                </c:pt>
                <c:pt idx="8651">
                  <c:v>45177</c:v>
                </c:pt>
                <c:pt idx="8652">
                  <c:v>45178</c:v>
                </c:pt>
                <c:pt idx="8653">
                  <c:v>45179</c:v>
                </c:pt>
                <c:pt idx="8654">
                  <c:v>45180</c:v>
                </c:pt>
                <c:pt idx="8655">
                  <c:v>45181</c:v>
                </c:pt>
                <c:pt idx="8656">
                  <c:v>45182</c:v>
                </c:pt>
                <c:pt idx="8657">
                  <c:v>45183</c:v>
                </c:pt>
                <c:pt idx="8658">
                  <c:v>45184</c:v>
                </c:pt>
                <c:pt idx="8659">
                  <c:v>45185</c:v>
                </c:pt>
                <c:pt idx="8660">
                  <c:v>45186</c:v>
                </c:pt>
                <c:pt idx="8661">
                  <c:v>45187</c:v>
                </c:pt>
                <c:pt idx="8662">
                  <c:v>45188</c:v>
                </c:pt>
                <c:pt idx="8663">
                  <c:v>45189</c:v>
                </c:pt>
                <c:pt idx="8664">
                  <c:v>45190</c:v>
                </c:pt>
                <c:pt idx="8665">
                  <c:v>45191</c:v>
                </c:pt>
                <c:pt idx="8666">
                  <c:v>45192</c:v>
                </c:pt>
                <c:pt idx="8667">
                  <c:v>45193</c:v>
                </c:pt>
                <c:pt idx="8668">
                  <c:v>45194</c:v>
                </c:pt>
                <c:pt idx="8669">
                  <c:v>45195</c:v>
                </c:pt>
                <c:pt idx="8670">
                  <c:v>45196</c:v>
                </c:pt>
                <c:pt idx="8671">
                  <c:v>45197</c:v>
                </c:pt>
                <c:pt idx="8672">
                  <c:v>45198</c:v>
                </c:pt>
                <c:pt idx="8673">
                  <c:v>45199</c:v>
                </c:pt>
                <c:pt idx="8674">
                  <c:v>45200</c:v>
                </c:pt>
                <c:pt idx="8675">
                  <c:v>45201</c:v>
                </c:pt>
                <c:pt idx="8676">
                  <c:v>45202</c:v>
                </c:pt>
                <c:pt idx="8677">
                  <c:v>45203</c:v>
                </c:pt>
                <c:pt idx="8678">
                  <c:v>45204</c:v>
                </c:pt>
                <c:pt idx="8679">
                  <c:v>45205</c:v>
                </c:pt>
                <c:pt idx="8680">
                  <c:v>45206</c:v>
                </c:pt>
                <c:pt idx="8681">
                  <c:v>45207</c:v>
                </c:pt>
                <c:pt idx="8682">
                  <c:v>45208</c:v>
                </c:pt>
                <c:pt idx="8683">
                  <c:v>45209</c:v>
                </c:pt>
                <c:pt idx="8684">
                  <c:v>45210</c:v>
                </c:pt>
                <c:pt idx="8685">
                  <c:v>45211</c:v>
                </c:pt>
                <c:pt idx="8686">
                  <c:v>45212</c:v>
                </c:pt>
                <c:pt idx="8687">
                  <c:v>45213</c:v>
                </c:pt>
                <c:pt idx="8688">
                  <c:v>45214</c:v>
                </c:pt>
                <c:pt idx="8689">
                  <c:v>45215</c:v>
                </c:pt>
                <c:pt idx="8690">
                  <c:v>45216</c:v>
                </c:pt>
                <c:pt idx="8691">
                  <c:v>45217</c:v>
                </c:pt>
                <c:pt idx="8692">
                  <c:v>45218</c:v>
                </c:pt>
                <c:pt idx="8693">
                  <c:v>45219</c:v>
                </c:pt>
                <c:pt idx="8694">
                  <c:v>45220</c:v>
                </c:pt>
                <c:pt idx="8695">
                  <c:v>45221</c:v>
                </c:pt>
                <c:pt idx="8696">
                  <c:v>45222</c:v>
                </c:pt>
                <c:pt idx="8697">
                  <c:v>45223</c:v>
                </c:pt>
                <c:pt idx="8698">
                  <c:v>45224</c:v>
                </c:pt>
                <c:pt idx="8699">
                  <c:v>45225</c:v>
                </c:pt>
                <c:pt idx="8700">
                  <c:v>45226</c:v>
                </c:pt>
                <c:pt idx="8701">
                  <c:v>45227</c:v>
                </c:pt>
                <c:pt idx="8702">
                  <c:v>45228</c:v>
                </c:pt>
                <c:pt idx="8703">
                  <c:v>45229</c:v>
                </c:pt>
                <c:pt idx="8704">
                  <c:v>45230</c:v>
                </c:pt>
                <c:pt idx="8705">
                  <c:v>45231</c:v>
                </c:pt>
                <c:pt idx="8706">
                  <c:v>45232</c:v>
                </c:pt>
                <c:pt idx="8707">
                  <c:v>45233</c:v>
                </c:pt>
                <c:pt idx="8708">
                  <c:v>45234</c:v>
                </c:pt>
                <c:pt idx="8709">
                  <c:v>45235</c:v>
                </c:pt>
                <c:pt idx="8710">
                  <c:v>45236</c:v>
                </c:pt>
                <c:pt idx="8711">
                  <c:v>45237</c:v>
                </c:pt>
                <c:pt idx="8712">
                  <c:v>45238</c:v>
                </c:pt>
                <c:pt idx="8713">
                  <c:v>45239</c:v>
                </c:pt>
                <c:pt idx="8714">
                  <c:v>45240</c:v>
                </c:pt>
                <c:pt idx="8715">
                  <c:v>45241</c:v>
                </c:pt>
                <c:pt idx="8716">
                  <c:v>45242</c:v>
                </c:pt>
                <c:pt idx="8717">
                  <c:v>45243</c:v>
                </c:pt>
                <c:pt idx="8718">
                  <c:v>45244</c:v>
                </c:pt>
                <c:pt idx="8719">
                  <c:v>45245</c:v>
                </c:pt>
                <c:pt idx="8720">
                  <c:v>45246</c:v>
                </c:pt>
                <c:pt idx="8721">
                  <c:v>45247</c:v>
                </c:pt>
                <c:pt idx="8722">
                  <c:v>45248</c:v>
                </c:pt>
                <c:pt idx="8723">
                  <c:v>45249</c:v>
                </c:pt>
                <c:pt idx="8724">
                  <c:v>45250</c:v>
                </c:pt>
                <c:pt idx="8725">
                  <c:v>45251</c:v>
                </c:pt>
                <c:pt idx="8726">
                  <c:v>45252</c:v>
                </c:pt>
                <c:pt idx="8727">
                  <c:v>45253</c:v>
                </c:pt>
                <c:pt idx="8728">
                  <c:v>45254</c:v>
                </c:pt>
                <c:pt idx="8729">
                  <c:v>45255</c:v>
                </c:pt>
                <c:pt idx="8730">
                  <c:v>45256</c:v>
                </c:pt>
                <c:pt idx="8731">
                  <c:v>45257</c:v>
                </c:pt>
                <c:pt idx="8732">
                  <c:v>45258</c:v>
                </c:pt>
                <c:pt idx="8733">
                  <c:v>45259</c:v>
                </c:pt>
                <c:pt idx="8734">
                  <c:v>45260</c:v>
                </c:pt>
                <c:pt idx="8735">
                  <c:v>45261</c:v>
                </c:pt>
                <c:pt idx="8736">
                  <c:v>45262</c:v>
                </c:pt>
                <c:pt idx="8737">
                  <c:v>45263</c:v>
                </c:pt>
                <c:pt idx="8738">
                  <c:v>45264</c:v>
                </c:pt>
                <c:pt idx="8739">
                  <c:v>45265</c:v>
                </c:pt>
                <c:pt idx="8740">
                  <c:v>45266</c:v>
                </c:pt>
                <c:pt idx="8741">
                  <c:v>45267</c:v>
                </c:pt>
                <c:pt idx="8742">
                  <c:v>45268</c:v>
                </c:pt>
                <c:pt idx="8743">
                  <c:v>45269</c:v>
                </c:pt>
                <c:pt idx="8744">
                  <c:v>45270</c:v>
                </c:pt>
                <c:pt idx="8745">
                  <c:v>45271</c:v>
                </c:pt>
                <c:pt idx="8746">
                  <c:v>45272</c:v>
                </c:pt>
                <c:pt idx="8747">
                  <c:v>45273</c:v>
                </c:pt>
                <c:pt idx="8748">
                  <c:v>45274</c:v>
                </c:pt>
                <c:pt idx="8749">
                  <c:v>45275</c:v>
                </c:pt>
                <c:pt idx="8750">
                  <c:v>45276</c:v>
                </c:pt>
                <c:pt idx="8751">
                  <c:v>45277</c:v>
                </c:pt>
                <c:pt idx="8752">
                  <c:v>45278</c:v>
                </c:pt>
                <c:pt idx="8753">
                  <c:v>45279</c:v>
                </c:pt>
                <c:pt idx="8754">
                  <c:v>45280</c:v>
                </c:pt>
                <c:pt idx="8755">
                  <c:v>45281</c:v>
                </c:pt>
                <c:pt idx="8756">
                  <c:v>45282</c:v>
                </c:pt>
                <c:pt idx="8757">
                  <c:v>45283</c:v>
                </c:pt>
                <c:pt idx="8758">
                  <c:v>45284</c:v>
                </c:pt>
                <c:pt idx="8759">
                  <c:v>45285</c:v>
                </c:pt>
                <c:pt idx="8760">
                  <c:v>45286</c:v>
                </c:pt>
                <c:pt idx="8761">
                  <c:v>45287</c:v>
                </c:pt>
                <c:pt idx="8762">
                  <c:v>45288</c:v>
                </c:pt>
                <c:pt idx="8763">
                  <c:v>45289</c:v>
                </c:pt>
                <c:pt idx="8764">
                  <c:v>45290</c:v>
                </c:pt>
                <c:pt idx="8765">
                  <c:v>45291</c:v>
                </c:pt>
                <c:pt idx="8766">
                  <c:v>45292</c:v>
                </c:pt>
                <c:pt idx="8767">
                  <c:v>45293</c:v>
                </c:pt>
                <c:pt idx="8768">
                  <c:v>45294</c:v>
                </c:pt>
                <c:pt idx="8769">
                  <c:v>45295</c:v>
                </c:pt>
                <c:pt idx="8770">
                  <c:v>45296</c:v>
                </c:pt>
                <c:pt idx="8771">
                  <c:v>45297</c:v>
                </c:pt>
                <c:pt idx="8772">
                  <c:v>45298</c:v>
                </c:pt>
                <c:pt idx="8773">
                  <c:v>45299</c:v>
                </c:pt>
                <c:pt idx="8774">
                  <c:v>45300</c:v>
                </c:pt>
                <c:pt idx="8775">
                  <c:v>45301</c:v>
                </c:pt>
                <c:pt idx="8776">
                  <c:v>45302</c:v>
                </c:pt>
                <c:pt idx="8777">
                  <c:v>45303</c:v>
                </c:pt>
                <c:pt idx="8778">
                  <c:v>45304</c:v>
                </c:pt>
                <c:pt idx="8779">
                  <c:v>45305</c:v>
                </c:pt>
                <c:pt idx="8780">
                  <c:v>45306</c:v>
                </c:pt>
                <c:pt idx="8781">
                  <c:v>45307</c:v>
                </c:pt>
                <c:pt idx="8782">
                  <c:v>45308</c:v>
                </c:pt>
                <c:pt idx="8783">
                  <c:v>45309</c:v>
                </c:pt>
                <c:pt idx="8784">
                  <c:v>45310</c:v>
                </c:pt>
                <c:pt idx="8785">
                  <c:v>45311</c:v>
                </c:pt>
                <c:pt idx="8786">
                  <c:v>45312</c:v>
                </c:pt>
                <c:pt idx="8787">
                  <c:v>45313</c:v>
                </c:pt>
                <c:pt idx="8788">
                  <c:v>45314</c:v>
                </c:pt>
                <c:pt idx="8789">
                  <c:v>45315</c:v>
                </c:pt>
                <c:pt idx="8790">
                  <c:v>45316</c:v>
                </c:pt>
                <c:pt idx="8791">
                  <c:v>45317</c:v>
                </c:pt>
                <c:pt idx="8792">
                  <c:v>45318</c:v>
                </c:pt>
                <c:pt idx="8793">
                  <c:v>45319</c:v>
                </c:pt>
                <c:pt idx="8794">
                  <c:v>45320</c:v>
                </c:pt>
                <c:pt idx="8795">
                  <c:v>45321</c:v>
                </c:pt>
                <c:pt idx="8796">
                  <c:v>45322</c:v>
                </c:pt>
                <c:pt idx="8797">
                  <c:v>45323</c:v>
                </c:pt>
                <c:pt idx="8798">
                  <c:v>45324</c:v>
                </c:pt>
                <c:pt idx="8799">
                  <c:v>45325</c:v>
                </c:pt>
                <c:pt idx="8800">
                  <c:v>45326</c:v>
                </c:pt>
                <c:pt idx="8801">
                  <c:v>45327</c:v>
                </c:pt>
                <c:pt idx="8802">
                  <c:v>45328</c:v>
                </c:pt>
                <c:pt idx="8803">
                  <c:v>45329</c:v>
                </c:pt>
                <c:pt idx="8804">
                  <c:v>45330</c:v>
                </c:pt>
                <c:pt idx="8805">
                  <c:v>45331</c:v>
                </c:pt>
                <c:pt idx="8806">
                  <c:v>45332</c:v>
                </c:pt>
                <c:pt idx="8807">
                  <c:v>45333</c:v>
                </c:pt>
                <c:pt idx="8808">
                  <c:v>45334</c:v>
                </c:pt>
                <c:pt idx="8809">
                  <c:v>45335</c:v>
                </c:pt>
                <c:pt idx="8810">
                  <c:v>45336</c:v>
                </c:pt>
                <c:pt idx="8811">
                  <c:v>45337</c:v>
                </c:pt>
                <c:pt idx="8812">
                  <c:v>45338</c:v>
                </c:pt>
                <c:pt idx="8813">
                  <c:v>45339</c:v>
                </c:pt>
                <c:pt idx="8814">
                  <c:v>45340</c:v>
                </c:pt>
                <c:pt idx="8815">
                  <c:v>45341</c:v>
                </c:pt>
                <c:pt idx="8816">
                  <c:v>45342</c:v>
                </c:pt>
                <c:pt idx="8817">
                  <c:v>45343</c:v>
                </c:pt>
                <c:pt idx="8818">
                  <c:v>45344</c:v>
                </c:pt>
                <c:pt idx="8819">
                  <c:v>45345</c:v>
                </c:pt>
                <c:pt idx="8820">
                  <c:v>45346</c:v>
                </c:pt>
                <c:pt idx="8821">
                  <c:v>45347</c:v>
                </c:pt>
                <c:pt idx="8822">
                  <c:v>45348</c:v>
                </c:pt>
                <c:pt idx="8823">
                  <c:v>45349</c:v>
                </c:pt>
                <c:pt idx="8824">
                  <c:v>45350</c:v>
                </c:pt>
                <c:pt idx="8825">
                  <c:v>45351</c:v>
                </c:pt>
                <c:pt idx="8826">
                  <c:v>45352</c:v>
                </c:pt>
                <c:pt idx="8827">
                  <c:v>45353</c:v>
                </c:pt>
                <c:pt idx="8828">
                  <c:v>45354</c:v>
                </c:pt>
                <c:pt idx="8829">
                  <c:v>45355</c:v>
                </c:pt>
                <c:pt idx="8830">
                  <c:v>45356</c:v>
                </c:pt>
                <c:pt idx="8831">
                  <c:v>45357</c:v>
                </c:pt>
                <c:pt idx="8832">
                  <c:v>45358</c:v>
                </c:pt>
                <c:pt idx="8833">
                  <c:v>45359</c:v>
                </c:pt>
                <c:pt idx="8834">
                  <c:v>45360</c:v>
                </c:pt>
                <c:pt idx="8835">
                  <c:v>45361</c:v>
                </c:pt>
                <c:pt idx="8836">
                  <c:v>45362</c:v>
                </c:pt>
                <c:pt idx="8837">
                  <c:v>45363</c:v>
                </c:pt>
                <c:pt idx="8838">
                  <c:v>45364</c:v>
                </c:pt>
                <c:pt idx="8839">
                  <c:v>45365</c:v>
                </c:pt>
                <c:pt idx="8840">
                  <c:v>45366</c:v>
                </c:pt>
                <c:pt idx="8841">
                  <c:v>45367</c:v>
                </c:pt>
                <c:pt idx="8842">
                  <c:v>45368</c:v>
                </c:pt>
                <c:pt idx="8843">
                  <c:v>45369</c:v>
                </c:pt>
                <c:pt idx="8844">
                  <c:v>45370</c:v>
                </c:pt>
                <c:pt idx="8845">
                  <c:v>45371</c:v>
                </c:pt>
                <c:pt idx="8846">
                  <c:v>45372</c:v>
                </c:pt>
                <c:pt idx="8847">
                  <c:v>45373</c:v>
                </c:pt>
                <c:pt idx="8848">
                  <c:v>45374</c:v>
                </c:pt>
                <c:pt idx="8849">
                  <c:v>45375</c:v>
                </c:pt>
                <c:pt idx="8850">
                  <c:v>45376</c:v>
                </c:pt>
                <c:pt idx="8851">
                  <c:v>45377</c:v>
                </c:pt>
                <c:pt idx="8852">
                  <c:v>45378</c:v>
                </c:pt>
                <c:pt idx="8853">
                  <c:v>45379</c:v>
                </c:pt>
                <c:pt idx="8854">
                  <c:v>45380</c:v>
                </c:pt>
                <c:pt idx="8855">
                  <c:v>45381</c:v>
                </c:pt>
                <c:pt idx="8856">
                  <c:v>45382</c:v>
                </c:pt>
                <c:pt idx="8857">
                  <c:v>45383</c:v>
                </c:pt>
                <c:pt idx="8858">
                  <c:v>45384</c:v>
                </c:pt>
                <c:pt idx="8859">
                  <c:v>45385</c:v>
                </c:pt>
                <c:pt idx="8860">
                  <c:v>45386</c:v>
                </c:pt>
                <c:pt idx="8861">
                  <c:v>45387</c:v>
                </c:pt>
                <c:pt idx="8862">
                  <c:v>45388</c:v>
                </c:pt>
                <c:pt idx="8863">
                  <c:v>45389</c:v>
                </c:pt>
                <c:pt idx="8864">
                  <c:v>45390</c:v>
                </c:pt>
                <c:pt idx="8865">
                  <c:v>45391</c:v>
                </c:pt>
                <c:pt idx="8866">
                  <c:v>45392</c:v>
                </c:pt>
                <c:pt idx="8867">
                  <c:v>45393</c:v>
                </c:pt>
                <c:pt idx="8868">
                  <c:v>45394</c:v>
                </c:pt>
                <c:pt idx="8869">
                  <c:v>45395</c:v>
                </c:pt>
                <c:pt idx="8870">
                  <c:v>45396</c:v>
                </c:pt>
                <c:pt idx="8871">
                  <c:v>45397</c:v>
                </c:pt>
                <c:pt idx="8872">
                  <c:v>45398</c:v>
                </c:pt>
                <c:pt idx="8873">
                  <c:v>45399</c:v>
                </c:pt>
                <c:pt idx="8874">
                  <c:v>45400</c:v>
                </c:pt>
                <c:pt idx="8875">
                  <c:v>45401</c:v>
                </c:pt>
                <c:pt idx="8876">
                  <c:v>45402</c:v>
                </c:pt>
                <c:pt idx="8877">
                  <c:v>45403</c:v>
                </c:pt>
                <c:pt idx="8878">
                  <c:v>45404</c:v>
                </c:pt>
                <c:pt idx="8879">
                  <c:v>45405</c:v>
                </c:pt>
                <c:pt idx="8880">
                  <c:v>45406</c:v>
                </c:pt>
                <c:pt idx="8881">
                  <c:v>45407</c:v>
                </c:pt>
                <c:pt idx="8882">
                  <c:v>45408</c:v>
                </c:pt>
                <c:pt idx="8883">
                  <c:v>45409</c:v>
                </c:pt>
                <c:pt idx="8884">
                  <c:v>45410</c:v>
                </c:pt>
                <c:pt idx="8885">
                  <c:v>45411</c:v>
                </c:pt>
                <c:pt idx="8886">
                  <c:v>45412</c:v>
                </c:pt>
                <c:pt idx="8887">
                  <c:v>45413</c:v>
                </c:pt>
                <c:pt idx="8888">
                  <c:v>45414</c:v>
                </c:pt>
                <c:pt idx="8889">
                  <c:v>45415</c:v>
                </c:pt>
                <c:pt idx="8890">
                  <c:v>45416</c:v>
                </c:pt>
                <c:pt idx="8891">
                  <c:v>45417</c:v>
                </c:pt>
                <c:pt idx="8892">
                  <c:v>45418</c:v>
                </c:pt>
                <c:pt idx="8893">
                  <c:v>45419</c:v>
                </c:pt>
                <c:pt idx="8894">
                  <c:v>45420</c:v>
                </c:pt>
                <c:pt idx="8895">
                  <c:v>45421</c:v>
                </c:pt>
                <c:pt idx="8896">
                  <c:v>45422</c:v>
                </c:pt>
                <c:pt idx="8897">
                  <c:v>45423</c:v>
                </c:pt>
                <c:pt idx="8898">
                  <c:v>45424</c:v>
                </c:pt>
                <c:pt idx="8899">
                  <c:v>45425</c:v>
                </c:pt>
                <c:pt idx="8900">
                  <c:v>45426</c:v>
                </c:pt>
                <c:pt idx="8901">
                  <c:v>45427</c:v>
                </c:pt>
                <c:pt idx="8902">
                  <c:v>45428</c:v>
                </c:pt>
                <c:pt idx="8903">
                  <c:v>45429</c:v>
                </c:pt>
                <c:pt idx="8904">
                  <c:v>45430</c:v>
                </c:pt>
                <c:pt idx="8905">
                  <c:v>45431</c:v>
                </c:pt>
                <c:pt idx="8906">
                  <c:v>45432</c:v>
                </c:pt>
                <c:pt idx="8907">
                  <c:v>45433</c:v>
                </c:pt>
                <c:pt idx="8908">
                  <c:v>45434</c:v>
                </c:pt>
                <c:pt idx="8909">
                  <c:v>45435</c:v>
                </c:pt>
                <c:pt idx="8910">
                  <c:v>45436</c:v>
                </c:pt>
                <c:pt idx="8911">
                  <c:v>45437</c:v>
                </c:pt>
                <c:pt idx="8912">
                  <c:v>45438</c:v>
                </c:pt>
                <c:pt idx="8913">
                  <c:v>45439</c:v>
                </c:pt>
                <c:pt idx="8914">
                  <c:v>45440</c:v>
                </c:pt>
                <c:pt idx="8915">
                  <c:v>45441</c:v>
                </c:pt>
                <c:pt idx="8916">
                  <c:v>45442</c:v>
                </c:pt>
                <c:pt idx="8917">
                  <c:v>45443</c:v>
                </c:pt>
                <c:pt idx="8918">
                  <c:v>45444</c:v>
                </c:pt>
                <c:pt idx="8919">
                  <c:v>45445</c:v>
                </c:pt>
                <c:pt idx="8920">
                  <c:v>45446</c:v>
                </c:pt>
                <c:pt idx="8921">
                  <c:v>45447</c:v>
                </c:pt>
                <c:pt idx="8922">
                  <c:v>45448</c:v>
                </c:pt>
                <c:pt idx="8923">
                  <c:v>45449</c:v>
                </c:pt>
                <c:pt idx="8924">
                  <c:v>45450</c:v>
                </c:pt>
                <c:pt idx="8925">
                  <c:v>45451</c:v>
                </c:pt>
                <c:pt idx="8926">
                  <c:v>45452</c:v>
                </c:pt>
                <c:pt idx="8927">
                  <c:v>45453</c:v>
                </c:pt>
                <c:pt idx="8928">
                  <c:v>45454</c:v>
                </c:pt>
                <c:pt idx="8929">
                  <c:v>45455</c:v>
                </c:pt>
                <c:pt idx="8930">
                  <c:v>45456</c:v>
                </c:pt>
                <c:pt idx="8931">
                  <c:v>45457</c:v>
                </c:pt>
                <c:pt idx="8932">
                  <c:v>45458</c:v>
                </c:pt>
                <c:pt idx="8933">
                  <c:v>45459</c:v>
                </c:pt>
                <c:pt idx="8934">
                  <c:v>45460</c:v>
                </c:pt>
                <c:pt idx="8935">
                  <c:v>45461</c:v>
                </c:pt>
                <c:pt idx="8936">
                  <c:v>45462</c:v>
                </c:pt>
                <c:pt idx="8937">
                  <c:v>45463</c:v>
                </c:pt>
                <c:pt idx="8938">
                  <c:v>45464</c:v>
                </c:pt>
                <c:pt idx="8939">
                  <c:v>45465</c:v>
                </c:pt>
                <c:pt idx="8940">
                  <c:v>45466</c:v>
                </c:pt>
                <c:pt idx="8941">
                  <c:v>45467</c:v>
                </c:pt>
                <c:pt idx="8942">
                  <c:v>45468</c:v>
                </c:pt>
                <c:pt idx="8943">
                  <c:v>45469</c:v>
                </c:pt>
                <c:pt idx="8944">
                  <c:v>45470</c:v>
                </c:pt>
                <c:pt idx="8945">
                  <c:v>45471</c:v>
                </c:pt>
                <c:pt idx="8946">
                  <c:v>45472</c:v>
                </c:pt>
                <c:pt idx="8947">
                  <c:v>45473</c:v>
                </c:pt>
              </c:numCache>
            </c:numRef>
          </c:cat>
          <c:val>
            <c:numRef>
              <c:f>Sheet1!$P$5:$P$8952</c:f>
              <c:numCache>
                <c:formatCode>0.00%</c:formatCode>
                <c:ptCount val="8948"/>
                <c:pt idx="0">
                  <c:v>5.8499999999999996E-2</c:v>
                </c:pt>
                <c:pt idx="1">
                  <c:v>5.8499999999999996E-2</c:v>
                </c:pt>
                <c:pt idx="2">
                  <c:v>5.8499999999999996E-2</c:v>
                </c:pt>
                <c:pt idx="3">
                  <c:v>5.8499999999999996E-2</c:v>
                </c:pt>
                <c:pt idx="4">
                  <c:v>5.8499999999999996E-2</c:v>
                </c:pt>
                <c:pt idx="5">
                  <c:v>5.8499999999999996E-2</c:v>
                </c:pt>
                <c:pt idx="6">
                  <c:v>5.8499999999999996E-2</c:v>
                </c:pt>
                <c:pt idx="7">
                  <c:v>5.8499999999999996E-2</c:v>
                </c:pt>
                <c:pt idx="8">
                  <c:v>5.8499999999999996E-2</c:v>
                </c:pt>
                <c:pt idx="9">
                  <c:v>5.8499999999999996E-2</c:v>
                </c:pt>
                <c:pt idx="10">
                  <c:v>5.8499999999999996E-2</c:v>
                </c:pt>
                <c:pt idx="11">
                  <c:v>5.8499999999999996E-2</c:v>
                </c:pt>
                <c:pt idx="12">
                  <c:v>5.8499999999999996E-2</c:v>
                </c:pt>
                <c:pt idx="13">
                  <c:v>5.8499999999999996E-2</c:v>
                </c:pt>
                <c:pt idx="14">
                  <c:v>5.8499999999999996E-2</c:v>
                </c:pt>
                <c:pt idx="15">
                  <c:v>5.8499999999999996E-2</c:v>
                </c:pt>
                <c:pt idx="16">
                  <c:v>5.8499999999999996E-2</c:v>
                </c:pt>
                <c:pt idx="17">
                  <c:v>5.8499999999999996E-2</c:v>
                </c:pt>
                <c:pt idx="18">
                  <c:v>5.8499999999999996E-2</c:v>
                </c:pt>
                <c:pt idx="19">
                  <c:v>5.8499999999999996E-2</c:v>
                </c:pt>
                <c:pt idx="20">
                  <c:v>5.8499999999999996E-2</c:v>
                </c:pt>
                <c:pt idx="21">
                  <c:v>5.8499999999999996E-2</c:v>
                </c:pt>
                <c:pt idx="22">
                  <c:v>5.8499999999999996E-2</c:v>
                </c:pt>
                <c:pt idx="23">
                  <c:v>5.8499999999999996E-2</c:v>
                </c:pt>
                <c:pt idx="24">
                  <c:v>5.8499999999999996E-2</c:v>
                </c:pt>
                <c:pt idx="25">
                  <c:v>5.8499999999999996E-2</c:v>
                </c:pt>
                <c:pt idx="26">
                  <c:v>5.8499999999999996E-2</c:v>
                </c:pt>
                <c:pt idx="27">
                  <c:v>5.8499999999999996E-2</c:v>
                </c:pt>
                <c:pt idx="28">
                  <c:v>5.8499999999999996E-2</c:v>
                </c:pt>
                <c:pt idx="29">
                  <c:v>5.8499999999999996E-2</c:v>
                </c:pt>
                <c:pt idx="30">
                  <c:v>5.8499999999999996E-2</c:v>
                </c:pt>
                <c:pt idx="31">
                  <c:v>5.8499999999999996E-2</c:v>
                </c:pt>
                <c:pt idx="32">
                  <c:v>5.8499999999999996E-2</c:v>
                </c:pt>
                <c:pt idx="33">
                  <c:v>5.8499999999999996E-2</c:v>
                </c:pt>
                <c:pt idx="34">
                  <c:v>5.8499999999999996E-2</c:v>
                </c:pt>
                <c:pt idx="35">
                  <c:v>5.8499999999999996E-2</c:v>
                </c:pt>
                <c:pt idx="36">
                  <c:v>5.8499999999999996E-2</c:v>
                </c:pt>
                <c:pt idx="37">
                  <c:v>5.8499999999999996E-2</c:v>
                </c:pt>
                <c:pt idx="38">
                  <c:v>5.8499999999999996E-2</c:v>
                </c:pt>
                <c:pt idx="39">
                  <c:v>5.8499999999999996E-2</c:v>
                </c:pt>
                <c:pt idx="40">
                  <c:v>5.8499999999999996E-2</c:v>
                </c:pt>
                <c:pt idx="41">
                  <c:v>5.8499999999999996E-2</c:v>
                </c:pt>
                <c:pt idx="42">
                  <c:v>5.8499999999999996E-2</c:v>
                </c:pt>
                <c:pt idx="43">
                  <c:v>5.8499999999999996E-2</c:v>
                </c:pt>
                <c:pt idx="44">
                  <c:v>5.8499999999999996E-2</c:v>
                </c:pt>
                <c:pt idx="45">
                  <c:v>5.8499999999999996E-2</c:v>
                </c:pt>
                <c:pt idx="46">
                  <c:v>5.8499999999999996E-2</c:v>
                </c:pt>
                <c:pt idx="47">
                  <c:v>5.8499999999999996E-2</c:v>
                </c:pt>
                <c:pt idx="48">
                  <c:v>5.8499999999999996E-2</c:v>
                </c:pt>
                <c:pt idx="49">
                  <c:v>5.8499999999999996E-2</c:v>
                </c:pt>
                <c:pt idx="50">
                  <c:v>5.8499999999999996E-2</c:v>
                </c:pt>
                <c:pt idx="51">
                  <c:v>5.8499999999999996E-2</c:v>
                </c:pt>
                <c:pt idx="52">
                  <c:v>5.8499999999999996E-2</c:v>
                </c:pt>
                <c:pt idx="53">
                  <c:v>5.8499999999999996E-2</c:v>
                </c:pt>
                <c:pt idx="54">
                  <c:v>5.8499999999999996E-2</c:v>
                </c:pt>
                <c:pt idx="55">
                  <c:v>5.8499999999999996E-2</c:v>
                </c:pt>
                <c:pt idx="56">
                  <c:v>5.8499999999999996E-2</c:v>
                </c:pt>
                <c:pt idx="57">
                  <c:v>5.8499999999999996E-2</c:v>
                </c:pt>
                <c:pt idx="58">
                  <c:v>5.8499999999999996E-2</c:v>
                </c:pt>
                <c:pt idx="59">
                  <c:v>5.8499999999999996E-2</c:v>
                </c:pt>
                <c:pt idx="60">
                  <c:v>5.8499999999999996E-2</c:v>
                </c:pt>
                <c:pt idx="61">
                  <c:v>5.8499999999999996E-2</c:v>
                </c:pt>
                <c:pt idx="62">
                  <c:v>5.8499999999999996E-2</c:v>
                </c:pt>
                <c:pt idx="63">
                  <c:v>5.8499999999999996E-2</c:v>
                </c:pt>
                <c:pt idx="64">
                  <c:v>5.8499999999999996E-2</c:v>
                </c:pt>
                <c:pt idx="65">
                  <c:v>5.8499999999999996E-2</c:v>
                </c:pt>
                <c:pt idx="66">
                  <c:v>5.8499999999999996E-2</c:v>
                </c:pt>
                <c:pt idx="67">
                  <c:v>5.8499999999999996E-2</c:v>
                </c:pt>
                <c:pt idx="68">
                  <c:v>5.8499999999999996E-2</c:v>
                </c:pt>
                <c:pt idx="69">
                  <c:v>5.8499999999999996E-2</c:v>
                </c:pt>
                <c:pt idx="70">
                  <c:v>5.8499999999999996E-2</c:v>
                </c:pt>
                <c:pt idx="71">
                  <c:v>5.8499999999999996E-2</c:v>
                </c:pt>
                <c:pt idx="72">
                  <c:v>5.8499999999999996E-2</c:v>
                </c:pt>
                <c:pt idx="73">
                  <c:v>5.8499999999999996E-2</c:v>
                </c:pt>
                <c:pt idx="74">
                  <c:v>5.8499999999999996E-2</c:v>
                </c:pt>
                <c:pt idx="75">
                  <c:v>5.8499999999999996E-2</c:v>
                </c:pt>
                <c:pt idx="76">
                  <c:v>5.8499999999999996E-2</c:v>
                </c:pt>
                <c:pt idx="77">
                  <c:v>5.8499999999999996E-2</c:v>
                </c:pt>
                <c:pt idx="78">
                  <c:v>5.8499999999999996E-2</c:v>
                </c:pt>
                <c:pt idx="79">
                  <c:v>5.8499999999999996E-2</c:v>
                </c:pt>
                <c:pt idx="80">
                  <c:v>5.8499999999999996E-2</c:v>
                </c:pt>
                <c:pt idx="81">
                  <c:v>5.8499999999999996E-2</c:v>
                </c:pt>
                <c:pt idx="82">
                  <c:v>5.8499999999999996E-2</c:v>
                </c:pt>
                <c:pt idx="83">
                  <c:v>5.8499999999999996E-2</c:v>
                </c:pt>
                <c:pt idx="84">
                  <c:v>5.8499999999999996E-2</c:v>
                </c:pt>
                <c:pt idx="85">
                  <c:v>5.8499999999999996E-2</c:v>
                </c:pt>
                <c:pt idx="86">
                  <c:v>5.8499999999999996E-2</c:v>
                </c:pt>
                <c:pt idx="87">
                  <c:v>5.8499999999999996E-2</c:v>
                </c:pt>
                <c:pt idx="88">
                  <c:v>5.8499999999999996E-2</c:v>
                </c:pt>
                <c:pt idx="89">
                  <c:v>5.8499999999999996E-2</c:v>
                </c:pt>
                <c:pt idx="90">
                  <c:v>5.8499999999999996E-2</c:v>
                </c:pt>
                <c:pt idx="91">
                  <c:v>5.8499999999999996E-2</c:v>
                </c:pt>
                <c:pt idx="92">
                  <c:v>5.8499999999999996E-2</c:v>
                </c:pt>
                <c:pt idx="93">
                  <c:v>5.8499999999999996E-2</c:v>
                </c:pt>
                <c:pt idx="94">
                  <c:v>5.8499999999999996E-2</c:v>
                </c:pt>
                <c:pt idx="95">
                  <c:v>5.8499999999999996E-2</c:v>
                </c:pt>
                <c:pt idx="96">
                  <c:v>5.8499999999999996E-2</c:v>
                </c:pt>
                <c:pt idx="97">
                  <c:v>5.8499999999999996E-2</c:v>
                </c:pt>
                <c:pt idx="98">
                  <c:v>5.8499999999999996E-2</c:v>
                </c:pt>
                <c:pt idx="99">
                  <c:v>5.8499999999999996E-2</c:v>
                </c:pt>
                <c:pt idx="100">
                  <c:v>5.8499999999999996E-2</c:v>
                </c:pt>
                <c:pt idx="101">
                  <c:v>5.8499999999999996E-2</c:v>
                </c:pt>
                <c:pt idx="102">
                  <c:v>5.8499999999999996E-2</c:v>
                </c:pt>
                <c:pt idx="103">
                  <c:v>5.8499999999999996E-2</c:v>
                </c:pt>
                <c:pt idx="104">
                  <c:v>5.8499999999999996E-2</c:v>
                </c:pt>
                <c:pt idx="105">
                  <c:v>5.8499999999999996E-2</c:v>
                </c:pt>
                <c:pt idx="106">
                  <c:v>5.8499999999999996E-2</c:v>
                </c:pt>
                <c:pt idx="107">
                  <c:v>5.8499999999999996E-2</c:v>
                </c:pt>
                <c:pt idx="108">
                  <c:v>5.8499999999999996E-2</c:v>
                </c:pt>
                <c:pt idx="109">
                  <c:v>5.8499999999999996E-2</c:v>
                </c:pt>
                <c:pt idx="110">
                  <c:v>5.8499999999999996E-2</c:v>
                </c:pt>
                <c:pt idx="111">
                  <c:v>5.8499999999999996E-2</c:v>
                </c:pt>
                <c:pt idx="112">
                  <c:v>5.8499999999999996E-2</c:v>
                </c:pt>
                <c:pt idx="113">
                  <c:v>5.8499999999999996E-2</c:v>
                </c:pt>
                <c:pt idx="114">
                  <c:v>5.8499999999999996E-2</c:v>
                </c:pt>
                <c:pt idx="115">
                  <c:v>5.8499999999999996E-2</c:v>
                </c:pt>
                <c:pt idx="116">
                  <c:v>5.8499999999999996E-2</c:v>
                </c:pt>
                <c:pt idx="117">
                  <c:v>5.8499999999999996E-2</c:v>
                </c:pt>
                <c:pt idx="118">
                  <c:v>5.8499999999999996E-2</c:v>
                </c:pt>
                <c:pt idx="119">
                  <c:v>5.8499999999999996E-2</c:v>
                </c:pt>
                <c:pt idx="120">
                  <c:v>5.8499999999999996E-2</c:v>
                </c:pt>
                <c:pt idx="121">
                  <c:v>5.8499999999999996E-2</c:v>
                </c:pt>
                <c:pt idx="122">
                  <c:v>5.8499999999999996E-2</c:v>
                </c:pt>
                <c:pt idx="123">
                  <c:v>5.8499999999999996E-2</c:v>
                </c:pt>
                <c:pt idx="124">
                  <c:v>5.8499999999999996E-2</c:v>
                </c:pt>
                <c:pt idx="125">
                  <c:v>5.8499999999999996E-2</c:v>
                </c:pt>
                <c:pt idx="126">
                  <c:v>5.8499999999999996E-2</c:v>
                </c:pt>
                <c:pt idx="127">
                  <c:v>5.8499999999999996E-2</c:v>
                </c:pt>
                <c:pt idx="128">
                  <c:v>5.8499999999999996E-2</c:v>
                </c:pt>
                <c:pt idx="129">
                  <c:v>5.8499999999999996E-2</c:v>
                </c:pt>
                <c:pt idx="130">
                  <c:v>5.8499999999999996E-2</c:v>
                </c:pt>
                <c:pt idx="131">
                  <c:v>5.8499999999999996E-2</c:v>
                </c:pt>
                <c:pt idx="132">
                  <c:v>5.8499999999999996E-2</c:v>
                </c:pt>
                <c:pt idx="133">
                  <c:v>5.8499999999999996E-2</c:v>
                </c:pt>
                <c:pt idx="134">
                  <c:v>5.8499999999999996E-2</c:v>
                </c:pt>
                <c:pt idx="135">
                  <c:v>5.8499999999999996E-2</c:v>
                </c:pt>
                <c:pt idx="136">
                  <c:v>5.8499999999999996E-2</c:v>
                </c:pt>
                <c:pt idx="137">
                  <c:v>5.8499999999999996E-2</c:v>
                </c:pt>
                <c:pt idx="138">
                  <c:v>5.8499999999999996E-2</c:v>
                </c:pt>
                <c:pt idx="139">
                  <c:v>5.8499999999999996E-2</c:v>
                </c:pt>
                <c:pt idx="140">
                  <c:v>5.8499999999999996E-2</c:v>
                </c:pt>
                <c:pt idx="141">
                  <c:v>5.8499999999999996E-2</c:v>
                </c:pt>
                <c:pt idx="142">
                  <c:v>5.8499999999999996E-2</c:v>
                </c:pt>
                <c:pt idx="143">
                  <c:v>5.8499999999999996E-2</c:v>
                </c:pt>
                <c:pt idx="144">
                  <c:v>5.8499999999999996E-2</c:v>
                </c:pt>
                <c:pt idx="145">
                  <c:v>5.8499999999999996E-2</c:v>
                </c:pt>
                <c:pt idx="146">
                  <c:v>5.8499999999999996E-2</c:v>
                </c:pt>
                <c:pt idx="147">
                  <c:v>5.8499999999999996E-2</c:v>
                </c:pt>
                <c:pt idx="148">
                  <c:v>5.8499999999999996E-2</c:v>
                </c:pt>
                <c:pt idx="149">
                  <c:v>5.8499999999999996E-2</c:v>
                </c:pt>
                <c:pt idx="150">
                  <c:v>5.8499999999999996E-2</c:v>
                </c:pt>
                <c:pt idx="151">
                  <c:v>5.8499999999999996E-2</c:v>
                </c:pt>
                <c:pt idx="152">
                  <c:v>5.8499999999999996E-2</c:v>
                </c:pt>
                <c:pt idx="153">
                  <c:v>5.8499999999999996E-2</c:v>
                </c:pt>
                <c:pt idx="154">
                  <c:v>5.8499999999999996E-2</c:v>
                </c:pt>
                <c:pt idx="155">
                  <c:v>5.8499999999999996E-2</c:v>
                </c:pt>
                <c:pt idx="156">
                  <c:v>5.8499999999999996E-2</c:v>
                </c:pt>
                <c:pt idx="157">
                  <c:v>5.8499999999999996E-2</c:v>
                </c:pt>
                <c:pt idx="158">
                  <c:v>5.8499999999999996E-2</c:v>
                </c:pt>
                <c:pt idx="159">
                  <c:v>5.8499999999999996E-2</c:v>
                </c:pt>
                <c:pt idx="160">
                  <c:v>5.8499999999999996E-2</c:v>
                </c:pt>
                <c:pt idx="161">
                  <c:v>5.8499999999999996E-2</c:v>
                </c:pt>
                <c:pt idx="162">
                  <c:v>5.8499999999999996E-2</c:v>
                </c:pt>
                <c:pt idx="163">
                  <c:v>5.8499999999999996E-2</c:v>
                </c:pt>
                <c:pt idx="164">
                  <c:v>5.8499999999999996E-2</c:v>
                </c:pt>
                <c:pt idx="165">
                  <c:v>5.8499999999999996E-2</c:v>
                </c:pt>
                <c:pt idx="166">
                  <c:v>5.8499999999999996E-2</c:v>
                </c:pt>
                <c:pt idx="167">
                  <c:v>5.8499999999999996E-2</c:v>
                </c:pt>
                <c:pt idx="168">
                  <c:v>5.8499999999999996E-2</c:v>
                </c:pt>
                <c:pt idx="169">
                  <c:v>5.8499999999999996E-2</c:v>
                </c:pt>
                <c:pt idx="170">
                  <c:v>5.8499999999999996E-2</c:v>
                </c:pt>
                <c:pt idx="171">
                  <c:v>5.8499999999999996E-2</c:v>
                </c:pt>
                <c:pt idx="172">
                  <c:v>5.8499999999999996E-2</c:v>
                </c:pt>
                <c:pt idx="173">
                  <c:v>5.8499999999999996E-2</c:v>
                </c:pt>
                <c:pt idx="174">
                  <c:v>5.8499999999999996E-2</c:v>
                </c:pt>
                <c:pt idx="175">
                  <c:v>5.8499999999999996E-2</c:v>
                </c:pt>
                <c:pt idx="176">
                  <c:v>5.8499999999999996E-2</c:v>
                </c:pt>
                <c:pt idx="177">
                  <c:v>5.8499999999999996E-2</c:v>
                </c:pt>
                <c:pt idx="178">
                  <c:v>5.8499999999999996E-2</c:v>
                </c:pt>
                <c:pt idx="179">
                  <c:v>5.8499999999999996E-2</c:v>
                </c:pt>
                <c:pt idx="180">
                  <c:v>5.8499999999999996E-2</c:v>
                </c:pt>
                <c:pt idx="181">
                  <c:v>5.8499999999999996E-2</c:v>
                </c:pt>
                <c:pt idx="182">
                  <c:v>5.8499999999999996E-2</c:v>
                </c:pt>
                <c:pt idx="183">
                  <c:v>5.8499999999999996E-2</c:v>
                </c:pt>
                <c:pt idx="184">
                  <c:v>5.8499999999999996E-2</c:v>
                </c:pt>
                <c:pt idx="185">
                  <c:v>5.8499999999999996E-2</c:v>
                </c:pt>
                <c:pt idx="186">
                  <c:v>5.8499999999999996E-2</c:v>
                </c:pt>
                <c:pt idx="187">
                  <c:v>5.8499999999999996E-2</c:v>
                </c:pt>
                <c:pt idx="188">
                  <c:v>5.8499999999999996E-2</c:v>
                </c:pt>
                <c:pt idx="189">
                  <c:v>5.8499999999999996E-2</c:v>
                </c:pt>
                <c:pt idx="190">
                  <c:v>5.8499999999999996E-2</c:v>
                </c:pt>
                <c:pt idx="191">
                  <c:v>5.8499999999999996E-2</c:v>
                </c:pt>
                <c:pt idx="192">
                  <c:v>5.8499999999999996E-2</c:v>
                </c:pt>
                <c:pt idx="193">
                  <c:v>5.8499999999999996E-2</c:v>
                </c:pt>
                <c:pt idx="194">
                  <c:v>5.8499999999999996E-2</c:v>
                </c:pt>
                <c:pt idx="195">
                  <c:v>5.8499999999999996E-2</c:v>
                </c:pt>
                <c:pt idx="196">
                  <c:v>5.8499999999999996E-2</c:v>
                </c:pt>
                <c:pt idx="197">
                  <c:v>5.8499999999999996E-2</c:v>
                </c:pt>
                <c:pt idx="198">
                  <c:v>5.8499999999999996E-2</c:v>
                </c:pt>
                <c:pt idx="199">
                  <c:v>5.8499999999999996E-2</c:v>
                </c:pt>
                <c:pt idx="200">
                  <c:v>5.8499999999999996E-2</c:v>
                </c:pt>
                <c:pt idx="201">
                  <c:v>5.8499999999999996E-2</c:v>
                </c:pt>
                <c:pt idx="202">
                  <c:v>5.8499999999999996E-2</c:v>
                </c:pt>
                <c:pt idx="203">
                  <c:v>5.8499999999999996E-2</c:v>
                </c:pt>
                <c:pt idx="204">
                  <c:v>5.8499999999999996E-2</c:v>
                </c:pt>
                <c:pt idx="205">
                  <c:v>5.8499999999999996E-2</c:v>
                </c:pt>
                <c:pt idx="206">
                  <c:v>5.8499999999999996E-2</c:v>
                </c:pt>
                <c:pt idx="207">
                  <c:v>5.8499999999999996E-2</c:v>
                </c:pt>
                <c:pt idx="208">
                  <c:v>5.8499999999999996E-2</c:v>
                </c:pt>
                <c:pt idx="209">
                  <c:v>5.8499999999999996E-2</c:v>
                </c:pt>
                <c:pt idx="210">
                  <c:v>5.8499999999999996E-2</c:v>
                </c:pt>
                <c:pt idx="211">
                  <c:v>5.8499999999999996E-2</c:v>
                </c:pt>
                <c:pt idx="212">
                  <c:v>5.8499999999999996E-2</c:v>
                </c:pt>
                <c:pt idx="213">
                  <c:v>5.8499999999999996E-2</c:v>
                </c:pt>
                <c:pt idx="214">
                  <c:v>5.8499999999999996E-2</c:v>
                </c:pt>
                <c:pt idx="215">
                  <c:v>5.8499999999999996E-2</c:v>
                </c:pt>
                <c:pt idx="216">
                  <c:v>5.8499999999999996E-2</c:v>
                </c:pt>
                <c:pt idx="217">
                  <c:v>5.8499999999999996E-2</c:v>
                </c:pt>
                <c:pt idx="218">
                  <c:v>5.8499999999999996E-2</c:v>
                </c:pt>
                <c:pt idx="219">
                  <c:v>5.8499999999999996E-2</c:v>
                </c:pt>
                <c:pt idx="220">
                  <c:v>5.8499999999999996E-2</c:v>
                </c:pt>
                <c:pt idx="221">
                  <c:v>5.8499999999999996E-2</c:v>
                </c:pt>
                <c:pt idx="222">
                  <c:v>5.8499999999999996E-2</c:v>
                </c:pt>
                <c:pt idx="223">
                  <c:v>5.8499999999999996E-2</c:v>
                </c:pt>
                <c:pt idx="224">
                  <c:v>5.8499999999999996E-2</c:v>
                </c:pt>
                <c:pt idx="225">
                  <c:v>5.8499999999999996E-2</c:v>
                </c:pt>
                <c:pt idx="226">
                  <c:v>5.8499999999999996E-2</c:v>
                </c:pt>
                <c:pt idx="227">
                  <c:v>5.8499999999999996E-2</c:v>
                </c:pt>
                <c:pt idx="228">
                  <c:v>5.8499999999999996E-2</c:v>
                </c:pt>
                <c:pt idx="229">
                  <c:v>5.8499999999999996E-2</c:v>
                </c:pt>
                <c:pt idx="230">
                  <c:v>5.8499999999999996E-2</c:v>
                </c:pt>
                <c:pt idx="231">
                  <c:v>5.8499999999999996E-2</c:v>
                </c:pt>
                <c:pt idx="232">
                  <c:v>5.8499999999999996E-2</c:v>
                </c:pt>
                <c:pt idx="233">
                  <c:v>5.8499999999999996E-2</c:v>
                </c:pt>
                <c:pt idx="234">
                  <c:v>5.8499999999999996E-2</c:v>
                </c:pt>
                <c:pt idx="235">
                  <c:v>5.8499999999999996E-2</c:v>
                </c:pt>
                <c:pt idx="236">
                  <c:v>5.8499999999999996E-2</c:v>
                </c:pt>
                <c:pt idx="237">
                  <c:v>5.8499999999999996E-2</c:v>
                </c:pt>
                <c:pt idx="238">
                  <c:v>5.8499999999999996E-2</c:v>
                </c:pt>
                <c:pt idx="239">
                  <c:v>5.8499999999999996E-2</c:v>
                </c:pt>
                <c:pt idx="240">
                  <c:v>5.8499999999999996E-2</c:v>
                </c:pt>
                <c:pt idx="241">
                  <c:v>5.8499999999999996E-2</c:v>
                </c:pt>
                <c:pt idx="242">
                  <c:v>5.8499999999999996E-2</c:v>
                </c:pt>
                <c:pt idx="243">
                  <c:v>5.8499999999999996E-2</c:v>
                </c:pt>
                <c:pt idx="244">
                  <c:v>5.8499999999999996E-2</c:v>
                </c:pt>
                <c:pt idx="245">
                  <c:v>5.8499999999999996E-2</c:v>
                </c:pt>
                <c:pt idx="246">
                  <c:v>5.8499999999999996E-2</c:v>
                </c:pt>
                <c:pt idx="247">
                  <c:v>5.8499999999999996E-2</c:v>
                </c:pt>
                <c:pt idx="248">
                  <c:v>5.8499999999999996E-2</c:v>
                </c:pt>
                <c:pt idx="249">
                  <c:v>5.8499999999999996E-2</c:v>
                </c:pt>
                <c:pt idx="250">
                  <c:v>5.8499999999999996E-2</c:v>
                </c:pt>
                <c:pt idx="251">
                  <c:v>5.8499999999999996E-2</c:v>
                </c:pt>
                <c:pt idx="252">
                  <c:v>5.8499999999999996E-2</c:v>
                </c:pt>
                <c:pt idx="253">
                  <c:v>5.8499999999999996E-2</c:v>
                </c:pt>
                <c:pt idx="254">
                  <c:v>5.8499999999999996E-2</c:v>
                </c:pt>
                <c:pt idx="255">
                  <c:v>5.8499999999999996E-2</c:v>
                </c:pt>
                <c:pt idx="256">
                  <c:v>5.8499999999999996E-2</c:v>
                </c:pt>
                <c:pt idx="257">
                  <c:v>5.8499999999999996E-2</c:v>
                </c:pt>
                <c:pt idx="258">
                  <c:v>5.8499999999999996E-2</c:v>
                </c:pt>
                <c:pt idx="259">
                  <c:v>5.8499999999999996E-2</c:v>
                </c:pt>
                <c:pt idx="260">
                  <c:v>5.8499999999999996E-2</c:v>
                </c:pt>
                <c:pt idx="261">
                  <c:v>5.8499999999999996E-2</c:v>
                </c:pt>
                <c:pt idx="262">
                  <c:v>5.8499999999999996E-2</c:v>
                </c:pt>
                <c:pt idx="263">
                  <c:v>5.8499999999999996E-2</c:v>
                </c:pt>
                <c:pt idx="264">
                  <c:v>5.8499999999999996E-2</c:v>
                </c:pt>
                <c:pt idx="265">
                  <c:v>5.8499999999999996E-2</c:v>
                </c:pt>
                <c:pt idx="266">
                  <c:v>5.8499999999999996E-2</c:v>
                </c:pt>
                <c:pt idx="267">
                  <c:v>5.8499999999999996E-2</c:v>
                </c:pt>
                <c:pt idx="268">
                  <c:v>5.8499999999999996E-2</c:v>
                </c:pt>
                <c:pt idx="269">
                  <c:v>5.8499999999999996E-2</c:v>
                </c:pt>
                <c:pt idx="270">
                  <c:v>5.8499999999999996E-2</c:v>
                </c:pt>
                <c:pt idx="271">
                  <c:v>5.8499999999999996E-2</c:v>
                </c:pt>
                <c:pt idx="272">
                  <c:v>5.8499999999999996E-2</c:v>
                </c:pt>
                <c:pt idx="273">
                  <c:v>5.8499999999999996E-2</c:v>
                </c:pt>
                <c:pt idx="274">
                  <c:v>5.8499999999999996E-2</c:v>
                </c:pt>
                <c:pt idx="275">
                  <c:v>5.8499999999999996E-2</c:v>
                </c:pt>
                <c:pt idx="276">
                  <c:v>5.8499999999999996E-2</c:v>
                </c:pt>
                <c:pt idx="277">
                  <c:v>5.8499999999999996E-2</c:v>
                </c:pt>
                <c:pt idx="278">
                  <c:v>5.8499999999999996E-2</c:v>
                </c:pt>
                <c:pt idx="279">
                  <c:v>5.8499999999999996E-2</c:v>
                </c:pt>
                <c:pt idx="280">
                  <c:v>5.8499999999999996E-2</c:v>
                </c:pt>
                <c:pt idx="281">
                  <c:v>5.8499999999999996E-2</c:v>
                </c:pt>
                <c:pt idx="282">
                  <c:v>5.8499999999999996E-2</c:v>
                </c:pt>
                <c:pt idx="283">
                  <c:v>5.8499999999999996E-2</c:v>
                </c:pt>
                <c:pt idx="284">
                  <c:v>5.8499999999999996E-2</c:v>
                </c:pt>
                <c:pt idx="285">
                  <c:v>5.8499999999999996E-2</c:v>
                </c:pt>
                <c:pt idx="286">
                  <c:v>5.8499999999999996E-2</c:v>
                </c:pt>
                <c:pt idx="287">
                  <c:v>5.8499999999999996E-2</c:v>
                </c:pt>
                <c:pt idx="288">
                  <c:v>5.8499999999999996E-2</c:v>
                </c:pt>
                <c:pt idx="289">
                  <c:v>5.8499999999999996E-2</c:v>
                </c:pt>
                <c:pt idx="290">
                  <c:v>5.8499999999999996E-2</c:v>
                </c:pt>
                <c:pt idx="291">
                  <c:v>5.8499999999999996E-2</c:v>
                </c:pt>
                <c:pt idx="292">
                  <c:v>5.8499999999999996E-2</c:v>
                </c:pt>
                <c:pt idx="293">
                  <c:v>5.8499999999999996E-2</c:v>
                </c:pt>
                <c:pt idx="294">
                  <c:v>5.8499999999999996E-2</c:v>
                </c:pt>
                <c:pt idx="295">
                  <c:v>5.8499999999999996E-2</c:v>
                </c:pt>
                <c:pt idx="296">
                  <c:v>5.8499999999999996E-2</c:v>
                </c:pt>
                <c:pt idx="297">
                  <c:v>5.8499999999999996E-2</c:v>
                </c:pt>
                <c:pt idx="298">
                  <c:v>5.8499999999999996E-2</c:v>
                </c:pt>
                <c:pt idx="299">
                  <c:v>5.8499999999999996E-2</c:v>
                </c:pt>
                <c:pt idx="300">
                  <c:v>5.8499999999999996E-2</c:v>
                </c:pt>
                <c:pt idx="301">
                  <c:v>5.8499999999999996E-2</c:v>
                </c:pt>
                <c:pt idx="302">
                  <c:v>5.8499999999999996E-2</c:v>
                </c:pt>
                <c:pt idx="303">
                  <c:v>5.8499999999999996E-2</c:v>
                </c:pt>
                <c:pt idx="304">
                  <c:v>5.8499999999999996E-2</c:v>
                </c:pt>
                <c:pt idx="305">
                  <c:v>5.8499999999999996E-2</c:v>
                </c:pt>
                <c:pt idx="306">
                  <c:v>5.8499999999999996E-2</c:v>
                </c:pt>
                <c:pt idx="307">
                  <c:v>5.8499999999999996E-2</c:v>
                </c:pt>
                <c:pt idx="308">
                  <c:v>5.8499999999999996E-2</c:v>
                </c:pt>
                <c:pt idx="309">
                  <c:v>5.8499999999999996E-2</c:v>
                </c:pt>
                <c:pt idx="310">
                  <c:v>5.8499999999999996E-2</c:v>
                </c:pt>
                <c:pt idx="311">
                  <c:v>5.8499999999999996E-2</c:v>
                </c:pt>
                <c:pt idx="312">
                  <c:v>5.8499999999999996E-2</c:v>
                </c:pt>
                <c:pt idx="313">
                  <c:v>5.8499999999999996E-2</c:v>
                </c:pt>
                <c:pt idx="314">
                  <c:v>5.8499999999999996E-2</c:v>
                </c:pt>
                <c:pt idx="315">
                  <c:v>5.8499999999999996E-2</c:v>
                </c:pt>
                <c:pt idx="316">
                  <c:v>5.8499999999999996E-2</c:v>
                </c:pt>
                <c:pt idx="317">
                  <c:v>5.8499999999999996E-2</c:v>
                </c:pt>
                <c:pt idx="318">
                  <c:v>5.8499999999999996E-2</c:v>
                </c:pt>
                <c:pt idx="319">
                  <c:v>5.8499999999999996E-2</c:v>
                </c:pt>
                <c:pt idx="320">
                  <c:v>5.8499999999999996E-2</c:v>
                </c:pt>
                <c:pt idx="321">
                  <c:v>5.8499999999999996E-2</c:v>
                </c:pt>
                <c:pt idx="322">
                  <c:v>5.8499999999999996E-2</c:v>
                </c:pt>
                <c:pt idx="323">
                  <c:v>5.8499999999999996E-2</c:v>
                </c:pt>
                <c:pt idx="324">
                  <c:v>5.8499999999999996E-2</c:v>
                </c:pt>
                <c:pt idx="325">
                  <c:v>5.8499999999999996E-2</c:v>
                </c:pt>
                <c:pt idx="326">
                  <c:v>5.8499999999999996E-2</c:v>
                </c:pt>
                <c:pt idx="327">
                  <c:v>5.8499999999999996E-2</c:v>
                </c:pt>
                <c:pt idx="328">
                  <c:v>5.8499999999999996E-2</c:v>
                </c:pt>
                <c:pt idx="329">
                  <c:v>5.8499999999999996E-2</c:v>
                </c:pt>
                <c:pt idx="330">
                  <c:v>5.8499999999999996E-2</c:v>
                </c:pt>
                <c:pt idx="331">
                  <c:v>5.8499999999999996E-2</c:v>
                </c:pt>
                <c:pt idx="332">
                  <c:v>5.8499999999999996E-2</c:v>
                </c:pt>
                <c:pt idx="333">
                  <c:v>5.8499999999999996E-2</c:v>
                </c:pt>
                <c:pt idx="334">
                  <c:v>5.8499999999999996E-2</c:v>
                </c:pt>
                <c:pt idx="335">
                  <c:v>5.8499999999999996E-2</c:v>
                </c:pt>
                <c:pt idx="336">
                  <c:v>5.8499999999999996E-2</c:v>
                </c:pt>
                <c:pt idx="337">
                  <c:v>5.8499999999999996E-2</c:v>
                </c:pt>
                <c:pt idx="338">
                  <c:v>5.8499999999999996E-2</c:v>
                </c:pt>
                <c:pt idx="339">
                  <c:v>5.8499999999999996E-2</c:v>
                </c:pt>
                <c:pt idx="340">
                  <c:v>5.8499999999999996E-2</c:v>
                </c:pt>
                <c:pt idx="341">
                  <c:v>5.8499999999999996E-2</c:v>
                </c:pt>
                <c:pt idx="342">
                  <c:v>5.8499999999999996E-2</c:v>
                </c:pt>
                <c:pt idx="343">
                  <c:v>5.8499999999999996E-2</c:v>
                </c:pt>
                <c:pt idx="344">
                  <c:v>5.8499999999999996E-2</c:v>
                </c:pt>
                <c:pt idx="345">
                  <c:v>5.8499999999999996E-2</c:v>
                </c:pt>
                <c:pt idx="346">
                  <c:v>5.8499999999999996E-2</c:v>
                </c:pt>
                <c:pt idx="347">
                  <c:v>5.8499999999999996E-2</c:v>
                </c:pt>
                <c:pt idx="348">
                  <c:v>5.8499999999999996E-2</c:v>
                </c:pt>
                <c:pt idx="349">
                  <c:v>5.8499999999999996E-2</c:v>
                </c:pt>
                <c:pt idx="350">
                  <c:v>5.8499999999999996E-2</c:v>
                </c:pt>
                <c:pt idx="351">
                  <c:v>5.8499999999999996E-2</c:v>
                </c:pt>
                <c:pt idx="352">
                  <c:v>5.8499999999999996E-2</c:v>
                </c:pt>
                <c:pt idx="353">
                  <c:v>5.8499999999999996E-2</c:v>
                </c:pt>
                <c:pt idx="354">
                  <c:v>5.8499999999999996E-2</c:v>
                </c:pt>
                <c:pt idx="355">
                  <c:v>5.8499999999999996E-2</c:v>
                </c:pt>
                <c:pt idx="356">
                  <c:v>5.8499999999999996E-2</c:v>
                </c:pt>
                <c:pt idx="357">
                  <c:v>5.8499999999999996E-2</c:v>
                </c:pt>
                <c:pt idx="358">
                  <c:v>5.8499999999999996E-2</c:v>
                </c:pt>
                <c:pt idx="359">
                  <c:v>5.8499999999999996E-2</c:v>
                </c:pt>
                <c:pt idx="360">
                  <c:v>5.8499999999999996E-2</c:v>
                </c:pt>
                <c:pt idx="361">
                  <c:v>5.8499999999999996E-2</c:v>
                </c:pt>
                <c:pt idx="362">
                  <c:v>5.8499999999999996E-2</c:v>
                </c:pt>
                <c:pt idx="363">
                  <c:v>5.8499999999999996E-2</c:v>
                </c:pt>
                <c:pt idx="364">
                  <c:v>5.8499999999999996E-2</c:v>
                </c:pt>
                <c:pt idx="365">
                  <c:v>5.8499999999999996E-2</c:v>
                </c:pt>
                <c:pt idx="366">
                  <c:v>5.8499999999999996E-2</c:v>
                </c:pt>
                <c:pt idx="367">
                  <c:v>5.8499999999999996E-2</c:v>
                </c:pt>
                <c:pt idx="368">
                  <c:v>5.8499999999999996E-2</c:v>
                </c:pt>
                <c:pt idx="369">
                  <c:v>5.8499999999999996E-2</c:v>
                </c:pt>
                <c:pt idx="370">
                  <c:v>5.8499999999999996E-2</c:v>
                </c:pt>
                <c:pt idx="371">
                  <c:v>5.8499999999999996E-2</c:v>
                </c:pt>
                <c:pt idx="372">
                  <c:v>5.8499999999999996E-2</c:v>
                </c:pt>
                <c:pt idx="373">
                  <c:v>5.8499999999999996E-2</c:v>
                </c:pt>
                <c:pt idx="374">
                  <c:v>5.8499999999999996E-2</c:v>
                </c:pt>
                <c:pt idx="375">
                  <c:v>5.8499999999999996E-2</c:v>
                </c:pt>
                <c:pt idx="376">
                  <c:v>5.8499999999999996E-2</c:v>
                </c:pt>
                <c:pt idx="377">
                  <c:v>5.8499999999999996E-2</c:v>
                </c:pt>
                <c:pt idx="378">
                  <c:v>5.8499999999999996E-2</c:v>
                </c:pt>
                <c:pt idx="379">
                  <c:v>5.8499999999999996E-2</c:v>
                </c:pt>
                <c:pt idx="380">
                  <c:v>5.8499999999999996E-2</c:v>
                </c:pt>
                <c:pt idx="381">
                  <c:v>5.8499999999999996E-2</c:v>
                </c:pt>
                <c:pt idx="382">
                  <c:v>5.8499999999999996E-2</c:v>
                </c:pt>
                <c:pt idx="383">
                  <c:v>5.8499999999999996E-2</c:v>
                </c:pt>
                <c:pt idx="384">
                  <c:v>5.8499999999999996E-2</c:v>
                </c:pt>
                <c:pt idx="385">
                  <c:v>5.8499999999999996E-2</c:v>
                </c:pt>
                <c:pt idx="386">
                  <c:v>5.8499999999999996E-2</c:v>
                </c:pt>
                <c:pt idx="387">
                  <c:v>5.8499999999999996E-2</c:v>
                </c:pt>
                <c:pt idx="388">
                  <c:v>5.8499999999999996E-2</c:v>
                </c:pt>
                <c:pt idx="389">
                  <c:v>5.8499999999999996E-2</c:v>
                </c:pt>
                <c:pt idx="390">
                  <c:v>5.8499999999999996E-2</c:v>
                </c:pt>
                <c:pt idx="391">
                  <c:v>5.8499999999999996E-2</c:v>
                </c:pt>
                <c:pt idx="392">
                  <c:v>5.8499999999999996E-2</c:v>
                </c:pt>
                <c:pt idx="393">
                  <c:v>5.8499999999999996E-2</c:v>
                </c:pt>
                <c:pt idx="394">
                  <c:v>5.8499999999999996E-2</c:v>
                </c:pt>
                <c:pt idx="395">
                  <c:v>5.8499999999999996E-2</c:v>
                </c:pt>
                <c:pt idx="396">
                  <c:v>5.8499999999999996E-2</c:v>
                </c:pt>
                <c:pt idx="397">
                  <c:v>5.8499999999999996E-2</c:v>
                </c:pt>
                <c:pt idx="398">
                  <c:v>5.8499999999999996E-2</c:v>
                </c:pt>
                <c:pt idx="399">
                  <c:v>5.8499999999999996E-2</c:v>
                </c:pt>
                <c:pt idx="400">
                  <c:v>5.8499999999999996E-2</c:v>
                </c:pt>
                <c:pt idx="401">
                  <c:v>5.8499999999999996E-2</c:v>
                </c:pt>
                <c:pt idx="402">
                  <c:v>5.8499999999999996E-2</c:v>
                </c:pt>
                <c:pt idx="403">
                  <c:v>5.8499999999999996E-2</c:v>
                </c:pt>
                <c:pt idx="404">
                  <c:v>5.8499999999999996E-2</c:v>
                </c:pt>
                <c:pt idx="405">
                  <c:v>5.8499999999999996E-2</c:v>
                </c:pt>
                <c:pt idx="406">
                  <c:v>5.8499999999999996E-2</c:v>
                </c:pt>
                <c:pt idx="407">
                  <c:v>5.8499999999999996E-2</c:v>
                </c:pt>
                <c:pt idx="408">
                  <c:v>5.8499999999999996E-2</c:v>
                </c:pt>
                <c:pt idx="409">
                  <c:v>5.8499999999999996E-2</c:v>
                </c:pt>
                <c:pt idx="410">
                  <c:v>5.8499999999999996E-2</c:v>
                </c:pt>
                <c:pt idx="411">
                  <c:v>5.8499999999999996E-2</c:v>
                </c:pt>
                <c:pt idx="412">
                  <c:v>5.8499999999999996E-2</c:v>
                </c:pt>
                <c:pt idx="413">
                  <c:v>5.8499999999999996E-2</c:v>
                </c:pt>
                <c:pt idx="414">
                  <c:v>5.8499999999999996E-2</c:v>
                </c:pt>
                <c:pt idx="415">
                  <c:v>5.8499999999999996E-2</c:v>
                </c:pt>
                <c:pt idx="416">
                  <c:v>5.8499999999999996E-2</c:v>
                </c:pt>
                <c:pt idx="417">
                  <c:v>5.8499999999999996E-2</c:v>
                </c:pt>
                <c:pt idx="418">
                  <c:v>5.8499999999999996E-2</c:v>
                </c:pt>
                <c:pt idx="419">
                  <c:v>5.8499999999999996E-2</c:v>
                </c:pt>
                <c:pt idx="420">
                  <c:v>5.8499999999999996E-2</c:v>
                </c:pt>
                <c:pt idx="421">
                  <c:v>5.8499999999999996E-2</c:v>
                </c:pt>
                <c:pt idx="422">
                  <c:v>5.8499999999999996E-2</c:v>
                </c:pt>
                <c:pt idx="423">
                  <c:v>5.8499999999999996E-2</c:v>
                </c:pt>
                <c:pt idx="424">
                  <c:v>5.8499999999999996E-2</c:v>
                </c:pt>
                <c:pt idx="425">
                  <c:v>5.8499999999999996E-2</c:v>
                </c:pt>
                <c:pt idx="426">
                  <c:v>5.8499999999999996E-2</c:v>
                </c:pt>
                <c:pt idx="427">
                  <c:v>5.8499999999999996E-2</c:v>
                </c:pt>
                <c:pt idx="428">
                  <c:v>5.8499999999999996E-2</c:v>
                </c:pt>
                <c:pt idx="429">
                  <c:v>5.8499999999999996E-2</c:v>
                </c:pt>
                <c:pt idx="430">
                  <c:v>5.8499999999999996E-2</c:v>
                </c:pt>
                <c:pt idx="431">
                  <c:v>5.8499999999999996E-2</c:v>
                </c:pt>
                <c:pt idx="432">
                  <c:v>5.8499999999999996E-2</c:v>
                </c:pt>
                <c:pt idx="433">
                  <c:v>5.8499999999999996E-2</c:v>
                </c:pt>
                <c:pt idx="434">
                  <c:v>5.8499999999999996E-2</c:v>
                </c:pt>
                <c:pt idx="435">
                  <c:v>5.8499999999999996E-2</c:v>
                </c:pt>
                <c:pt idx="436">
                  <c:v>5.8499999999999996E-2</c:v>
                </c:pt>
                <c:pt idx="437">
                  <c:v>5.8499999999999996E-2</c:v>
                </c:pt>
                <c:pt idx="438">
                  <c:v>5.8499999999999996E-2</c:v>
                </c:pt>
                <c:pt idx="439">
                  <c:v>5.8499999999999996E-2</c:v>
                </c:pt>
                <c:pt idx="440">
                  <c:v>5.8499999999999996E-2</c:v>
                </c:pt>
                <c:pt idx="441">
                  <c:v>5.8499999999999996E-2</c:v>
                </c:pt>
                <c:pt idx="442">
                  <c:v>5.8499999999999996E-2</c:v>
                </c:pt>
                <c:pt idx="443">
                  <c:v>5.8499999999999996E-2</c:v>
                </c:pt>
                <c:pt idx="444">
                  <c:v>5.8499999999999996E-2</c:v>
                </c:pt>
                <c:pt idx="445">
                  <c:v>5.8499999999999996E-2</c:v>
                </c:pt>
                <c:pt idx="446">
                  <c:v>5.8499999999999996E-2</c:v>
                </c:pt>
                <c:pt idx="447">
                  <c:v>5.8499999999999996E-2</c:v>
                </c:pt>
                <c:pt idx="448">
                  <c:v>5.8499999999999996E-2</c:v>
                </c:pt>
                <c:pt idx="449">
                  <c:v>5.8499999999999996E-2</c:v>
                </c:pt>
                <c:pt idx="450">
                  <c:v>5.8499999999999996E-2</c:v>
                </c:pt>
                <c:pt idx="451">
                  <c:v>5.8499999999999996E-2</c:v>
                </c:pt>
                <c:pt idx="452">
                  <c:v>5.8499999999999996E-2</c:v>
                </c:pt>
                <c:pt idx="453">
                  <c:v>5.8499999999999996E-2</c:v>
                </c:pt>
                <c:pt idx="454">
                  <c:v>5.8499999999999996E-2</c:v>
                </c:pt>
                <c:pt idx="455">
                  <c:v>5.8499999999999996E-2</c:v>
                </c:pt>
                <c:pt idx="456">
                  <c:v>5.8499999999999996E-2</c:v>
                </c:pt>
                <c:pt idx="457">
                  <c:v>5.8499999999999996E-2</c:v>
                </c:pt>
                <c:pt idx="458">
                  <c:v>5.8499999999999996E-2</c:v>
                </c:pt>
                <c:pt idx="459">
                  <c:v>5.8499999999999996E-2</c:v>
                </c:pt>
                <c:pt idx="460">
                  <c:v>5.8499999999999996E-2</c:v>
                </c:pt>
                <c:pt idx="461">
                  <c:v>5.8499999999999996E-2</c:v>
                </c:pt>
                <c:pt idx="462">
                  <c:v>5.8499999999999996E-2</c:v>
                </c:pt>
                <c:pt idx="463">
                  <c:v>5.8499999999999996E-2</c:v>
                </c:pt>
                <c:pt idx="464">
                  <c:v>5.8499999999999996E-2</c:v>
                </c:pt>
                <c:pt idx="465">
                  <c:v>5.8499999999999996E-2</c:v>
                </c:pt>
                <c:pt idx="466">
                  <c:v>5.8499999999999996E-2</c:v>
                </c:pt>
                <c:pt idx="467">
                  <c:v>5.8499999999999996E-2</c:v>
                </c:pt>
                <c:pt idx="468">
                  <c:v>5.8499999999999996E-2</c:v>
                </c:pt>
                <c:pt idx="469">
                  <c:v>5.8499999999999996E-2</c:v>
                </c:pt>
                <c:pt idx="470">
                  <c:v>5.8499999999999996E-2</c:v>
                </c:pt>
                <c:pt idx="471">
                  <c:v>5.8499999999999996E-2</c:v>
                </c:pt>
                <c:pt idx="472">
                  <c:v>5.8499999999999996E-2</c:v>
                </c:pt>
                <c:pt idx="473">
                  <c:v>5.8499999999999996E-2</c:v>
                </c:pt>
                <c:pt idx="474">
                  <c:v>5.8499999999999996E-2</c:v>
                </c:pt>
                <c:pt idx="475">
                  <c:v>5.8499999999999996E-2</c:v>
                </c:pt>
                <c:pt idx="476">
                  <c:v>5.8499999999999996E-2</c:v>
                </c:pt>
                <c:pt idx="477">
                  <c:v>5.8499999999999996E-2</c:v>
                </c:pt>
                <c:pt idx="478">
                  <c:v>5.8499999999999996E-2</c:v>
                </c:pt>
                <c:pt idx="479">
                  <c:v>5.8499999999999996E-2</c:v>
                </c:pt>
                <c:pt idx="480">
                  <c:v>5.8499999999999996E-2</c:v>
                </c:pt>
                <c:pt idx="481">
                  <c:v>5.8499999999999996E-2</c:v>
                </c:pt>
                <c:pt idx="482">
                  <c:v>5.8499999999999996E-2</c:v>
                </c:pt>
                <c:pt idx="483">
                  <c:v>5.8499999999999996E-2</c:v>
                </c:pt>
                <c:pt idx="484">
                  <c:v>5.8499999999999996E-2</c:v>
                </c:pt>
                <c:pt idx="485">
                  <c:v>5.8499999999999996E-2</c:v>
                </c:pt>
                <c:pt idx="486">
                  <c:v>5.8499999999999996E-2</c:v>
                </c:pt>
                <c:pt idx="487">
                  <c:v>5.8499999999999996E-2</c:v>
                </c:pt>
                <c:pt idx="488">
                  <c:v>5.8499999999999996E-2</c:v>
                </c:pt>
                <c:pt idx="489">
                  <c:v>5.8499999999999996E-2</c:v>
                </c:pt>
                <c:pt idx="490">
                  <c:v>5.8499999999999996E-2</c:v>
                </c:pt>
                <c:pt idx="491">
                  <c:v>5.8499999999999996E-2</c:v>
                </c:pt>
                <c:pt idx="492">
                  <c:v>5.8499999999999996E-2</c:v>
                </c:pt>
                <c:pt idx="493">
                  <c:v>5.8499999999999996E-2</c:v>
                </c:pt>
                <c:pt idx="494">
                  <c:v>5.8499999999999996E-2</c:v>
                </c:pt>
                <c:pt idx="495">
                  <c:v>5.8499999999999996E-2</c:v>
                </c:pt>
                <c:pt idx="496">
                  <c:v>5.8499999999999996E-2</c:v>
                </c:pt>
                <c:pt idx="497">
                  <c:v>5.8499999999999996E-2</c:v>
                </c:pt>
                <c:pt idx="498">
                  <c:v>5.8499999999999996E-2</c:v>
                </c:pt>
                <c:pt idx="499">
                  <c:v>5.8499999999999996E-2</c:v>
                </c:pt>
                <c:pt idx="500">
                  <c:v>5.8499999999999996E-2</c:v>
                </c:pt>
                <c:pt idx="501">
                  <c:v>5.8499999999999996E-2</c:v>
                </c:pt>
                <c:pt idx="502">
                  <c:v>5.8499999999999996E-2</c:v>
                </c:pt>
                <c:pt idx="503">
                  <c:v>5.8499999999999996E-2</c:v>
                </c:pt>
                <c:pt idx="504">
                  <c:v>5.8499999999999996E-2</c:v>
                </c:pt>
                <c:pt idx="505">
                  <c:v>5.8499999999999996E-2</c:v>
                </c:pt>
                <c:pt idx="506">
                  <c:v>5.8499999999999996E-2</c:v>
                </c:pt>
                <c:pt idx="507">
                  <c:v>5.8499999999999996E-2</c:v>
                </c:pt>
                <c:pt idx="508">
                  <c:v>5.8499999999999996E-2</c:v>
                </c:pt>
                <c:pt idx="509">
                  <c:v>5.8499999999999996E-2</c:v>
                </c:pt>
                <c:pt idx="510">
                  <c:v>5.8499999999999996E-2</c:v>
                </c:pt>
                <c:pt idx="511">
                  <c:v>5.8499999999999996E-2</c:v>
                </c:pt>
                <c:pt idx="512">
                  <c:v>5.8499999999999996E-2</c:v>
                </c:pt>
                <c:pt idx="513">
                  <c:v>5.8499999999999996E-2</c:v>
                </c:pt>
                <c:pt idx="514">
                  <c:v>5.8499999999999996E-2</c:v>
                </c:pt>
                <c:pt idx="515">
                  <c:v>5.8499999999999996E-2</c:v>
                </c:pt>
                <c:pt idx="516">
                  <c:v>5.8499999999999996E-2</c:v>
                </c:pt>
                <c:pt idx="517">
                  <c:v>5.8499999999999996E-2</c:v>
                </c:pt>
                <c:pt idx="518">
                  <c:v>5.8499999999999996E-2</c:v>
                </c:pt>
                <c:pt idx="519">
                  <c:v>5.8499999999999996E-2</c:v>
                </c:pt>
                <c:pt idx="520">
                  <c:v>5.8499999999999996E-2</c:v>
                </c:pt>
                <c:pt idx="521">
                  <c:v>5.8499999999999996E-2</c:v>
                </c:pt>
                <c:pt idx="522">
                  <c:v>5.8499999999999996E-2</c:v>
                </c:pt>
                <c:pt idx="523">
                  <c:v>5.8499999999999996E-2</c:v>
                </c:pt>
                <c:pt idx="524">
                  <c:v>5.8499999999999996E-2</c:v>
                </c:pt>
                <c:pt idx="525">
                  <c:v>5.8499999999999996E-2</c:v>
                </c:pt>
                <c:pt idx="526">
                  <c:v>5.8499999999999996E-2</c:v>
                </c:pt>
                <c:pt idx="527">
                  <c:v>5.8499999999999996E-2</c:v>
                </c:pt>
                <c:pt idx="528">
                  <c:v>5.8499999999999996E-2</c:v>
                </c:pt>
                <c:pt idx="529">
                  <c:v>5.8499999999999996E-2</c:v>
                </c:pt>
                <c:pt idx="530">
                  <c:v>5.8499999999999996E-2</c:v>
                </c:pt>
                <c:pt idx="531">
                  <c:v>5.8499999999999996E-2</c:v>
                </c:pt>
                <c:pt idx="532">
                  <c:v>5.8499999999999996E-2</c:v>
                </c:pt>
                <c:pt idx="533">
                  <c:v>5.8499999999999996E-2</c:v>
                </c:pt>
                <c:pt idx="534">
                  <c:v>5.8499999999999996E-2</c:v>
                </c:pt>
                <c:pt idx="535">
                  <c:v>5.8499999999999996E-2</c:v>
                </c:pt>
                <c:pt idx="536">
                  <c:v>5.8499999999999996E-2</c:v>
                </c:pt>
                <c:pt idx="537">
                  <c:v>5.8499999999999996E-2</c:v>
                </c:pt>
                <c:pt idx="538">
                  <c:v>5.8499999999999996E-2</c:v>
                </c:pt>
                <c:pt idx="539">
                  <c:v>5.8499999999999996E-2</c:v>
                </c:pt>
                <c:pt idx="540">
                  <c:v>5.8499999999999996E-2</c:v>
                </c:pt>
                <c:pt idx="541">
                  <c:v>5.8499999999999996E-2</c:v>
                </c:pt>
                <c:pt idx="542">
                  <c:v>5.8499999999999996E-2</c:v>
                </c:pt>
                <c:pt idx="543">
                  <c:v>5.8499999999999996E-2</c:v>
                </c:pt>
                <c:pt idx="544">
                  <c:v>5.8499999999999996E-2</c:v>
                </c:pt>
                <c:pt idx="545">
                  <c:v>5.8499999999999996E-2</c:v>
                </c:pt>
                <c:pt idx="546">
                  <c:v>5.8499999999999996E-2</c:v>
                </c:pt>
                <c:pt idx="547">
                  <c:v>5.8499999999999996E-2</c:v>
                </c:pt>
                <c:pt idx="548">
                  <c:v>5.8499999999999996E-2</c:v>
                </c:pt>
                <c:pt idx="549">
                  <c:v>5.8499999999999996E-2</c:v>
                </c:pt>
                <c:pt idx="550">
                  <c:v>5.8499999999999996E-2</c:v>
                </c:pt>
                <c:pt idx="551">
                  <c:v>5.8499999999999996E-2</c:v>
                </c:pt>
                <c:pt idx="552">
                  <c:v>5.8499999999999996E-2</c:v>
                </c:pt>
                <c:pt idx="553">
                  <c:v>5.8499999999999996E-2</c:v>
                </c:pt>
                <c:pt idx="554">
                  <c:v>5.8499999999999996E-2</c:v>
                </c:pt>
                <c:pt idx="555">
                  <c:v>5.8499999999999996E-2</c:v>
                </c:pt>
                <c:pt idx="556">
                  <c:v>5.8499999999999996E-2</c:v>
                </c:pt>
                <c:pt idx="557">
                  <c:v>5.8499999999999996E-2</c:v>
                </c:pt>
                <c:pt idx="558">
                  <c:v>5.8499999999999996E-2</c:v>
                </c:pt>
                <c:pt idx="559">
                  <c:v>5.8499999999999996E-2</c:v>
                </c:pt>
                <c:pt idx="560">
                  <c:v>5.8499999999999996E-2</c:v>
                </c:pt>
                <c:pt idx="561">
                  <c:v>5.8499999999999996E-2</c:v>
                </c:pt>
                <c:pt idx="562">
                  <c:v>5.8499999999999996E-2</c:v>
                </c:pt>
                <c:pt idx="563">
                  <c:v>5.8499999999999996E-2</c:v>
                </c:pt>
                <c:pt idx="564">
                  <c:v>5.8499999999999996E-2</c:v>
                </c:pt>
                <c:pt idx="565">
                  <c:v>5.8499999999999996E-2</c:v>
                </c:pt>
                <c:pt idx="566">
                  <c:v>5.8499999999999996E-2</c:v>
                </c:pt>
                <c:pt idx="567">
                  <c:v>5.8499999999999996E-2</c:v>
                </c:pt>
                <c:pt idx="568">
                  <c:v>5.8499999999999996E-2</c:v>
                </c:pt>
                <c:pt idx="569">
                  <c:v>5.8499999999999996E-2</c:v>
                </c:pt>
                <c:pt idx="570">
                  <c:v>5.8499999999999996E-2</c:v>
                </c:pt>
                <c:pt idx="571">
                  <c:v>5.8499999999999996E-2</c:v>
                </c:pt>
                <c:pt idx="572">
                  <c:v>5.8499999999999996E-2</c:v>
                </c:pt>
                <c:pt idx="573">
                  <c:v>5.8499999999999996E-2</c:v>
                </c:pt>
                <c:pt idx="574">
                  <c:v>5.8499999999999996E-2</c:v>
                </c:pt>
                <c:pt idx="575">
                  <c:v>5.8499999999999996E-2</c:v>
                </c:pt>
                <c:pt idx="576">
                  <c:v>5.8499999999999996E-2</c:v>
                </c:pt>
                <c:pt idx="577">
                  <c:v>5.8499999999999996E-2</c:v>
                </c:pt>
                <c:pt idx="578">
                  <c:v>5.8499999999999996E-2</c:v>
                </c:pt>
                <c:pt idx="579">
                  <c:v>5.8499999999999996E-2</c:v>
                </c:pt>
                <c:pt idx="580">
                  <c:v>5.8499999999999996E-2</c:v>
                </c:pt>
                <c:pt idx="581">
                  <c:v>5.8499999999999996E-2</c:v>
                </c:pt>
                <c:pt idx="582">
                  <c:v>5.8499999999999996E-2</c:v>
                </c:pt>
                <c:pt idx="583">
                  <c:v>5.8499999999999996E-2</c:v>
                </c:pt>
                <c:pt idx="584">
                  <c:v>5.8499999999999996E-2</c:v>
                </c:pt>
                <c:pt idx="585">
                  <c:v>5.8499999999999996E-2</c:v>
                </c:pt>
                <c:pt idx="586">
                  <c:v>5.8499999999999996E-2</c:v>
                </c:pt>
                <c:pt idx="587">
                  <c:v>5.8499999999999996E-2</c:v>
                </c:pt>
                <c:pt idx="588">
                  <c:v>5.8499999999999996E-2</c:v>
                </c:pt>
                <c:pt idx="589">
                  <c:v>5.8499999999999996E-2</c:v>
                </c:pt>
                <c:pt idx="590">
                  <c:v>5.8499999999999996E-2</c:v>
                </c:pt>
                <c:pt idx="591">
                  <c:v>5.8499999999999996E-2</c:v>
                </c:pt>
                <c:pt idx="592">
                  <c:v>5.8499999999999996E-2</c:v>
                </c:pt>
                <c:pt idx="593">
                  <c:v>5.8499999999999996E-2</c:v>
                </c:pt>
                <c:pt idx="594">
                  <c:v>5.8499999999999996E-2</c:v>
                </c:pt>
                <c:pt idx="595">
                  <c:v>5.8499999999999996E-2</c:v>
                </c:pt>
                <c:pt idx="596">
                  <c:v>5.8499999999999996E-2</c:v>
                </c:pt>
                <c:pt idx="597">
                  <c:v>5.8499999999999996E-2</c:v>
                </c:pt>
                <c:pt idx="598">
                  <c:v>5.8499999999999996E-2</c:v>
                </c:pt>
                <c:pt idx="599">
                  <c:v>5.8499999999999996E-2</c:v>
                </c:pt>
                <c:pt idx="600">
                  <c:v>5.8499999999999996E-2</c:v>
                </c:pt>
                <c:pt idx="601">
                  <c:v>5.8499999999999996E-2</c:v>
                </c:pt>
                <c:pt idx="602">
                  <c:v>5.8499999999999996E-2</c:v>
                </c:pt>
                <c:pt idx="603">
                  <c:v>5.8499999999999996E-2</c:v>
                </c:pt>
                <c:pt idx="604">
                  <c:v>5.8499999999999996E-2</c:v>
                </c:pt>
                <c:pt idx="605">
                  <c:v>5.8499999999999996E-2</c:v>
                </c:pt>
                <c:pt idx="606">
                  <c:v>5.8499999999999996E-2</c:v>
                </c:pt>
                <c:pt idx="607">
                  <c:v>5.8499999999999996E-2</c:v>
                </c:pt>
                <c:pt idx="608">
                  <c:v>5.8499999999999996E-2</c:v>
                </c:pt>
                <c:pt idx="609">
                  <c:v>5.8499999999999996E-2</c:v>
                </c:pt>
                <c:pt idx="610">
                  <c:v>5.8499999999999996E-2</c:v>
                </c:pt>
                <c:pt idx="611">
                  <c:v>5.8499999999999996E-2</c:v>
                </c:pt>
                <c:pt idx="612">
                  <c:v>5.8499999999999996E-2</c:v>
                </c:pt>
                <c:pt idx="613">
                  <c:v>5.8499999999999996E-2</c:v>
                </c:pt>
                <c:pt idx="614">
                  <c:v>5.8499999999999996E-2</c:v>
                </c:pt>
                <c:pt idx="615">
                  <c:v>5.8499999999999996E-2</c:v>
                </c:pt>
                <c:pt idx="616">
                  <c:v>5.8499999999999996E-2</c:v>
                </c:pt>
                <c:pt idx="617">
                  <c:v>5.8499999999999996E-2</c:v>
                </c:pt>
                <c:pt idx="618">
                  <c:v>5.8499999999999996E-2</c:v>
                </c:pt>
                <c:pt idx="619">
                  <c:v>5.8499999999999996E-2</c:v>
                </c:pt>
                <c:pt idx="620">
                  <c:v>5.8499999999999996E-2</c:v>
                </c:pt>
                <c:pt idx="621">
                  <c:v>5.8499999999999996E-2</c:v>
                </c:pt>
                <c:pt idx="622">
                  <c:v>5.8499999999999996E-2</c:v>
                </c:pt>
                <c:pt idx="623">
                  <c:v>5.8499999999999996E-2</c:v>
                </c:pt>
                <c:pt idx="624">
                  <c:v>5.8499999999999996E-2</c:v>
                </c:pt>
                <c:pt idx="625">
                  <c:v>5.8499999999999996E-2</c:v>
                </c:pt>
                <c:pt idx="626">
                  <c:v>5.8499999999999996E-2</c:v>
                </c:pt>
                <c:pt idx="627">
                  <c:v>5.8499999999999996E-2</c:v>
                </c:pt>
                <c:pt idx="628">
                  <c:v>5.8499999999999996E-2</c:v>
                </c:pt>
                <c:pt idx="629">
                  <c:v>5.8499999999999996E-2</c:v>
                </c:pt>
                <c:pt idx="630">
                  <c:v>5.8499999999999996E-2</c:v>
                </c:pt>
                <c:pt idx="631">
                  <c:v>5.8499999999999996E-2</c:v>
                </c:pt>
                <c:pt idx="632">
                  <c:v>5.8499999999999996E-2</c:v>
                </c:pt>
                <c:pt idx="633">
                  <c:v>5.8499999999999996E-2</c:v>
                </c:pt>
                <c:pt idx="634">
                  <c:v>5.8499999999999996E-2</c:v>
                </c:pt>
                <c:pt idx="635">
                  <c:v>5.8499999999999996E-2</c:v>
                </c:pt>
                <c:pt idx="636">
                  <c:v>5.8499999999999996E-2</c:v>
                </c:pt>
                <c:pt idx="637">
                  <c:v>5.8499999999999996E-2</c:v>
                </c:pt>
                <c:pt idx="638">
                  <c:v>5.8499999999999996E-2</c:v>
                </c:pt>
                <c:pt idx="639">
                  <c:v>5.8499999999999996E-2</c:v>
                </c:pt>
                <c:pt idx="640">
                  <c:v>5.8499999999999996E-2</c:v>
                </c:pt>
                <c:pt idx="641">
                  <c:v>5.8499999999999996E-2</c:v>
                </c:pt>
                <c:pt idx="642">
                  <c:v>5.8499999999999996E-2</c:v>
                </c:pt>
                <c:pt idx="643">
                  <c:v>5.8499999999999996E-2</c:v>
                </c:pt>
                <c:pt idx="644">
                  <c:v>5.8499999999999996E-2</c:v>
                </c:pt>
                <c:pt idx="645">
                  <c:v>5.8499999999999996E-2</c:v>
                </c:pt>
                <c:pt idx="646">
                  <c:v>5.8499999999999996E-2</c:v>
                </c:pt>
                <c:pt idx="647">
                  <c:v>5.8499999999999996E-2</c:v>
                </c:pt>
                <c:pt idx="648">
                  <c:v>5.8499999999999996E-2</c:v>
                </c:pt>
                <c:pt idx="649">
                  <c:v>5.8499999999999996E-2</c:v>
                </c:pt>
                <c:pt idx="650">
                  <c:v>5.8499999999999996E-2</c:v>
                </c:pt>
                <c:pt idx="651">
                  <c:v>5.8499999999999996E-2</c:v>
                </c:pt>
                <c:pt idx="652">
                  <c:v>5.8499999999999996E-2</c:v>
                </c:pt>
                <c:pt idx="653">
                  <c:v>5.8499999999999996E-2</c:v>
                </c:pt>
                <c:pt idx="654">
                  <c:v>5.8499999999999996E-2</c:v>
                </c:pt>
                <c:pt idx="655">
                  <c:v>5.8499999999999996E-2</c:v>
                </c:pt>
                <c:pt idx="656">
                  <c:v>5.8499999999999996E-2</c:v>
                </c:pt>
                <c:pt idx="657">
                  <c:v>5.8499999999999996E-2</c:v>
                </c:pt>
                <c:pt idx="658">
                  <c:v>5.8499999999999996E-2</c:v>
                </c:pt>
                <c:pt idx="659">
                  <c:v>5.8499999999999996E-2</c:v>
                </c:pt>
                <c:pt idx="660">
                  <c:v>5.8499999999999996E-2</c:v>
                </c:pt>
                <c:pt idx="661">
                  <c:v>5.8499999999999996E-2</c:v>
                </c:pt>
                <c:pt idx="662">
                  <c:v>5.8499999999999996E-2</c:v>
                </c:pt>
                <c:pt idx="663">
                  <c:v>5.8499999999999996E-2</c:v>
                </c:pt>
                <c:pt idx="664">
                  <c:v>5.8499999999999996E-2</c:v>
                </c:pt>
                <c:pt idx="665">
                  <c:v>5.8499999999999996E-2</c:v>
                </c:pt>
                <c:pt idx="666">
                  <c:v>5.8499999999999996E-2</c:v>
                </c:pt>
                <c:pt idx="667">
                  <c:v>5.8499999999999996E-2</c:v>
                </c:pt>
                <c:pt idx="668">
                  <c:v>5.8499999999999996E-2</c:v>
                </c:pt>
                <c:pt idx="669">
                  <c:v>5.8499999999999996E-2</c:v>
                </c:pt>
                <c:pt idx="670">
                  <c:v>5.8499999999999996E-2</c:v>
                </c:pt>
                <c:pt idx="671">
                  <c:v>5.8499999999999996E-2</c:v>
                </c:pt>
                <c:pt idx="672">
                  <c:v>5.8499999999999996E-2</c:v>
                </c:pt>
                <c:pt idx="673">
                  <c:v>5.8499999999999996E-2</c:v>
                </c:pt>
                <c:pt idx="674">
                  <c:v>5.8499999999999996E-2</c:v>
                </c:pt>
                <c:pt idx="675">
                  <c:v>5.8499999999999996E-2</c:v>
                </c:pt>
                <c:pt idx="676">
                  <c:v>5.8499999999999996E-2</c:v>
                </c:pt>
                <c:pt idx="677">
                  <c:v>5.8499999999999996E-2</c:v>
                </c:pt>
                <c:pt idx="678">
                  <c:v>5.8499999999999996E-2</c:v>
                </c:pt>
                <c:pt idx="679">
                  <c:v>5.8499999999999996E-2</c:v>
                </c:pt>
                <c:pt idx="680">
                  <c:v>5.8499999999999996E-2</c:v>
                </c:pt>
                <c:pt idx="681">
                  <c:v>5.8499999999999996E-2</c:v>
                </c:pt>
                <c:pt idx="682">
                  <c:v>5.8499999999999996E-2</c:v>
                </c:pt>
                <c:pt idx="683">
                  <c:v>5.8499999999999996E-2</c:v>
                </c:pt>
                <c:pt idx="684">
                  <c:v>5.8499999999999996E-2</c:v>
                </c:pt>
                <c:pt idx="685">
                  <c:v>5.8499999999999996E-2</c:v>
                </c:pt>
                <c:pt idx="686">
                  <c:v>5.8499999999999996E-2</c:v>
                </c:pt>
                <c:pt idx="687">
                  <c:v>5.8499999999999996E-2</c:v>
                </c:pt>
                <c:pt idx="688">
                  <c:v>5.8499999999999996E-2</c:v>
                </c:pt>
                <c:pt idx="689">
                  <c:v>5.8499999999999996E-2</c:v>
                </c:pt>
                <c:pt idx="690">
                  <c:v>5.8499999999999996E-2</c:v>
                </c:pt>
                <c:pt idx="691">
                  <c:v>5.8499999999999996E-2</c:v>
                </c:pt>
                <c:pt idx="692">
                  <c:v>5.8499999999999996E-2</c:v>
                </c:pt>
                <c:pt idx="693">
                  <c:v>5.8499999999999996E-2</c:v>
                </c:pt>
                <c:pt idx="694">
                  <c:v>5.8499999999999996E-2</c:v>
                </c:pt>
                <c:pt idx="695">
                  <c:v>5.8499999999999996E-2</c:v>
                </c:pt>
                <c:pt idx="696">
                  <c:v>5.8499999999999996E-2</c:v>
                </c:pt>
                <c:pt idx="697">
                  <c:v>5.8499999999999996E-2</c:v>
                </c:pt>
                <c:pt idx="698">
                  <c:v>5.8499999999999996E-2</c:v>
                </c:pt>
                <c:pt idx="699">
                  <c:v>5.8499999999999996E-2</c:v>
                </c:pt>
                <c:pt idx="700">
                  <c:v>5.8499999999999996E-2</c:v>
                </c:pt>
                <c:pt idx="701">
                  <c:v>5.8499999999999996E-2</c:v>
                </c:pt>
                <c:pt idx="702">
                  <c:v>5.8499999999999996E-2</c:v>
                </c:pt>
                <c:pt idx="703">
                  <c:v>5.8499999999999996E-2</c:v>
                </c:pt>
                <c:pt idx="704">
                  <c:v>5.8499999999999996E-2</c:v>
                </c:pt>
                <c:pt idx="705">
                  <c:v>5.8499999999999996E-2</c:v>
                </c:pt>
                <c:pt idx="706">
                  <c:v>5.8499999999999996E-2</c:v>
                </c:pt>
                <c:pt idx="707">
                  <c:v>5.8499999999999996E-2</c:v>
                </c:pt>
                <c:pt idx="708">
                  <c:v>5.8499999999999996E-2</c:v>
                </c:pt>
                <c:pt idx="709">
                  <c:v>5.8499999999999996E-2</c:v>
                </c:pt>
                <c:pt idx="710">
                  <c:v>5.8499999999999996E-2</c:v>
                </c:pt>
                <c:pt idx="711">
                  <c:v>5.8499999999999996E-2</c:v>
                </c:pt>
                <c:pt idx="712">
                  <c:v>5.8499999999999996E-2</c:v>
                </c:pt>
                <c:pt idx="713">
                  <c:v>5.8499999999999996E-2</c:v>
                </c:pt>
                <c:pt idx="714">
                  <c:v>5.8499999999999996E-2</c:v>
                </c:pt>
                <c:pt idx="715">
                  <c:v>5.8499999999999996E-2</c:v>
                </c:pt>
                <c:pt idx="716">
                  <c:v>5.8499999999999996E-2</c:v>
                </c:pt>
                <c:pt idx="717">
                  <c:v>5.8499999999999996E-2</c:v>
                </c:pt>
                <c:pt idx="718">
                  <c:v>5.8499999999999996E-2</c:v>
                </c:pt>
                <c:pt idx="719">
                  <c:v>5.8499999999999996E-2</c:v>
                </c:pt>
                <c:pt idx="720">
                  <c:v>5.8499999999999996E-2</c:v>
                </c:pt>
                <c:pt idx="721">
                  <c:v>5.8499999999999996E-2</c:v>
                </c:pt>
                <c:pt idx="722">
                  <c:v>5.8499999999999996E-2</c:v>
                </c:pt>
                <c:pt idx="723">
                  <c:v>5.8499999999999996E-2</c:v>
                </c:pt>
                <c:pt idx="724">
                  <c:v>5.8499999999999996E-2</c:v>
                </c:pt>
                <c:pt idx="725">
                  <c:v>5.8499999999999996E-2</c:v>
                </c:pt>
                <c:pt idx="726">
                  <c:v>5.8499999999999996E-2</c:v>
                </c:pt>
                <c:pt idx="727">
                  <c:v>5.8499999999999996E-2</c:v>
                </c:pt>
                <c:pt idx="728">
                  <c:v>5.8499999999999996E-2</c:v>
                </c:pt>
                <c:pt idx="729">
                  <c:v>5.8499999999999996E-2</c:v>
                </c:pt>
                <c:pt idx="730">
                  <c:v>5.8499999999999996E-2</c:v>
                </c:pt>
                <c:pt idx="731">
                  <c:v>5.8499999999999996E-2</c:v>
                </c:pt>
                <c:pt idx="732">
                  <c:v>5.8499999999999996E-2</c:v>
                </c:pt>
                <c:pt idx="733">
                  <c:v>5.8499999999999996E-2</c:v>
                </c:pt>
                <c:pt idx="734">
                  <c:v>5.8499999999999996E-2</c:v>
                </c:pt>
                <c:pt idx="735">
                  <c:v>5.8499999999999996E-2</c:v>
                </c:pt>
                <c:pt idx="736">
                  <c:v>5.8499999999999996E-2</c:v>
                </c:pt>
                <c:pt idx="737">
                  <c:v>5.8499999999999996E-2</c:v>
                </c:pt>
                <c:pt idx="738">
                  <c:v>5.8499999999999996E-2</c:v>
                </c:pt>
                <c:pt idx="739">
                  <c:v>5.8499999999999996E-2</c:v>
                </c:pt>
                <c:pt idx="740">
                  <c:v>5.8499999999999996E-2</c:v>
                </c:pt>
                <c:pt idx="741">
                  <c:v>5.8499999999999996E-2</c:v>
                </c:pt>
                <c:pt idx="742">
                  <c:v>5.8499999999999996E-2</c:v>
                </c:pt>
                <c:pt idx="743">
                  <c:v>5.8499999999999996E-2</c:v>
                </c:pt>
                <c:pt idx="744">
                  <c:v>5.8499999999999996E-2</c:v>
                </c:pt>
                <c:pt idx="745">
                  <c:v>5.8499999999999996E-2</c:v>
                </c:pt>
                <c:pt idx="746">
                  <c:v>5.8499999999999996E-2</c:v>
                </c:pt>
                <c:pt idx="747">
                  <c:v>5.8499999999999996E-2</c:v>
                </c:pt>
                <c:pt idx="748">
                  <c:v>5.8499999999999996E-2</c:v>
                </c:pt>
                <c:pt idx="749">
                  <c:v>5.8499999999999996E-2</c:v>
                </c:pt>
                <c:pt idx="750">
                  <c:v>5.8499999999999996E-2</c:v>
                </c:pt>
                <c:pt idx="751">
                  <c:v>5.8499999999999996E-2</c:v>
                </c:pt>
                <c:pt idx="752">
                  <c:v>5.8499999999999996E-2</c:v>
                </c:pt>
                <c:pt idx="753">
                  <c:v>5.8499999999999996E-2</c:v>
                </c:pt>
                <c:pt idx="754">
                  <c:v>5.8499999999999996E-2</c:v>
                </c:pt>
                <c:pt idx="755">
                  <c:v>5.8499999999999996E-2</c:v>
                </c:pt>
                <c:pt idx="756">
                  <c:v>5.8499999999999996E-2</c:v>
                </c:pt>
                <c:pt idx="757">
                  <c:v>5.8499999999999996E-2</c:v>
                </c:pt>
                <c:pt idx="758">
                  <c:v>5.8499999999999996E-2</c:v>
                </c:pt>
                <c:pt idx="759">
                  <c:v>5.8499999999999996E-2</c:v>
                </c:pt>
                <c:pt idx="760">
                  <c:v>5.8499999999999996E-2</c:v>
                </c:pt>
                <c:pt idx="761">
                  <c:v>5.8499999999999996E-2</c:v>
                </c:pt>
                <c:pt idx="762">
                  <c:v>5.8499999999999996E-2</c:v>
                </c:pt>
                <c:pt idx="763">
                  <c:v>5.8499999999999996E-2</c:v>
                </c:pt>
                <c:pt idx="764">
                  <c:v>5.8499999999999996E-2</c:v>
                </c:pt>
                <c:pt idx="765">
                  <c:v>5.8499999999999996E-2</c:v>
                </c:pt>
                <c:pt idx="766">
                  <c:v>5.8499999999999996E-2</c:v>
                </c:pt>
                <c:pt idx="767">
                  <c:v>5.8499999999999996E-2</c:v>
                </c:pt>
                <c:pt idx="768">
                  <c:v>5.8499999999999996E-2</c:v>
                </c:pt>
                <c:pt idx="769">
                  <c:v>5.8499999999999996E-2</c:v>
                </c:pt>
                <c:pt idx="770">
                  <c:v>5.8499999999999996E-2</c:v>
                </c:pt>
                <c:pt idx="771">
                  <c:v>5.8499999999999996E-2</c:v>
                </c:pt>
                <c:pt idx="772">
                  <c:v>5.8499999999999996E-2</c:v>
                </c:pt>
                <c:pt idx="773">
                  <c:v>5.8499999999999996E-2</c:v>
                </c:pt>
                <c:pt idx="774">
                  <c:v>5.8499999999999996E-2</c:v>
                </c:pt>
                <c:pt idx="775">
                  <c:v>5.8499999999999996E-2</c:v>
                </c:pt>
                <c:pt idx="776">
                  <c:v>5.8499999999999996E-2</c:v>
                </c:pt>
                <c:pt idx="777">
                  <c:v>5.8499999999999996E-2</c:v>
                </c:pt>
                <c:pt idx="778">
                  <c:v>5.8499999999999996E-2</c:v>
                </c:pt>
                <c:pt idx="779">
                  <c:v>5.8499999999999996E-2</c:v>
                </c:pt>
                <c:pt idx="780">
                  <c:v>5.8499999999999996E-2</c:v>
                </c:pt>
                <c:pt idx="781">
                  <c:v>5.8499999999999996E-2</c:v>
                </c:pt>
                <c:pt idx="782">
                  <c:v>5.3099999999999994E-2</c:v>
                </c:pt>
                <c:pt idx="783">
                  <c:v>5.3099999999999994E-2</c:v>
                </c:pt>
                <c:pt idx="784">
                  <c:v>5.3099999999999994E-2</c:v>
                </c:pt>
                <c:pt idx="785">
                  <c:v>5.3099999999999994E-2</c:v>
                </c:pt>
                <c:pt idx="786">
                  <c:v>5.3099999999999994E-2</c:v>
                </c:pt>
                <c:pt idx="787">
                  <c:v>5.3099999999999994E-2</c:v>
                </c:pt>
                <c:pt idx="788">
                  <c:v>5.3099999999999994E-2</c:v>
                </c:pt>
                <c:pt idx="789">
                  <c:v>5.3099999999999994E-2</c:v>
                </c:pt>
                <c:pt idx="790">
                  <c:v>5.3099999999999994E-2</c:v>
                </c:pt>
                <c:pt idx="791">
                  <c:v>5.3099999999999994E-2</c:v>
                </c:pt>
                <c:pt idx="792">
                  <c:v>5.3099999999999994E-2</c:v>
                </c:pt>
                <c:pt idx="793">
                  <c:v>5.3099999999999994E-2</c:v>
                </c:pt>
                <c:pt idx="794">
                  <c:v>5.3099999999999994E-2</c:v>
                </c:pt>
                <c:pt idx="795">
                  <c:v>5.3099999999999994E-2</c:v>
                </c:pt>
                <c:pt idx="796">
                  <c:v>5.3099999999999994E-2</c:v>
                </c:pt>
                <c:pt idx="797">
                  <c:v>5.3099999999999994E-2</c:v>
                </c:pt>
                <c:pt idx="798">
                  <c:v>5.3099999999999994E-2</c:v>
                </c:pt>
                <c:pt idx="799">
                  <c:v>5.3099999999999994E-2</c:v>
                </c:pt>
                <c:pt idx="800">
                  <c:v>5.3099999999999994E-2</c:v>
                </c:pt>
                <c:pt idx="801">
                  <c:v>5.3099999999999994E-2</c:v>
                </c:pt>
                <c:pt idx="802">
                  <c:v>5.3099999999999994E-2</c:v>
                </c:pt>
                <c:pt idx="803">
                  <c:v>5.3099999999999994E-2</c:v>
                </c:pt>
                <c:pt idx="804">
                  <c:v>5.3099999999999994E-2</c:v>
                </c:pt>
                <c:pt idx="805">
                  <c:v>5.3099999999999994E-2</c:v>
                </c:pt>
                <c:pt idx="806">
                  <c:v>5.3099999999999994E-2</c:v>
                </c:pt>
                <c:pt idx="807">
                  <c:v>5.3099999999999994E-2</c:v>
                </c:pt>
                <c:pt idx="808">
                  <c:v>5.3099999999999994E-2</c:v>
                </c:pt>
                <c:pt idx="809">
                  <c:v>5.3099999999999994E-2</c:v>
                </c:pt>
                <c:pt idx="810">
                  <c:v>5.3099999999999994E-2</c:v>
                </c:pt>
                <c:pt idx="811">
                  <c:v>5.3099999999999994E-2</c:v>
                </c:pt>
                <c:pt idx="812">
                  <c:v>5.3099999999999994E-2</c:v>
                </c:pt>
                <c:pt idx="813">
                  <c:v>5.3099999999999994E-2</c:v>
                </c:pt>
                <c:pt idx="814">
                  <c:v>5.3099999999999994E-2</c:v>
                </c:pt>
                <c:pt idx="815">
                  <c:v>5.3099999999999994E-2</c:v>
                </c:pt>
                <c:pt idx="816">
                  <c:v>5.3099999999999994E-2</c:v>
                </c:pt>
                <c:pt idx="817">
                  <c:v>5.3099999999999994E-2</c:v>
                </c:pt>
                <c:pt idx="818">
                  <c:v>5.3099999999999994E-2</c:v>
                </c:pt>
                <c:pt idx="819">
                  <c:v>5.3099999999999994E-2</c:v>
                </c:pt>
                <c:pt idx="820">
                  <c:v>5.3099999999999994E-2</c:v>
                </c:pt>
                <c:pt idx="821">
                  <c:v>5.3099999999999994E-2</c:v>
                </c:pt>
                <c:pt idx="822">
                  <c:v>5.3099999999999994E-2</c:v>
                </c:pt>
                <c:pt idx="823">
                  <c:v>5.3099999999999994E-2</c:v>
                </c:pt>
                <c:pt idx="824">
                  <c:v>5.3099999999999994E-2</c:v>
                </c:pt>
                <c:pt idx="825">
                  <c:v>5.3099999999999994E-2</c:v>
                </c:pt>
                <c:pt idx="826">
                  <c:v>5.3099999999999994E-2</c:v>
                </c:pt>
                <c:pt idx="827">
                  <c:v>5.3099999999999994E-2</c:v>
                </c:pt>
                <c:pt idx="828">
                  <c:v>5.3099999999999994E-2</c:v>
                </c:pt>
                <c:pt idx="829">
                  <c:v>5.3099999999999994E-2</c:v>
                </c:pt>
                <c:pt idx="830">
                  <c:v>5.3099999999999994E-2</c:v>
                </c:pt>
                <c:pt idx="831">
                  <c:v>5.3099999999999994E-2</c:v>
                </c:pt>
                <c:pt idx="832">
                  <c:v>5.3099999999999994E-2</c:v>
                </c:pt>
                <c:pt idx="833">
                  <c:v>5.3099999999999994E-2</c:v>
                </c:pt>
                <c:pt idx="834">
                  <c:v>5.3099999999999994E-2</c:v>
                </c:pt>
                <c:pt idx="835">
                  <c:v>5.3099999999999994E-2</c:v>
                </c:pt>
                <c:pt idx="836">
                  <c:v>5.3099999999999994E-2</c:v>
                </c:pt>
                <c:pt idx="837">
                  <c:v>5.3099999999999994E-2</c:v>
                </c:pt>
                <c:pt idx="838">
                  <c:v>5.3099999999999994E-2</c:v>
                </c:pt>
                <c:pt idx="839">
                  <c:v>5.3099999999999994E-2</c:v>
                </c:pt>
                <c:pt idx="840">
                  <c:v>5.3099999999999994E-2</c:v>
                </c:pt>
                <c:pt idx="841">
                  <c:v>5.3099999999999994E-2</c:v>
                </c:pt>
                <c:pt idx="842">
                  <c:v>5.3099999999999994E-2</c:v>
                </c:pt>
                <c:pt idx="843">
                  <c:v>5.3099999999999994E-2</c:v>
                </c:pt>
                <c:pt idx="844">
                  <c:v>5.3099999999999994E-2</c:v>
                </c:pt>
                <c:pt idx="845">
                  <c:v>5.3099999999999994E-2</c:v>
                </c:pt>
                <c:pt idx="846">
                  <c:v>5.3099999999999994E-2</c:v>
                </c:pt>
                <c:pt idx="847">
                  <c:v>5.3099999999999994E-2</c:v>
                </c:pt>
                <c:pt idx="848">
                  <c:v>5.3099999999999994E-2</c:v>
                </c:pt>
                <c:pt idx="849">
                  <c:v>5.3099999999999994E-2</c:v>
                </c:pt>
                <c:pt idx="850">
                  <c:v>5.3099999999999994E-2</c:v>
                </c:pt>
                <c:pt idx="851">
                  <c:v>5.3099999999999994E-2</c:v>
                </c:pt>
                <c:pt idx="852">
                  <c:v>5.3099999999999994E-2</c:v>
                </c:pt>
                <c:pt idx="853">
                  <c:v>5.3099999999999994E-2</c:v>
                </c:pt>
                <c:pt idx="854">
                  <c:v>5.3099999999999994E-2</c:v>
                </c:pt>
                <c:pt idx="855">
                  <c:v>5.3099999999999994E-2</c:v>
                </c:pt>
                <c:pt idx="856">
                  <c:v>5.3099999999999994E-2</c:v>
                </c:pt>
                <c:pt idx="857">
                  <c:v>5.3099999999999994E-2</c:v>
                </c:pt>
                <c:pt idx="858">
                  <c:v>5.3099999999999994E-2</c:v>
                </c:pt>
                <c:pt idx="859">
                  <c:v>5.3099999999999994E-2</c:v>
                </c:pt>
                <c:pt idx="860">
                  <c:v>5.3099999999999994E-2</c:v>
                </c:pt>
                <c:pt idx="861">
                  <c:v>5.3099999999999994E-2</c:v>
                </c:pt>
                <c:pt idx="862">
                  <c:v>5.3099999999999994E-2</c:v>
                </c:pt>
                <c:pt idx="863">
                  <c:v>5.3099999999999994E-2</c:v>
                </c:pt>
                <c:pt idx="864">
                  <c:v>5.3099999999999994E-2</c:v>
                </c:pt>
                <c:pt idx="865">
                  <c:v>5.3099999999999994E-2</c:v>
                </c:pt>
                <c:pt idx="866">
                  <c:v>5.3099999999999994E-2</c:v>
                </c:pt>
                <c:pt idx="867">
                  <c:v>5.3099999999999994E-2</c:v>
                </c:pt>
                <c:pt idx="868">
                  <c:v>5.3099999999999994E-2</c:v>
                </c:pt>
                <c:pt idx="869">
                  <c:v>5.3099999999999994E-2</c:v>
                </c:pt>
                <c:pt idx="870">
                  <c:v>5.3099999999999994E-2</c:v>
                </c:pt>
                <c:pt idx="871">
                  <c:v>5.3099999999999994E-2</c:v>
                </c:pt>
                <c:pt idx="872">
                  <c:v>5.3099999999999994E-2</c:v>
                </c:pt>
                <c:pt idx="873">
                  <c:v>5.3099999999999994E-2</c:v>
                </c:pt>
                <c:pt idx="874">
                  <c:v>5.3099999999999994E-2</c:v>
                </c:pt>
                <c:pt idx="875">
                  <c:v>5.3099999999999994E-2</c:v>
                </c:pt>
                <c:pt idx="876">
                  <c:v>5.3099999999999994E-2</c:v>
                </c:pt>
                <c:pt idx="877">
                  <c:v>5.3099999999999994E-2</c:v>
                </c:pt>
                <c:pt idx="878">
                  <c:v>5.3099999999999994E-2</c:v>
                </c:pt>
                <c:pt idx="879">
                  <c:v>5.3099999999999994E-2</c:v>
                </c:pt>
                <c:pt idx="880">
                  <c:v>5.3099999999999994E-2</c:v>
                </c:pt>
                <c:pt idx="881">
                  <c:v>5.3099999999999994E-2</c:v>
                </c:pt>
                <c:pt idx="882">
                  <c:v>5.3099999999999994E-2</c:v>
                </c:pt>
                <c:pt idx="883">
                  <c:v>5.3099999999999994E-2</c:v>
                </c:pt>
                <c:pt idx="884">
                  <c:v>5.3099999999999994E-2</c:v>
                </c:pt>
                <c:pt idx="885">
                  <c:v>5.3099999999999994E-2</c:v>
                </c:pt>
                <c:pt idx="886">
                  <c:v>5.3099999999999994E-2</c:v>
                </c:pt>
                <c:pt idx="887">
                  <c:v>5.3099999999999994E-2</c:v>
                </c:pt>
                <c:pt idx="888">
                  <c:v>5.3099999999999994E-2</c:v>
                </c:pt>
                <c:pt idx="889">
                  <c:v>5.3099999999999994E-2</c:v>
                </c:pt>
                <c:pt idx="890">
                  <c:v>5.3099999999999994E-2</c:v>
                </c:pt>
                <c:pt idx="891">
                  <c:v>5.3099999999999994E-2</c:v>
                </c:pt>
                <c:pt idx="892">
                  <c:v>5.3099999999999994E-2</c:v>
                </c:pt>
                <c:pt idx="893">
                  <c:v>5.3099999999999994E-2</c:v>
                </c:pt>
                <c:pt idx="894">
                  <c:v>5.3099999999999994E-2</c:v>
                </c:pt>
                <c:pt idx="895">
                  <c:v>5.3099999999999994E-2</c:v>
                </c:pt>
                <c:pt idx="896">
                  <c:v>5.3099999999999994E-2</c:v>
                </c:pt>
                <c:pt idx="897">
                  <c:v>5.3099999999999994E-2</c:v>
                </c:pt>
                <c:pt idx="898">
                  <c:v>5.3099999999999994E-2</c:v>
                </c:pt>
                <c:pt idx="899">
                  <c:v>5.3099999999999994E-2</c:v>
                </c:pt>
                <c:pt idx="900">
                  <c:v>5.3099999999999994E-2</c:v>
                </c:pt>
                <c:pt idx="901">
                  <c:v>5.3099999999999994E-2</c:v>
                </c:pt>
                <c:pt idx="902">
                  <c:v>5.3099999999999994E-2</c:v>
                </c:pt>
                <c:pt idx="903">
                  <c:v>5.3099999999999994E-2</c:v>
                </c:pt>
                <c:pt idx="904">
                  <c:v>5.3099999999999994E-2</c:v>
                </c:pt>
                <c:pt idx="905">
                  <c:v>5.3099999999999994E-2</c:v>
                </c:pt>
                <c:pt idx="906">
                  <c:v>5.3099999999999994E-2</c:v>
                </c:pt>
                <c:pt idx="907">
                  <c:v>5.3099999999999994E-2</c:v>
                </c:pt>
                <c:pt idx="908">
                  <c:v>5.3099999999999994E-2</c:v>
                </c:pt>
                <c:pt idx="909">
                  <c:v>5.3099999999999994E-2</c:v>
                </c:pt>
                <c:pt idx="910">
                  <c:v>5.3099999999999994E-2</c:v>
                </c:pt>
                <c:pt idx="911">
                  <c:v>5.3099999999999994E-2</c:v>
                </c:pt>
                <c:pt idx="912">
                  <c:v>5.3099999999999994E-2</c:v>
                </c:pt>
                <c:pt idx="913">
                  <c:v>5.3099999999999994E-2</c:v>
                </c:pt>
                <c:pt idx="914">
                  <c:v>5.3099999999999994E-2</c:v>
                </c:pt>
                <c:pt idx="915">
                  <c:v>5.3099999999999994E-2</c:v>
                </c:pt>
                <c:pt idx="916">
                  <c:v>5.3099999999999994E-2</c:v>
                </c:pt>
                <c:pt idx="917">
                  <c:v>5.3099999999999994E-2</c:v>
                </c:pt>
                <c:pt idx="918">
                  <c:v>5.3099999999999994E-2</c:v>
                </c:pt>
                <c:pt idx="919">
                  <c:v>5.3099999999999994E-2</c:v>
                </c:pt>
                <c:pt idx="920">
                  <c:v>5.3099999999999994E-2</c:v>
                </c:pt>
                <c:pt idx="921">
                  <c:v>5.3099999999999994E-2</c:v>
                </c:pt>
                <c:pt idx="922">
                  <c:v>5.3099999999999994E-2</c:v>
                </c:pt>
                <c:pt idx="923">
                  <c:v>5.3099999999999994E-2</c:v>
                </c:pt>
                <c:pt idx="924">
                  <c:v>5.3099999999999994E-2</c:v>
                </c:pt>
                <c:pt idx="925">
                  <c:v>5.3099999999999994E-2</c:v>
                </c:pt>
                <c:pt idx="926">
                  <c:v>5.3099999999999994E-2</c:v>
                </c:pt>
                <c:pt idx="927">
                  <c:v>5.3099999999999994E-2</c:v>
                </c:pt>
                <c:pt idx="928">
                  <c:v>5.3099999999999994E-2</c:v>
                </c:pt>
                <c:pt idx="929">
                  <c:v>5.3099999999999994E-2</c:v>
                </c:pt>
                <c:pt idx="930">
                  <c:v>5.3099999999999994E-2</c:v>
                </c:pt>
                <c:pt idx="931">
                  <c:v>5.3099999999999994E-2</c:v>
                </c:pt>
                <c:pt idx="932">
                  <c:v>5.3099999999999994E-2</c:v>
                </c:pt>
                <c:pt idx="933">
                  <c:v>5.3099999999999994E-2</c:v>
                </c:pt>
                <c:pt idx="934">
                  <c:v>5.3099999999999994E-2</c:v>
                </c:pt>
                <c:pt idx="935">
                  <c:v>5.3099999999999994E-2</c:v>
                </c:pt>
                <c:pt idx="936">
                  <c:v>5.3099999999999994E-2</c:v>
                </c:pt>
                <c:pt idx="937">
                  <c:v>5.3099999999999994E-2</c:v>
                </c:pt>
                <c:pt idx="938">
                  <c:v>5.3099999999999994E-2</c:v>
                </c:pt>
                <c:pt idx="939">
                  <c:v>5.3099999999999994E-2</c:v>
                </c:pt>
                <c:pt idx="940">
                  <c:v>5.3099999999999994E-2</c:v>
                </c:pt>
                <c:pt idx="941">
                  <c:v>5.3099999999999994E-2</c:v>
                </c:pt>
                <c:pt idx="942">
                  <c:v>5.3099999999999994E-2</c:v>
                </c:pt>
                <c:pt idx="943">
                  <c:v>5.3099999999999994E-2</c:v>
                </c:pt>
                <c:pt idx="944">
                  <c:v>5.3099999999999994E-2</c:v>
                </c:pt>
                <c:pt idx="945">
                  <c:v>5.3099999999999994E-2</c:v>
                </c:pt>
                <c:pt idx="946">
                  <c:v>5.3099999999999994E-2</c:v>
                </c:pt>
                <c:pt idx="947">
                  <c:v>5.3099999999999994E-2</c:v>
                </c:pt>
                <c:pt idx="948">
                  <c:v>5.3099999999999994E-2</c:v>
                </c:pt>
                <c:pt idx="949">
                  <c:v>5.3099999999999994E-2</c:v>
                </c:pt>
                <c:pt idx="950">
                  <c:v>5.3099999999999994E-2</c:v>
                </c:pt>
                <c:pt idx="951">
                  <c:v>5.3099999999999994E-2</c:v>
                </c:pt>
                <c:pt idx="952">
                  <c:v>5.3099999999999994E-2</c:v>
                </c:pt>
                <c:pt idx="953">
                  <c:v>5.3099999999999994E-2</c:v>
                </c:pt>
                <c:pt idx="954">
                  <c:v>5.3099999999999994E-2</c:v>
                </c:pt>
                <c:pt idx="955">
                  <c:v>5.3099999999999994E-2</c:v>
                </c:pt>
                <c:pt idx="956">
                  <c:v>5.3099999999999994E-2</c:v>
                </c:pt>
                <c:pt idx="957">
                  <c:v>5.3099999999999994E-2</c:v>
                </c:pt>
                <c:pt idx="958">
                  <c:v>5.3099999999999994E-2</c:v>
                </c:pt>
                <c:pt idx="959">
                  <c:v>5.3099999999999994E-2</c:v>
                </c:pt>
                <c:pt idx="960">
                  <c:v>5.3099999999999994E-2</c:v>
                </c:pt>
                <c:pt idx="961">
                  <c:v>5.3099999999999994E-2</c:v>
                </c:pt>
                <c:pt idx="962">
                  <c:v>5.3099999999999994E-2</c:v>
                </c:pt>
                <c:pt idx="963">
                  <c:v>5.3099999999999994E-2</c:v>
                </c:pt>
                <c:pt idx="964">
                  <c:v>5.3099999999999994E-2</c:v>
                </c:pt>
                <c:pt idx="965">
                  <c:v>5.3099999999999994E-2</c:v>
                </c:pt>
                <c:pt idx="966">
                  <c:v>5.3099999999999994E-2</c:v>
                </c:pt>
                <c:pt idx="967">
                  <c:v>5.3099999999999994E-2</c:v>
                </c:pt>
                <c:pt idx="968">
                  <c:v>5.3099999999999994E-2</c:v>
                </c:pt>
                <c:pt idx="969">
                  <c:v>5.3099999999999994E-2</c:v>
                </c:pt>
                <c:pt idx="970">
                  <c:v>5.3099999999999994E-2</c:v>
                </c:pt>
                <c:pt idx="971">
                  <c:v>5.3099999999999994E-2</c:v>
                </c:pt>
                <c:pt idx="972">
                  <c:v>5.3099999999999994E-2</c:v>
                </c:pt>
                <c:pt idx="973">
                  <c:v>5.3099999999999994E-2</c:v>
                </c:pt>
                <c:pt idx="974">
                  <c:v>5.3099999999999994E-2</c:v>
                </c:pt>
                <c:pt idx="975">
                  <c:v>5.3099999999999994E-2</c:v>
                </c:pt>
                <c:pt idx="976">
                  <c:v>5.3099999999999994E-2</c:v>
                </c:pt>
                <c:pt idx="977">
                  <c:v>5.3099999999999994E-2</c:v>
                </c:pt>
                <c:pt idx="978">
                  <c:v>5.3099999999999994E-2</c:v>
                </c:pt>
                <c:pt idx="979">
                  <c:v>5.3099999999999994E-2</c:v>
                </c:pt>
                <c:pt idx="980">
                  <c:v>5.3099999999999994E-2</c:v>
                </c:pt>
                <c:pt idx="981">
                  <c:v>5.3099999999999994E-2</c:v>
                </c:pt>
                <c:pt idx="982">
                  <c:v>5.3099999999999994E-2</c:v>
                </c:pt>
                <c:pt idx="983">
                  <c:v>5.3099999999999994E-2</c:v>
                </c:pt>
                <c:pt idx="984">
                  <c:v>5.3099999999999994E-2</c:v>
                </c:pt>
                <c:pt idx="985">
                  <c:v>5.3099999999999994E-2</c:v>
                </c:pt>
                <c:pt idx="986">
                  <c:v>5.3099999999999994E-2</c:v>
                </c:pt>
                <c:pt idx="987">
                  <c:v>5.3099999999999994E-2</c:v>
                </c:pt>
                <c:pt idx="988">
                  <c:v>5.3099999999999994E-2</c:v>
                </c:pt>
                <c:pt idx="989">
                  <c:v>5.3099999999999994E-2</c:v>
                </c:pt>
                <c:pt idx="990">
                  <c:v>5.3099999999999994E-2</c:v>
                </c:pt>
                <c:pt idx="991">
                  <c:v>5.3099999999999994E-2</c:v>
                </c:pt>
                <c:pt idx="992">
                  <c:v>5.3099999999999994E-2</c:v>
                </c:pt>
                <c:pt idx="993">
                  <c:v>5.3099999999999994E-2</c:v>
                </c:pt>
                <c:pt idx="994">
                  <c:v>5.3099999999999994E-2</c:v>
                </c:pt>
                <c:pt idx="995">
                  <c:v>5.3099999999999994E-2</c:v>
                </c:pt>
                <c:pt idx="996">
                  <c:v>5.3099999999999994E-2</c:v>
                </c:pt>
                <c:pt idx="997">
                  <c:v>5.3099999999999994E-2</c:v>
                </c:pt>
                <c:pt idx="998">
                  <c:v>5.3099999999999994E-2</c:v>
                </c:pt>
                <c:pt idx="999">
                  <c:v>5.3099999999999994E-2</c:v>
                </c:pt>
                <c:pt idx="1000">
                  <c:v>5.3099999999999994E-2</c:v>
                </c:pt>
                <c:pt idx="1001">
                  <c:v>5.3099999999999994E-2</c:v>
                </c:pt>
                <c:pt idx="1002">
                  <c:v>5.3099999999999994E-2</c:v>
                </c:pt>
                <c:pt idx="1003">
                  <c:v>5.3099999999999994E-2</c:v>
                </c:pt>
                <c:pt idx="1004">
                  <c:v>5.3099999999999994E-2</c:v>
                </c:pt>
                <c:pt idx="1005">
                  <c:v>5.3099999999999994E-2</c:v>
                </c:pt>
                <c:pt idx="1006">
                  <c:v>5.3099999999999994E-2</c:v>
                </c:pt>
                <c:pt idx="1007">
                  <c:v>5.3099999999999994E-2</c:v>
                </c:pt>
                <c:pt idx="1008">
                  <c:v>5.3099999999999994E-2</c:v>
                </c:pt>
                <c:pt idx="1009">
                  <c:v>5.3099999999999994E-2</c:v>
                </c:pt>
                <c:pt idx="1010">
                  <c:v>5.3099999999999994E-2</c:v>
                </c:pt>
                <c:pt idx="1011">
                  <c:v>5.3099999999999994E-2</c:v>
                </c:pt>
                <c:pt idx="1012">
                  <c:v>5.3099999999999994E-2</c:v>
                </c:pt>
                <c:pt idx="1013">
                  <c:v>5.3099999999999994E-2</c:v>
                </c:pt>
                <c:pt idx="1014">
                  <c:v>5.3099999999999994E-2</c:v>
                </c:pt>
                <c:pt idx="1015">
                  <c:v>5.3099999999999994E-2</c:v>
                </c:pt>
                <c:pt idx="1016">
                  <c:v>5.3099999999999994E-2</c:v>
                </c:pt>
                <c:pt idx="1017">
                  <c:v>5.3099999999999994E-2</c:v>
                </c:pt>
                <c:pt idx="1018">
                  <c:v>5.3099999999999994E-2</c:v>
                </c:pt>
                <c:pt idx="1019">
                  <c:v>5.3099999999999994E-2</c:v>
                </c:pt>
                <c:pt idx="1020">
                  <c:v>5.3099999999999994E-2</c:v>
                </c:pt>
                <c:pt idx="1021">
                  <c:v>5.3099999999999994E-2</c:v>
                </c:pt>
                <c:pt idx="1022">
                  <c:v>5.3099999999999994E-2</c:v>
                </c:pt>
                <c:pt idx="1023">
                  <c:v>5.3099999999999994E-2</c:v>
                </c:pt>
                <c:pt idx="1024">
                  <c:v>5.3099999999999994E-2</c:v>
                </c:pt>
                <c:pt idx="1025">
                  <c:v>5.3099999999999994E-2</c:v>
                </c:pt>
                <c:pt idx="1026">
                  <c:v>5.3099999999999994E-2</c:v>
                </c:pt>
                <c:pt idx="1027">
                  <c:v>5.3099999999999994E-2</c:v>
                </c:pt>
                <c:pt idx="1028">
                  <c:v>5.3099999999999994E-2</c:v>
                </c:pt>
                <c:pt idx="1029">
                  <c:v>5.3099999999999994E-2</c:v>
                </c:pt>
                <c:pt idx="1030">
                  <c:v>5.3099999999999994E-2</c:v>
                </c:pt>
                <c:pt idx="1031">
                  <c:v>5.3099999999999994E-2</c:v>
                </c:pt>
                <c:pt idx="1032">
                  <c:v>5.3099999999999994E-2</c:v>
                </c:pt>
                <c:pt idx="1033">
                  <c:v>5.3099999999999994E-2</c:v>
                </c:pt>
                <c:pt idx="1034">
                  <c:v>5.3099999999999994E-2</c:v>
                </c:pt>
                <c:pt idx="1035">
                  <c:v>5.3099999999999994E-2</c:v>
                </c:pt>
                <c:pt idx="1036">
                  <c:v>5.3099999999999994E-2</c:v>
                </c:pt>
                <c:pt idx="1037">
                  <c:v>5.3099999999999994E-2</c:v>
                </c:pt>
                <c:pt idx="1038">
                  <c:v>5.3099999999999994E-2</c:v>
                </c:pt>
                <c:pt idx="1039">
                  <c:v>5.3099999999999994E-2</c:v>
                </c:pt>
                <c:pt idx="1040">
                  <c:v>5.3099999999999994E-2</c:v>
                </c:pt>
                <c:pt idx="1041">
                  <c:v>5.3099999999999994E-2</c:v>
                </c:pt>
                <c:pt idx="1042">
                  <c:v>5.3099999999999994E-2</c:v>
                </c:pt>
                <c:pt idx="1043">
                  <c:v>5.3099999999999994E-2</c:v>
                </c:pt>
                <c:pt idx="1044">
                  <c:v>5.3099999999999994E-2</c:v>
                </c:pt>
                <c:pt idx="1045">
                  <c:v>5.3099999999999994E-2</c:v>
                </c:pt>
                <c:pt idx="1046">
                  <c:v>5.3099999999999994E-2</c:v>
                </c:pt>
                <c:pt idx="1047">
                  <c:v>5.3099999999999994E-2</c:v>
                </c:pt>
                <c:pt idx="1048">
                  <c:v>5.3099999999999994E-2</c:v>
                </c:pt>
                <c:pt idx="1049">
                  <c:v>5.3099999999999994E-2</c:v>
                </c:pt>
                <c:pt idx="1050">
                  <c:v>5.3099999999999994E-2</c:v>
                </c:pt>
                <c:pt idx="1051">
                  <c:v>5.3099999999999994E-2</c:v>
                </c:pt>
                <c:pt idx="1052">
                  <c:v>5.3099999999999994E-2</c:v>
                </c:pt>
                <c:pt idx="1053">
                  <c:v>5.3099999999999994E-2</c:v>
                </c:pt>
                <c:pt idx="1054">
                  <c:v>5.3099999999999994E-2</c:v>
                </c:pt>
                <c:pt idx="1055">
                  <c:v>5.3099999999999994E-2</c:v>
                </c:pt>
                <c:pt idx="1056">
                  <c:v>5.3099999999999994E-2</c:v>
                </c:pt>
                <c:pt idx="1057">
                  <c:v>5.3099999999999994E-2</c:v>
                </c:pt>
                <c:pt idx="1058">
                  <c:v>5.3099999999999994E-2</c:v>
                </c:pt>
                <c:pt idx="1059">
                  <c:v>5.3099999999999994E-2</c:v>
                </c:pt>
                <c:pt idx="1060">
                  <c:v>5.3099999999999994E-2</c:v>
                </c:pt>
                <c:pt idx="1061">
                  <c:v>5.3099999999999994E-2</c:v>
                </c:pt>
                <c:pt idx="1062">
                  <c:v>5.3099999999999994E-2</c:v>
                </c:pt>
                <c:pt idx="1063">
                  <c:v>5.3099999999999994E-2</c:v>
                </c:pt>
                <c:pt idx="1064">
                  <c:v>5.3099999999999994E-2</c:v>
                </c:pt>
                <c:pt idx="1065">
                  <c:v>5.3099999999999994E-2</c:v>
                </c:pt>
                <c:pt idx="1066">
                  <c:v>5.3099999999999994E-2</c:v>
                </c:pt>
                <c:pt idx="1067">
                  <c:v>5.3099999999999994E-2</c:v>
                </c:pt>
                <c:pt idx="1068">
                  <c:v>5.3099999999999994E-2</c:v>
                </c:pt>
                <c:pt idx="1069">
                  <c:v>5.3099999999999994E-2</c:v>
                </c:pt>
                <c:pt idx="1070">
                  <c:v>5.3099999999999994E-2</c:v>
                </c:pt>
                <c:pt idx="1071">
                  <c:v>5.3099999999999994E-2</c:v>
                </c:pt>
                <c:pt idx="1072">
                  <c:v>5.3099999999999994E-2</c:v>
                </c:pt>
                <c:pt idx="1073">
                  <c:v>5.3099999999999994E-2</c:v>
                </c:pt>
                <c:pt idx="1074">
                  <c:v>5.3099999999999994E-2</c:v>
                </c:pt>
                <c:pt idx="1075">
                  <c:v>5.3099999999999994E-2</c:v>
                </c:pt>
                <c:pt idx="1076">
                  <c:v>5.3099999999999994E-2</c:v>
                </c:pt>
                <c:pt idx="1077">
                  <c:v>5.3099999999999994E-2</c:v>
                </c:pt>
                <c:pt idx="1078">
                  <c:v>5.3099999999999994E-2</c:v>
                </c:pt>
                <c:pt idx="1079">
                  <c:v>5.3099999999999994E-2</c:v>
                </c:pt>
                <c:pt idx="1080">
                  <c:v>5.3099999999999994E-2</c:v>
                </c:pt>
                <c:pt idx="1081">
                  <c:v>5.3099999999999994E-2</c:v>
                </c:pt>
                <c:pt idx="1082">
                  <c:v>5.3099999999999994E-2</c:v>
                </c:pt>
                <c:pt idx="1083">
                  <c:v>5.3099999999999994E-2</c:v>
                </c:pt>
                <c:pt idx="1084">
                  <c:v>5.3099999999999994E-2</c:v>
                </c:pt>
                <c:pt idx="1085">
                  <c:v>5.3099999999999994E-2</c:v>
                </c:pt>
                <c:pt idx="1086">
                  <c:v>5.3099999999999994E-2</c:v>
                </c:pt>
                <c:pt idx="1087">
                  <c:v>5.3099999999999994E-2</c:v>
                </c:pt>
                <c:pt idx="1088">
                  <c:v>5.3099999999999994E-2</c:v>
                </c:pt>
                <c:pt idx="1089">
                  <c:v>5.3099999999999994E-2</c:v>
                </c:pt>
                <c:pt idx="1090">
                  <c:v>5.3099999999999994E-2</c:v>
                </c:pt>
                <c:pt idx="1091">
                  <c:v>5.3099999999999994E-2</c:v>
                </c:pt>
                <c:pt idx="1092">
                  <c:v>5.3099999999999994E-2</c:v>
                </c:pt>
                <c:pt idx="1093">
                  <c:v>5.3099999999999994E-2</c:v>
                </c:pt>
                <c:pt idx="1094">
                  <c:v>5.3099999999999994E-2</c:v>
                </c:pt>
                <c:pt idx="1095">
                  <c:v>5.3099999999999994E-2</c:v>
                </c:pt>
                <c:pt idx="1096">
                  <c:v>5.3099999999999994E-2</c:v>
                </c:pt>
                <c:pt idx="1097">
                  <c:v>5.3099999999999994E-2</c:v>
                </c:pt>
                <c:pt idx="1098">
                  <c:v>5.3099999999999994E-2</c:v>
                </c:pt>
                <c:pt idx="1099">
                  <c:v>5.3099999999999994E-2</c:v>
                </c:pt>
                <c:pt idx="1100">
                  <c:v>5.3099999999999994E-2</c:v>
                </c:pt>
                <c:pt idx="1101">
                  <c:v>5.3099999999999994E-2</c:v>
                </c:pt>
                <c:pt idx="1102">
                  <c:v>5.3099999999999994E-2</c:v>
                </c:pt>
                <c:pt idx="1103">
                  <c:v>5.3099999999999994E-2</c:v>
                </c:pt>
                <c:pt idx="1104">
                  <c:v>5.3099999999999994E-2</c:v>
                </c:pt>
                <c:pt idx="1105">
                  <c:v>5.3099999999999994E-2</c:v>
                </c:pt>
                <c:pt idx="1106">
                  <c:v>5.3099999999999994E-2</c:v>
                </c:pt>
                <c:pt idx="1107">
                  <c:v>5.3099999999999994E-2</c:v>
                </c:pt>
                <c:pt idx="1108">
                  <c:v>5.3099999999999994E-2</c:v>
                </c:pt>
                <c:pt idx="1109">
                  <c:v>5.3099999999999994E-2</c:v>
                </c:pt>
                <c:pt idx="1110">
                  <c:v>5.3099999999999994E-2</c:v>
                </c:pt>
                <c:pt idx="1111">
                  <c:v>5.3099999999999994E-2</c:v>
                </c:pt>
                <c:pt idx="1112">
                  <c:v>5.3099999999999994E-2</c:v>
                </c:pt>
                <c:pt idx="1113">
                  <c:v>5.3099999999999994E-2</c:v>
                </c:pt>
                <c:pt idx="1114">
                  <c:v>5.3099999999999994E-2</c:v>
                </c:pt>
                <c:pt idx="1115">
                  <c:v>5.3099999999999994E-2</c:v>
                </c:pt>
                <c:pt idx="1116">
                  <c:v>5.3099999999999994E-2</c:v>
                </c:pt>
                <c:pt idx="1117">
                  <c:v>5.3099999999999994E-2</c:v>
                </c:pt>
                <c:pt idx="1118">
                  <c:v>5.3099999999999994E-2</c:v>
                </c:pt>
                <c:pt idx="1119">
                  <c:v>5.3099999999999994E-2</c:v>
                </c:pt>
                <c:pt idx="1120">
                  <c:v>5.3099999999999994E-2</c:v>
                </c:pt>
                <c:pt idx="1121">
                  <c:v>5.3099999999999994E-2</c:v>
                </c:pt>
                <c:pt idx="1122">
                  <c:v>5.3099999999999994E-2</c:v>
                </c:pt>
                <c:pt idx="1123">
                  <c:v>5.3099999999999994E-2</c:v>
                </c:pt>
                <c:pt idx="1124">
                  <c:v>5.3099999999999994E-2</c:v>
                </c:pt>
                <c:pt idx="1125">
                  <c:v>5.3099999999999994E-2</c:v>
                </c:pt>
                <c:pt idx="1126">
                  <c:v>5.3099999999999994E-2</c:v>
                </c:pt>
                <c:pt idx="1127">
                  <c:v>5.3099999999999994E-2</c:v>
                </c:pt>
                <c:pt idx="1128">
                  <c:v>5.3099999999999994E-2</c:v>
                </c:pt>
                <c:pt idx="1129">
                  <c:v>5.3099999999999994E-2</c:v>
                </c:pt>
                <c:pt idx="1130">
                  <c:v>5.3099999999999994E-2</c:v>
                </c:pt>
                <c:pt idx="1131">
                  <c:v>5.3099999999999994E-2</c:v>
                </c:pt>
                <c:pt idx="1132">
                  <c:v>5.3099999999999994E-2</c:v>
                </c:pt>
                <c:pt idx="1133">
                  <c:v>5.3099999999999994E-2</c:v>
                </c:pt>
                <c:pt idx="1134">
                  <c:v>5.3099999999999994E-2</c:v>
                </c:pt>
                <c:pt idx="1135">
                  <c:v>5.3099999999999994E-2</c:v>
                </c:pt>
                <c:pt idx="1136">
                  <c:v>5.3099999999999994E-2</c:v>
                </c:pt>
                <c:pt idx="1137">
                  <c:v>5.3099999999999994E-2</c:v>
                </c:pt>
                <c:pt idx="1138">
                  <c:v>5.3099999999999994E-2</c:v>
                </c:pt>
                <c:pt idx="1139">
                  <c:v>5.3099999999999994E-2</c:v>
                </c:pt>
                <c:pt idx="1140">
                  <c:v>5.3099999999999994E-2</c:v>
                </c:pt>
                <c:pt idx="1141">
                  <c:v>5.3099999999999994E-2</c:v>
                </c:pt>
                <c:pt idx="1142">
                  <c:v>5.3099999999999994E-2</c:v>
                </c:pt>
                <c:pt idx="1143">
                  <c:v>5.3099999999999994E-2</c:v>
                </c:pt>
                <c:pt idx="1144">
                  <c:v>5.3099999999999994E-2</c:v>
                </c:pt>
                <c:pt idx="1145">
                  <c:v>5.3099999999999994E-2</c:v>
                </c:pt>
                <c:pt idx="1146">
                  <c:v>5.3099999999999994E-2</c:v>
                </c:pt>
                <c:pt idx="1147">
                  <c:v>5.3099999999999994E-2</c:v>
                </c:pt>
                <c:pt idx="1148">
                  <c:v>5.3099999999999994E-2</c:v>
                </c:pt>
                <c:pt idx="1149">
                  <c:v>5.3099999999999994E-2</c:v>
                </c:pt>
                <c:pt idx="1150">
                  <c:v>5.3099999999999994E-2</c:v>
                </c:pt>
                <c:pt idx="1151">
                  <c:v>5.3099999999999994E-2</c:v>
                </c:pt>
                <c:pt idx="1152">
                  <c:v>5.3099999999999994E-2</c:v>
                </c:pt>
                <c:pt idx="1153">
                  <c:v>5.3099999999999994E-2</c:v>
                </c:pt>
                <c:pt idx="1154">
                  <c:v>5.3099999999999994E-2</c:v>
                </c:pt>
                <c:pt idx="1155">
                  <c:v>5.3099999999999994E-2</c:v>
                </c:pt>
                <c:pt idx="1156">
                  <c:v>5.3099999999999994E-2</c:v>
                </c:pt>
                <c:pt idx="1157">
                  <c:v>5.3099999999999994E-2</c:v>
                </c:pt>
                <c:pt idx="1158">
                  <c:v>5.3099999999999994E-2</c:v>
                </c:pt>
                <c:pt idx="1159">
                  <c:v>5.3099999999999994E-2</c:v>
                </c:pt>
                <c:pt idx="1160">
                  <c:v>5.3099999999999994E-2</c:v>
                </c:pt>
                <c:pt idx="1161">
                  <c:v>5.3099999999999994E-2</c:v>
                </c:pt>
                <c:pt idx="1162">
                  <c:v>5.3099999999999994E-2</c:v>
                </c:pt>
                <c:pt idx="1163">
                  <c:v>5.3099999999999994E-2</c:v>
                </c:pt>
                <c:pt idx="1164">
                  <c:v>5.3099999999999994E-2</c:v>
                </c:pt>
                <c:pt idx="1165">
                  <c:v>5.3099999999999994E-2</c:v>
                </c:pt>
                <c:pt idx="1166">
                  <c:v>5.3099999999999994E-2</c:v>
                </c:pt>
                <c:pt idx="1167">
                  <c:v>5.3099999999999994E-2</c:v>
                </c:pt>
                <c:pt idx="1168">
                  <c:v>5.3099999999999994E-2</c:v>
                </c:pt>
                <c:pt idx="1169">
                  <c:v>5.3099999999999994E-2</c:v>
                </c:pt>
                <c:pt idx="1170">
                  <c:v>5.3099999999999994E-2</c:v>
                </c:pt>
                <c:pt idx="1171">
                  <c:v>5.3099999999999994E-2</c:v>
                </c:pt>
                <c:pt idx="1172">
                  <c:v>5.3099999999999994E-2</c:v>
                </c:pt>
                <c:pt idx="1173">
                  <c:v>5.3099999999999994E-2</c:v>
                </c:pt>
                <c:pt idx="1174">
                  <c:v>5.3099999999999994E-2</c:v>
                </c:pt>
                <c:pt idx="1175">
                  <c:v>5.3099999999999994E-2</c:v>
                </c:pt>
                <c:pt idx="1176">
                  <c:v>5.3099999999999994E-2</c:v>
                </c:pt>
                <c:pt idx="1177">
                  <c:v>5.3099999999999994E-2</c:v>
                </c:pt>
                <c:pt idx="1178">
                  <c:v>5.3099999999999994E-2</c:v>
                </c:pt>
                <c:pt idx="1179">
                  <c:v>5.3099999999999994E-2</c:v>
                </c:pt>
                <c:pt idx="1180">
                  <c:v>5.3099999999999994E-2</c:v>
                </c:pt>
                <c:pt idx="1181">
                  <c:v>5.3099999999999994E-2</c:v>
                </c:pt>
                <c:pt idx="1182">
                  <c:v>5.3099999999999994E-2</c:v>
                </c:pt>
                <c:pt idx="1183">
                  <c:v>5.3099999999999994E-2</c:v>
                </c:pt>
                <c:pt idx="1184">
                  <c:v>5.3099999999999994E-2</c:v>
                </c:pt>
                <c:pt idx="1185">
                  <c:v>5.3099999999999994E-2</c:v>
                </c:pt>
                <c:pt idx="1186">
                  <c:v>5.3099999999999994E-2</c:v>
                </c:pt>
                <c:pt idx="1187">
                  <c:v>5.3099999999999994E-2</c:v>
                </c:pt>
                <c:pt idx="1188">
                  <c:v>5.3099999999999994E-2</c:v>
                </c:pt>
                <c:pt idx="1189">
                  <c:v>5.3099999999999994E-2</c:v>
                </c:pt>
                <c:pt idx="1190">
                  <c:v>5.3099999999999994E-2</c:v>
                </c:pt>
                <c:pt idx="1191">
                  <c:v>5.3099999999999994E-2</c:v>
                </c:pt>
                <c:pt idx="1192">
                  <c:v>5.3099999999999994E-2</c:v>
                </c:pt>
                <c:pt idx="1193">
                  <c:v>5.3099999999999994E-2</c:v>
                </c:pt>
                <c:pt idx="1194">
                  <c:v>5.3099999999999994E-2</c:v>
                </c:pt>
                <c:pt idx="1195">
                  <c:v>5.3099999999999994E-2</c:v>
                </c:pt>
                <c:pt idx="1196">
                  <c:v>5.3099999999999994E-2</c:v>
                </c:pt>
                <c:pt idx="1197">
                  <c:v>5.3099999999999994E-2</c:v>
                </c:pt>
                <c:pt idx="1198">
                  <c:v>5.3099999999999994E-2</c:v>
                </c:pt>
                <c:pt idx="1199">
                  <c:v>5.3099999999999994E-2</c:v>
                </c:pt>
                <c:pt idx="1200">
                  <c:v>5.3099999999999994E-2</c:v>
                </c:pt>
                <c:pt idx="1201">
                  <c:v>5.3099999999999994E-2</c:v>
                </c:pt>
                <c:pt idx="1202">
                  <c:v>5.3099999999999994E-2</c:v>
                </c:pt>
                <c:pt idx="1203">
                  <c:v>5.3099999999999994E-2</c:v>
                </c:pt>
                <c:pt idx="1204">
                  <c:v>5.3099999999999994E-2</c:v>
                </c:pt>
                <c:pt idx="1205">
                  <c:v>5.3099999999999994E-2</c:v>
                </c:pt>
                <c:pt idx="1206">
                  <c:v>5.3099999999999994E-2</c:v>
                </c:pt>
                <c:pt idx="1207">
                  <c:v>5.3099999999999994E-2</c:v>
                </c:pt>
                <c:pt idx="1208">
                  <c:v>5.3099999999999994E-2</c:v>
                </c:pt>
                <c:pt idx="1209">
                  <c:v>5.3099999999999994E-2</c:v>
                </c:pt>
                <c:pt idx="1210">
                  <c:v>5.3099999999999994E-2</c:v>
                </c:pt>
                <c:pt idx="1211">
                  <c:v>5.3099999999999994E-2</c:v>
                </c:pt>
                <c:pt idx="1212">
                  <c:v>5.3099999999999994E-2</c:v>
                </c:pt>
                <c:pt idx="1213">
                  <c:v>5.3099999999999994E-2</c:v>
                </c:pt>
                <c:pt idx="1214">
                  <c:v>5.3099999999999994E-2</c:v>
                </c:pt>
                <c:pt idx="1215">
                  <c:v>5.3099999999999994E-2</c:v>
                </c:pt>
                <c:pt idx="1216">
                  <c:v>5.3099999999999994E-2</c:v>
                </c:pt>
                <c:pt idx="1217">
                  <c:v>5.3099999999999994E-2</c:v>
                </c:pt>
                <c:pt idx="1218">
                  <c:v>5.3099999999999994E-2</c:v>
                </c:pt>
                <c:pt idx="1219">
                  <c:v>5.3099999999999994E-2</c:v>
                </c:pt>
                <c:pt idx="1220">
                  <c:v>5.3099999999999994E-2</c:v>
                </c:pt>
                <c:pt idx="1221">
                  <c:v>5.3099999999999994E-2</c:v>
                </c:pt>
                <c:pt idx="1222">
                  <c:v>5.3099999999999994E-2</c:v>
                </c:pt>
                <c:pt idx="1223">
                  <c:v>5.3099999999999994E-2</c:v>
                </c:pt>
                <c:pt idx="1224">
                  <c:v>5.3099999999999994E-2</c:v>
                </c:pt>
                <c:pt idx="1225">
                  <c:v>5.3099999999999994E-2</c:v>
                </c:pt>
                <c:pt idx="1226">
                  <c:v>5.3099999999999994E-2</c:v>
                </c:pt>
                <c:pt idx="1227">
                  <c:v>5.3099999999999994E-2</c:v>
                </c:pt>
                <c:pt idx="1228">
                  <c:v>5.3099999999999994E-2</c:v>
                </c:pt>
                <c:pt idx="1229">
                  <c:v>5.3099999999999994E-2</c:v>
                </c:pt>
                <c:pt idx="1230">
                  <c:v>5.3099999999999994E-2</c:v>
                </c:pt>
                <c:pt idx="1231">
                  <c:v>5.3099999999999994E-2</c:v>
                </c:pt>
                <c:pt idx="1232">
                  <c:v>5.3099999999999994E-2</c:v>
                </c:pt>
                <c:pt idx="1233">
                  <c:v>5.3099999999999994E-2</c:v>
                </c:pt>
                <c:pt idx="1234">
                  <c:v>5.3099999999999994E-2</c:v>
                </c:pt>
                <c:pt idx="1235">
                  <c:v>5.3099999999999994E-2</c:v>
                </c:pt>
                <c:pt idx="1236">
                  <c:v>5.3099999999999994E-2</c:v>
                </c:pt>
                <c:pt idx="1237">
                  <c:v>5.3099999999999994E-2</c:v>
                </c:pt>
                <c:pt idx="1238">
                  <c:v>5.3099999999999994E-2</c:v>
                </c:pt>
                <c:pt idx="1239">
                  <c:v>5.3099999999999994E-2</c:v>
                </c:pt>
                <c:pt idx="1240">
                  <c:v>5.3099999999999994E-2</c:v>
                </c:pt>
                <c:pt idx="1241">
                  <c:v>5.3099999999999994E-2</c:v>
                </c:pt>
                <c:pt idx="1242">
                  <c:v>5.3099999999999994E-2</c:v>
                </c:pt>
                <c:pt idx="1243">
                  <c:v>5.3099999999999994E-2</c:v>
                </c:pt>
                <c:pt idx="1244">
                  <c:v>5.3099999999999994E-2</c:v>
                </c:pt>
                <c:pt idx="1245">
                  <c:v>5.3099999999999994E-2</c:v>
                </c:pt>
                <c:pt idx="1246">
                  <c:v>5.3099999999999994E-2</c:v>
                </c:pt>
                <c:pt idx="1247">
                  <c:v>5.3099999999999994E-2</c:v>
                </c:pt>
                <c:pt idx="1248">
                  <c:v>5.3099999999999994E-2</c:v>
                </c:pt>
                <c:pt idx="1249">
                  <c:v>5.3099999999999994E-2</c:v>
                </c:pt>
                <c:pt idx="1250">
                  <c:v>5.3099999999999994E-2</c:v>
                </c:pt>
                <c:pt idx="1251">
                  <c:v>5.3099999999999994E-2</c:v>
                </c:pt>
                <c:pt idx="1252">
                  <c:v>5.3099999999999994E-2</c:v>
                </c:pt>
                <c:pt idx="1253">
                  <c:v>5.3099999999999994E-2</c:v>
                </c:pt>
                <c:pt idx="1254">
                  <c:v>5.3099999999999994E-2</c:v>
                </c:pt>
                <c:pt idx="1255">
                  <c:v>5.3099999999999994E-2</c:v>
                </c:pt>
                <c:pt idx="1256">
                  <c:v>5.3099999999999994E-2</c:v>
                </c:pt>
                <c:pt idx="1257">
                  <c:v>5.3099999999999994E-2</c:v>
                </c:pt>
                <c:pt idx="1258">
                  <c:v>5.3099999999999994E-2</c:v>
                </c:pt>
                <c:pt idx="1259">
                  <c:v>5.3099999999999994E-2</c:v>
                </c:pt>
                <c:pt idx="1260">
                  <c:v>5.3099999999999994E-2</c:v>
                </c:pt>
                <c:pt idx="1261">
                  <c:v>5.3099999999999994E-2</c:v>
                </c:pt>
                <c:pt idx="1262">
                  <c:v>5.3099999999999994E-2</c:v>
                </c:pt>
                <c:pt idx="1263">
                  <c:v>5.3099999999999994E-2</c:v>
                </c:pt>
                <c:pt idx="1264">
                  <c:v>5.3099999999999994E-2</c:v>
                </c:pt>
                <c:pt idx="1265">
                  <c:v>5.3099999999999994E-2</c:v>
                </c:pt>
                <c:pt idx="1266">
                  <c:v>5.3099999999999994E-2</c:v>
                </c:pt>
                <c:pt idx="1267">
                  <c:v>5.3099999999999994E-2</c:v>
                </c:pt>
                <c:pt idx="1268">
                  <c:v>5.3099999999999994E-2</c:v>
                </c:pt>
                <c:pt idx="1269">
                  <c:v>5.3099999999999994E-2</c:v>
                </c:pt>
                <c:pt idx="1270">
                  <c:v>5.3099999999999994E-2</c:v>
                </c:pt>
                <c:pt idx="1271">
                  <c:v>5.3099999999999994E-2</c:v>
                </c:pt>
                <c:pt idx="1272">
                  <c:v>5.3099999999999994E-2</c:v>
                </c:pt>
                <c:pt idx="1273">
                  <c:v>5.3099999999999994E-2</c:v>
                </c:pt>
                <c:pt idx="1274">
                  <c:v>5.3099999999999994E-2</c:v>
                </c:pt>
                <c:pt idx="1275">
                  <c:v>5.3099999999999994E-2</c:v>
                </c:pt>
                <c:pt idx="1276">
                  <c:v>5.3099999999999994E-2</c:v>
                </c:pt>
                <c:pt idx="1277">
                  <c:v>5.3099999999999994E-2</c:v>
                </c:pt>
                <c:pt idx="1278">
                  <c:v>5.3099999999999994E-2</c:v>
                </c:pt>
                <c:pt idx="1279">
                  <c:v>5.3099999999999994E-2</c:v>
                </c:pt>
                <c:pt idx="1280">
                  <c:v>5.3099999999999994E-2</c:v>
                </c:pt>
                <c:pt idx="1281">
                  <c:v>5.3099999999999994E-2</c:v>
                </c:pt>
                <c:pt idx="1282">
                  <c:v>5.3099999999999994E-2</c:v>
                </c:pt>
                <c:pt idx="1283">
                  <c:v>5.3099999999999994E-2</c:v>
                </c:pt>
                <c:pt idx="1284">
                  <c:v>5.3099999999999994E-2</c:v>
                </c:pt>
                <c:pt idx="1285">
                  <c:v>5.3099999999999994E-2</c:v>
                </c:pt>
                <c:pt idx="1286">
                  <c:v>5.3099999999999994E-2</c:v>
                </c:pt>
                <c:pt idx="1287">
                  <c:v>5.3099999999999994E-2</c:v>
                </c:pt>
                <c:pt idx="1288">
                  <c:v>5.3099999999999994E-2</c:v>
                </c:pt>
                <c:pt idx="1289">
                  <c:v>5.3099999999999994E-2</c:v>
                </c:pt>
                <c:pt idx="1290">
                  <c:v>5.3099999999999994E-2</c:v>
                </c:pt>
                <c:pt idx="1291">
                  <c:v>5.3099999999999994E-2</c:v>
                </c:pt>
                <c:pt idx="1292">
                  <c:v>5.3099999999999994E-2</c:v>
                </c:pt>
                <c:pt idx="1293">
                  <c:v>5.3099999999999994E-2</c:v>
                </c:pt>
                <c:pt idx="1294">
                  <c:v>5.3099999999999994E-2</c:v>
                </c:pt>
                <c:pt idx="1295">
                  <c:v>5.3099999999999994E-2</c:v>
                </c:pt>
                <c:pt idx="1296">
                  <c:v>5.3099999999999994E-2</c:v>
                </c:pt>
                <c:pt idx="1297">
                  <c:v>5.3099999999999994E-2</c:v>
                </c:pt>
                <c:pt idx="1298">
                  <c:v>5.3099999999999994E-2</c:v>
                </c:pt>
                <c:pt idx="1299">
                  <c:v>5.3099999999999994E-2</c:v>
                </c:pt>
                <c:pt idx="1300">
                  <c:v>5.3099999999999994E-2</c:v>
                </c:pt>
                <c:pt idx="1301">
                  <c:v>5.3099999999999994E-2</c:v>
                </c:pt>
                <c:pt idx="1302">
                  <c:v>5.3099999999999994E-2</c:v>
                </c:pt>
                <c:pt idx="1303">
                  <c:v>5.3099999999999994E-2</c:v>
                </c:pt>
                <c:pt idx="1304">
                  <c:v>5.3099999999999994E-2</c:v>
                </c:pt>
                <c:pt idx="1305">
                  <c:v>5.3099999999999994E-2</c:v>
                </c:pt>
                <c:pt idx="1306">
                  <c:v>5.3099999999999994E-2</c:v>
                </c:pt>
                <c:pt idx="1307">
                  <c:v>5.3099999999999994E-2</c:v>
                </c:pt>
                <c:pt idx="1308">
                  <c:v>5.3099999999999994E-2</c:v>
                </c:pt>
                <c:pt idx="1309">
                  <c:v>5.3099999999999994E-2</c:v>
                </c:pt>
                <c:pt idx="1310">
                  <c:v>5.3099999999999994E-2</c:v>
                </c:pt>
                <c:pt idx="1311">
                  <c:v>5.3099999999999994E-2</c:v>
                </c:pt>
                <c:pt idx="1312">
                  <c:v>5.3099999999999994E-2</c:v>
                </c:pt>
                <c:pt idx="1313">
                  <c:v>5.3099999999999994E-2</c:v>
                </c:pt>
                <c:pt idx="1314">
                  <c:v>5.3099999999999994E-2</c:v>
                </c:pt>
                <c:pt idx="1315">
                  <c:v>5.3099999999999994E-2</c:v>
                </c:pt>
                <c:pt idx="1316">
                  <c:v>5.3099999999999994E-2</c:v>
                </c:pt>
                <c:pt idx="1317">
                  <c:v>5.3099999999999994E-2</c:v>
                </c:pt>
                <c:pt idx="1318">
                  <c:v>5.3099999999999994E-2</c:v>
                </c:pt>
                <c:pt idx="1319">
                  <c:v>5.3099999999999994E-2</c:v>
                </c:pt>
                <c:pt idx="1320">
                  <c:v>5.3099999999999994E-2</c:v>
                </c:pt>
                <c:pt idx="1321">
                  <c:v>5.3099999999999994E-2</c:v>
                </c:pt>
                <c:pt idx="1322">
                  <c:v>5.3099999999999994E-2</c:v>
                </c:pt>
                <c:pt idx="1323">
                  <c:v>5.3099999999999994E-2</c:v>
                </c:pt>
                <c:pt idx="1324">
                  <c:v>5.3099999999999994E-2</c:v>
                </c:pt>
                <c:pt idx="1325">
                  <c:v>5.3099999999999994E-2</c:v>
                </c:pt>
                <c:pt idx="1326">
                  <c:v>5.3099999999999994E-2</c:v>
                </c:pt>
                <c:pt idx="1327">
                  <c:v>5.3099999999999994E-2</c:v>
                </c:pt>
                <c:pt idx="1328">
                  <c:v>5.3099999999999994E-2</c:v>
                </c:pt>
                <c:pt idx="1329">
                  <c:v>5.3099999999999994E-2</c:v>
                </c:pt>
                <c:pt idx="1330">
                  <c:v>5.3099999999999994E-2</c:v>
                </c:pt>
                <c:pt idx="1331">
                  <c:v>5.3099999999999994E-2</c:v>
                </c:pt>
                <c:pt idx="1332">
                  <c:v>5.3099999999999994E-2</c:v>
                </c:pt>
                <c:pt idx="1333">
                  <c:v>5.3099999999999994E-2</c:v>
                </c:pt>
                <c:pt idx="1334">
                  <c:v>5.3099999999999994E-2</c:v>
                </c:pt>
                <c:pt idx="1335">
                  <c:v>5.3099999999999994E-2</c:v>
                </c:pt>
                <c:pt idx="1336">
                  <c:v>5.3099999999999994E-2</c:v>
                </c:pt>
                <c:pt idx="1337">
                  <c:v>5.3099999999999994E-2</c:v>
                </c:pt>
                <c:pt idx="1338">
                  <c:v>5.3099999999999994E-2</c:v>
                </c:pt>
                <c:pt idx="1339">
                  <c:v>5.3099999999999994E-2</c:v>
                </c:pt>
                <c:pt idx="1340">
                  <c:v>5.3099999999999994E-2</c:v>
                </c:pt>
                <c:pt idx="1341">
                  <c:v>5.3099999999999994E-2</c:v>
                </c:pt>
                <c:pt idx="1342">
                  <c:v>5.3099999999999994E-2</c:v>
                </c:pt>
                <c:pt idx="1343">
                  <c:v>5.3099999999999994E-2</c:v>
                </c:pt>
                <c:pt idx="1344">
                  <c:v>5.3099999999999994E-2</c:v>
                </c:pt>
                <c:pt idx="1345">
                  <c:v>5.3099999999999994E-2</c:v>
                </c:pt>
                <c:pt idx="1346">
                  <c:v>5.3099999999999994E-2</c:v>
                </c:pt>
                <c:pt idx="1347">
                  <c:v>5.3099999999999994E-2</c:v>
                </c:pt>
                <c:pt idx="1348">
                  <c:v>5.3099999999999994E-2</c:v>
                </c:pt>
                <c:pt idx="1349">
                  <c:v>5.3099999999999994E-2</c:v>
                </c:pt>
                <c:pt idx="1350">
                  <c:v>5.3099999999999994E-2</c:v>
                </c:pt>
                <c:pt idx="1351">
                  <c:v>5.3099999999999994E-2</c:v>
                </c:pt>
                <c:pt idx="1352">
                  <c:v>5.3099999999999994E-2</c:v>
                </c:pt>
                <c:pt idx="1353">
                  <c:v>5.3099999999999994E-2</c:v>
                </c:pt>
                <c:pt idx="1354">
                  <c:v>5.3099999999999994E-2</c:v>
                </c:pt>
                <c:pt idx="1355">
                  <c:v>5.3099999999999994E-2</c:v>
                </c:pt>
                <c:pt idx="1356">
                  <c:v>5.3099999999999994E-2</c:v>
                </c:pt>
                <c:pt idx="1357">
                  <c:v>5.3099999999999994E-2</c:v>
                </c:pt>
                <c:pt idx="1358">
                  <c:v>5.3099999999999994E-2</c:v>
                </c:pt>
                <c:pt idx="1359">
                  <c:v>5.3099999999999994E-2</c:v>
                </c:pt>
                <c:pt idx="1360">
                  <c:v>5.3099999999999994E-2</c:v>
                </c:pt>
                <c:pt idx="1361">
                  <c:v>5.3099999999999994E-2</c:v>
                </c:pt>
                <c:pt idx="1362">
                  <c:v>5.3099999999999994E-2</c:v>
                </c:pt>
                <c:pt idx="1363">
                  <c:v>5.3099999999999994E-2</c:v>
                </c:pt>
                <c:pt idx="1364">
                  <c:v>5.3099999999999994E-2</c:v>
                </c:pt>
                <c:pt idx="1365">
                  <c:v>5.3099999999999994E-2</c:v>
                </c:pt>
                <c:pt idx="1366">
                  <c:v>5.3099999999999994E-2</c:v>
                </c:pt>
                <c:pt idx="1367">
                  <c:v>5.3099999999999994E-2</c:v>
                </c:pt>
                <c:pt idx="1368">
                  <c:v>5.3099999999999994E-2</c:v>
                </c:pt>
                <c:pt idx="1369">
                  <c:v>5.3099999999999994E-2</c:v>
                </c:pt>
                <c:pt idx="1370">
                  <c:v>5.3099999999999994E-2</c:v>
                </c:pt>
                <c:pt idx="1371">
                  <c:v>5.3099999999999994E-2</c:v>
                </c:pt>
                <c:pt idx="1372">
                  <c:v>5.3099999999999994E-2</c:v>
                </c:pt>
                <c:pt idx="1373">
                  <c:v>5.3099999999999994E-2</c:v>
                </c:pt>
                <c:pt idx="1374">
                  <c:v>5.3099999999999994E-2</c:v>
                </c:pt>
                <c:pt idx="1375">
                  <c:v>5.3099999999999994E-2</c:v>
                </c:pt>
                <c:pt idx="1376">
                  <c:v>5.3099999999999994E-2</c:v>
                </c:pt>
                <c:pt idx="1377">
                  <c:v>5.3099999999999994E-2</c:v>
                </c:pt>
                <c:pt idx="1378">
                  <c:v>5.3099999999999994E-2</c:v>
                </c:pt>
                <c:pt idx="1379">
                  <c:v>5.3099999999999994E-2</c:v>
                </c:pt>
                <c:pt idx="1380">
                  <c:v>5.3099999999999994E-2</c:v>
                </c:pt>
                <c:pt idx="1381">
                  <c:v>5.3099999999999994E-2</c:v>
                </c:pt>
                <c:pt idx="1382">
                  <c:v>5.3099999999999994E-2</c:v>
                </c:pt>
                <c:pt idx="1383">
                  <c:v>5.3099999999999994E-2</c:v>
                </c:pt>
                <c:pt idx="1384">
                  <c:v>5.3099999999999994E-2</c:v>
                </c:pt>
                <c:pt idx="1385">
                  <c:v>5.3099999999999994E-2</c:v>
                </c:pt>
                <c:pt idx="1386">
                  <c:v>5.3099999999999994E-2</c:v>
                </c:pt>
                <c:pt idx="1387">
                  <c:v>5.3099999999999994E-2</c:v>
                </c:pt>
                <c:pt idx="1388">
                  <c:v>5.3099999999999994E-2</c:v>
                </c:pt>
                <c:pt idx="1389">
                  <c:v>5.3099999999999994E-2</c:v>
                </c:pt>
                <c:pt idx="1390">
                  <c:v>5.3099999999999994E-2</c:v>
                </c:pt>
                <c:pt idx="1391">
                  <c:v>5.3099999999999994E-2</c:v>
                </c:pt>
                <c:pt idx="1392">
                  <c:v>5.3099999999999994E-2</c:v>
                </c:pt>
                <c:pt idx="1393">
                  <c:v>5.3099999999999994E-2</c:v>
                </c:pt>
                <c:pt idx="1394">
                  <c:v>5.3099999999999994E-2</c:v>
                </c:pt>
                <c:pt idx="1395">
                  <c:v>5.3099999999999994E-2</c:v>
                </c:pt>
                <c:pt idx="1396">
                  <c:v>5.3099999999999994E-2</c:v>
                </c:pt>
                <c:pt idx="1397">
                  <c:v>5.3099999999999994E-2</c:v>
                </c:pt>
                <c:pt idx="1398">
                  <c:v>5.3099999999999994E-2</c:v>
                </c:pt>
                <c:pt idx="1399">
                  <c:v>5.3099999999999994E-2</c:v>
                </c:pt>
                <c:pt idx="1400">
                  <c:v>5.3099999999999994E-2</c:v>
                </c:pt>
                <c:pt idx="1401">
                  <c:v>5.3099999999999994E-2</c:v>
                </c:pt>
                <c:pt idx="1402">
                  <c:v>5.3099999999999994E-2</c:v>
                </c:pt>
                <c:pt idx="1403">
                  <c:v>5.3099999999999994E-2</c:v>
                </c:pt>
                <c:pt idx="1404">
                  <c:v>5.3099999999999994E-2</c:v>
                </c:pt>
                <c:pt idx="1405">
                  <c:v>5.3099999999999994E-2</c:v>
                </c:pt>
                <c:pt idx="1406">
                  <c:v>5.3099999999999994E-2</c:v>
                </c:pt>
                <c:pt idx="1407">
                  <c:v>5.3099999999999994E-2</c:v>
                </c:pt>
                <c:pt idx="1408">
                  <c:v>5.3099999999999994E-2</c:v>
                </c:pt>
                <c:pt idx="1409">
                  <c:v>5.3099999999999994E-2</c:v>
                </c:pt>
                <c:pt idx="1410">
                  <c:v>5.3099999999999994E-2</c:v>
                </c:pt>
                <c:pt idx="1411">
                  <c:v>5.3099999999999994E-2</c:v>
                </c:pt>
                <c:pt idx="1412">
                  <c:v>5.3099999999999994E-2</c:v>
                </c:pt>
                <c:pt idx="1413">
                  <c:v>5.3099999999999994E-2</c:v>
                </c:pt>
                <c:pt idx="1414">
                  <c:v>5.3099999999999994E-2</c:v>
                </c:pt>
                <c:pt idx="1415">
                  <c:v>5.3099999999999994E-2</c:v>
                </c:pt>
                <c:pt idx="1416">
                  <c:v>5.3099999999999994E-2</c:v>
                </c:pt>
                <c:pt idx="1417">
                  <c:v>5.3099999999999994E-2</c:v>
                </c:pt>
                <c:pt idx="1418">
                  <c:v>5.3099999999999994E-2</c:v>
                </c:pt>
                <c:pt idx="1419">
                  <c:v>5.3099999999999994E-2</c:v>
                </c:pt>
                <c:pt idx="1420">
                  <c:v>5.3099999999999994E-2</c:v>
                </c:pt>
                <c:pt idx="1421">
                  <c:v>5.3099999999999994E-2</c:v>
                </c:pt>
                <c:pt idx="1422">
                  <c:v>5.3099999999999994E-2</c:v>
                </c:pt>
                <c:pt idx="1423">
                  <c:v>5.3099999999999994E-2</c:v>
                </c:pt>
                <c:pt idx="1424">
                  <c:v>5.3099999999999994E-2</c:v>
                </c:pt>
                <c:pt idx="1425">
                  <c:v>5.3099999999999994E-2</c:v>
                </c:pt>
                <c:pt idx="1426">
                  <c:v>5.3099999999999994E-2</c:v>
                </c:pt>
                <c:pt idx="1427">
                  <c:v>5.3099999999999994E-2</c:v>
                </c:pt>
                <c:pt idx="1428">
                  <c:v>5.3099999999999994E-2</c:v>
                </c:pt>
                <c:pt idx="1429">
                  <c:v>5.3099999999999994E-2</c:v>
                </c:pt>
                <c:pt idx="1430">
                  <c:v>5.3099999999999994E-2</c:v>
                </c:pt>
                <c:pt idx="1431">
                  <c:v>5.3099999999999994E-2</c:v>
                </c:pt>
                <c:pt idx="1432">
                  <c:v>5.3099999999999994E-2</c:v>
                </c:pt>
                <c:pt idx="1433">
                  <c:v>5.3099999999999994E-2</c:v>
                </c:pt>
                <c:pt idx="1434">
                  <c:v>5.3099999999999994E-2</c:v>
                </c:pt>
                <c:pt idx="1435">
                  <c:v>5.3099999999999994E-2</c:v>
                </c:pt>
                <c:pt idx="1436">
                  <c:v>5.3099999999999994E-2</c:v>
                </c:pt>
                <c:pt idx="1437">
                  <c:v>5.3099999999999994E-2</c:v>
                </c:pt>
                <c:pt idx="1438">
                  <c:v>5.3099999999999994E-2</c:v>
                </c:pt>
                <c:pt idx="1439">
                  <c:v>5.3099999999999994E-2</c:v>
                </c:pt>
                <c:pt idx="1440">
                  <c:v>5.3099999999999994E-2</c:v>
                </c:pt>
                <c:pt idx="1441">
                  <c:v>5.3099999999999994E-2</c:v>
                </c:pt>
                <c:pt idx="1442">
                  <c:v>5.3099999999999994E-2</c:v>
                </c:pt>
                <c:pt idx="1443">
                  <c:v>5.3099999999999994E-2</c:v>
                </c:pt>
                <c:pt idx="1444">
                  <c:v>5.3099999999999994E-2</c:v>
                </c:pt>
                <c:pt idx="1445">
                  <c:v>5.3099999999999994E-2</c:v>
                </c:pt>
                <c:pt idx="1446">
                  <c:v>5.3099999999999994E-2</c:v>
                </c:pt>
                <c:pt idx="1447">
                  <c:v>5.3099999999999994E-2</c:v>
                </c:pt>
                <c:pt idx="1448">
                  <c:v>5.3099999999999994E-2</c:v>
                </c:pt>
                <c:pt idx="1449">
                  <c:v>5.3099999999999994E-2</c:v>
                </c:pt>
                <c:pt idx="1450">
                  <c:v>5.3099999999999994E-2</c:v>
                </c:pt>
                <c:pt idx="1451">
                  <c:v>5.3099999999999994E-2</c:v>
                </c:pt>
                <c:pt idx="1452">
                  <c:v>5.3099999999999994E-2</c:v>
                </c:pt>
                <c:pt idx="1453">
                  <c:v>5.3099999999999994E-2</c:v>
                </c:pt>
                <c:pt idx="1454">
                  <c:v>5.3099999999999994E-2</c:v>
                </c:pt>
                <c:pt idx="1455">
                  <c:v>5.3099999999999994E-2</c:v>
                </c:pt>
                <c:pt idx="1456">
                  <c:v>5.3099999999999994E-2</c:v>
                </c:pt>
                <c:pt idx="1457">
                  <c:v>5.3099999999999994E-2</c:v>
                </c:pt>
                <c:pt idx="1458">
                  <c:v>5.3099999999999994E-2</c:v>
                </c:pt>
                <c:pt idx="1459">
                  <c:v>5.3099999999999994E-2</c:v>
                </c:pt>
                <c:pt idx="1460">
                  <c:v>5.3099999999999994E-2</c:v>
                </c:pt>
                <c:pt idx="1461">
                  <c:v>5.3099999999999994E-2</c:v>
                </c:pt>
                <c:pt idx="1462">
                  <c:v>5.3099999999999994E-2</c:v>
                </c:pt>
                <c:pt idx="1463">
                  <c:v>5.3099999999999994E-2</c:v>
                </c:pt>
                <c:pt idx="1464">
                  <c:v>5.3099999999999994E-2</c:v>
                </c:pt>
                <c:pt idx="1465">
                  <c:v>5.3099999999999994E-2</c:v>
                </c:pt>
                <c:pt idx="1466">
                  <c:v>5.3099999999999994E-2</c:v>
                </c:pt>
                <c:pt idx="1467">
                  <c:v>5.3099999999999994E-2</c:v>
                </c:pt>
                <c:pt idx="1468">
                  <c:v>5.3099999999999994E-2</c:v>
                </c:pt>
                <c:pt idx="1469">
                  <c:v>5.3099999999999994E-2</c:v>
                </c:pt>
                <c:pt idx="1470">
                  <c:v>5.3099999999999994E-2</c:v>
                </c:pt>
                <c:pt idx="1471">
                  <c:v>5.3099999999999994E-2</c:v>
                </c:pt>
                <c:pt idx="1472">
                  <c:v>5.3099999999999994E-2</c:v>
                </c:pt>
                <c:pt idx="1473">
                  <c:v>5.3099999999999994E-2</c:v>
                </c:pt>
                <c:pt idx="1474">
                  <c:v>5.3099999999999994E-2</c:v>
                </c:pt>
                <c:pt idx="1475">
                  <c:v>5.3099999999999994E-2</c:v>
                </c:pt>
                <c:pt idx="1476">
                  <c:v>5.3099999999999994E-2</c:v>
                </c:pt>
                <c:pt idx="1477">
                  <c:v>5.3099999999999994E-2</c:v>
                </c:pt>
                <c:pt idx="1478">
                  <c:v>5.3099999999999994E-2</c:v>
                </c:pt>
                <c:pt idx="1479">
                  <c:v>5.3099999999999994E-2</c:v>
                </c:pt>
                <c:pt idx="1480">
                  <c:v>5.3099999999999994E-2</c:v>
                </c:pt>
                <c:pt idx="1481">
                  <c:v>5.3099999999999994E-2</c:v>
                </c:pt>
                <c:pt idx="1482">
                  <c:v>5.3099999999999994E-2</c:v>
                </c:pt>
                <c:pt idx="1483">
                  <c:v>5.3099999999999994E-2</c:v>
                </c:pt>
                <c:pt idx="1484">
                  <c:v>5.3099999999999994E-2</c:v>
                </c:pt>
                <c:pt idx="1485">
                  <c:v>5.3099999999999994E-2</c:v>
                </c:pt>
                <c:pt idx="1486">
                  <c:v>5.3099999999999994E-2</c:v>
                </c:pt>
                <c:pt idx="1487">
                  <c:v>5.3099999999999994E-2</c:v>
                </c:pt>
                <c:pt idx="1488">
                  <c:v>5.3099999999999994E-2</c:v>
                </c:pt>
                <c:pt idx="1489">
                  <c:v>5.3099999999999994E-2</c:v>
                </c:pt>
                <c:pt idx="1490">
                  <c:v>5.3099999999999994E-2</c:v>
                </c:pt>
                <c:pt idx="1491">
                  <c:v>5.3099999999999994E-2</c:v>
                </c:pt>
                <c:pt idx="1492">
                  <c:v>5.3099999999999994E-2</c:v>
                </c:pt>
                <c:pt idx="1493">
                  <c:v>5.3099999999999994E-2</c:v>
                </c:pt>
                <c:pt idx="1494">
                  <c:v>5.3099999999999994E-2</c:v>
                </c:pt>
                <c:pt idx="1495">
                  <c:v>5.3099999999999994E-2</c:v>
                </c:pt>
                <c:pt idx="1496">
                  <c:v>5.3099999999999994E-2</c:v>
                </c:pt>
                <c:pt idx="1497">
                  <c:v>5.3099999999999994E-2</c:v>
                </c:pt>
                <c:pt idx="1498">
                  <c:v>5.3099999999999994E-2</c:v>
                </c:pt>
                <c:pt idx="1499">
                  <c:v>5.3099999999999994E-2</c:v>
                </c:pt>
                <c:pt idx="1500">
                  <c:v>5.3099999999999994E-2</c:v>
                </c:pt>
                <c:pt idx="1501">
                  <c:v>5.3099999999999994E-2</c:v>
                </c:pt>
                <c:pt idx="1502">
                  <c:v>5.3099999999999994E-2</c:v>
                </c:pt>
                <c:pt idx="1503">
                  <c:v>5.3099999999999994E-2</c:v>
                </c:pt>
                <c:pt idx="1504">
                  <c:v>5.3099999999999994E-2</c:v>
                </c:pt>
                <c:pt idx="1505">
                  <c:v>5.3099999999999994E-2</c:v>
                </c:pt>
                <c:pt idx="1506">
                  <c:v>5.3099999999999994E-2</c:v>
                </c:pt>
                <c:pt idx="1507">
                  <c:v>5.3099999999999994E-2</c:v>
                </c:pt>
                <c:pt idx="1508">
                  <c:v>5.3099999999999994E-2</c:v>
                </c:pt>
                <c:pt idx="1509">
                  <c:v>5.3099999999999994E-2</c:v>
                </c:pt>
                <c:pt idx="1510">
                  <c:v>5.3099999999999994E-2</c:v>
                </c:pt>
                <c:pt idx="1511">
                  <c:v>5.3099999999999994E-2</c:v>
                </c:pt>
                <c:pt idx="1512">
                  <c:v>5.3099999999999994E-2</c:v>
                </c:pt>
                <c:pt idx="1513">
                  <c:v>5.3099999999999994E-2</c:v>
                </c:pt>
                <c:pt idx="1514">
                  <c:v>5.3099999999999994E-2</c:v>
                </c:pt>
                <c:pt idx="1515">
                  <c:v>5.3099999999999994E-2</c:v>
                </c:pt>
                <c:pt idx="1516">
                  <c:v>5.3099999999999994E-2</c:v>
                </c:pt>
                <c:pt idx="1517">
                  <c:v>5.3099999999999994E-2</c:v>
                </c:pt>
                <c:pt idx="1518">
                  <c:v>5.3099999999999994E-2</c:v>
                </c:pt>
                <c:pt idx="1519">
                  <c:v>5.3099999999999994E-2</c:v>
                </c:pt>
                <c:pt idx="1520">
                  <c:v>5.3099999999999994E-2</c:v>
                </c:pt>
                <c:pt idx="1521">
                  <c:v>5.3099999999999994E-2</c:v>
                </c:pt>
                <c:pt idx="1522">
                  <c:v>5.3099999999999994E-2</c:v>
                </c:pt>
                <c:pt idx="1523">
                  <c:v>5.3099999999999994E-2</c:v>
                </c:pt>
                <c:pt idx="1524">
                  <c:v>5.3099999999999994E-2</c:v>
                </c:pt>
                <c:pt idx="1525">
                  <c:v>5.3099999999999994E-2</c:v>
                </c:pt>
                <c:pt idx="1526">
                  <c:v>5.3099999999999994E-2</c:v>
                </c:pt>
                <c:pt idx="1527">
                  <c:v>5.3099999999999994E-2</c:v>
                </c:pt>
                <c:pt idx="1528">
                  <c:v>5.3099999999999994E-2</c:v>
                </c:pt>
                <c:pt idx="1529">
                  <c:v>5.3099999999999994E-2</c:v>
                </c:pt>
                <c:pt idx="1530">
                  <c:v>5.3099999999999994E-2</c:v>
                </c:pt>
                <c:pt idx="1531">
                  <c:v>5.3099999999999994E-2</c:v>
                </c:pt>
                <c:pt idx="1532">
                  <c:v>5.3099999999999994E-2</c:v>
                </c:pt>
                <c:pt idx="1533">
                  <c:v>5.3099999999999994E-2</c:v>
                </c:pt>
                <c:pt idx="1534">
                  <c:v>5.3099999999999994E-2</c:v>
                </c:pt>
                <c:pt idx="1535">
                  <c:v>5.3099999999999994E-2</c:v>
                </c:pt>
                <c:pt idx="1536">
                  <c:v>5.3099999999999994E-2</c:v>
                </c:pt>
                <c:pt idx="1537">
                  <c:v>5.3099999999999994E-2</c:v>
                </c:pt>
                <c:pt idx="1538">
                  <c:v>5.3099999999999994E-2</c:v>
                </c:pt>
                <c:pt idx="1539">
                  <c:v>5.3099999999999994E-2</c:v>
                </c:pt>
                <c:pt idx="1540">
                  <c:v>5.3099999999999994E-2</c:v>
                </c:pt>
                <c:pt idx="1541">
                  <c:v>5.3099999999999994E-2</c:v>
                </c:pt>
                <c:pt idx="1542">
                  <c:v>5.3099999999999994E-2</c:v>
                </c:pt>
                <c:pt idx="1543">
                  <c:v>5.3099999999999994E-2</c:v>
                </c:pt>
                <c:pt idx="1544">
                  <c:v>5.3099999999999994E-2</c:v>
                </c:pt>
                <c:pt idx="1545">
                  <c:v>5.3099999999999994E-2</c:v>
                </c:pt>
                <c:pt idx="1546">
                  <c:v>5.3099999999999994E-2</c:v>
                </c:pt>
                <c:pt idx="1547">
                  <c:v>5.3099999999999994E-2</c:v>
                </c:pt>
                <c:pt idx="1548">
                  <c:v>5.3099999999999994E-2</c:v>
                </c:pt>
                <c:pt idx="1549">
                  <c:v>5.3099999999999994E-2</c:v>
                </c:pt>
                <c:pt idx="1550">
                  <c:v>5.3099999999999994E-2</c:v>
                </c:pt>
                <c:pt idx="1551">
                  <c:v>5.3099999999999994E-2</c:v>
                </c:pt>
                <c:pt idx="1552">
                  <c:v>5.3099999999999994E-2</c:v>
                </c:pt>
                <c:pt idx="1553">
                  <c:v>5.3099999999999994E-2</c:v>
                </c:pt>
                <c:pt idx="1554">
                  <c:v>5.3099999999999994E-2</c:v>
                </c:pt>
                <c:pt idx="1555">
                  <c:v>5.3099999999999994E-2</c:v>
                </c:pt>
                <c:pt idx="1556">
                  <c:v>5.3099999999999994E-2</c:v>
                </c:pt>
                <c:pt idx="1557">
                  <c:v>5.3099999999999994E-2</c:v>
                </c:pt>
                <c:pt idx="1558">
                  <c:v>5.3099999999999994E-2</c:v>
                </c:pt>
                <c:pt idx="1559">
                  <c:v>5.3099999999999994E-2</c:v>
                </c:pt>
                <c:pt idx="1560">
                  <c:v>5.3099999999999994E-2</c:v>
                </c:pt>
                <c:pt idx="1561">
                  <c:v>5.3099999999999994E-2</c:v>
                </c:pt>
                <c:pt idx="1562">
                  <c:v>5.3099999999999994E-2</c:v>
                </c:pt>
                <c:pt idx="1563">
                  <c:v>5.3099999999999994E-2</c:v>
                </c:pt>
                <c:pt idx="1564">
                  <c:v>5.3099999999999994E-2</c:v>
                </c:pt>
                <c:pt idx="1565">
                  <c:v>5.3099999999999994E-2</c:v>
                </c:pt>
                <c:pt idx="1566">
                  <c:v>5.3099999999999994E-2</c:v>
                </c:pt>
                <c:pt idx="1567">
                  <c:v>5.3099999999999994E-2</c:v>
                </c:pt>
                <c:pt idx="1568">
                  <c:v>5.3099999999999994E-2</c:v>
                </c:pt>
                <c:pt idx="1569">
                  <c:v>5.3099999999999994E-2</c:v>
                </c:pt>
                <c:pt idx="1570">
                  <c:v>5.3099999999999994E-2</c:v>
                </c:pt>
                <c:pt idx="1571">
                  <c:v>5.3099999999999994E-2</c:v>
                </c:pt>
                <c:pt idx="1572">
                  <c:v>5.3099999999999994E-2</c:v>
                </c:pt>
                <c:pt idx="1573">
                  <c:v>5.3099999999999994E-2</c:v>
                </c:pt>
                <c:pt idx="1574">
                  <c:v>5.3099999999999994E-2</c:v>
                </c:pt>
                <c:pt idx="1575">
                  <c:v>5.3099999999999994E-2</c:v>
                </c:pt>
                <c:pt idx="1576">
                  <c:v>5.3099999999999994E-2</c:v>
                </c:pt>
                <c:pt idx="1577">
                  <c:v>5.3099999999999994E-2</c:v>
                </c:pt>
                <c:pt idx="1578">
                  <c:v>5.3099999999999994E-2</c:v>
                </c:pt>
                <c:pt idx="1579">
                  <c:v>5.3099999999999994E-2</c:v>
                </c:pt>
                <c:pt idx="1580">
                  <c:v>5.3099999999999994E-2</c:v>
                </c:pt>
                <c:pt idx="1581">
                  <c:v>5.3099999999999994E-2</c:v>
                </c:pt>
                <c:pt idx="1582">
                  <c:v>5.3099999999999994E-2</c:v>
                </c:pt>
                <c:pt idx="1583">
                  <c:v>5.3099999999999994E-2</c:v>
                </c:pt>
                <c:pt idx="1584">
                  <c:v>5.3099999999999994E-2</c:v>
                </c:pt>
                <c:pt idx="1585">
                  <c:v>5.3099999999999994E-2</c:v>
                </c:pt>
                <c:pt idx="1586">
                  <c:v>5.3099999999999994E-2</c:v>
                </c:pt>
                <c:pt idx="1587">
                  <c:v>5.3099999999999994E-2</c:v>
                </c:pt>
                <c:pt idx="1588">
                  <c:v>5.3099999999999994E-2</c:v>
                </c:pt>
                <c:pt idx="1589">
                  <c:v>5.3099999999999994E-2</c:v>
                </c:pt>
                <c:pt idx="1590">
                  <c:v>5.3099999999999994E-2</c:v>
                </c:pt>
                <c:pt idx="1591">
                  <c:v>5.3099999999999994E-2</c:v>
                </c:pt>
                <c:pt idx="1592">
                  <c:v>5.3099999999999994E-2</c:v>
                </c:pt>
                <c:pt idx="1593">
                  <c:v>5.3099999999999994E-2</c:v>
                </c:pt>
                <c:pt idx="1594">
                  <c:v>5.3099999999999994E-2</c:v>
                </c:pt>
                <c:pt idx="1595">
                  <c:v>5.3099999999999994E-2</c:v>
                </c:pt>
                <c:pt idx="1596">
                  <c:v>5.3099999999999994E-2</c:v>
                </c:pt>
                <c:pt idx="1597">
                  <c:v>5.3099999999999994E-2</c:v>
                </c:pt>
                <c:pt idx="1598">
                  <c:v>5.3099999999999994E-2</c:v>
                </c:pt>
                <c:pt idx="1599">
                  <c:v>5.3099999999999994E-2</c:v>
                </c:pt>
                <c:pt idx="1600">
                  <c:v>5.3099999999999994E-2</c:v>
                </c:pt>
                <c:pt idx="1601">
                  <c:v>5.3099999999999994E-2</c:v>
                </c:pt>
                <c:pt idx="1602">
                  <c:v>5.3099999999999994E-2</c:v>
                </c:pt>
                <c:pt idx="1603">
                  <c:v>5.3099999999999994E-2</c:v>
                </c:pt>
                <c:pt idx="1604">
                  <c:v>5.3099999999999994E-2</c:v>
                </c:pt>
                <c:pt idx="1605">
                  <c:v>5.3099999999999994E-2</c:v>
                </c:pt>
                <c:pt idx="1606">
                  <c:v>5.3099999999999994E-2</c:v>
                </c:pt>
                <c:pt idx="1607">
                  <c:v>5.3099999999999994E-2</c:v>
                </c:pt>
                <c:pt idx="1608">
                  <c:v>5.3099999999999994E-2</c:v>
                </c:pt>
                <c:pt idx="1609">
                  <c:v>5.3099999999999994E-2</c:v>
                </c:pt>
                <c:pt idx="1610">
                  <c:v>5.3099999999999994E-2</c:v>
                </c:pt>
                <c:pt idx="1611">
                  <c:v>5.3099999999999994E-2</c:v>
                </c:pt>
                <c:pt idx="1612">
                  <c:v>5.3099999999999994E-2</c:v>
                </c:pt>
                <c:pt idx="1613">
                  <c:v>5.3099999999999994E-2</c:v>
                </c:pt>
                <c:pt idx="1614">
                  <c:v>5.3099999999999994E-2</c:v>
                </c:pt>
                <c:pt idx="1615">
                  <c:v>5.3099999999999994E-2</c:v>
                </c:pt>
                <c:pt idx="1616">
                  <c:v>5.3099999999999994E-2</c:v>
                </c:pt>
                <c:pt idx="1617">
                  <c:v>5.3099999999999994E-2</c:v>
                </c:pt>
                <c:pt idx="1618">
                  <c:v>5.3099999999999994E-2</c:v>
                </c:pt>
                <c:pt idx="1619">
                  <c:v>5.3099999999999994E-2</c:v>
                </c:pt>
                <c:pt idx="1620">
                  <c:v>5.3099999999999994E-2</c:v>
                </c:pt>
                <c:pt idx="1621">
                  <c:v>5.3099999999999994E-2</c:v>
                </c:pt>
                <c:pt idx="1622">
                  <c:v>5.3099999999999994E-2</c:v>
                </c:pt>
                <c:pt idx="1623">
                  <c:v>5.3099999999999994E-2</c:v>
                </c:pt>
                <c:pt idx="1624">
                  <c:v>5.3099999999999994E-2</c:v>
                </c:pt>
                <c:pt idx="1625">
                  <c:v>5.3099999999999994E-2</c:v>
                </c:pt>
                <c:pt idx="1626">
                  <c:v>5.3099999999999994E-2</c:v>
                </c:pt>
                <c:pt idx="1627">
                  <c:v>5.3099999999999994E-2</c:v>
                </c:pt>
                <c:pt idx="1628">
                  <c:v>5.3099999999999994E-2</c:v>
                </c:pt>
                <c:pt idx="1629">
                  <c:v>5.3099999999999994E-2</c:v>
                </c:pt>
                <c:pt idx="1630">
                  <c:v>5.3099999999999994E-2</c:v>
                </c:pt>
                <c:pt idx="1631">
                  <c:v>5.3099999999999994E-2</c:v>
                </c:pt>
                <c:pt idx="1632">
                  <c:v>5.3099999999999994E-2</c:v>
                </c:pt>
                <c:pt idx="1633">
                  <c:v>5.3099999999999994E-2</c:v>
                </c:pt>
                <c:pt idx="1634">
                  <c:v>5.3099999999999994E-2</c:v>
                </c:pt>
                <c:pt idx="1635">
                  <c:v>5.3099999999999994E-2</c:v>
                </c:pt>
                <c:pt idx="1636">
                  <c:v>5.3099999999999994E-2</c:v>
                </c:pt>
                <c:pt idx="1637">
                  <c:v>5.3099999999999994E-2</c:v>
                </c:pt>
                <c:pt idx="1638">
                  <c:v>5.3099999999999994E-2</c:v>
                </c:pt>
                <c:pt idx="1639">
                  <c:v>5.3099999999999994E-2</c:v>
                </c:pt>
                <c:pt idx="1640">
                  <c:v>5.3099999999999994E-2</c:v>
                </c:pt>
                <c:pt idx="1641">
                  <c:v>5.3099999999999994E-2</c:v>
                </c:pt>
                <c:pt idx="1642">
                  <c:v>5.3099999999999994E-2</c:v>
                </c:pt>
                <c:pt idx="1643">
                  <c:v>5.3099999999999994E-2</c:v>
                </c:pt>
                <c:pt idx="1644">
                  <c:v>5.3099999999999994E-2</c:v>
                </c:pt>
                <c:pt idx="1645">
                  <c:v>5.3099999999999994E-2</c:v>
                </c:pt>
                <c:pt idx="1646">
                  <c:v>5.3099999999999994E-2</c:v>
                </c:pt>
                <c:pt idx="1647">
                  <c:v>5.3099999999999994E-2</c:v>
                </c:pt>
                <c:pt idx="1648">
                  <c:v>5.3099999999999994E-2</c:v>
                </c:pt>
                <c:pt idx="1649">
                  <c:v>5.3099999999999994E-2</c:v>
                </c:pt>
                <c:pt idx="1650">
                  <c:v>5.3099999999999994E-2</c:v>
                </c:pt>
                <c:pt idx="1651">
                  <c:v>5.3099999999999994E-2</c:v>
                </c:pt>
                <c:pt idx="1652">
                  <c:v>5.3099999999999994E-2</c:v>
                </c:pt>
                <c:pt idx="1653">
                  <c:v>5.3099999999999994E-2</c:v>
                </c:pt>
                <c:pt idx="1654">
                  <c:v>5.3099999999999994E-2</c:v>
                </c:pt>
                <c:pt idx="1655">
                  <c:v>5.3099999999999994E-2</c:v>
                </c:pt>
                <c:pt idx="1656">
                  <c:v>5.3099999999999994E-2</c:v>
                </c:pt>
                <c:pt idx="1657">
                  <c:v>5.3099999999999994E-2</c:v>
                </c:pt>
                <c:pt idx="1658">
                  <c:v>5.3099999999999994E-2</c:v>
                </c:pt>
                <c:pt idx="1659">
                  <c:v>5.3099999999999994E-2</c:v>
                </c:pt>
                <c:pt idx="1660">
                  <c:v>5.3099999999999994E-2</c:v>
                </c:pt>
                <c:pt idx="1661">
                  <c:v>5.3099999999999994E-2</c:v>
                </c:pt>
                <c:pt idx="1662">
                  <c:v>5.3099999999999994E-2</c:v>
                </c:pt>
                <c:pt idx="1663">
                  <c:v>5.3099999999999994E-2</c:v>
                </c:pt>
                <c:pt idx="1664">
                  <c:v>5.3099999999999994E-2</c:v>
                </c:pt>
                <c:pt idx="1665">
                  <c:v>5.3099999999999994E-2</c:v>
                </c:pt>
                <c:pt idx="1666">
                  <c:v>5.3099999999999994E-2</c:v>
                </c:pt>
                <c:pt idx="1667">
                  <c:v>5.3099999999999994E-2</c:v>
                </c:pt>
                <c:pt idx="1668">
                  <c:v>5.3099999999999994E-2</c:v>
                </c:pt>
                <c:pt idx="1669">
                  <c:v>5.3099999999999994E-2</c:v>
                </c:pt>
                <c:pt idx="1670">
                  <c:v>5.3099999999999994E-2</c:v>
                </c:pt>
                <c:pt idx="1671">
                  <c:v>5.3099999999999994E-2</c:v>
                </c:pt>
                <c:pt idx="1672">
                  <c:v>5.3099999999999994E-2</c:v>
                </c:pt>
                <c:pt idx="1673">
                  <c:v>5.3099999999999994E-2</c:v>
                </c:pt>
                <c:pt idx="1674">
                  <c:v>5.3099999999999994E-2</c:v>
                </c:pt>
                <c:pt idx="1675">
                  <c:v>5.3099999999999994E-2</c:v>
                </c:pt>
                <c:pt idx="1676">
                  <c:v>5.3099999999999994E-2</c:v>
                </c:pt>
                <c:pt idx="1677">
                  <c:v>5.3099999999999994E-2</c:v>
                </c:pt>
                <c:pt idx="1678">
                  <c:v>5.3099999999999994E-2</c:v>
                </c:pt>
                <c:pt idx="1679">
                  <c:v>5.3099999999999994E-2</c:v>
                </c:pt>
                <c:pt idx="1680">
                  <c:v>5.3099999999999994E-2</c:v>
                </c:pt>
                <c:pt idx="1681">
                  <c:v>5.3099999999999994E-2</c:v>
                </c:pt>
                <c:pt idx="1682">
                  <c:v>5.3099999999999994E-2</c:v>
                </c:pt>
                <c:pt idx="1683">
                  <c:v>5.3099999999999994E-2</c:v>
                </c:pt>
                <c:pt idx="1684">
                  <c:v>5.3099999999999994E-2</c:v>
                </c:pt>
                <c:pt idx="1685">
                  <c:v>5.3099999999999994E-2</c:v>
                </c:pt>
                <c:pt idx="1686">
                  <c:v>5.3099999999999994E-2</c:v>
                </c:pt>
                <c:pt idx="1687">
                  <c:v>5.3099999999999994E-2</c:v>
                </c:pt>
                <c:pt idx="1688">
                  <c:v>5.3099999999999994E-2</c:v>
                </c:pt>
                <c:pt idx="1689">
                  <c:v>5.3099999999999994E-2</c:v>
                </c:pt>
                <c:pt idx="1690">
                  <c:v>5.3099999999999994E-2</c:v>
                </c:pt>
                <c:pt idx="1691">
                  <c:v>5.3099999999999994E-2</c:v>
                </c:pt>
                <c:pt idx="1692">
                  <c:v>5.3099999999999994E-2</c:v>
                </c:pt>
                <c:pt idx="1693">
                  <c:v>5.3099999999999994E-2</c:v>
                </c:pt>
                <c:pt idx="1694">
                  <c:v>5.3099999999999994E-2</c:v>
                </c:pt>
                <c:pt idx="1695">
                  <c:v>5.3099999999999994E-2</c:v>
                </c:pt>
                <c:pt idx="1696">
                  <c:v>5.3099999999999994E-2</c:v>
                </c:pt>
                <c:pt idx="1697">
                  <c:v>5.3099999999999994E-2</c:v>
                </c:pt>
                <c:pt idx="1698">
                  <c:v>5.3099999999999994E-2</c:v>
                </c:pt>
                <c:pt idx="1699">
                  <c:v>5.3099999999999994E-2</c:v>
                </c:pt>
                <c:pt idx="1700">
                  <c:v>5.3099999999999994E-2</c:v>
                </c:pt>
                <c:pt idx="1701">
                  <c:v>5.3099999999999994E-2</c:v>
                </c:pt>
                <c:pt idx="1702">
                  <c:v>5.3099999999999994E-2</c:v>
                </c:pt>
                <c:pt idx="1703">
                  <c:v>5.3099999999999994E-2</c:v>
                </c:pt>
                <c:pt idx="1704">
                  <c:v>5.3099999999999994E-2</c:v>
                </c:pt>
                <c:pt idx="1705">
                  <c:v>5.3099999999999994E-2</c:v>
                </c:pt>
                <c:pt idx="1706">
                  <c:v>5.3099999999999994E-2</c:v>
                </c:pt>
                <c:pt idx="1707">
                  <c:v>5.3099999999999994E-2</c:v>
                </c:pt>
                <c:pt idx="1708">
                  <c:v>5.3099999999999994E-2</c:v>
                </c:pt>
                <c:pt idx="1709">
                  <c:v>5.3099999999999994E-2</c:v>
                </c:pt>
                <c:pt idx="1710">
                  <c:v>5.3099999999999994E-2</c:v>
                </c:pt>
                <c:pt idx="1711">
                  <c:v>5.3099999999999994E-2</c:v>
                </c:pt>
                <c:pt idx="1712">
                  <c:v>5.3099999999999994E-2</c:v>
                </c:pt>
                <c:pt idx="1713">
                  <c:v>5.3099999999999994E-2</c:v>
                </c:pt>
                <c:pt idx="1714">
                  <c:v>5.3099999999999994E-2</c:v>
                </c:pt>
                <c:pt idx="1715">
                  <c:v>5.3099999999999994E-2</c:v>
                </c:pt>
                <c:pt idx="1716">
                  <c:v>5.3099999999999994E-2</c:v>
                </c:pt>
                <c:pt idx="1717">
                  <c:v>5.3099999999999994E-2</c:v>
                </c:pt>
                <c:pt idx="1718">
                  <c:v>5.3099999999999994E-2</c:v>
                </c:pt>
                <c:pt idx="1719">
                  <c:v>5.3099999999999994E-2</c:v>
                </c:pt>
                <c:pt idx="1720">
                  <c:v>5.3099999999999994E-2</c:v>
                </c:pt>
                <c:pt idx="1721">
                  <c:v>5.3099999999999994E-2</c:v>
                </c:pt>
                <c:pt idx="1722">
                  <c:v>5.3099999999999994E-2</c:v>
                </c:pt>
                <c:pt idx="1723">
                  <c:v>5.3099999999999994E-2</c:v>
                </c:pt>
                <c:pt idx="1724">
                  <c:v>5.3099999999999994E-2</c:v>
                </c:pt>
                <c:pt idx="1725">
                  <c:v>5.3099999999999994E-2</c:v>
                </c:pt>
                <c:pt idx="1726">
                  <c:v>5.3099999999999994E-2</c:v>
                </c:pt>
                <c:pt idx="1727">
                  <c:v>5.3099999999999994E-2</c:v>
                </c:pt>
                <c:pt idx="1728">
                  <c:v>5.3099999999999994E-2</c:v>
                </c:pt>
                <c:pt idx="1729">
                  <c:v>5.3099999999999994E-2</c:v>
                </c:pt>
                <c:pt idx="1730">
                  <c:v>5.3099999999999994E-2</c:v>
                </c:pt>
                <c:pt idx="1731">
                  <c:v>5.3099999999999994E-2</c:v>
                </c:pt>
                <c:pt idx="1732">
                  <c:v>5.3099999999999994E-2</c:v>
                </c:pt>
                <c:pt idx="1733">
                  <c:v>5.3099999999999994E-2</c:v>
                </c:pt>
                <c:pt idx="1734">
                  <c:v>5.3099999999999994E-2</c:v>
                </c:pt>
                <c:pt idx="1735">
                  <c:v>5.3099999999999994E-2</c:v>
                </c:pt>
                <c:pt idx="1736">
                  <c:v>5.3099999999999994E-2</c:v>
                </c:pt>
                <c:pt idx="1737">
                  <c:v>5.3099999999999994E-2</c:v>
                </c:pt>
                <c:pt idx="1738">
                  <c:v>5.3099999999999994E-2</c:v>
                </c:pt>
                <c:pt idx="1739">
                  <c:v>5.3099999999999994E-2</c:v>
                </c:pt>
                <c:pt idx="1740">
                  <c:v>5.3099999999999994E-2</c:v>
                </c:pt>
                <c:pt idx="1741">
                  <c:v>5.3099999999999994E-2</c:v>
                </c:pt>
                <c:pt idx="1742">
                  <c:v>5.3099999999999994E-2</c:v>
                </c:pt>
                <c:pt idx="1743">
                  <c:v>5.3099999999999994E-2</c:v>
                </c:pt>
                <c:pt idx="1744">
                  <c:v>5.3099999999999994E-2</c:v>
                </c:pt>
                <c:pt idx="1745">
                  <c:v>5.3099999999999994E-2</c:v>
                </c:pt>
                <c:pt idx="1746">
                  <c:v>5.3099999999999994E-2</c:v>
                </c:pt>
                <c:pt idx="1747">
                  <c:v>5.3099999999999994E-2</c:v>
                </c:pt>
                <c:pt idx="1748">
                  <c:v>5.3099999999999994E-2</c:v>
                </c:pt>
                <c:pt idx="1749">
                  <c:v>5.3099999999999994E-2</c:v>
                </c:pt>
                <c:pt idx="1750">
                  <c:v>5.3099999999999994E-2</c:v>
                </c:pt>
                <c:pt idx="1751">
                  <c:v>5.3099999999999994E-2</c:v>
                </c:pt>
                <c:pt idx="1752">
                  <c:v>5.3099999999999994E-2</c:v>
                </c:pt>
                <c:pt idx="1753">
                  <c:v>5.3099999999999994E-2</c:v>
                </c:pt>
                <c:pt idx="1754">
                  <c:v>5.3099999999999994E-2</c:v>
                </c:pt>
                <c:pt idx="1755">
                  <c:v>5.3099999999999994E-2</c:v>
                </c:pt>
                <c:pt idx="1756">
                  <c:v>5.3099999999999994E-2</c:v>
                </c:pt>
                <c:pt idx="1757">
                  <c:v>5.3099999999999994E-2</c:v>
                </c:pt>
                <c:pt idx="1758">
                  <c:v>5.3099999999999994E-2</c:v>
                </c:pt>
                <c:pt idx="1759">
                  <c:v>5.3099999999999994E-2</c:v>
                </c:pt>
                <c:pt idx="1760">
                  <c:v>5.3099999999999994E-2</c:v>
                </c:pt>
                <c:pt idx="1761">
                  <c:v>5.3099999999999994E-2</c:v>
                </c:pt>
                <c:pt idx="1762">
                  <c:v>5.3099999999999994E-2</c:v>
                </c:pt>
                <c:pt idx="1763">
                  <c:v>5.5800000000000002E-2</c:v>
                </c:pt>
                <c:pt idx="1764">
                  <c:v>5.5800000000000002E-2</c:v>
                </c:pt>
                <c:pt idx="1765">
                  <c:v>5.5800000000000002E-2</c:v>
                </c:pt>
                <c:pt idx="1766">
                  <c:v>5.5800000000000002E-2</c:v>
                </c:pt>
                <c:pt idx="1767">
                  <c:v>5.5800000000000002E-2</c:v>
                </c:pt>
                <c:pt idx="1768">
                  <c:v>5.5800000000000002E-2</c:v>
                </c:pt>
                <c:pt idx="1769">
                  <c:v>5.5800000000000002E-2</c:v>
                </c:pt>
                <c:pt idx="1770">
                  <c:v>5.5800000000000002E-2</c:v>
                </c:pt>
                <c:pt idx="1771">
                  <c:v>5.5800000000000002E-2</c:v>
                </c:pt>
                <c:pt idx="1772">
                  <c:v>5.5800000000000002E-2</c:v>
                </c:pt>
                <c:pt idx="1773">
                  <c:v>5.5800000000000002E-2</c:v>
                </c:pt>
                <c:pt idx="1774">
                  <c:v>5.5800000000000002E-2</c:v>
                </c:pt>
                <c:pt idx="1775">
                  <c:v>5.5800000000000002E-2</c:v>
                </c:pt>
                <c:pt idx="1776">
                  <c:v>5.5800000000000002E-2</c:v>
                </c:pt>
                <c:pt idx="1777">
                  <c:v>5.5800000000000002E-2</c:v>
                </c:pt>
                <c:pt idx="1778">
                  <c:v>5.5800000000000002E-2</c:v>
                </c:pt>
                <c:pt idx="1779">
                  <c:v>5.5800000000000002E-2</c:v>
                </c:pt>
                <c:pt idx="1780">
                  <c:v>5.5800000000000002E-2</c:v>
                </c:pt>
                <c:pt idx="1781">
                  <c:v>5.5800000000000002E-2</c:v>
                </c:pt>
                <c:pt idx="1782">
                  <c:v>5.5800000000000002E-2</c:v>
                </c:pt>
                <c:pt idx="1783">
                  <c:v>5.5800000000000002E-2</c:v>
                </c:pt>
                <c:pt idx="1784">
                  <c:v>5.5800000000000002E-2</c:v>
                </c:pt>
                <c:pt idx="1785">
                  <c:v>5.5800000000000002E-2</c:v>
                </c:pt>
                <c:pt idx="1786">
                  <c:v>5.5800000000000002E-2</c:v>
                </c:pt>
                <c:pt idx="1787">
                  <c:v>5.5800000000000002E-2</c:v>
                </c:pt>
                <c:pt idx="1788">
                  <c:v>5.5800000000000002E-2</c:v>
                </c:pt>
                <c:pt idx="1789">
                  <c:v>5.5800000000000002E-2</c:v>
                </c:pt>
                <c:pt idx="1790">
                  <c:v>5.5800000000000002E-2</c:v>
                </c:pt>
                <c:pt idx="1791">
                  <c:v>5.5800000000000002E-2</c:v>
                </c:pt>
                <c:pt idx="1792">
                  <c:v>5.5800000000000002E-2</c:v>
                </c:pt>
                <c:pt idx="1793">
                  <c:v>5.5800000000000002E-2</c:v>
                </c:pt>
                <c:pt idx="1794">
                  <c:v>5.5800000000000002E-2</c:v>
                </c:pt>
                <c:pt idx="1795">
                  <c:v>5.5800000000000002E-2</c:v>
                </c:pt>
                <c:pt idx="1796">
                  <c:v>5.5800000000000002E-2</c:v>
                </c:pt>
                <c:pt idx="1797">
                  <c:v>5.5800000000000002E-2</c:v>
                </c:pt>
                <c:pt idx="1798">
                  <c:v>5.5800000000000002E-2</c:v>
                </c:pt>
                <c:pt idx="1799">
                  <c:v>5.5800000000000002E-2</c:v>
                </c:pt>
                <c:pt idx="1800">
                  <c:v>5.5800000000000002E-2</c:v>
                </c:pt>
                <c:pt idx="1801">
                  <c:v>5.5800000000000002E-2</c:v>
                </c:pt>
                <c:pt idx="1802">
                  <c:v>5.5800000000000002E-2</c:v>
                </c:pt>
                <c:pt idx="1803">
                  <c:v>5.5800000000000002E-2</c:v>
                </c:pt>
                <c:pt idx="1804">
                  <c:v>5.5800000000000002E-2</c:v>
                </c:pt>
                <c:pt idx="1805">
                  <c:v>5.5800000000000002E-2</c:v>
                </c:pt>
                <c:pt idx="1806">
                  <c:v>5.5800000000000002E-2</c:v>
                </c:pt>
                <c:pt idx="1807">
                  <c:v>5.5800000000000002E-2</c:v>
                </c:pt>
                <c:pt idx="1808">
                  <c:v>5.5800000000000002E-2</c:v>
                </c:pt>
                <c:pt idx="1809">
                  <c:v>5.5800000000000002E-2</c:v>
                </c:pt>
                <c:pt idx="1810">
                  <c:v>5.5800000000000002E-2</c:v>
                </c:pt>
                <c:pt idx="1811">
                  <c:v>5.5800000000000002E-2</c:v>
                </c:pt>
                <c:pt idx="1812">
                  <c:v>5.5800000000000002E-2</c:v>
                </c:pt>
                <c:pt idx="1813">
                  <c:v>5.5800000000000002E-2</c:v>
                </c:pt>
                <c:pt idx="1814">
                  <c:v>5.5800000000000002E-2</c:v>
                </c:pt>
                <c:pt idx="1815">
                  <c:v>5.5800000000000002E-2</c:v>
                </c:pt>
                <c:pt idx="1816">
                  <c:v>5.5800000000000002E-2</c:v>
                </c:pt>
                <c:pt idx="1817">
                  <c:v>5.5800000000000002E-2</c:v>
                </c:pt>
                <c:pt idx="1818">
                  <c:v>5.5800000000000002E-2</c:v>
                </c:pt>
                <c:pt idx="1819">
                  <c:v>5.5800000000000002E-2</c:v>
                </c:pt>
                <c:pt idx="1820">
                  <c:v>5.5800000000000002E-2</c:v>
                </c:pt>
                <c:pt idx="1821">
                  <c:v>5.5800000000000002E-2</c:v>
                </c:pt>
                <c:pt idx="1822">
                  <c:v>5.5800000000000002E-2</c:v>
                </c:pt>
                <c:pt idx="1823">
                  <c:v>5.5800000000000002E-2</c:v>
                </c:pt>
                <c:pt idx="1824">
                  <c:v>5.5800000000000002E-2</c:v>
                </c:pt>
                <c:pt idx="1825">
                  <c:v>5.5800000000000002E-2</c:v>
                </c:pt>
                <c:pt idx="1826">
                  <c:v>5.5800000000000002E-2</c:v>
                </c:pt>
                <c:pt idx="1827">
                  <c:v>5.5800000000000002E-2</c:v>
                </c:pt>
                <c:pt idx="1828">
                  <c:v>5.5800000000000002E-2</c:v>
                </c:pt>
                <c:pt idx="1829">
                  <c:v>5.5800000000000002E-2</c:v>
                </c:pt>
                <c:pt idx="1830">
                  <c:v>5.5800000000000002E-2</c:v>
                </c:pt>
                <c:pt idx="1831">
                  <c:v>5.5800000000000002E-2</c:v>
                </c:pt>
                <c:pt idx="1832">
                  <c:v>5.5800000000000002E-2</c:v>
                </c:pt>
                <c:pt idx="1833">
                  <c:v>5.5800000000000002E-2</c:v>
                </c:pt>
                <c:pt idx="1834">
                  <c:v>5.5800000000000002E-2</c:v>
                </c:pt>
                <c:pt idx="1835">
                  <c:v>5.5800000000000002E-2</c:v>
                </c:pt>
                <c:pt idx="1836">
                  <c:v>5.5800000000000002E-2</c:v>
                </c:pt>
                <c:pt idx="1837">
                  <c:v>5.5800000000000002E-2</c:v>
                </c:pt>
                <c:pt idx="1838">
                  <c:v>5.5800000000000002E-2</c:v>
                </c:pt>
                <c:pt idx="1839">
                  <c:v>5.5800000000000002E-2</c:v>
                </c:pt>
                <c:pt idx="1840">
                  <c:v>5.5800000000000002E-2</c:v>
                </c:pt>
                <c:pt idx="1841">
                  <c:v>5.5800000000000002E-2</c:v>
                </c:pt>
                <c:pt idx="1842">
                  <c:v>5.5800000000000002E-2</c:v>
                </c:pt>
                <c:pt idx="1843">
                  <c:v>5.5800000000000002E-2</c:v>
                </c:pt>
                <c:pt idx="1844">
                  <c:v>5.5800000000000002E-2</c:v>
                </c:pt>
                <c:pt idx="1845">
                  <c:v>5.5800000000000002E-2</c:v>
                </c:pt>
                <c:pt idx="1846">
                  <c:v>5.5800000000000002E-2</c:v>
                </c:pt>
                <c:pt idx="1847">
                  <c:v>5.5800000000000002E-2</c:v>
                </c:pt>
                <c:pt idx="1848">
                  <c:v>5.5800000000000002E-2</c:v>
                </c:pt>
                <c:pt idx="1849">
                  <c:v>5.5800000000000002E-2</c:v>
                </c:pt>
                <c:pt idx="1850">
                  <c:v>5.5800000000000002E-2</c:v>
                </c:pt>
                <c:pt idx="1851">
                  <c:v>5.5800000000000002E-2</c:v>
                </c:pt>
                <c:pt idx="1852">
                  <c:v>5.5800000000000002E-2</c:v>
                </c:pt>
                <c:pt idx="1853">
                  <c:v>5.5800000000000002E-2</c:v>
                </c:pt>
                <c:pt idx="1854">
                  <c:v>5.5800000000000002E-2</c:v>
                </c:pt>
                <c:pt idx="1855">
                  <c:v>5.5800000000000002E-2</c:v>
                </c:pt>
                <c:pt idx="1856">
                  <c:v>5.5800000000000002E-2</c:v>
                </c:pt>
                <c:pt idx="1857">
                  <c:v>5.5800000000000002E-2</c:v>
                </c:pt>
                <c:pt idx="1858">
                  <c:v>5.5800000000000002E-2</c:v>
                </c:pt>
                <c:pt idx="1859">
                  <c:v>5.5800000000000002E-2</c:v>
                </c:pt>
                <c:pt idx="1860">
                  <c:v>5.5800000000000002E-2</c:v>
                </c:pt>
                <c:pt idx="1861">
                  <c:v>5.5800000000000002E-2</c:v>
                </c:pt>
                <c:pt idx="1862">
                  <c:v>5.5800000000000002E-2</c:v>
                </c:pt>
                <c:pt idx="1863">
                  <c:v>5.5800000000000002E-2</c:v>
                </c:pt>
                <c:pt idx="1864">
                  <c:v>5.5800000000000002E-2</c:v>
                </c:pt>
                <c:pt idx="1865">
                  <c:v>5.5800000000000002E-2</c:v>
                </c:pt>
                <c:pt idx="1866">
                  <c:v>5.5800000000000002E-2</c:v>
                </c:pt>
                <c:pt idx="1867">
                  <c:v>5.5800000000000002E-2</c:v>
                </c:pt>
                <c:pt idx="1868">
                  <c:v>5.5800000000000002E-2</c:v>
                </c:pt>
                <c:pt idx="1869">
                  <c:v>5.5800000000000002E-2</c:v>
                </c:pt>
                <c:pt idx="1870">
                  <c:v>5.5800000000000002E-2</c:v>
                </c:pt>
                <c:pt idx="1871">
                  <c:v>5.5800000000000002E-2</c:v>
                </c:pt>
                <c:pt idx="1872">
                  <c:v>5.5800000000000002E-2</c:v>
                </c:pt>
                <c:pt idx="1873">
                  <c:v>5.5800000000000002E-2</c:v>
                </c:pt>
                <c:pt idx="1874">
                  <c:v>5.5800000000000002E-2</c:v>
                </c:pt>
                <c:pt idx="1875">
                  <c:v>5.5800000000000002E-2</c:v>
                </c:pt>
                <c:pt idx="1876">
                  <c:v>5.5800000000000002E-2</c:v>
                </c:pt>
                <c:pt idx="1877">
                  <c:v>5.5800000000000002E-2</c:v>
                </c:pt>
                <c:pt idx="1878">
                  <c:v>5.5800000000000002E-2</c:v>
                </c:pt>
                <c:pt idx="1879">
                  <c:v>5.5800000000000002E-2</c:v>
                </c:pt>
                <c:pt idx="1880">
                  <c:v>5.5800000000000002E-2</c:v>
                </c:pt>
                <c:pt idx="1881">
                  <c:v>5.5800000000000002E-2</c:v>
                </c:pt>
                <c:pt idx="1882">
                  <c:v>5.5800000000000002E-2</c:v>
                </c:pt>
                <c:pt idx="1883">
                  <c:v>5.5800000000000002E-2</c:v>
                </c:pt>
                <c:pt idx="1884">
                  <c:v>5.5800000000000002E-2</c:v>
                </c:pt>
                <c:pt idx="1885">
                  <c:v>5.5800000000000002E-2</c:v>
                </c:pt>
                <c:pt idx="1886">
                  <c:v>5.5800000000000002E-2</c:v>
                </c:pt>
                <c:pt idx="1887">
                  <c:v>5.5800000000000002E-2</c:v>
                </c:pt>
                <c:pt idx="1888">
                  <c:v>5.5800000000000002E-2</c:v>
                </c:pt>
                <c:pt idx="1889">
                  <c:v>5.5800000000000002E-2</c:v>
                </c:pt>
                <c:pt idx="1890">
                  <c:v>5.5800000000000002E-2</c:v>
                </c:pt>
                <c:pt idx="1891">
                  <c:v>5.5800000000000002E-2</c:v>
                </c:pt>
                <c:pt idx="1892">
                  <c:v>5.5800000000000002E-2</c:v>
                </c:pt>
                <c:pt idx="1893">
                  <c:v>5.5800000000000002E-2</c:v>
                </c:pt>
                <c:pt idx="1894">
                  <c:v>5.5800000000000002E-2</c:v>
                </c:pt>
                <c:pt idx="1895">
                  <c:v>5.5800000000000002E-2</c:v>
                </c:pt>
                <c:pt idx="1896">
                  <c:v>5.5800000000000002E-2</c:v>
                </c:pt>
                <c:pt idx="1897">
                  <c:v>5.5800000000000002E-2</c:v>
                </c:pt>
                <c:pt idx="1898">
                  <c:v>5.5800000000000002E-2</c:v>
                </c:pt>
                <c:pt idx="1899">
                  <c:v>5.5800000000000002E-2</c:v>
                </c:pt>
                <c:pt idx="1900">
                  <c:v>5.5800000000000002E-2</c:v>
                </c:pt>
                <c:pt idx="1901">
                  <c:v>5.5800000000000002E-2</c:v>
                </c:pt>
                <c:pt idx="1902">
                  <c:v>5.5800000000000002E-2</c:v>
                </c:pt>
                <c:pt idx="1903">
                  <c:v>5.5800000000000002E-2</c:v>
                </c:pt>
                <c:pt idx="1904">
                  <c:v>5.5800000000000002E-2</c:v>
                </c:pt>
                <c:pt idx="1905">
                  <c:v>5.5800000000000002E-2</c:v>
                </c:pt>
                <c:pt idx="1906">
                  <c:v>5.5800000000000002E-2</c:v>
                </c:pt>
                <c:pt idx="1907">
                  <c:v>5.5800000000000002E-2</c:v>
                </c:pt>
                <c:pt idx="1908">
                  <c:v>5.5800000000000002E-2</c:v>
                </c:pt>
                <c:pt idx="1909">
                  <c:v>5.5800000000000002E-2</c:v>
                </c:pt>
                <c:pt idx="1910">
                  <c:v>5.5800000000000002E-2</c:v>
                </c:pt>
                <c:pt idx="1911">
                  <c:v>5.5800000000000002E-2</c:v>
                </c:pt>
                <c:pt idx="1912">
                  <c:v>5.5800000000000002E-2</c:v>
                </c:pt>
                <c:pt idx="1913">
                  <c:v>5.5800000000000002E-2</c:v>
                </c:pt>
                <c:pt idx="1914">
                  <c:v>5.5800000000000002E-2</c:v>
                </c:pt>
                <c:pt idx="1915">
                  <c:v>5.5800000000000002E-2</c:v>
                </c:pt>
                <c:pt idx="1916">
                  <c:v>5.5800000000000002E-2</c:v>
                </c:pt>
                <c:pt idx="1917">
                  <c:v>5.5800000000000002E-2</c:v>
                </c:pt>
                <c:pt idx="1918">
                  <c:v>5.5800000000000002E-2</c:v>
                </c:pt>
                <c:pt idx="1919">
                  <c:v>5.5800000000000002E-2</c:v>
                </c:pt>
                <c:pt idx="1920">
                  <c:v>5.5800000000000002E-2</c:v>
                </c:pt>
                <c:pt idx="1921">
                  <c:v>5.5800000000000002E-2</c:v>
                </c:pt>
                <c:pt idx="1922">
                  <c:v>5.5800000000000002E-2</c:v>
                </c:pt>
                <c:pt idx="1923">
                  <c:v>5.5800000000000002E-2</c:v>
                </c:pt>
                <c:pt idx="1924">
                  <c:v>5.5800000000000002E-2</c:v>
                </c:pt>
                <c:pt idx="1925">
                  <c:v>5.5800000000000002E-2</c:v>
                </c:pt>
                <c:pt idx="1926">
                  <c:v>5.5800000000000002E-2</c:v>
                </c:pt>
                <c:pt idx="1927">
                  <c:v>5.5800000000000002E-2</c:v>
                </c:pt>
                <c:pt idx="1928">
                  <c:v>5.5800000000000002E-2</c:v>
                </c:pt>
                <c:pt idx="1929">
                  <c:v>5.5800000000000002E-2</c:v>
                </c:pt>
                <c:pt idx="1930">
                  <c:v>5.5800000000000002E-2</c:v>
                </c:pt>
                <c:pt idx="1931">
                  <c:v>5.5800000000000002E-2</c:v>
                </c:pt>
                <c:pt idx="1932">
                  <c:v>5.5800000000000002E-2</c:v>
                </c:pt>
                <c:pt idx="1933">
                  <c:v>5.5800000000000002E-2</c:v>
                </c:pt>
                <c:pt idx="1934">
                  <c:v>5.5800000000000002E-2</c:v>
                </c:pt>
                <c:pt idx="1935">
                  <c:v>5.5800000000000002E-2</c:v>
                </c:pt>
                <c:pt idx="1936">
                  <c:v>5.5800000000000002E-2</c:v>
                </c:pt>
                <c:pt idx="1937">
                  <c:v>5.5800000000000002E-2</c:v>
                </c:pt>
                <c:pt idx="1938">
                  <c:v>5.5800000000000002E-2</c:v>
                </c:pt>
                <c:pt idx="1939">
                  <c:v>5.5800000000000002E-2</c:v>
                </c:pt>
                <c:pt idx="1940">
                  <c:v>5.5800000000000002E-2</c:v>
                </c:pt>
                <c:pt idx="1941">
                  <c:v>5.5800000000000002E-2</c:v>
                </c:pt>
                <c:pt idx="1942">
                  <c:v>5.5800000000000002E-2</c:v>
                </c:pt>
                <c:pt idx="1943">
                  <c:v>5.5800000000000002E-2</c:v>
                </c:pt>
                <c:pt idx="1944">
                  <c:v>5.5800000000000002E-2</c:v>
                </c:pt>
                <c:pt idx="1945">
                  <c:v>5.5800000000000002E-2</c:v>
                </c:pt>
                <c:pt idx="1946">
                  <c:v>5.5800000000000002E-2</c:v>
                </c:pt>
                <c:pt idx="1947">
                  <c:v>5.5800000000000002E-2</c:v>
                </c:pt>
                <c:pt idx="1948">
                  <c:v>5.5800000000000002E-2</c:v>
                </c:pt>
                <c:pt idx="1949">
                  <c:v>5.5800000000000002E-2</c:v>
                </c:pt>
                <c:pt idx="1950">
                  <c:v>5.5800000000000002E-2</c:v>
                </c:pt>
                <c:pt idx="1951">
                  <c:v>5.5800000000000002E-2</c:v>
                </c:pt>
                <c:pt idx="1952">
                  <c:v>5.5800000000000002E-2</c:v>
                </c:pt>
                <c:pt idx="1953">
                  <c:v>5.5800000000000002E-2</c:v>
                </c:pt>
                <c:pt idx="1954">
                  <c:v>5.5800000000000002E-2</c:v>
                </c:pt>
                <c:pt idx="1955">
                  <c:v>5.5800000000000002E-2</c:v>
                </c:pt>
                <c:pt idx="1956">
                  <c:v>5.5800000000000002E-2</c:v>
                </c:pt>
                <c:pt idx="1957">
                  <c:v>5.5800000000000002E-2</c:v>
                </c:pt>
                <c:pt idx="1958">
                  <c:v>5.5800000000000002E-2</c:v>
                </c:pt>
                <c:pt idx="1959">
                  <c:v>5.5800000000000002E-2</c:v>
                </c:pt>
                <c:pt idx="1960">
                  <c:v>5.5800000000000002E-2</c:v>
                </c:pt>
                <c:pt idx="1961">
                  <c:v>5.5800000000000002E-2</c:v>
                </c:pt>
                <c:pt idx="1962">
                  <c:v>5.5800000000000002E-2</c:v>
                </c:pt>
                <c:pt idx="1963">
                  <c:v>5.5800000000000002E-2</c:v>
                </c:pt>
                <c:pt idx="1964">
                  <c:v>5.5800000000000002E-2</c:v>
                </c:pt>
                <c:pt idx="1965">
                  <c:v>5.5800000000000002E-2</c:v>
                </c:pt>
                <c:pt idx="1966">
                  <c:v>5.5800000000000002E-2</c:v>
                </c:pt>
                <c:pt idx="1967">
                  <c:v>5.5800000000000002E-2</c:v>
                </c:pt>
                <c:pt idx="1968">
                  <c:v>5.5800000000000002E-2</c:v>
                </c:pt>
                <c:pt idx="1969">
                  <c:v>5.5800000000000002E-2</c:v>
                </c:pt>
                <c:pt idx="1970">
                  <c:v>5.5800000000000002E-2</c:v>
                </c:pt>
                <c:pt idx="1971">
                  <c:v>5.5800000000000002E-2</c:v>
                </c:pt>
                <c:pt idx="1972">
                  <c:v>5.5800000000000002E-2</c:v>
                </c:pt>
                <c:pt idx="1973">
                  <c:v>5.5800000000000002E-2</c:v>
                </c:pt>
                <c:pt idx="1974">
                  <c:v>5.5800000000000002E-2</c:v>
                </c:pt>
                <c:pt idx="1975">
                  <c:v>5.5800000000000002E-2</c:v>
                </c:pt>
                <c:pt idx="1976">
                  <c:v>5.5800000000000002E-2</c:v>
                </c:pt>
                <c:pt idx="1977">
                  <c:v>5.5800000000000002E-2</c:v>
                </c:pt>
                <c:pt idx="1978">
                  <c:v>5.5800000000000002E-2</c:v>
                </c:pt>
                <c:pt idx="1979">
                  <c:v>5.5800000000000002E-2</c:v>
                </c:pt>
                <c:pt idx="1980">
                  <c:v>5.5800000000000002E-2</c:v>
                </c:pt>
                <c:pt idx="1981">
                  <c:v>5.5800000000000002E-2</c:v>
                </c:pt>
                <c:pt idx="1982">
                  <c:v>5.5800000000000002E-2</c:v>
                </c:pt>
                <c:pt idx="1983">
                  <c:v>5.5800000000000002E-2</c:v>
                </c:pt>
                <c:pt idx="1984">
                  <c:v>5.5800000000000002E-2</c:v>
                </c:pt>
                <c:pt idx="1985">
                  <c:v>5.5800000000000002E-2</c:v>
                </c:pt>
                <c:pt idx="1986">
                  <c:v>5.5800000000000002E-2</c:v>
                </c:pt>
                <c:pt idx="1987">
                  <c:v>5.5800000000000002E-2</c:v>
                </c:pt>
                <c:pt idx="1988">
                  <c:v>5.5800000000000002E-2</c:v>
                </c:pt>
                <c:pt idx="1989">
                  <c:v>5.5800000000000002E-2</c:v>
                </c:pt>
                <c:pt idx="1990">
                  <c:v>5.5800000000000002E-2</c:v>
                </c:pt>
                <c:pt idx="1991">
                  <c:v>5.5800000000000002E-2</c:v>
                </c:pt>
                <c:pt idx="1992">
                  <c:v>5.5800000000000002E-2</c:v>
                </c:pt>
                <c:pt idx="1993">
                  <c:v>5.5800000000000002E-2</c:v>
                </c:pt>
                <c:pt idx="1994">
                  <c:v>5.5800000000000002E-2</c:v>
                </c:pt>
                <c:pt idx="1995">
                  <c:v>5.5800000000000002E-2</c:v>
                </c:pt>
                <c:pt idx="1996">
                  <c:v>5.5800000000000002E-2</c:v>
                </c:pt>
                <c:pt idx="1997">
                  <c:v>5.5800000000000002E-2</c:v>
                </c:pt>
                <c:pt idx="1998">
                  <c:v>5.5800000000000002E-2</c:v>
                </c:pt>
                <c:pt idx="1999">
                  <c:v>5.5800000000000002E-2</c:v>
                </c:pt>
                <c:pt idx="2000">
                  <c:v>5.5800000000000002E-2</c:v>
                </c:pt>
                <c:pt idx="2001">
                  <c:v>5.5800000000000002E-2</c:v>
                </c:pt>
                <c:pt idx="2002">
                  <c:v>5.5800000000000002E-2</c:v>
                </c:pt>
                <c:pt idx="2003">
                  <c:v>5.5800000000000002E-2</c:v>
                </c:pt>
                <c:pt idx="2004">
                  <c:v>5.5800000000000002E-2</c:v>
                </c:pt>
                <c:pt idx="2005">
                  <c:v>5.5800000000000002E-2</c:v>
                </c:pt>
                <c:pt idx="2006">
                  <c:v>5.5800000000000002E-2</c:v>
                </c:pt>
                <c:pt idx="2007">
                  <c:v>5.5800000000000002E-2</c:v>
                </c:pt>
                <c:pt idx="2008">
                  <c:v>5.5800000000000002E-2</c:v>
                </c:pt>
                <c:pt idx="2009">
                  <c:v>5.5800000000000002E-2</c:v>
                </c:pt>
                <c:pt idx="2010">
                  <c:v>5.5800000000000002E-2</c:v>
                </c:pt>
                <c:pt idx="2011">
                  <c:v>5.5800000000000002E-2</c:v>
                </c:pt>
                <c:pt idx="2012">
                  <c:v>5.5800000000000002E-2</c:v>
                </c:pt>
                <c:pt idx="2013">
                  <c:v>5.5800000000000002E-2</c:v>
                </c:pt>
                <c:pt idx="2014">
                  <c:v>5.5800000000000002E-2</c:v>
                </c:pt>
                <c:pt idx="2015">
                  <c:v>5.5800000000000002E-2</c:v>
                </c:pt>
                <c:pt idx="2016">
                  <c:v>5.5800000000000002E-2</c:v>
                </c:pt>
                <c:pt idx="2017">
                  <c:v>5.5800000000000002E-2</c:v>
                </c:pt>
                <c:pt idx="2018">
                  <c:v>5.5800000000000002E-2</c:v>
                </c:pt>
                <c:pt idx="2019">
                  <c:v>5.5800000000000002E-2</c:v>
                </c:pt>
                <c:pt idx="2020">
                  <c:v>5.5800000000000002E-2</c:v>
                </c:pt>
                <c:pt idx="2021">
                  <c:v>5.5800000000000002E-2</c:v>
                </c:pt>
                <c:pt idx="2022">
                  <c:v>5.5800000000000002E-2</c:v>
                </c:pt>
                <c:pt idx="2023">
                  <c:v>5.5800000000000002E-2</c:v>
                </c:pt>
                <c:pt idx="2024">
                  <c:v>5.5800000000000002E-2</c:v>
                </c:pt>
                <c:pt idx="2025">
                  <c:v>5.5800000000000002E-2</c:v>
                </c:pt>
                <c:pt idx="2026">
                  <c:v>5.5800000000000002E-2</c:v>
                </c:pt>
                <c:pt idx="2027">
                  <c:v>5.5800000000000002E-2</c:v>
                </c:pt>
                <c:pt idx="2028">
                  <c:v>5.5800000000000002E-2</c:v>
                </c:pt>
                <c:pt idx="2029">
                  <c:v>5.5800000000000002E-2</c:v>
                </c:pt>
                <c:pt idx="2030">
                  <c:v>5.5800000000000002E-2</c:v>
                </c:pt>
                <c:pt idx="2031">
                  <c:v>5.5800000000000002E-2</c:v>
                </c:pt>
                <c:pt idx="2032">
                  <c:v>5.5800000000000002E-2</c:v>
                </c:pt>
                <c:pt idx="2033">
                  <c:v>5.5800000000000002E-2</c:v>
                </c:pt>
                <c:pt idx="2034">
                  <c:v>5.5800000000000002E-2</c:v>
                </c:pt>
                <c:pt idx="2035">
                  <c:v>5.5800000000000002E-2</c:v>
                </c:pt>
                <c:pt idx="2036">
                  <c:v>5.5800000000000002E-2</c:v>
                </c:pt>
                <c:pt idx="2037">
                  <c:v>5.5800000000000002E-2</c:v>
                </c:pt>
                <c:pt idx="2038">
                  <c:v>5.5800000000000002E-2</c:v>
                </c:pt>
                <c:pt idx="2039">
                  <c:v>5.5800000000000002E-2</c:v>
                </c:pt>
                <c:pt idx="2040">
                  <c:v>5.5800000000000002E-2</c:v>
                </c:pt>
                <c:pt idx="2041">
                  <c:v>5.5800000000000002E-2</c:v>
                </c:pt>
                <c:pt idx="2042">
                  <c:v>5.5800000000000002E-2</c:v>
                </c:pt>
                <c:pt idx="2043">
                  <c:v>5.5800000000000002E-2</c:v>
                </c:pt>
                <c:pt idx="2044">
                  <c:v>5.5800000000000002E-2</c:v>
                </c:pt>
                <c:pt idx="2045">
                  <c:v>5.5800000000000002E-2</c:v>
                </c:pt>
                <c:pt idx="2046">
                  <c:v>5.5800000000000002E-2</c:v>
                </c:pt>
                <c:pt idx="2047">
                  <c:v>5.5800000000000002E-2</c:v>
                </c:pt>
                <c:pt idx="2048">
                  <c:v>5.5800000000000002E-2</c:v>
                </c:pt>
                <c:pt idx="2049">
                  <c:v>5.5800000000000002E-2</c:v>
                </c:pt>
                <c:pt idx="2050">
                  <c:v>5.5800000000000002E-2</c:v>
                </c:pt>
                <c:pt idx="2051">
                  <c:v>5.5800000000000002E-2</c:v>
                </c:pt>
                <c:pt idx="2052">
                  <c:v>5.5800000000000002E-2</c:v>
                </c:pt>
                <c:pt idx="2053">
                  <c:v>5.5800000000000002E-2</c:v>
                </c:pt>
                <c:pt idx="2054">
                  <c:v>5.5800000000000002E-2</c:v>
                </c:pt>
                <c:pt idx="2055">
                  <c:v>5.5800000000000002E-2</c:v>
                </c:pt>
                <c:pt idx="2056">
                  <c:v>5.5800000000000002E-2</c:v>
                </c:pt>
                <c:pt idx="2057">
                  <c:v>5.5800000000000002E-2</c:v>
                </c:pt>
                <c:pt idx="2058">
                  <c:v>5.5800000000000002E-2</c:v>
                </c:pt>
                <c:pt idx="2059">
                  <c:v>5.5800000000000002E-2</c:v>
                </c:pt>
                <c:pt idx="2060">
                  <c:v>5.5800000000000002E-2</c:v>
                </c:pt>
                <c:pt idx="2061">
                  <c:v>5.5800000000000002E-2</c:v>
                </c:pt>
                <c:pt idx="2062">
                  <c:v>5.5800000000000002E-2</c:v>
                </c:pt>
                <c:pt idx="2063">
                  <c:v>5.5800000000000002E-2</c:v>
                </c:pt>
                <c:pt idx="2064">
                  <c:v>5.5800000000000002E-2</c:v>
                </c:pt>
                <c:pt idx="2065">
                  <c:v>5.5800000000000002E-2</c:v>
                </c:pt>
                <c:pt idx="2066">
                  <c:v>5.5800000000000002E-2</c:v>
                </c:pt>
                <c:pt idx="2067">
                  <c:v>5.5800000000000002E-2</c:v>
                </c:pt>
                <c:pt idx="2068">
                  <c:v>5.5800000000000002E-2</c:v>
                </c:pt>
                <c:pt idx="2069">
                  <c:v>5.5800000000000002E-2</c:v>
                </c:pt>
                <c:pt idx="2070">
                  <c:v>5.5800000000000002E-2</c:v>
                </c:pt>
                <c:pt idx="2071">
                  <c:v>5.5800000000000002E-2</c:v>
                </c:pt>
                <c:pt idx="2072">
                  <c:v>5.5800000000000002E-2</c:v>
                </c:pt>
                <c:pt idx="2073">
                  <c:v>5.5800000000000002E-2</c:v>
                </c:pt>
                <c:pt idx="2074">
                  <c:v>5.5800000000000002E-2</c:v>
                </c:pt>
                <c:pt idx="2075">
                  <c:v>5.5800000000000002E-2</c:v>
                </c:pt>
                <c:pt idx="2076">
                  <c:v>5.5800000000000002E-2</c:v>
                </c:pt>
                <c:pt idx="2077">
                  <c:v>5.5800000000000002E-2</c:v>
                </c:pt>
                <c:pt idx="2078">
                  <c:v>5.5800000000000002E-2</c:v>
                </c:pt>
                <c:pt idx="2079">
                  <c:v>5.5800000000000002E-2</c:v>
                </c:pt>
                <c:pt idx="2080">
                  <c:v>5.5800000000000002E-2</c:v>
                </c:pt>
                <c:pt idx="2081">
                  <c:v>5.5800000000000002E-2</c:v>
                </c:pt>
                <c:pt idx="2082">
                  <c:v>5.5800000000000002E-2</c:v>
                </c:pt>
                <c:pt idx="2083">
                  <c:v>5.5800000000000002E-2</c:v>
                </c:pt>
                <c:pt idx="2084">
                  <c:v>5.5800000000000002E-2</c:v>
                </c:pt>
                <c:pt idx="2085">
                  <c:v>5.5800000000000002E-2</c:v>
                </c:pt>
                <c:pt idx="2086">
                  <c:v>5.5800000000000002E-2</c:v>
                </c:pt>
                <c:pt idx="2087">
                  <c:v>5.5800000000000002E-2</c:v>
                </c:pt>
                <c:pt idx="2088">
                  <c:v>5.5800000000000002E-2</c:v>
                </c:pt>
                <c:pt idx="2089">
                  <c:v>5.5800000000000002E-2</c:v>
                </c:pt>
                <c:pt idx="2090">
                  <c:v>5.5800000000000002E-2</c:v>
                </c:pt>
                <c:pt idx="2091">
                  <c:v>5.5800000000000002E-2</c:v>
                </c:pt>
                <c:pt idx="2092">
                  <c:v>5.5800000000000002E-2</c:v>
                </c:pt>
                <c:pt idx="2093">
                  <c:v>5.5800000000000002E-2</c:v>
                </c:pt>
                <c:pt idx="2094">
                  <c:v>5.5800000000000002E-2</c:v>
                </c:pt>
                <c:pt idx="2095">
                  <c:v>5.5800000000000002E-2</c:v>
                </c:pt>
                <c:pt idx="2096">
                  <c:v>5.5800000000000002E-2</c:v>
                </c:pt>
                <c:pt idx="2097">
                  <c:v>5.5800000000000002E-2</c:v>
                </c:pt>
                <c:pt idx="2098">
                  <c:v>5.5800000000000002E-2</c:v>
                </c:pt>
                <c:pt idx="2099">
                  <c:v>5.5800000000000002E-2</c:v>
                </c:pt>
                <c:pt idx="2100">
                  <c:v>5.5800000000000002E-2</c:v>
                </c:pt>
                <c:pt idx="2101">
                  <c:v>5.5800000000000002E-2</c:v>
                </c:pt>
                <c:pt idx="2102">
                  <c:v>5.5800000000000002E-2</c:v>
                </c:pt>
                <c:pt idx="2103">
                  <c:v>5.5800000000000002E-2</c:v>
                </c:pt>
                <c:pt idx="2104">
                  <c:v>5.5800000000000002E-2</c:v>
                </c:pt>
                <c:pt idx="2105">
                  <c:v>5.5800000000000002E-2</c:v>
                </c:pt>
                <c:pt idx="2106">
                  <c:v>5.5800000000000002E-2</c:v>
                </c:pt>
                <c:pt idx="2107">
                  <c:v>5.5800000000000002E-2</c:v>
                </c:pt>
                <c:pt idx="2108">
                  <c:v>5.5800000000000002E-2</c:v>
                </c:pt>
                <c:pt idx="2109">
                  <c:v>5.5800000000000002E-2</c:v>
                </c:pt>
                <c:pt idx="2110">
                  <c:v>5.5800000000000002E-2</c:v>
                </c:pt>
                <c:pt idx="2111">
                  <c:v>5.5800000000000002E-2</c:v>
                </c:pt>
                <c:pt idx="2112">
                  <c:v>5.5800000000000002E-2</c:v>
                </c:pt>
                <c:pt idx="2113">
                  <c:v>5.5800000000000002E-2</c:v>
                </c:pt>
                <c:pt idx="2114">
                  <c:v>5.5800000000000002E-2</c:v>
                </c:pt>
                <c:pt idx="2115">
                  <c:v>5.5800000000000002E-2</c:v>
                </c:pt>
                <c:pt idx="2116">
                  <c:v>5.5800000000000002E-2</c:v>
                </c:pt>
                <c:pt idx="2117">
                  <c:v>5.5800000000000002E-2</c:v>
                </c:pt>
                <c:pt idx="2118">
                  <c:v>5.5800000000000002E-2</c:v>
                </c:pt>
                <c:pt idx="2119">
                  <c:v>5.5800000000000002E-2</c:v>
                </c:pt>
                <c:pt idx="2120">
                  <c:v>5.5800000000000002E-2</c:v>
                </c:pt>
                <c:pt idx="2121">
                  <c:v>5.5800000000000002E-2</c:v>
                </c:pt>
                <c:pt idx="2122">
                  <c:v>5.5800000000000002E-2</c:v>
                </c:pt>
                <c:pt idx="2123">
                  <c:v>5.5800000000000002E-2</c:v>
                </c:pt>
                <c:pt idx="2124">
                  <c:v>5.5800000000000002E-2</c:v>
                </c:pt>
                <c:pt idx="2125">
                  <c:v>5.5800000000000002E-2</c:v>
                </c:pt>
                <c:pt idx="2126">
                  <c:v>5.5800000000000002E-2</c:v>
                </c:pt>
                <c:pt idx="2127">
                  <c:v>5.5800000000000002E-2</c:v>
                </c:pt>
                <c:pt idx="2128">
                  <c:v>5.5800000000000002E-2</c:v>
                </c:pt>
                <c:pt idx="2129">
                  <c:v>5.5800000000000002E-2</c:v>
                </c:pt>
                <c:pt idx="2130">
                  <c:v>5.5800000000000002E-2</c:v>
                </c:pt>
                <c:pt idx="2131">
                  <c:v>5.5800000000000002E-2</c:v>
                </c:pt>
                <c:pt idx="2132">
                  <c:v>5.5800000000000002E-2</c:v>
                </c:pt>
                <c:pt idx="2133">
                  <c:v>5.5800000000000002E-2</c:v>
                </c:pt>
                <c:pt idx="2134">
                  <c:v>5.5800000000000002E-2</c:v>
                </c:pt>
                <c:pt idx="2135">
                  <c:v>5.5800000000000002E-2</c:v>
                </c:pt>
                <c:pt idx="2136">
                  <c:v>5.5800000000000002E-2</c:v>
                </c:pt>
                <c:pt idx="2137">
                  <c:v>5.5800000000000002E-2</c:v>
                </c:pt>
                <c:pt idx="2138">
                  <c:v>5.5800000000000002E-2</c:v>
                </c:pt>
                <c:pt idx="2139">
                  <c:v>5.5800000000000002E-2</c:v>
                </c:pt>
                <c:pt idx="2140">
                  <c:v>5.5800000000000002E-2</c:v>
                </c:pt>
                <c:pt idx="2141">
                  <c:v>5.5800000000000002E-2</c:v>
                </c:pt>
                <c:pt idx="2142">
                  <c:v>5.5800000000000002E-2</c:v>
                </c:pt>
                <c:pt idx="2143">
                  <c:v>5.5800000000000002E-2</c:v>
                </c:pt>
                <c:pt idx="2144">
                  <c:v>5.5800000000000002E-2</c:v>
                </c:pt>
                <c:pt idx="2145">
                  <c:v>5.5800000000000002E-2</c:v>
                </c:pt>
                <c:pt idx="2146">
                  <c:v>5.5800000000000002E-2</c:v>
                </c:pt>
                <c:pt idx="2147">
                  <c:v>5.5800000000000002E-2</c:v>
                </c:pt>
                <c:pt idx="2148">
                  <c:v>5.5800000000000002E-2</c:v>
                </c:pt>
                <c:pt idx="2149">
                  <c:v>5.5800000000000002E-2</c:v>
                </c:pt>
                <c:pt idx="2150">
                  <c:v>5.5800000000000002E-2</c:v>
                </c:pt>
                <c:pt idx="2151">
                  <c:v>5.5800000000000002E-2</c:v>
                </c:pt>
                <c:pt idx="2152">
                  <c:v>5.5800000000000002E-2</c:v>
                </c:pt>
                <c:pt idx="2153">
                  <c:v>5.5800000000000002E-2</c:v>
                </c:pt>
                <c:pt idx="2154">
                  <c:v>5.5800000000000002E-2</c:v>
                </c:pt>
                <c:pt idx="2155">
                  <c:v>5.5800000000000002E-2</c:v>
                </c:pt>
                <c:pt idx="2156">
                  <c:v>5.5800000000000002E-2</c:v>
                </c:pt>
                <c:pt idx="2157">
                  <c:v>5.5800000000000002E-2</c:v>
                </c:pt>
                <c:pt idx="2158">
                  <c:v>5.5800000000000002E-2</c:v>
                </c:pt>
                <c:pt idx="2159">
                  <c:v>5.5800000000000002E-2</c:v>
                </c:pt>
                <c:pt idx="2160">
                  <c:v>5.5800000000000002E-2</c:v>
                </c:pt>
                <c:pt idx="2161">
                  <c:v>5.5800000000000002E-2</c:v>
                </c:pt>
                <c:pt idx="2162">
                  <c:v>5.5800000000000002E-2</c:v>
                </c:pt>
                <c:pt idx="2163">
                  <c:v>5.5800000000000002E-2</c:v>
                </c:pt>
                <c:pt idx="2164">
                  <c:v>5.5800000000000002E-2</c:v>
                </c:pt>
                <c:pt idx="2165">
                  <c:v>5.5800000000000002E-2</c:v>
                </c:pt>
                <c:pt idx="2166">
                  <c:v>5.5800000000000002E-2</c:v>
                </c:pt>
                <c:pt idx="2167">
                  <c:v>5.5800000000000002E-2</c:v>
                </c:pt>
                <c:pt idx="2168">
                  <c:v>5.5800000000000002E-2</c:v>
                </c:pt>
                <c:pt idx="2169">
                  <c:v>5.5800000000000002E-2</c:v>
                </c:pt>
                <c:pt idx="2170">
                  <c:v>5.5800000000000002E-2</c:v>
                </c:pt>
                <c:pt idx="2171">
                  <c:v>5.5800000000000002E-2</c:v>
                </c:pt>
                <c:pt idx="2172">
                  <c:v>5.5800000000000002E-2</c:v>
                </c:pt>
                <c:pt idx="2173">
                  <c:v>5.5800000000000002E-2</c:v>
                </c:pt>
                <c:pt idx="2174">
                  <c:v>5.5800000000000002E-2</c:v>
                </c:pt>
                <c:pt idx="2175">
                  <c:v>5.5800000000000002E-2</c:v>
                </c:pt>
                <c:pt idx="2176">
                  <c:v>5.5800000000000002E-2</c:v>
                </c:pt>
                <c:pt idx="2177">
                  <c:v>5.5800000000000002E-2</c:v>
                </c:pt>
                <c:pt idx="2178">
                  <c:v>5.5800000000000002E-2</c:v>
                </c:pt>
                <c:pt idx="2179">
                  <c:v>5.5800000000000002E-2</c:v>
                </c:pt>
                <c:pt idx="2180">
                  <c:v>5.5800000000000002E-2</c:v>
                </c:pt>
                <c:pt idx="2181">
                  <c:v>5.5800000000000002E-2</c:v>
                </c:pt>
                <c:pt idx="2182">
                  <c:v>5.5800000000000002E-2</c:v>
                </c:pt>
                <c:pt idx="2183">
                  <c:v>5.5800000000000002E-2</c:v>
                </c:pt>
                <c:pt idx="2184">
                  <c:v>5.5800000000000002E-2</c:v>
                </c:pt>
                <c:pt idx="2185">
                  <c:v>5.5800000000000002E-2</c:v>
                </c:pt>
                <c:pt idx="2186">
                  <c:v>5.5800000000000002E-2</c:v>
                </c:pt>
                <c:pt idx="2187">
                  <c:v>5.5800000000000002E-2</c:v>
                </c:pt>
                <c:pt idx="2188">
                  <c:v>5.5800000000000002E-2</c:v>
                </c:pt>
                <c:pt idx="2189">
                  <c:v>5.5800000000000002E-2</c:v>
                </c:pt>
                <c:pt idx="2190">
                  <c:v>5.5800000000000002E-2</c:v>
                </c:pt>
                <c:pt idx="2191">
                  <c:v>5.5800000000000002E-2</c:v>
                </c:pt>
                <c:pt idx="2192">
                  <c:v>5.5800000000000002E-2</c:v>
                </c:pt>
                <c:pt idx="2193">
                  <c:v>5.5800000000000002E-2</c:v>
                </c:pt>
                <c:pt idx="2194">
                  <c:v>5.5800000000000002E-2</c:v>
                </c:pt>
                <c:pt idx="2195">
                  <c:v>5.5800000000000002E-2</c:v>
                </c:pt>
                <c:pt idx="2196">
                  <c:v>5.5800000000000002E-2</c:v>
                </c:pt>
                <c:pt idx="2197">
                  <c:v>5.5800000000000002E-2</c:v>
                </c:pt>
                <c:pt idx="2198">
                  <c:v>5.5800000000000002E-2</c:v>
                </c:pt>
                <c:pt idx="2199">
                  <c:v>5.5800000000000002E-2</c:v>
                </c:pt>
                <c:pt idx="2200">
                  <c:v>5.5800000000000002E-2</c:v>
                </c:pt>
                <c:pt idx="2201">
                  <c:v>5.5800000000000002E-2</c:v>
                </c:pt>
                <c:pt idx="2202">
                  <c:v>5.5800000000000002E-2</c:v>
                </c:pt>
                <c:pt idx="2203">
                  <c:v>5.5800000000000002E-2</c:v>
                </c:pt>
                <c:pt idx="2204">
                  <c:v>5.5800000000000002E-2</c:v>
                </c:pt>
                <c:pt idx="2205">
                  <c:v>5.5800000000000002E-2</c:v>
                </c:pt>
                <c:pt idx="2206">
                  <c:v>5.5800000000000002E-2</c:v>
                </c:pt>
                <c:pt idx="2207">
                  <c:v>5.5800000000000002E-2</c:v>
                </c:pt>
                <c:pt idx="2208">
                  <c:v>5.5800000000000002E-2</c:v>
                </c:pt>
                <c:pt idx="2209">
                  <c:v>5.5800000000000002E-2</c:v>
                </c:pt>
                <c:pt idx="2210">
                  <c:v>5.5800000000000002E-2</c:v>
                </c:pt>
                <c:pt idx="2211">
                  <c:v>5.5800000000000002E-2</c:v>
                </c:pt>
                <c:pt idx="2212">
                  <c:v>5.5800000000000002E-2</c:v>
                </c:pt>
                <c:pt idx="2213">
                  <c:v>5.5800000000000002E-2</c:v>
                </c:pt>
                <c:pt idx="2214">
                  <c:v>5.5800000000000002E-2</c:v>
                </c:pt>
                <c:pt idx="2215">
                  <c:v>5.5800000000000002E-2</c:v>
                </c:pt>
                <c:pt idx="2216">
                  <c:v>5.5800000000000002E-2</c:v>
                </c:pt>
                <c:pt idx="2217">
                  <c:v>5.5800000000000002E-2</c:v>
                </c:pt>
                <c:pt idx="2218">
                  <c:v>5.5800000000000002E-2</c:v>
                </c:pt>
                <c:pt idx="2219">
                  <c:v>5.5800000000000002E-2</c:v>
                </c:pt>
                <c:pt idx="2220">
                  <c:v>5.5800000000000002E-2</c:v>
                </c:pt>
                <c:pt idx="2221">
                  <c:v>5.5800000000000002E-2</c:v>
                </c:pt>
                <c:pt idx="2222">
                  <c:v>5.5800000000000002E-2</c:v>
                </c:pt>
                <c:pt idx="2223">
                  <c:v>5.5800000000000002E-2</c:v>
                </c:pt>
                <c:pt idx="2224">
                  <c:v>5.5800000000000002E-2</c:v>
                </c:pt>
                <c:pt idx="2225">
                  <c:v>5.5800000000000002E-2</c:v>
                </c:pt>
                <c:pt idx="2226">
                  <c:v>5.5800000000000002E-2</c:v>
                </c:pt>
                <c:pt idx="2227">
                  <c:v>5.5800000000000002E-2</c:v>
                </c:pt>
                <c:pt idx="2228">
                  <c:v>5.5800000000000002E-2</c:v>
                </c:pt>
                <c:pt idx="2229">
                  <c:v>5.5800000000000002E-2</c:v>
                </c:pt>
                <c:pt idx="2230">
                  <c:v>5.5800000000000002E-2</c:v>
                </c:pt>
                <c:pt idx="2231">
                  <c:v>5.5800000000000002E-2</c:v>
                </c:pt>
                <c:pt idx="2232">
                  <c:v>5.5800000000000002E-2</c:v>
                </c:pt>
                <c:pt idx="2233">
                  <c:v>5.5800000000000002E-2</c:v>
                </c:pt>
                <c:pt idx="2234">
                  <c:v>5.5800000000000002E-2</c:v>
                </c:pt>
                <c:pt idx="2235">
                  <c:v>5.5800000000000002E-2</c:v>
                </c:pt>
                <c:pt idx="2236">
                  <c:v>5.5800000000000002E-2</c:v>
                </c:pt>
                <c:pt idx="2237">
                  <c:v>5.5800000000000002E-2</c:v>
                </c:pt>
                <c:pt idx="2238">
                  <c:v>5.5800000000000002E-2</c:v>
                </c:pt>
                <c:pt idx="2239">
                  <c:v>5.5800000000000002E-2</c:v>
                </c:pt>
                <c:pt idx="2240">
                  <c:v>5.5800000000000002E-2</c:v>
                </c:pt>
                <c:pt idx="2241">
                  <c:v>5.5800000000000002E-2</c:v>
                </c:pt>
                <c:pt idx="2242">
                  <c:v>5.5800000000000002E-2</c:v>
                </c:pt>
                <c:pt idx="2243">
                  <c:v>5.5800000000000002E-2</c:v>
                </c:pt>
                <c:pt idx="2244">
                  <c:v>5.5800000000000002E-2</c:v>
                </c:pt>
                <c:pt idx="2245">
                  <c:v>5.5800000000000002E-2</c:v>
                </c:pt>
                <c:pt idx="2246">
                  <c:v>5.5800000000000002E-2</c:v>
                </c:pt>
                <c:pt idx="2247">
                  <c:v>5.5800000000000002E-2</c:v>
                </c:pt>
                <c:pt idx="2248">
                  <c:v>5.5800000000000002E-2</c:v>
                </c:pt>
                <c:pt idx="2249">
                  <c:v>5.5800000000000002E-2</c:v>
                </c:pt>
                <c:pt idx="2250">
                  <c:v>5.5800000000000002E-2</c:v>
                </c:pt>
                <c:pt idx="2251">
                  <c:v>5.5800000000000002E-2</c:v>
                </c:pt>
                <c:pt idx="2252">
                  <c:v>5.5800000000000002E-2</c:v>
                </c:pt>
                <c:pt idx="2253">
                  <c:v>5.5800000000000002E-2</c:v>
                </c:pt>
                <c:pt idx="2254">
                  <c:v>5.5800000000000002E-2</c:v>
                </c:pt>
                <c:pt idx="2255">
                  <c:v>5.5800000000000002E-2</c:v>
                </c:pt>
                <c:pt idx="2256">
                  <c:v>5.5800000000000002E-2</c:v>
                </c:pt>
                <c:pt idx="2257">
                  <c:v>5.5800000000000002E-2</c:v>
                </c:pt>
                <c:pt idx="2258">
                  <c:v>5.5800000000000002E-2</c:v>
                </c:pt>
                <c:pt idx="2259">
                  <c:v>5.5800000000000002E-2</c:v>
                </c:pt>
                <c:pt idx="2260">
                  <c:v>5.5800000000000002E-2</c:v>
                </c:pt>
                <c:pt idx="2261">
                  <c:v>5.5800000000000002E-2</c:v>
                </c:pt>
                <c:pt idx="2262">
                  <c:v>5.5800000000000002E-2</c:v>
                </c:pt>
                <c:pt idx="2263">
                  <c:v>5.5800000000000002E-2</c:v>
                </c:pt>
                <c:pt idx="2264">
                  <c:v>5.5800000000000002E-2</c:v>
                </c:pt>
                <c:pt idx="2265">
                  <c:v>5.5800000000000002E-2</c:v>
                </c:pt>
                <c:pt idx="2266">
                  <c:v>5.5800000000000002E-2</c:v>
                </c:pt>
                <c:pt idx="2267">
                  <c:v>5.5800000000000002E-2</c:v>
                </c:pt>
                <c:pt idx="2268">
                  <c:v>5.5800000000000002E-2</c:v>
                </c:pt>
                <c:pt idx="2269">
                  <c:v>5.5800000000000002E-2</c:v>
                </c:pt>
                <c:pt idx="2270">
                  <c:v>5.5800000000000002E-2</c:v>
                </c:pt>
                <c:pt idx="2271">
                  <c:v>5.5800000000000002E-2</c:v>
                </c:pt>
                <c:pt idx="2272">
                  <c:v>5.5800000000000002E-2</c:v>
                </c:pt>
                <c:pt idx="2273">
                  <c:v>5.5800000000000002E-2</c:v>
                </c:pt>
                <c:pt idx="2274">
                  <c:v>5.5800000000000002E-2</c:v>
                </c:pt>
                <c:pt idx="2275">
                  <c:v>5.5800000000000002E-2</c:v>
                </c:pt>
                <c:pt idx="2276">
                  <c:v>5.5800000000000002E-2</c:v>
                </c:pt>
                <c:pt idx="2277">
                  <c:v>5.5800000000000002E-2</c:v>
                </c:pt>
                <c:pt idx="2278">
                  <c:v>5.5800000000000002E-2</c:v>
                </c:pt>
                <c:pt idx="2279">
                  <c:v>5.5800000000000002E-2</c:v>
                </c:pt>
                <c:pt idx="2280">
                  <c:v>5.5800000000000002E-2</c:v>
                </c:pt>
                <c:pt idx="2281">
                  <c:v>5.5800000000000002E-2</c:v>
                </c:pt>
                <c:pt idx="2282">
                  <c:v>5.5800000000000002E-2</c:v>
                </c:pt>
                <c:pt idx="2283">
                  <c:v>5.5800000000000002E-2</c:v>
                </c:pt>
                <c:pt idx="2284">
                  <c:v>5.5800000000000002E-2</c:v>
                </c:pt>
                <c:pt idx="2285">
                  <c:v>5.5800000000000002E-2</c:v>
                </c:pt>
                <c:pt idx="2286">
                  <c:v>5.5800000000000002E-2</c:v>
                </c:pt>
                <c:pt idx="2287">
                  <c:v>5.5800000000000002E-2</c:v>
                </c:pt>
                <c:pt idx="2288">
                  <c:v>5.5800000000000002E-2</c:v>
                </c:pt>
                <c:pt idx="2289">
                  <c:v>5.5800000000000002E-2</c:v>
                </c:pt>
                <c:pt idx="2290">
                  <c:v>5.5800000000000002E-2</c:v>
                </c:pt>
                <c:pt idx="2291">
                  <c:v>5.5800000000000002E-2</c:v>
                </c:pt>
                <c:pt idx="2292">
                  <c:v>5.5800000000000002E-2</c:v>
                </c:pt>
                <c:pt idx="2293">
                  <c:v>5.5800000000000002E-2</c:v>
                </c:pt>
                <c:pt idx="2294">
                  <c:v>5.5800000000000002E-2</c:v>
                </c:pt>
                <c:pt idx="2295">
                  <c:v>5.5800000000000002E-2</c:v>
                </c:pt>
                <c:pt idx="2296">
                  <c:v>5.5800000000000002E-2</c:v>
                </c:pt>
                <c:pt idx="2297">
                  <c:v>5.5800000000000002E-2</c:v>
                </c:pt>
                <c:pt idx="2298">
                  <c:v>5.5800000000000002E-2</c:v>
                </c:pt>
                <c:pt idx="2299">
                  <c:v>5.5800000000000002E-2</c:v>
                </c:pt>
                <c:pt idx="2300">
                  <c:v>5.5800000000000002E-2</c:v>
                </c:pt>
                <c:pt idx="2301">
                  <c:v>5.5800000000000002E-2</c:v>
                </c:pt>
                <c:pt idx="2302">
                  <c:v>5.5800000000000002E-2</c:v>
                </c:pt>
                <c:pt idx="2303">
                  <c:v>5.5800000000000002E-2</c:v>
                </c:pt>
                <c:pt idx="2304">
                  <c:v>5.5800000000000002E-2</c:v>
                </c:pt>
                <c:pt idx="2305">
                  <c:v>5.5800000000000002E-2</c:v>
                </c:pt>
                <c:pt idx="2306">
                  <c:v>5.5800000000000002E-2</c:v>
                </c:pt>
                <c:pt idx="2307">
                  <c:v>5.5800000000000002E-2</c:v>
                </c:pt>
                <c:pt idx="2308">
                  <c:v>5.5800000000000002E-2</c:v>
                </c:pt>
                <c:pt idx="2309">
                  <c:v>5.8499999999999996E-2</c:v>
                </c:pt>
                <c:pt idx="2310">
                  <c:v>5.8499999999999996E-2</c:v>
                </c:pt>
                <c:pt idx="2311">
                  <c:v>5.8499999999999996E-2</c:v>
                </c:pt>
                <c:pt idx="2312">
                  <c:v>5.8499999999999996E-2</c:v>
                </c:pt>
                <c:pt idx="2313">
                  <c:v>5.8499999999999996E-2</c:v>
                </c:pt>
                <c:pt idx="2314">
                  <c:v>5.8499999999999996E-2</c:v>
                </c:pt>
                <c:pt idx="2315">
                  <c:v>5.8499999999999996E-2</c:v>
                </c:pt>
                <c:pt idx="2316">
                  <c:v>5.8499999999999996E-2</c:v>
                </c:pt>
                <c:pt idx="2317">
                  <c:v>5.8499999999999996E-2</c:v>
                </c:pt>
                <c:pt idx="2318">
                  <c:v>5.8499999999999996E-2</c:v>
                </c:pt>
                <c:pt idx="2319">
                  <c:v>5.8499999999999996E-2</c:v>
                </c:pt>
                <c:pt idx="2320">
                  <c:v>5.8499999999999996E-2</c:v>
                </c:pt>
                <c:pt idx="2321">
                  <c:v>5.8499999999999996E-2</c:v>
                </c:pt>
                <c:pt idx="2322">
                  <c:v>5.8499999999999996E-2</c:v>
                </c:pt>
                <c:pt idx="2323">
                  <c:v>5.8499999999999996E-2</c:v>
                </c:pt>
                <c:pt idx="2324">
                  <c:v>5.8499999999999996E-2</c:v>
                </c:pt>
                <c:pt idx="2325">
                  <c:v>5.8499999999999996E-2</c:v>
                </c:pt>
                <c:pt idx="2326">
                  <c:v>5.8499999999999996E-2</c:v>
                </c:pt>
                <c:pt idx="2327">
                  <c:v>5.8499999999999996E-2</c:v>
                </c:pt>
                <c:pt idx="2328">
                  <c:v>5.8499999999999996E-2</c:v>
                </c:pt>
                <c:pt idx="2329">
                  <c:v>5.8499999999999996E-2</c:v>
                </c:pt>
                <c:pt idx="2330">
                  <c:v>5.8499999999999996E-2</c:v>
                </c:pt>
                <c:pt idx="2331">
                  <c:v>5.8499999999999996E-2</c:v>
                </c:pt>
                <c:pt idx="2332">
                  <c:v>5.8499999999999996E-2</c:v>
                </c:pt>
                <c:pt idx="2333">
                  <c:v>5.8499999999999996E-2</c:v>
                </c:pt>
                <c:pt idx="2334">
                  <c:v>5.8499999999999996E-2</c:v>
                </c:pt>
                <c:pt idx="2335">
                  <c:v>5.8499999999999996E-2</c:v>
                </c:pt>
                <c:pt idx="2336">
                  <c:v>5.8499999999999996E-2</c:v>
                </c:pt>
                <c:pt idx="2337">
                  <c:v>5.8499999999999996E-2</c:v>
                </c:pt>
                <c:pt idx="2338">
                  <c:v>5.8499999999999996E-2</c:v>
                </c:pt>
                <c:pt idx="2339">
                  <c:v>5.8499999999999996E-2</c:v>
                </c:pt>
                <c:pt idx="2340">
                  <c:v>5.8499999999999996E-2</c:v>
                </c:pt>
                <c:pt idx="2341">
                  <c:v>5.8499999999999996E-2</c:v>
                </c:pt>
                <c:pt idx="2342">
                  <c:v>5.8499999999999996E-2</c:v>
                </c:pt>
                <c:pt idx="2343">
                  <c:v>5.8499999999999996E-2</c:v>
                </c:pt>
                <c:pt idx="2344">
                  <c:v>5.8499999999999996E-2</c:v>
                </c:pt>
                <c:pt idx="2345">
                  <c:v>5.8499999999999996E-2</c:v>
                </c:pt>
                <c:pt idx="2346">
                  <c:v>5.8499999999999996E-2</c:v>
                </c:pt>
                <c:pt idx="2347">
                  <c:v>5.8499999999999996E-2</c:v>
                </c:pt>
                <c:pt idx="2348">
                  <c:v>5.8499999999999996E-2</c:v>
                </c:pt>
                <c:pt idx="2349">
                  <c:v>5.8499999999999996E-2</c:v>
                </c:pt>
                <c:pt idx="2350">
                  <c:v>5.8499999999999996E-2</c:v>
                </c:pt>
                <c:pt idx="2351">
                  <c:v>5.8499999999999996E-2</c:v>
                </c:pt>
                <c:pt idx="2352">
                  <c:v>5.8499999999999996E-2</c:v>
                </c:pt>
                <c:pt idx="2353">
                  <c:v>5.8499999999999996E-2</c:v>
                </c:pt>
                <c:pt idx="2354">
                  <c:v>5.8499999999999996E-2</c:v>
                </c:pt>
                <c:pt idx="2355">
                  <c:v>5.8499999999999996E-2</c:v>
                </c:pt>
                <c:pt idx="2356">
                  <c:v>5.8499999999999996E-2</c:v>
                </c:pt>
                <c:pt idx="2357">
                  <c:v>5.8499999999999996E-2</c:v>
                </c:pt>
                <c:pt idx="2358">
                  <c:v>5.8499999999999996E-2</c:v>
                </c:pt>
                <c:pt idx="2359">
                  <c:v>5.8499999999999996E-2</c:v>
                </c:pt>
                <c:pt idx="2360">
                  <c:v>5.8499999999999996E-2</c:v>
                </c:pt>
                <c:pt idx="2361">
                  <c:v>5.8499999999999996E-2</c:v>
                </c:pt>
                <c:pt idx="2362">
                  <c:v>5.8499999999999996E-2</c:v>
                </c:pt>
                <c:pt idx="2363">
                  <c:v>5.8499999999999996E-2</c:v>
                </c:pt>
                <c:pt idx="2364">
                  <c:v>5.8499999999999996E-2</c:v>
                </c:pt>
                <c:pt idx="2365">
                  <c:v>5.8499999999999996E-2</c:v>
                </c:pt>
                <c:pt idx="2366">
                  <c:v>5.8499999999999996E-2</c:v>
                </c:pt>
                <c:pt idx="2367">
                  <c:v>5.8499999999999996E-2</c:v>
                </c:pt>
                <c:pt idx="2368">
                  <c:v>5.8499999999999996E-2</c:v>
                </c:pt>
                <c:pt idx="2369">
                  <c:v>5.8499999999999996E-2</c:v>
                </c:pt>
                <c:pt idx="2370">
                  <c:v>5.8499999999999996E-2</c:v>
                </c:pt>
                <c:pt idx="2371">
                  <c:v>5.8499999999999996E-2</c:v>
                </c:pt>
                <c:pt idx="2372">
                  <c:v>5.8499999999999996E-2</c:v>
                </c:pt>
                <c:pt idx="2373">
                  <c:v>5.8499999999999996E-2</c:v>
                </c:pt>
                <c:pt idx="2374">
                  <c:v>5.8499999999999996E-2</c:v>
                </c:pt>
                <c:pt idx="2375">
                  <c:v>5.8499999999999996E-2</c:v>
                </c:pt>
                <c:pt idx="2376">
                  <c:v>5.8499999999999996E-2</c:v>
                </c:pt>
                <c:pt idx="2377">
                  <c:v>5.8499999999999996E-2</c:v>
                </c:pt>
                <c:pt idx="2378">
                  <c:v>5.8499999999999996E-2</c:v>
                </c:pt>
                <c:pt idx="2379">
                  <c:v>5.8499999999999996E-2</c:v>
                </c:pt>
                <c:pt idx="2380">
                  <c:v>5.8499999999999996E-2</c:v>
                </c:pt>
                <c:pt idx="2381">
                  <c:v>5.8499999999999996E-2</c:v>
                </c:pt>
                <c:pt idx="2382">
                  <c:v>5.8499999999999996E-2</c:v>
                </c:pt>
                <c:pt idx="2383">
                  <c:v>5.8499999999999996E-2</c:v>
                </c:pt>
                <c:pt idx="2384">
                  <c:v>5.8499999999999996E-2</c:v>
                </c:pt>
                <c:pt idx="2385">
                  <c:v>5.8499999999999996E-2</c:v>
                </c:pt>
                <c:pt idx="2386">
                  <c:v>5.8499999999999996E-2</c:v>
                </c:pt>
                <c:pt idx="2387">
                  <c:v>5.8499999999999996E-2</c:v>
                </c:pt>
                <c:pt idx="2388">
                  <c:v>5.8499999999999996E-2</c:v>
                </c:pt>
                <c:pt idx="2389">
                  <c:v>5.8499999999999996E-2</c:v>
                </c:pt>
                <c:pt idx="2390">
                  <c:v>5.8499999999999996E-2</c:v>
                </c:pt>
                <c:pt idx="2391">
                  <c:v>5.8499999999999996E-2</c:v>
                </c:pt>
                <c:pt idx="2392">
                  <c:v>5.8499999999999996E-2</c:v>
                </c:pt>
                <c:pt idx="2393">
                  <c:v>5.8499999999999996E-2</c:v>
                </c:pt>
                <c:pt idx="2394">
                  <c:v>5.8499999999999996E-2</c:v>
                </c:pt>
                <c:pt idx="2395">
                  <c:v>5.8499999999999996E-2</c:v>
                </c:pt>
                <c:pt idx="2396">
                  <c:v>5.8499999999999996E-2</c:v>
                </c:pt>
                <c:pt idx="2397">
                  <c:v>5.8499999999999996E-2</c:v>
                </c:pt>
                <c:pt idx="2398">
                  <c:v>5.8499999999999996E-2</c:v>
                </c:pt>
                <c:pt idx="2399">
                  <c:v>5.8499999999999996E-2</c:v>
                </c:pt>
                <c:pt idx="2400">
                  <c:v>5.8499999999999996E-2</c:v>
                </c:pt>
                <c:pt idx="2401">
                  <c:v>5.8499999999999996E-2</c:v>
                </c:pt>
                <c:pt idx="2402">
                  <c:v>5.8499999999999996E-2</c:v>
                </c:pt>
                <c:pt idx="2403">
                  <c:v>5.8499999999999996E-2</c:v>
                </c:pt>
                <c:pt idx="2404">
                  <c:v>5.8499999999999996E-2</c:v>
                </c:pt>
                <c:pt idx="2405">
                  <c:v>5.8499999999999996E-2</c:v>
                </c:pt>
                <c:pt idx="2406">
                  <c:v>5.8499999999999996E-2</c:v>
                </c:pt>
                <c:pt idx="2407">
                  <c:v>5.8499999999999996E-2</c:v>
                </c:pt>
                <c:pt idx="2408">
                  <c:v>5.8499999999999996E-2</c:v>
                </c:pt>
                <c:pt idx="2409">
                  <c:v>5.8499999999999996E-2</c:v>
                </c:pt>
                <c:pt idx="2410">
                  <c:v>5.8499999999999996E-2</c:v>
                </c:pt>
                <c:pt idx="2411">
                  <c:v>5.8499999999999996E-2</c:v>
                </c:pt>
                <c:pt idx="2412">
                  <c:v>5.8499999999999996E-2</c:v>
                </c:pt>
                <c:pt idx="2413">
                  <c:v>5.8499999999999996E-2</c:v>
                </c:pt>
                <c:pt idx="2414">
                  <c:v>5.8499999999999996E-2</c:v>
                </c:pt>
                <c:pt idx="2415">
                  <c:v>5.8499999999999996E-2</c:v>
                </c:pt>
                <c:pt idx="2416">
                  <c:v>5.8499999999999996E-2</c:v>
                </c:pt>
                <c:pt idx="2417">
                  <c:v>5.8499999999999996E-2</c:v>
                </c:pt>
                <c:pt idx="2418">
                  <c:v>5.8499999999999996E-2</c:v>
                </c:pt>
                <c:pt idx="2419">
                  <c:v>5.8499999999999996E-2</c:v>
                </c:pt>
                <c:pt idx="2420">
                  <c:v>5.8499999999999996E-2</c:v>
                </c:pt>
                <c:pt idx="2421">
                  <c:v>5.8499999999999996E-2</c:v>
                </c:pt>
                <c:pt idx="2422">
                  <c:v>6.1200000000000004E-2</c:v>
                </c:pt>
                <c:pt idx="2423">
                  <c:v>6.1200000000000004E-2</c:v>
                </c:pt>
                <c:pt idx="2424">
                  <c:v>6.1200000000000004E-2</c:v>
                </c:pt>
                <c:pt idx="2425">
                  <c:v>6.1200000000000004E-2</c:v>
                </c:pt>
                <c:pt idx="2426">
                  <c:v>6.1200000000000004E-2</c:v>
                </c:pt>
                <c:pt idx="2427">
                  <c:v>6.1200000000000004E-2</c:v>
                </c:pt>
                <c:pt idx="2428">
                  <c:v>6.1200000000000004E-2</c:v>
                </c:pt>
                <c:pt idx="2429">
                  <c:v>6.1200000000000004E-2</c:v>
                </c:pt>
                <c:pt idx="2430">
                  <c:v>6.1200000000000004E-2</c:v>
                </c:pt>
                <c:pt idx="2431">
                  <c:v>6.1200000000000004E-2</c:v>
                </c:pt>
                <c:pt idx="2432">
                  <c:v>6.1200000000000004E-2</c:v>
                </c:pt>
                <c:pt idx="2433">
                  <c:v>6.1200000000000004E-2</c:v>
                </c:pt>
                <c:pt idx="2434">
                  <c:v>6.1200000000000004E-2</c:v>
                </c:pt>
                <c:pt idx="2435">
                  <c:v>6.1200000000000004E-2</c:v>
                </c:pt>
                <c:pt idx="2436">
                  <c:v>6.1200000000000004E-2</c:v>
                </c:pt>
                <c:pt idx="2437">
                  <c:v>6.1200000000000004E-2</c:v>
                </c:pt>
                <c:pt idx="2438">
                  <c:v>6.1200000000000004E-2</c:v>
                </c:pt>
                <c:pt idx="2439">
                  <c:v>6.1200000000000004E-2</c:v>
                </c:pt>
                <c:pt idx="2440">
                  <c:v>6.1200000000000004E-2</c:v>
                </c:pt>
                <c:pt idx="2441">
                  <c:v>6.1200000000000004E-2</c:v>
                </c:pt>
                <c:pt idx="2442">
                  <c:v>6.1200000000000004E-2</c:v>
                </c:pt>
                <c:pt idx="2443">
                  <c:v>6.1200000000000004E-2</c:v>
                </c:pt>
                <c:pt idx="2444">
                  <c:v>6.1200000000000004E-2</c:v>
                </c:pt>
                <c:pt idx="2445">
                  <c:v>6.1200000000000004E-2</c:v>
                </c:pt>
                <c:pt idx="2446">
                  <c:v>6.1200000000000004E-2</c:v>
                </c:pt>
                <c:pt idx="2447">
                  <c:v>6.1200000000000004E-2</c:v>
                </c:pt>
                <c:pt idx="2448">
                  <c:v>6.1200000000000004E-2</c:v>
                </c:pt>
                <c:pt idx="2449">
                  <c:v>6.1200000000000004E-2</c:v>
                </c:pt>
                <c:pt idx="2450">
                  <c:v>6.1200000000000004E-2</c:v>
                </c:pt>
                <c:pt idx="2451">
                  <c:v>6.1200000000000004E-2</c:v>
                </c:pt>
                <c:pt idx="2452">
                  <c:v>6.1200000000000004E-2</c:v>
                </c:pt>
                <c:pt idx="2453">
                  <c:v>6.1200000000000004E-2</c:v>
                </c:pt>
                <c:pt idx="2454">
                  <c:v>6.1200000000000004E-2</c:v>
                </c:pt>
                <c:pt idx="2455">
                  <c:v>6.1200000000000004E-2</c:v>
                </c:pt>
                <c:pt idx="2456">
                  <c:v>6.1200000000000004E-2</c:v>
                </c:pt>
                <c:pt idx="2457">
                  <c:v>6.1200000000000004E-2</c:v>
                </c:pt>
                <c:pt idx="2458">
                  <c:v>6.1200000000000004E-2</c:v>
                </c:pt>
                <c:pt idx="2459">
                  <c:v>6.1200000000000004E-2</c:v>
                </c:pt>
                <c:pt idx="2460">
                  <c:v>6.1200000000000004E-2</c:v>
                </c:pt>
                <c:pt idx="2461">
                  <c:v>6.1200000000000004E-2</c:v>
                </c:pt>
                <c:pt idx="2462">
                  <c:v>6.1200000000000004E-2</c:v>
                </c:pt>
                <c:pt idx="2463">
                  <c:v>6.1200000000000004E-2</c:v>
                </c:pt>
                <c:pt idx="2464">
                  <c:v>6.1200000000000004E-2</c:v>
                </c:pt>
                <c:pt idx="2465">
                  <c:v>6.1200000000000004E-2</c:v>
                </c:pt>
                <c:pt idx="2466">
                  <c:v>6.1200000000000004E-2</c:v>
                </c:pt>
                <c:pt idx="2467">
                  <c:v>6.1200000000000004E-2</c:v>
                </c:pt>
                <c:pt idx="2468">
                  <c:v>6.1200000000000004E-2</c:v>
                </c:pt>
                <c:pt idx="2469">
                  <c:v>6.1200000000000004E-2</c:v>
                </c:pt>
                <c:pt idx="2470">
                  <c:v>6.1200000000000004E-2</c:v>
                </c:pt>
                <c:pt idx="2471">
                  <c:v>6.1200000000000004E-2</c:v>
                </c:pt>
                <c:pt idx="2472">
                  <c:v>6.1200000000000004E-2</c:v>
                </c:pt>
                <c:pt idx="2473">
                  <c:v>6.1200000000000004E-2</c:v>
                </c:pt>
                <c:pt idx="2474">
                  <c:v>6.1200000000000004E-2</c:v>
                </c:pt>
                <c:pt idx="2475">
                  <c:v>6.1200000000000004E-2</c:v>
                </c:pt>
                <c:pt idx="2476">
                  <c:v>6.1200000000000004E-2</c:v>
                </c:pt>
                <c:pt idx="2477">
                  <c:v>6.1200000000000004E-2</c:v>
                </c:pt>
                <c:pt idx="2478">
                  <c:v>6.1200000000000004E-2</c:v>
                </c:pt>
                <c:pt idx="2479">
                  <c:v>6.1200000000000004E-2</c:v>
                </c:pt>
                <c:pt idx="2480">
                  <c:v>6.1200000000000004E-2</c:v>
                </c:pt>
                <c:pt idx="2481">
                  <c:v>6.1200000000000004E-2</c:v>
                </c:pt>
                <c:pt idx="2482">
                  <c:v>6.1200000000000004E-2</c:v>
                </c:pt>
                <c:pt idx="2483">
                  <c:v>6.1200000000000004E-2</c:v>
                </c:pt>
                <c:pt idx="2484">
                  <c:v>6.1200000000000004E-2</c:v>
                </c:pt>
                <c:pt idx="2485">
                  <c:v>6.1200000000000004E-2</c:v>
                </c:pt>
                <c:pt idx="2486">
                  <c:v>6.1200000000000004E-2</c:v>
                </c:pt>
                <c:pt idx="2487">
                  <c:v>6.1200000000000004E-2</c:v>
                </c:pt>
                <c:pt idx="2488">
                  <c:v>6.1200000000000004E-2</c:v>
                </c:pt>
                <c:pt idx="2489">
                  <c:v>6.1200000000000004E-2</c:v>
                </c:pt>
                <c:pt idx="2490">
                  <c:v>6.1200000000000004E-2</c:v>
                </c:pt>
                <c:pt idx="2491">
                  <c:v>6.1200000000000004E-2</c:v>
                </c:pt>
                <c:pt idx="2492">
                  <c:v>6.1200000000000004E-2</c:v>
                </c:pt>
                <c:pt idx="2493">
                  <c:v>6.1200000000000004E-2</c:v>
                </c:pt>
                <c:pt idx="2494">
                  <c:v>6.1200000000000004E-2</c:v>
                </c:pt>
                <c:pt idx="2495">
                  <c:v>6.1200000000000004E-2</c:v>
                </c:pt>
                <c:pt idx="2496">
                  <c:v>6.1200000000000004E-2</c:v>
                </c:pt>
                <c:pt idx="2497">
                  <c:v>6.1200000000000004E-2</c:v>
                </c:pt>
                <c:pt idx="2498">
                  <c:v>6.1200000000000004E-2</c:v>
                </c:pt>
                <c:pt idx="2499">
                  <c:v>6.1200000000000004E-2</c:v>
                </c:pt>
                <c:pt idx="2500">
                  <c:v>6.1200000000000004E-2</c:v>
                </c:pt>
                <c:pt idx="2501">
                  <c:v>6.1200000000000004E-2</c:v>
                </c:pt>
                <c:pt idx="2502">
                  <c:v>6.1200000000000004E-2</c:v>
                </c:pt>
                <c:pt idx="2503">
                  <c:v>6.1200000000000004E-2</c:v>
                </c:pt>
                <c:pt idx="2504">
                  <c:v>6.1200000000000004E-2</c:v>
                </c:pt>
                <c:pt idx="2505">
                  <c:v>6.1200000000000004E-2</c:v>
                </c:pt>
                <c:pt idx="2506">
                  <c:v>6.1200000000000004E-2</c:v>
                </c:pt>
                <c:pt idx="2507">
                  <c:v>6.1200000000000004E-2</c:v>
                </c:pt>
                <c:pt idx="2508">
                  <c:v>6.1200000000000004E-2</c:v>
                </c:pt>
                <c:pt idx="2509">
                  <c:v>6.1200000000000004E-2</c:v>
                </c:pt>
                <c:pt idx="2510">
                  <c:v>6.1200000000000004E-2</c:v>
                </c:pt>
                <c:pt idx="2511">
                  <c:v>6.1200000000000004E-2</c:v>
                </c:pt>
                <c:pt idx="2512">
                  <c:v>6.1200000000000004E-2</c:v>
                </c:pt>
                <c:pt idx="2513">
                  <c:v>6.1200000000000004E-2</c:v>
                </c:pt>
                <c:pt idx="2514">
                  <c:v>6.1200000000000004E-2</c:v>
                </c:pt>
                <c:pt idx="2515">
                  <c:v>6.1200000000000004E-2</c:v>
                </c:pt>
                <c:pt idx="2516">
                  <c:v>6.1200000000000004E-2</c:v>
                </c:pt>
                <c:pt idx="2517">
                  <c:v>6.1200000000000004E-2</c:v>
                </c:pt>
                <c:pt idx="2518">
                  <c:v>6.1200000000000004E-2</c:v>
                </c:pt>
                <c:pt idx="2519">
                  <c:v>6.1200000000000004E-2</c:v>
                </c:pt>
                <c:pt idx="2520">
                  <c:v>6.1200000000000004E-2</c:v>
                </c:pt>
                <c:pt idx="2521">
                  <c:v>6.1200000000000004E-2</c:v>
                </c:pt>
                <c:pt idx="2522">
                  <c:v>6.1200000000000004E-2</c:v>
                </c:pt>
                <c:pt idx="2523">
                  <c:v>6.1200000000000004E-2</c:v>
                </c:pt>
                <c:pt idx="2524">
                  <c:v>6.1200000000000004E-2</c:v>
                </c:pt>
                <c:pt idx="2525">
                  <c:v>6.1200000000000004E-2</c:v>
                </c:pt>
                <c:pt idx="2526">
                  <c:v>6.1200000000000004E-2</c:v>
                </c:pt>
                <c:pt idx="2527">
                  <c:v>6.1200000000000004E-2</c:v>
                </c:pt>
                <c:pt idx="2528">
                  <c:v>6.1200000000000004E-2</c:v>
                </c:pt>
                <c:pt idx="2529">
                  <c:v>6.1200000000000004E-2</c:v>
                </c:pt>
                <c:pt idx="2530">
                  <c:v>6.1200000000000004E-2</c:v>
                </c:pt>
                <c:pt idx="2531">
                  <c:v>6.1200000000000004E-2</c:v>
                </c:pt>
                <c:pt idx="2532">
                  <c:v>6.1200000000000004E-2</c:v>
                </c:pt>
                <c:pt idx="2533">
                  <c:v>6.1200000000000004E-2</c:v>
                </c:pt>
                <c:pt idx="2534">
                  <c:v>6.1200000000000004E-2</c:v>
                </c:pt>
                <c:pt idx="2535">
                  <c:v>6.1200000000000004E-2</c:v>
                </c:pt>
                <c:pt idx="2536">
                  <c:v>6.1200000000000004E-2</c:v>
                </c:pt>
                <c:pt idx="2537">
                  <c:v>6.1200000000000004E-2</c:v>
                </c:pt>
                <c:pt idx="2538">
                  <c:v>6.1200000000000004E-2</c:v>
                </c:pt>
                <c:pt idx="2539">
                  <c:v>6.1200000000000004E-2</c:v>
                </c:pt>
                <c:pt idx="2540">
                  <c:v>6.1200000000000004E-2</c:v>
                </c:pt>
                <c:pt idx="2541">
                  <c:v>6.1200000000000004E-2</c:v>
                </c:pt>
                <c:pt idx="2542">
                  <c:v>6.1200000000000004E-2</c:v>
                </c:pt>
                <c:pt idx="2543">
                  <c:v>6.1200000000000004E-2</c:v>
                </c:pt>
                <c:pt idx="2544">
                  <c:v>6.1200000000000004E-2</c:v>
                </c:pt>
                <c:pt idx="2545">
                  <c:v>6.1200000000000004E-2</c:v>
                </c:pt>
                <c:pt idx="2546">
                  <c:v>6.1200000000000004E-2</c:v>
                </c:pt>
                <c:pt idx="2547">
                  <c:v>6.1200000000000004E-2</c:v>
                </c:pt>
                <c:pt idx="2548">
                  <c:v>6.1200000000000004E-2</c:v>
                </c:pt>
                <c:pt idx="2549">
                  <c:v>6.1200000000000004E-2</c:v>
                </c:pt>
                <c:pt idx="2550">
                  <c:v>6.1200000000000004E-2</c:v>
                </c:pt>
                <c:pt idx="2551">
                  <c:v>6.1200000000000004E-2</c:v>
                </c:pt>
                <c:pt idx="2552">
                  <c:v>6.1200000000000004E-2</c:v>
                </c:pt>
                <c:pt idx="2553">
                  <c:v>6.1200000000000004E-2</c:v>
                </c:pt>
                <c:pt idx="2554">
                  <c:v>6.1200000000000004E-2</c:v>
                </c:pt>
                <c:pt idx="2555">
                  <c:v>6.1200000000000004E-2</c:v>
                </c:pt>
                <c:pt idx="2556">
                  <c:v>6.1200000000000004E-2</c:v>
                </c:pt>
                <c:pt idx="2557">
                  <c:v>6.1200000000000004E-2</c:v>
                </c:pt>
                <c:pt idx="2558">
                  <c:v>6.1200000000000004E-2</c:v>
                </c:pt>
                <c:pt idx="2559">
                  <c:v>6.1200000000000004E-2</c:v>
                </c:pt>
                <c:pt idx="2560">
                  <c:v>6.1200000000000004E-2</c:v>
                </c:pt>
                <c:pt idx="2561">
                  <c:v>6.1200000000000004E-2</c:v>
                </c:pt>
                <c:pt idx="2562">
                  <c:v>6.1200000000000004E-2</c:v>
                </c:pt>
                <c:pt idx="2563">
                  <c:v>6.1200000000000004E-2</c:v>
                </c:pt>
                <c:pt idx="2564">
                  <c:v>6.1200000000000004E-2</c:v>
                </c:pt>
                <c:pt idx="2565">
                  <c:v>6.1200000000000004E-2</c:v>
                </c:pt>
                <c:pt idx="2566">
                  <c:v>6.1200000000000004E-2</c:v>
                </c:pt>
                <c:pt idx="2567">
                  <c:v>6.1200000000000004E-2</c:v>
                </c:pt>
                <c:pt idx="2568">
                  <c:v>6.1200000000000004E-2</c:v>
                </c:pt>
                <c:pt idx="2569">
                  <c:v>6.1200000000000004E-2</c:v>
                </c:pt>
                <c:pt idx="2570">
                  <c:v>6.1200000000000004E-2</c:v>
                </c:pt>
                <c:pt idx="2571">
                  <c:v>6.1200000000000004E-2</c:v>
                </c:pt>
                <c:pt idx="2572">
                  <c:v>6.1200000000000004E-2</c:v>
                </c:pt>
                <c:pt idx="2573">
                  <c:v>6.1200000000000004E-2</c:v>
                </c:pt>
                <c:pt idx="2574">
                  <c:v>6.1200000000000004E-2</c:v>
                </c:pt>
                <c:pt idx="2575">
                  <c:v>6.1200000000000004E-2</c:v>
                </c:pt>
                <c:pt idx="2576">
                  <c:v>6.1200000000000004E-2</c:v>
                </c:pt>
                <c:pt idx="2577">
                  <c:v>6.1200000000000004E-2</c:v>
                </c:pt>
                <c:pt idx="2578">
                  <c:v>6.1200000000000004E-2</c:v>
                </c:pt>
                <c:pt idx="2579">
                  <c:v>6.1200000000000004E-2</c:v>
                </c:pt>
                <c:pt idx="2580">
                  <c:v>6.1200000000000004E-2</c:v>
                </c:pt>
                <c:pt idx="2581">
                  <c:v>6.1200000000000004E-2</c:v>
                </c:pt>
                <c:pt idx="2582">
                  <c:v>6.1200000000000004E-2</c:v>
                </c:pt>
                <c:pt idx="2583">
                  <c:v>6.1200000000000004E-2</c:v>
                </c:pt>
                <c:pt idx="2584">
                  <c:v>6.1200000000000004E-2</c:v>
                </c:pt>
                <c:pt idx="2585">
                  <c:v>6.1200000000000004E-2</c:v>
                </c:pt>
                <c:pt idx="2586">
                  <c:v>6.1200000000000004E-2</c:v>
                </c:pt>
                <c:pt idx="2587">
                  <c:v>6.1200000000000004E-2</c:v>
                </c:pt>
                <c:pt idx="2588">
                  <c:v>6.1200000000000004E-2</c:v>
                </c:pt>
                <c:pt idx="2589">
                  <c:v>6.1200000000000004E-2</c:v>
                </c:pt>
                <c:pt idx="2590">
                  <c:v>6.1200000000000004E-2</c:v>
                </c:pt>
                <c:pt idx="2591">
                  <c:v>6.1200000000000004E-2</c:v>
                </c:pt>
                <c:pt idx="2592">
                  <c:v>6.1200000000000004E-2</c:v>
                </c:pt>
                <c:pt idx="2593">
                  <c:v>6.1200000000000004E-2</c:v>
                </c:pt>
                <c:pt idx="2594">
                  <c:v>6.1200000000000004E-2</c:v>
                </c:pt>
                <c:pt idx="2595">
                  <c:v>6.1200000000000004E-2</c:v>
                </c:pt>
                <c:pt idx="2596">
                  <c:v>6.1200000000000004E-2</c:v>
                </c:pt>
                <c:pt idx="2597">
                  <c:v>6.1200000000000004E-2</c:v>
                </c:pt>
                <c:pt idx="2598">
                  <c:v>6.1200000000000004E-2</c:v>
                </c:pt>
                <c:pt idx="2599">
                  <c:v>6.1200000000000004E-2</c:v>
                </c:pt>
                <c:pt idx="2600">
                  <c:v>6.1200000000000004E-2</c:v>
                </c:pt>
                <c:pt idx="2601">
                  <c:v>6.1200000000000004E-2</c:v>
                </c:pt>
                <c:pt idx="2602">
                  <c:v>6.1200000000000004E-2</c:v>
                </c:pt>
                <c:pt idx="2603">
                  <c:v>6.1200000000000004E-2</c:v>
                </c:pt>
                <c:pt idx="2604">
                  <c:v>6.1200000000000004E-2</c:v>
                </c:pt>
                <c:pt idx="2605">
                  <c:v>6.1200000000000004E-2</c:v>
                </c:pt>
                <c:pt idx="2606">
                  <c:v>6.1200000000000004E-2</c:v>
                </c:pt>
                <c:pt idx="2607">
                  <c:v>6.1200000000000004E-2</c:v>
                </c:pt>
                <c:pt idx="2608">
                  <c:v>6.1200000000000004E-2</c:v>
                </c:pt>
                <c:pt idx="2609">
                  <c:v>6.1200000000000004E-2</c:v>
                </c:pt>
                <c:pt idx="2610">
                  <c:v>6.1200000000000004E-2</c:v>
                </c:pt>
                <c:pt idx="2611">
                  <c:v>6.1200000000000004E-2</c:v>
                </c:pt>
                <c:pt idx="2612">
                  <c:v>6.1200000000000004E-2</c:v>
                </c:pt>
                <c:pt idx="2613">
                  <c:v>6.1200000000000004E-2</c:v>
                </c:pt>
                <c:pt idx="2614">
                  <c:v>6.1200000000000004E-2</c:v>
                </c:pt>
                <c:pt idx="2615">
                  <c:v>6.1200000000000004E-2</c:v>
                </c:pt>
                <c:pt idx="2616">
                  <c:v>6.1200000000000004E-2</c:v>
                </c:pt>
                <c:pt idx="2617">
                  <c:v>6.1200000000000004E-2</c:v>
                </c:pt>
                <c:pt idx="2618">
                  <c:v>6.1200000000000004E-2</c:v>
                </c:pt>
                <c:pt idx="2619">
                  <c:v>6.1200000000000004E-2</c:v>
                </c:pt>
                <c:pt idx="2620">
                  <c:v>6.1200000000000004E-2</c:v>
                </c:pt>
                <c:pt idx="2621">
                  <c:v>6.1200000000000004E-2</c:v>
                </c:pt>
                <c:pt idx="2622">
                  <c:v>6.1200000000000004E-2</c:v>
                </c:pt>
                <c:pt idx="2623">
                  <c:v>6.1200000000000004E-2</c:v>
                </c:pt>
                <c:pt idx="2624">
                  <c:v>6.1200000000000004E-2</c:v>
                </c:pt>
                <c:pt idx="2625">
                  <c:v>6.1200000000000004E-2</c:v>
                </c:pt>
                <c:pt idx="2626">
                  <c:v>6.1200000000000004E-2</c:v>
                </c:pt>
                <c:pt idx="2627">
                  <c:v>6.1200000000000004E-2</c:v>
                </c:pt>
                <c:pt idx="2628">
                  <c:v>6.1200000000000004E-2</c:v>
                </c:pt>
                <c:pt idx="2629">
                  <c:v>6.1200000000000004E-2</c:v>
                </c:pt>
                <c:pt idx="2630">
                  <c:v>6.1200000000000004E-2</c:v>
                </c:pt>
                <c:pt idx="2631">
                  <c:v>6.1200000000000004E-2</c:v>
                </c:pt>
                <c:pt idx="2632">
                  <c:v>6.1200000000000004E-2</c:v>
                </c:pt>
                <c:pt idx="2633">
                  <c:v>6.3899999999999998E-2</c:v>
                </c:pt>
                <c:pt idx="2634">
                  <c:v>6.3899999999999998E-2</c:v>
                </c:pt>
                <c:pt idx="2635">
                  <c:v>6.3899999999999998E-2</c:v>
                </c:pt>
                <c:pt idx="2636">
                  <c:v>6.3899999999999998E-2</c:v>
                </c:pt>
                <c:pt idx="2637">
                  <c:v>6.3899999999999998E-2</c:v>
                </c:pt>
                <c:pt idx="2638">
                  <c:v>6.3899999999999998E-2</c:v>
                </c:pt>
                <c:pt idx="2639">
                  <c:v>6.3899999999999998E-2</c:v>
                </c:pt>
                <c:pt idx="2640">
                  <c:v>6.3899999999999998E-2</c:v>
                </c:pt>
                <c:pt idx="2641">
                  <c:v>6.3899999999999998E-2</c:v>
                </c:pt>
                <c:pt idx="2642">
                  <c:v>6.3899999999999998E-2</c:v>
                </c:pt>
                <c:pt idx="2643">
                  <c:v>6.3899999999999998E-2</c:v>
                </c:pt>
                <c:pt idx="2644">
                  <c:v>6.3899999999999998E-2</c:v>
                </c:pt>
                <c:pt idx="2645">
                  <c:v>6.3899999999999998E-2</c:v>
                </c:pt>
                <c:pt idx="2646">
                  <c:v>6.3899999999999998E-2</c:v>
                </c:pt>
                <c:pt idx="2647">
                  <c:v>6.3899999999999998E-2</c:v>
                </c:pt>
                <c:pt idx="2648">
                  <c:v>6.3899999999999998E-2</c:v>
                </c:pt>
                <c:pt idx="2649">
                  <c:v>6.3899999999999998E-2</c:v>
                </c:pt>
                <c:pt idx="2650">
                  <c:v>6.3899999999999998E-2</c:v>
                </c:pt>
                <c:pt idx="2651">
                  <c:v>6.3899999999999998E-2</c:v>
                </c:pt>
                <c:pt idx="2652">
                  <c:v>6.3899999999999998E-2</c:v>
                </c:pt>
                <c:pt idx="2653">
                  <c:v>6.3899999999999998E-2</c:v>
                </c:pt>
                <c:pt idx="2654">
                  <c:v>6.3899999999999998E-2</c:v>
                </c:pt>
                <c:pt idx="2655">
                  <c:v>6.3899999999999998E-2</c:v>
                </c:pt>
                <c:pt idx="2656">
                  <c:v>6.3899999999999998E-2</c:v>
                </c:pt>
                <c:pt idx="2657">
                  <c:v>6.3899999999999998E-2</c:v>
                </c:pt>
                <c:pt idx="2658">
                  <c:v>6.3899999999999998E-2</c:v>
                </c:pt>
                <c:pt idx="2659">
                  <c:v>6.3899999999999998E-2</c:v>
                </c:pt>
                <c:pt idx="2660">
                  <c:v>6.3899999999999998E-2</c:v>
                </c:pt>
                <c:pt idx="2661">
                  <c:v>6.3899999999999998E-2</c:v>
                </c:pt>
                <c:pt idx="2662">
                  <c:v>6.3899999999999998E-2</c:v>
                </c:pt>
                <c:pt idx="2663">
                  <c:v>6.3899999999999998E-2</c:v>
                </c:pt>
                <c:pt idx="2664">
                  <c:v>6.3899999999999998E-2</c:v>
                </c:pt>
                <c:pt idx="2665">
                  <c:v>6.3899999999999998E-2</c:v>
                </c:pt>
                <c:pt idx="2666">
                  <c:v>6.3899999999999998E-2</c:v>
                </c:pt>
                <c:pt idx="2667">
                  <c:v>6.3899999999999998E-2</c:v>
                </c:pt>
                <c:pt idx="2668">
                  <c:v>6.3899999999999998E-2</c:v>
                </c:pt>
                <c:pt idx="2669">
                  <c:v>6.3899999999999998E-2</c:v>
                </c:pt>
                <c:pt idx="2670">
                  <c:v>6.3899999999999998E-2</c:v>
                </c:pt>
                <c:pt idx="2671">
                  <c:v>6.3899999999999998E-2</c:v>
                </c:pt>
                <c:pt idx="2672">
                  <c:v>6.3899999999999998E-2</c:v>
                </c:pt>
                <c:pt idx="2673">
                  <c:v>6.3899999999999998E-2</c:v>
                </c:pt>
                <c:pt idx="2674">
                  <c:v>6.3899999999999998E-2</c:v>
                </c:pt>
                <c:pt idx="2675">
                  <c:v>6.3899999999999998E-2</c:v>
                </c:pt>
                <c:pt idx="2676">
                  <c:v>6.3899999999999998E-2</c:v>
                </c:pt>
                <c:pt idx="2677">
                  <c:v>6.3899999999999998E-2</c:v>
                </c:pt>
                <c:pt idx="2678">
                  <c:v>6.3899999999999998E-2</c:v>
                </c:pt>
                <c:pt idx="2679">
                  <c:v>6.3899999999999998E-2</c:v>
                </c:pt>
                <c:pt idx="2680">
                  <c:v>6.3899999999999998E-2</c:v>
                </c:pt>
                <c:pt idx="2681">
                  <c:v>6.3899999999999998E-2</c:v>
                </c:pt>
                <c:pt idx="2682">
                  <c:v>6.3899999999999998E-2</c:v>
                </c:pt>
                <c:pt idx="2683">
                  <c:v>6.3899999999999998E-2</c:v>
                </c:pt>
                <c:pt idx="2684">
                  <c:v>6.3899999999999998E-2</c:v>
                </c:pt>
                <c:pt idx="2685">
                  <c:v>6.3899999999999998E-2</c:v>
                </c:pt>
                <c:pt idx="2686">
                  <c:v>6.3899999999999998E-2</c:v>
                </c:pt>
                <c:pt idx="2687">
                  <c:v>6.3899999999999998E-2</c:v>
                </c:pt>
                <c:pt idx="2688">
                  <c:v>6.3899999999999998E-2</c:v>
                </c:pt>
                <c:pt idx="2689">
                  <c:v>6.3899999999999998E-2</c:v>
                </c:pt>
                <c:pt idx="2690">
                  <c:v>6.3899999999999998E-2</c:v>
                </c:pt>
                <c:pt idx="2691">
                  <c:v>6.3899999999999998E-2</c:v>
                </c:pt>
                <c:pt idx="2692">
                  <c:v>6.3899999999999998E-2</c:v>
                </c:pt>
                <c:pt idx="2693">
                  <c:v>6.3899999999999998E-2</c:v>
                </c:pt>
                <c:pt idx="2694">
                  <c:v>6.3899999999999998E-2</c:v>
                </c:pt>
                <c:pt idx="2695">
                  <c:v>6.5700000000000008E-2</c:v>
                </c:pt>
                <c:pt idx="2696">
                  <c:v>6.5700000000000008E-2</c:v>
                </c:pt>
                <c:pt idx="2697">
                  <c:v>6.5700000000000008E-2</c:v>
                </c:pt>
                <c:pt idx="2698">
                  <c:v>6.5700000000000008E-2</c:v>
                </c:pt>
                <c:pt idx="2699">
                  <c:v>6.5700000000000008E-2</c:v>
                </c:pt>
                <c:pt idx="2700">
                  <c:v>6.5700000000000008E-2</c:v>
                </c:pt>
                <c:pt idx="2701">
                  <c:v>6.5700000000000008E-2</c:v>
                </c:pt>
                <c:pt idx="2702">
                  <c:v>6.5700000000000008E-2</c:v>
                </c:pt>
                <c:pt idx="2703">
                  <c:v>6.5700000000000008E-2</c:v>
                </c:pt>
                <c:pt idx="2704">
                  <c:v>6.5700000000000008E-2</c:v>
                </c:pt>
                <c:pt idx="2705">
                  <c:v>6.5700000000000008E-2</c:v>
                </c:pt>
                <c:pt idx="2706">
                  <c:v>6.5700000000000008E-2</c:v>
                </c:pt>
                <c:pt idx="2707">
                  <c:v>6.5700000000000008E-2</c:v>
                </c:pt>
                <c:pt idx="2708">
                  <c:v>6.5700000000000008E-2</c:v>
                </c:pt>
                <c:pt idx="2709">
                  <c:v>6.5700000000000008E-2</c:v>
                </c:pt>
                <c:pt idx="2710">
                  <c:v>6.5700000000000008E-2</c:v>
                </c:pt>
                <c:pt idx="2711">
                  <c:v>6.5700000000000008E-2</c:v>
                </c:pt>
                <c:pt idx="2712">
                  <c:v>6.5700000000000008E-2</c:v>
                </c:pt>
                <c:pt idx="2713">
                  <c:v>6.5700000000000008E-2</c:v>
                </c:pt>
                <c:pt idx="2714">
                  <c:v>6.5700000000000008E-2</c:v>
                </c:pt>
                <c:pt idx="2715">
                  <c:v>6.5700000000000008E-2</c:v>
                </c:pt>
                <c:pt idx="2716">
                  <c:v>6.5700000000000008E-2</c:v>
                </c:pt>
                <c:pt idx="2717">
                  <c:v>6.5700000000000008E-2</c:v>
                </c:pt>
                <c:pt idx="2718">
                  <c:v>6.5700000000000008E-2</c:v>
                </c:pt>
                <c:pt idx="2719">
                  <c:v>6.5700000000000008E-2</c:v>
                </c:pt>
                <c:pt idx="2720">
                  <c:v>6.5700000000000008E-2</c:v>
                </c:pt>
                <c:pt idx="2721">
                  <c:v>6.5700000000000008E-2</c:v>
                </c:pt>
                <c:pt idx="2722">
                  <c:v>6.5700000000000008E-2</c:v>
                </c:pt>
                <c:pt idx="2723">
                  <c:v>6.5700000000000008E-2</c:v>
                </c:pt>
                <c:pt idx="2724">
                  <c:v>6.5700000000000008E-2</c:v>
                </c:pt>
                <c:pt idx="2725">
                  <c:v>6.5700000000000008E-2</c:v>
                </c:pt>
                <c:pt idx="2726">
                  <c:v>6.5700000000000008E-2</c:v>
                </c:pt>
                <c:pt idx="2727">
                  <c:v>6.5700000000000008E-2</c:v>
                </c:pt>
                <c:pt idx="2728">
                  <c:v>6.5700000000000008E-2</c:v>
                </c:pt>
                <c:pt idx="2729">
                  <c:v>6.5700000000000008E-2</c:v>
                </c:pt>
                <c:pt idx="2730">
                  <c:v>6.5700000000000008E-2</c:v>
                </c:pt>
                <c:pt idx="2731">
                  <c:v>6.5700000000000008E-2</c:v>
                </c:pt>
                <c:pt idx="2732">
                  <c:v>6.5700000000000008E-2</c:v>
                </c:pt>
                <c:pt idx="2733">
                  <c:v>6.5700000000000008E-2</c:v>
                </c:pt>
                <c:pt idx="2734">
                  <c:v>6.5700000000000008E-2</c:v>
                </c:pt>
                <c:pt idx="2735">
                  <c:v>6.5700000000000008E-2</c:v>
                </c:pt>
                <c:pt idx="2736">
                  <c:v>6.5700000000000008E-2</c:v>
                </c:pt>
                <c:pt idx="2737">
                  <c:v>6.5700000000000008E-2</c:v>
                </c:pt>
                <c:pt idx="2738">
                  <c:v>6.5700000000000008E-2</c:v>
                </c:pt>
                <c:pt idx="2739">
                  <c:v>6.5700000000000008E-2</c:v>
                </c:pt>
                <c:pt idx="2740">
                  <c:v>6.5700000000000008E-2</c:v>
                </c:pt>
                <c:pt idx="2741">
                  <c:v>6.5700000000000008E-2</c:v>
                </c:pt>
                <c:pt idx="2742">
                  <c:v>6.5700000000000008E-2</c:v>
                </c:pt>
                <c:pt idx="2743">
                  <c:v>6.5700000000000008E-2</c:v>
                </c:pt>
                <c:pt idx="2744">
                  <c:v>6.5700000000000008E-2</c:v>
                </c:pt>
                <c:pt idx="2745">
                  <c:v>6.5700000000000008E-2</c:v>
                </c:pt>
                <c:pt idx="2746">
                  <c:v>6.5700000000000008E-2</c:v>
                </c:pt>
                <c:pt idx="2747">
                  <c:v>6.5700000000000008E-2</c:v>
                </c:pt>
                <c:pt idx="2748">
                  <c:v>6.5700000000000008E-2</c:v>
                </c:pt>
                <c:pt idx="2749">
                  <c:v>6.5700000000000008E-2</c:v>
                </c:pt>
                <c:pt idx="2750">
                  <c:v>6.5700000000000008E-2</c:v>
                </c:pt>
                <c:pt idx="2751">
                  <c:v>6.5700000000000008E-2</c:v>
                </c:pt>
                <c:pt idx="2752">
                  <c:v>6.5700000000000008E-2</c:v>
                </c:pt>
                <c:pt idx="2753">
                  <c:v>6.5700000000000008E-2</c:v>
                </c:pt>
                <c:pt idx="2754">
                  <c:v>6.5700000000000008E-2</c:v>
                </c:pt>
                <c:pt idx="2755">
                  <c:v>6.5700000000000008E-2</c:v>
                </c:pt>
                <c:pt idx="2756">
                  <c:v>6.5700000000000008E-2</c:v>
                </c:pt>
                <c:pt idx="2757">
                  <c:v>6.5700000000000008E-2</c:v>
                </c:pt>
                <c:pt idx="2758">
                  <c:v>6.8400000000000002E-2</c:v>
                </c:pt>
                <c:pt idx="2759">
                  <c:v>6.8400000000000002E-2</c:v>
                </c:pt>
                <c:pt idx="2760">
                  <c:v>6.8400000000000002E-2</c:v>
                </c:pt>
                <c:pt idx="2761">
                  <c:v>6.8400000000000002E-2</c:v>
                </c:pt>
                <c:pt idx="2762">
                  <c:v>6.8400000000000002E-2</c:v>
                </c:pt>
                <c:pt idx="2763">
                  <c:v>6.8400000000000002E-2</c:v>
                </c:pt>
                <c:pt idx="2764">
                  <c:v>6.8400000000000002E-2</c:v>
                </c:pt>
                <c:pt idx="2765">
                  <c:v>6.8400000000000002E-2</c:v>
                </c:pt>
                <c:pt idx="2766">
                  <c:v>6.8400000000000002E-2</c:v>
                </c:pt>
                <c:pt idx="2767">
                  <c:v>6.8400000000000002E-2</c:v>
                </c:pt>
                <c:pt idx="2768">
                  <c:v>6.8400000000000002E-2</c:v>
                </c:pt>
                <c:pt idx="2769">
                  <c:v>6.8400000000000002E-2</c:v>
                </c:pt>
                <c:pt idx="2770">
                  <c:v>6.8400000000000002E-2</c:v>
                </c:pt>
                <c:pt idx="2771">
                  <c:v>6.8400000000000002E-2</c:v>
                </c:pt>
                <c:pt idx="2772">
                  <c:v>6.8400000000000002E-2</c:v>
                </c:pt>
                <c:pt idx="2773">
                  <c:v>6.8400000000000002E-2</c:v>
                </c:pt>
                <c:pt idx="2774">
                  <c:v>6.8400000000000002E-2</c:v>
                </c:pt>
                <c:pt idx="2775">
                  <c:v>6.8400000000000002E-2</c:v>
                </c:pt>
                <c:pt idx="2776">
                  <c:v>6.8400000000000002E-2</c:v>
                </c:pt>
                <c:pt idx="2777">
                  <c:v>6.8400000000000002E-2</c:v>
                </c:pt>
                <c:pt idx="2778">
                  <c:v>6.8400000000000002E-2</c:v>
                </c:pt>
                <c:pt idx="2779">
                  <c:v>6.8400000000000002E-2</c:v>
                </c:pt>
                <c:pt idx="2780">
                  <c:v>6.8400000000000002E-2</c:v>
                </c:pt>
                <c:pt idx="2781">
                  <c:v>6.8400000000000002E-2</c:v>
                </c:pt>
                <c:pt idx="2782">
                  <c:v>6.8400000000000002E-2</c:v>
                </c:pt>
                <c:pt idx="2783">
                  <c:v>6.8400000000000002E-2</c:v>
                </c:pt>
                <c:pt idx="2784">
                  <c:v>6.8400000000000002E-2</c:v>
                </c:pt>
                <c:pt idx="2785">
                  <c:v>6.8400000000000002E-2</c:v>
                </c:pt>
                <c:pt idx="2786">
                  <c:v>6.8400000000000002E-2</c:v>
                </c:pt>
                <c:pt idx="2787">
                  <c:v>6.8400000000000002E-2</c:v>
                </c:pt>
                <c:pt idx="2788">
                  <c:v>6.8400000000000002E-2</c:v>
                </c:pt>
                <c:pt idx="2789">
                  <c:v>6.8400000000000002E-2</c:v>
                </c:pt>
                <c:pt idx="2790">
                  <c:v>7.0199999999999999E-2</c:v>
                </c:pt>
                <c:pt idx="2791">
                  <c:v>7.0199999999999999E-2</c:v>
                </c:pt>
                <c:pt idx="2792">
                  <c:v>7.0199999999999999E-2</c:v>
                </c:pt>
                <c:pt idx="2793">
                  <c:v>7.0199999999999999E-2</c:v>
                </c:pt>
                <c:pt idx="2794">
                  <c:v>7.0199999999999999E-2</c:v>
                </c:pt>
                <c:pt idx="2795">
                  <c:v>7.0199999999999999E-2</c:v>
                </c:pt>
                <c:pt idx="2796">
                  <c:v>7.0199999999999999E-2</c:v>
                </c:pt>
                <c:pt idx="2797">
                  <c:v>7.0199999999999999E-2</c:v>
                </c:pt>
                <c:pt idx="2798">
                  <c:v>7.0199999999999999E-2</c:v>
                </c:pt>
                <c:pt idx="2799">
                  <c:v>7.0199999999999999E-2</c:v>
                </c:pt>
                <c:pt idx="2800">
                  <c:v>7.0199999999999999E-2</c:v>
                </c:pt>
                <c:pt idx="2801">
                  <c:v>7.0199999999999999E-2</c:v>
                </c:pt>
                <c:pt idx="2802">
                  <c:v>7.0199999999999999E-2</c:v>
                </c:pt>
                <c:pt idx="2803">
                  <c:v>7.0199999999999999E-2</c:v>
                </c:pt>
                <c:pt idx="2804">
                  <c:v>7.0199999999999999E-2</c:v>
                </c:pt>
                <c:pt idx="2805">
                  <c:v>7.0199999999999999E-2</c:v>
                </c:pt>
                <c:pt idx="2806">
                  <c:v>7.0199999999999999E-2</c:v>
                </c:pt>
                <c:pt idx="2807">
                  <c:v>7.0199999999999999E-2</c:v>
                </c:pt>
                <c:pt idx="2808">
                  <c:v>7.0199999999999999E-2</c:v>
                </c:pt>
                <c:pt idx="2809">
                  <c:v>7.0199999999999999E-2</c:v>
                </c:pt>
                <c:pt idx="2810">
                  <c:v>7.0199999999999999E-2</c:v>
                </c:pt>
                <c:pt idx="2811">
                  <c:v>7.0199999999999999E-2</c:v>
                </c:pt>
                <c:pt idx="2812">
                  <c:v>7.0199999999999999E-2</c:v>
                </c:pt>
                <c:pt idx="2813">
                  <c:v>7.0199999999999999E-2</c:v>
                </c:pt>
                <c:pt idx="2814">
                  <c:v>7.2900000000000006E-2</c:v>
                </c:pt>
                <c:pt idx="2815">
                  <c:v>7.2900000000000006E-2</c:v>
                </c:pt>
                <c:pt idx="2816">
                  <c:v>7.2900000000000006E-2</c:v>
                </c:pt>
                <c:pt idx="2817">
                  <c:v>7.2900000000000006E-2</c:v>
                </c:pt>
                <c:pt idx="2818">
                  <c:v>7.2900000000000006E-2</c:v>
                </c:pt>
                <c:pt idx="2819">
                  <c:v>7.2900000000000006E-2</c:v>
                </c:pt>
                <c:pt idx="2820">
                  <c:v>7.2900000000000006E-2</c:v>
                </c:pt>
                <c:pt idx="2821">
                  <c:v>7.2900000000000006E-2</c:v>
                </c:pt>
                <c:pt idx="2822">
                  <c:v>7.2900000000000006E-2</c:v>
                </c:pt>
                <c:pt idx="2823">
                  <c:v>7.2900000000000006E-2</c:v>
                </c:pt>
                <c:pt idx="2824">
                  <c:v>7.2900000000000006E-2</c:v>
                </c:pt>
                <c:pt idx="2825">
                  <c:v>7.2900000000000006E-2</c:v>
                </c:pt>
                <c:pt idx="2826">
                  <c:v>7.2900000000000006E-2</c:v>
                </c:pt>
                <c:pt idx="2827">
                  <c:v>7.2900000000000006E-2</c:v>
                </c:pt>
                <c:pt idx="2828">
                  <c:v>7.2900000000000006E-2</c:v>
                </c:pt>
                <c:pt idx="2829">
                  <c:v>7.2900000000000006E-2</c:v>
                </c:pt>
                <c:pt idx="2830">
                  <c:v>7.2900000000000006E-2</c:v>
                </c:pt>
                <c:pt idx="2831">
                  <c:v>7.2900000000000006E-2</c:v>
                </c:pt>
                <c:pt idx="2832">
                  <c:v>7.2900000000000006E-2</c:v>
                </c:pt>
                <c:pt idx="2833">
                  <c:v>7.2900000000000006E-2</c:v>
                </c:pt>
                <c:pt idx="2834">
                  <c:v>7.2900000000000006E-2</c:v>
                </c:pt>
                <c:pt idx="2835">
                  <c:v>7.2900000000000006E-2</c:v>
                </c:pt>
                <c:pt idx="2836">
                  <c:v>7.2900000000000006E-2</c:v>
                </c:pt>
                <c:pt idx="2837">
                  <c:v>7.2900000000000006E-2</c:v>
                </c:pt>
                <c:pt idx="2838">
                  <c:v>7.2900000000000006E-2</c:v>
                </c:pt>
                <c:pt idx="2839">
                  <c:v>7.2900000000000006E-2</c:v>
                </c:pt>
                <c:pt idx="2840">
                  <c:v>7.2900000000000006E-2</c:v>
                </c:pt>
                <c:pt idx="2841">
                  <c:v>7.2900000000000006E-2</c:v>
                </c:pt>
                <c:pt idx="2842">
                  <c:v>7.2900000000000006E-2</c:v>
                </c:pt>
                <c:pt idx="2843">
                  <c:v>7.2900000000000006E-2</c:v>
                </c:pt>
                <c:pt idx="2844">
                  <c:v>7.2900000000000006E-2</c:v>
                </c:pt>
                <c:pt idx="2845">
                  <c:v>7.2900000000000006E-2</c:v>
                </c:pt>
                <c:pt idx="2846">
                  <c:v>7.2900000000000006E-2</c:v>
                </c:pt>
                <c:pt idx="2847">
                  <c:v>7.2900000000000006E-2</c:v>
                </c:pt>
                <c:pt idx="2848">
                  <c:v>7.2900000000000006E-2</c:v>
                </c:pt>
                <c:pt idx="2849">
                  <c:v>7.2900000000000006E-2</c:v>
                </c:pt>
                <c:pt idx="2850">
                  <c:v>7.2900000000000006E-2</c:v>
                </c:pt>
                <c:pt idx="2851">
                  <c:v>7.2900000000000006E-2</c:v>
                </c:pt>
                <c:pt idx="2852">
                  <c:v>7.2900000000000006E-2</c:v>
                </c:pt>
                <c:pt idx="2853">
                  <c:v>7.2900000000000006E-2</c:v>
                </c:pt>
                <c:pt idx="2854">
                  <c:v>7.2900000000000006E-2</c:v>
                </c:pt>
                <c:pt idx="2855">
                  <c:v>7.2900000000000006E-2</c:v>
                </c:pt>
                <c:pt idx="2856">
                  <c:v>7.2900000000000006E-2</c:v>
                </c:pt>
                <c:pt idx="2857">
                  <c:v>7.2900000000000006E-2</c:v>
                </c:pt>
                <c:pt idx="2858">
                  <c:v>7.2900000000000006E-2</c:v>
                </c:pt>
                <c:pt idx="2859">
                  <c:v>7.2900000000000006E-2</c:v>
                </c:pt>
                <c:pt idx="2860">
                  <c:v>7.2900000000000006E-2</c:v>
                </c:pt>
                <c:pt idx="2861">
                  <c:v>7.2900000000000006E-2</c:v>
                </c:pt>
                <c:pt idx="2862">
                  <c:v>7.2900000000000006E-2</c:v>
                </c:pt>
                <c:pt idx="2863">
                  <c:v>7.2900000000000006E-2</c:v>
                </c:pt>
                <c:pt idx="2864">
                  <c:v>7.2900000000000006E-2</c:v>
                </c:pt>
                <c:pt idx="2865">
                  <c:v>7.2900000000000006E-2</c:v>
                </c:pt>
                <c:pt idx="2866">
                  <c:v>7.2900000000000006E-2</c:v>
                </c:pt>
                <c:pt idx="2867">
                  <c:v>7.2900000000000006E-2</c:v>
                </c:pt>
                <c:pt idx="2868">
                  <c:v>7.2900000000000006E-2</c:v>
                </c:pt>
                <c:pt idx="2869">
                  <c:v>7.2900000000000006E-2</c:v>
                </c:pt>
                <c:pt idx="2870">
                  <c:v>7.2900000000000006E-2</c:v>
                </c:pt>
                <c:pt idx="2871">
                  <c:v>7.2900000000000006E-2</c:v>
                </c:pt>
                <c:pt idx="2872">
                  <c:v>7.2900000000000006E-2</c:v>
                </c:pt>
                <c:pt idx="2873">
                  <c:v>7.2900000000000006E-2</c:v>
                </c:pt>
                <c:pt idx="2874">
                  <c:v>7.2900000000000006E-2</c:v>
                </c:pt>
                <c:pt idx="2875">
                  <c:v>7.2900000000000006E-2</c:v>
                </c:pt>
                <c:pt idx="2876">
                  <c:v>7.2900000000000006E-2</c:v>
                </c:pt>
                <c:pt idx="2877">
                  <c:v>7.2900000000000006E-2</c:v>
                </c:pt>
                <c:pt idx="2878">
                  <c:v>7.2900000000000006E-2</c:v>
                </c:pt>
                <c:pt idx="2879">
                  <c:v>7.2900000000000006E-2</c:v>
                </c:pt>
                <c:pt idx="2880">
                  <c:v>7.2900000000000006E-2</c:v>
                </c:pt>
                <c:pt idx="2881">
                  <c:v>7.2900000000000006E-2</c:v>
                </c:pt>
                <c:pt idx="2882">
                  <c:v>7.2900000000000006E-2</c:v>
                </c:pt>
                <c:pt idx="2883">
                  <c:v>7.2900000000000006E-2</c:v>
                </c:pt>
                <c:pt idx="2884">
                  <c:v>7.2900000000000006E-2</c:v>
                </c:pt>
                <c:pt idx="2885">
                  <c:v>7.2900000000000006E-2</c:v>
                </c:pt>
                <c:pt idx="2886">
                  <c:v>7.2900000000000006E-2</c:v>
                </c:pt>
                <c:pt idx="2887">
                  <c:v>7.2900000000000006E-2</c:v>
                </c:pt>
                <c:pt idx="2888">
                  <c:v>7.2900000000000006E-2</c:v>
                </c:pt>
                <c:pt idx="2889">
                  <c:v>7.2900000000000006E-2</c:v>
                </c:pt>
                <c:pt idx="2890">
                  <c:v>7.2900000000000006E-2</c:v>
                </c:pt>
                <c:pt idx="2891">
                  <c:v>7.2900000000000006E-2</c:v>
                </c:pt>
                <c:pt idx="2892">
                  <c:v>7.2900000000000006E-2</c:v>
                </c:pt>
                <c:pt idx="2893">
                  <c:v>7.2900000000000006E-2</c:v>
                </c:pt>
                <c:pt idx="2894">
                  <c:v>7.2900000000000006E-2</c:v>
                </c:pt>
                <c:pt idx="2895">
                  <c:v>7.2900000000000006E-2</c:v>
                </c:pt>
                <c:pt idx="2896">
                  <c:v>7.2900000000000006E-2</c:v>
                </c:pt>
                <c:pt idx="2897">
                  <c:v>7.2900000000000006E-2</c:v>
                </c:pt>
                <c:pt idx="2898">
                  <c:v>7.2900000000000006E-2</c:v>
                </c:pt>
                <c:pt idx="2899">
                  <c:v>7.2900000000000006E-2</c:v>
                </c:pt>
                <c:pt idx="2900">
                  <c:v>7.2900000000000006E-2</c:v>
                </c:pt>
                <c:pt idx="2901">
                  <c:v>7.2900000000000006E-2</c:v>
                </c:pt>
                <c:pt idx="2902">
                  <c:v>7.2900000000000006E-2</c:v>
                </c:pt>
                <c:pt idx="2903">
                  <c:v>7.2900000000000006E-2</c:v>
                </c:pt>
                <c:pt idx="2904">
                  <c:v>7.2900000000000006E-2</c:v>
                </c:pt>
                <c:pt idx="2905">
                  <c:v>7.2900000000000006E-2</c:v>
                </c:pt>
                <c:pt idx="2906">
                  <c:v>7.2900000000000006E-2</c:v>
                </c:pt>
                <c:pt idx="2907">
                  <c:v>7.2900000000000006E-2</c:v>
                </c:pt>
                <c:pt idx="2908">
                  <c:v>7.2900000000000006E-2</c:v>
                </c:pt>
                <c:pt idx="2909">
                  <c:v>7.2900000000000006E-2</c:v>
                </c:pt>
                <c:pt idx="2910">
                  <c:v>7.2900000000000006E-2</c:v>
                </c:pt>
                <c:pt idx="2911">
                  <c:v>7.4700000000000003E-2</c:v>
                </c:pt>
                <c:pt idx="2912">
                  <c:v>7.4700000000000003E-2</c:v>
                </c:pt>
                <c:pt idx="2913">
                  <c:v>7.4700000000000003E-2</c:v>
                </c:pt>
                <c:pt idx="2914">
                  <c:v>7.4700000000000003E-2</c:v>
                </c:pt>
                <c:pt idx="2915">
                  <c:v>7.4700000000000003E-2</c:v>
                </c:pt>
                <c:pt idx="2916">
                  <c:v>7.4700000000000003E-2</c:v>
                </c:pt>
                <c:pt idx="2917">
                  <c:v>7.4700000000000003E-2</c:v>
                </c:pt>
                <c:pt idx="2918">
                  <c:v>7.4700000000000003E-2</c:v>
                </c:pt>
                <c:pt idx="2919">
                  <c:v>7.4700000000000003E-2</c:v>
                </c:pt>
                <c:pt idx="2920">
                  <c:v>7.4700000000000003E-2</c:v>
                </c:pt>
                <c:pt idx="2921">
                  <c:v>7.4700000000000003E-2</c:v>
                </c:pt>
                <c:pt idx="2922">
                  <c:v>7.4700000000000003E-2</c:v>
                </c:pt>
                <c:pt idx="2923">
                  <c:v>7.4700000000000003E-2</c:v>
                </c:pt>
                <c:pt idx="2924">
                  <c:v>7.4700000000000003E-2</c:v>
                </c:pt>
                <c:pt idx="2925">
                  <c:v>7.4700000000000003E-2</c:v>
                </c:pt>
                <c:pt idx="2926">
                  <c:v>7.4700000000000003E-2</c:v>
                </c:pt>
                <c:pt idx="2927">
                  <c:v>7.4700000000000003E-2</c:v>
                </c:pt>
                <c:pt idx="2928">
                  <c:v>7.4700000000000003E-2</c:v>
                </c:pt>
                <c:pt idx="2929">
                  <c:v>7.4700000000000003E-2</c:v>
                </c:pt>
                <c:pt idx="2930">
                  <c:v>7.4700000000000003E-2</c:v>
                </c:pt>
                <c:pt idx="2931">
                  <c:v>7.4700000000000003E-2</c:v>
                </c:pt>
                <c:pt idx="2932">
                  <c:v>7.4700000000000003E-2</c:v>
                </c:pt>
                <c:pt idx="2933">
                  <c:v>7.4700000000000003E-2</c:v>
                </c:pt>
                <c:pt idx="2934">
                  <c:v>7.4700000000000003E-2</c:v>
                </c:pt>
                <c:pt idx="2935">
                  <c:v>7.4700000000000003E-2</c:v>
                </c:pt>
                <c:pt idx="2936">
                  <c:v>7.4700000000000003E-2</c:v>
                </c:pt>
                <c:pt idx="2937">
                  <c:v>7.4700000000000003E-2</c:v>
                </c:pt>
                <c:pt idx="2938">
                  <c:v>7.4700000000000003E-2</c:v>
                </c:pt>
                <c:pt idx="2939">
                  <c:v>7.4700000000000003E-2</c:v>
                </c:pt>
                <c:pt idx="2940">
                  <c:v>7.4700000000000003E-2</c:v>
                </c:pt>
                <c:pt idx="2941">
                  <c:v>7.4700000000000003E-2</c:v>
                </c:pt>
                <c:pt idx="2942">
                  <c:v>7.4700000000000003E-2</c:v>
                </c:pt>
                <c:pt idx="2943">
                  <c:v>7.4700000000000003E-2</c:v>
                </c:pt>
                <c:pt idx="2944">
                  <c:v>7.4700000000000003E-2</c:v>
                </c:pt>
                <c:pt idx="2945">
                  <c:v>7.4700000000000003E-2</c:v>
                </c:pt>
                <c:pt idx="2946">
                  <c:v>7.4700000000000003E-2</c:v>
                </c:pt>
                <c:pt idx="2947">
                  <c:v>7.4700000000000003E-2</c:v>
                </c:pt>
                <c:pt idx="2948">
                  <c:v>7.4700000000000003E-2</c:v>
                </c:pt>
                <c:pt idx="2949">
                  <c:v>7.4700000000000003E-2</c:v>
                </c:pt>
                <c:pt idx="2950">
                  <c:v>7.4700000000000003E-2</c:v>
                </c:pt>
                <c:pt idx="2951">
                  <c:v>7.4700000000000003E-2</c:v>
                </c:pt>
                <c:pt idx="2952">
                  <c:v>7.4700000000000003E-2</c:v>
                </c:pt>
                <c:pt idx="2953">
                  <c:v>7.4700000000000003E-2</c:v>
                </c:pt>
                <c:pt idx="2954">
                  <c:v>7.4700000000000003E-2</c:v>
                </c:pt>
                <c:pt idx="2955">
                  <c:v>7.4700000000000003E-2</c:v>
                </c:pt>
                <c:pt idx="2956">
                  <c:v>7.4700000000000003E-2</c:v>
                </c:pt>
                <c:pt idx="2957">
                  <c:v>7.4700000000000003E-2</c:v>
                </c:pt>
                <c:pt idx="2958">
                  <c:v>7.4700000000000003E-2</c:v>
                </c:pt>
                <c:pt idx="2959">
                  <c:v>7.4700000000000003E-2</c:v>
                </c:pt>
                <c:pt idx="2960">
                  <c:v>7.4700000000000003E-2</c:v>
                </c:pt>
                <c:pt idx="2961">
                  <c:v>7.4700000000000003E-2</c:v>
                </c:pt>
                <c:pt idx="2962">
                  <c:v>7.4700000000000003E-2</c:v>
                </c:pt>
                <c:pt idx="2963">
                  <c:v>7.4700000000000003E-2</c:v>
                </c:pt>
                <c:pt idx="2964">
                  <c:v>7.4700000000000003E-2</c:v>
                </c:pt>
                <c:pt idx="2965">
                  <c:v>7.4700000000000003E-2</c:v>
                </c:pt>
                <c:pt idx="2966">
                  <c:v>7.4700000000000003E-2</c:v>
                </c:pt>
                <c:pt idx="2967">
                  <c:v>7.4700000000000003E-2</c:v>
                </c:pt>
                <c:pt idx="2968">
                  <c:v>7.4700000000000003E-2</c:v>
                </c:pt>
                <c:pt idx="2969">
                  <c:v>7.4700000000000003E-2</c:v>
                </c:pt>
                <c:pt idx="2970">
                  <c:v>7.4700000000000003E-2</c:v>
                </c:pt>
                <c:pt idx="2971">
                  <c:v>7.4700000000000003E-2</c:v>
                </c:pt>
                <c:pt idx="2972">
                  <c:v>7.4700000000000003E-2</c:v>
                </c:pt>
                <c:pt idx="2973">
                  <c:v>7.4700000000000003E-2</c:v>
                </c:pt>
                <c:pt idx="2974">
                  <c:v>7.4700000000000003E-2</c:v>
                </c:pt>
                <c:pt idx="2975">
                  <c:v>7.4700000000000003E-2</c:v>
                </c:pt>
                <c:pt idx="2976">
                  <c:v>7.4700000000000003E-2</c:v>
                </c:pt>
                <c:pt idx="2977">
                  <c:v>7.4700000000000003E-2</c:v>
                </c:pt>
                <c:pt idx="2978">
                  <c:v>7.4700000000000003E-2</c:v>
                </c:pt>
                <c:pt idx="2979">
                  <c:v>7.4700000000000003E-2</c:v>
                </c:pt>
                <c:pt idx="2980">
                  <c:v>7.4700000000000003E-2</c:v>
                </c:pt>
                <c:pt idx="2981">
                  <c:v>7.4700000000000003E-2</c:v>
                </c:pt>
                <c:pt idx="2982">
                  <c:v>7.4700000000000003E-2</c:v>
                </c:pt>
                <c:pt idx="2983">
                  <c:v>7.4700000000000003E-2</c:v>
                </c:pt>
                <c:pt idx="2984">
                  <c:v>7.4700000000000003E-2</c:v>
                </c:pt>
                <c:pt idx="2985">
                  <c:v>7.4700000000000003E-2</c:v>
                </c:pt>
                <c:pt idx="2986">
                  <c:v>7.4700000000000003E-2</c:v>
                </c:pt>
                <c:pt idx="2987">
                  <c:v>7.4700000000000003E-2</c:v>
                </c:pt>
                <c:pt idx="2988">
                  <c:v>7.4700000000000003E-2</c:v>
                </c:pt>
                <c:pt idx="2989">
                  <c:v>7.4700000000000003E-2</c:v>
                </c:pt>
                <c:pt idx="2990">
                  <c:v>7.4700000000000003E-2</c:v>
                </c:pt>
                <c:pt idx="2991">
                  <c:v>7.4700000000000003E-2</c:v>
                </c:pt>
                <c:pt idx="2992">
                  <c:v>7.4700000000000003E-2</c:v>
                </c:pt>
                <c:pt idx="2993">
                  <c:v>7.4700000000000003E-2</c:v>
                </c:pt>
                <c:pt idx="2994">
                  <c:v>7.4700000000000003E-2</c:v>
                </c:pt>
                <c:pt idx="2995">
                  <c:v>7.4700000000000003E-2</c:v>
                </c:pt>
                <c:pt idx="2996">
                  <c:v>7.4700000000000003E-2</c:v>
                </c:pt>
                <c:pt idx="2997">
                  <c:v>7.4700000000000003E-2</c:v>
                </c:pt>
                <c:pt idx="2998">
                  <c:v>7.4700000000000003E-2</c:v>
                </c:pt>
                <c:pt idx="2999">
                  <c:v>7.4700000000000003E-2</c:v>
                </c:pt>
                <c:pt idx="3000">
                  <c:v>7.4700000000000003E-2</c:v>
                </c:pt>
                <c:pt idx="3001">
                  <c:v>7.4700000000000003E-2</c:v>
                </c:pt>
                <c:pt idx="3002">
                  <c:v>7.4700000000000003E-2</c:v>
                </c:pt>
                <c:pt idx="3003">
                  <c:v>7.4700000000000003E-2</c:v>
                </c:pt>
                <c:pt idx="3004">
                  <c:v>7.4700000000000003E-2</c:v>
                </c:pt>
                <c:pt idx="3005">
                  <c:v>7.4700000000000003E-2</c:v>
                </c:pt>
                <c:pt idx="3006">
                  <c:v>7.4700000000000003E-2</c:v>
                </c:pt>
                <c:pt idx="3007">
                  <c:v>7.4700000000000003E-2</c:v>
                </c:pt>
                <c:pt idx="3008">
                  <c:v>7.4700000000000003E-2</c:v>
                </c:pt>
                <c:pt idx="3009">
                  <c:v>7.4700000000000003E-2</c:v>
                </c:pt>
                <c:pt idx="3010">
                  <c:v>7.4700000000000003E-2</c:v>
                </c:pt>
                <c:pt idx="3011">
                  <c:v>7.4700000000000003E-2</c:v>
                </c:pt>
                <c:pt idx="3012">
                  <c:v>7.4700000000000003E-2</c:v>
                </c:pt>
                <c:pt idx="3013">
                  <c:v>7.4700000000000003E-2</c:v>
                </c:pt>
                <c:pt idx="3014">
                  <c:v>7.4700000000000003E-2</c:v>
                </c:pt>
                <c:pt idx="3015">
                  <c:v>7.4700000000000003E-2</c:v>
                </c:pt>
                <c:pt idx="3016">
                  <c:v>7.4700000000000003E-2</c:v>
                </c:pt>
                <c:pt idx="3017">
                  <c:v>7.4700000000000003E-2</c:v>
                </c:pt>
                <c:pt idx="3018">
                  <c:v>7.4700000000000003E-2</c:v>
                </c:pt>
                <c:pt idx="3019">
                  <c:v>7.4700000000000003E-2</c:v>
                </c:pt>
                <c:pt idx="3020">
                  <c:v>7.4700000000000003E-2</c:v>
                </c:pt>
                <c:pt idx="3021">
                  <c:v>7.4700000000000003E-2</c:v>
                </c:pt>
                <c:pt idx="3022">
                  <c:v>7.4700000000000003E-2</c:v>
                </c:pt>
                <c:pt idx="3023">
                  <c:v>7.4700000000000003E-2</c:v>
                </c:pt>
                <c:pt idx="3024">
                  <c:v>7.4700000000000003E-2</c:v>
                </c:pt>
                <c:pt idx="3025">
                  <c:v>7.4700000000000003E-2</c:v>
                </c:pt>
                <c:pt idx="3026">
                  <c:v>7.4700000000000003E-2</c:v>
                </c:pt>
                <c:pt idx="3027">
                  <c:v>7.4700000000000003E-2</c:v>
                </c:pt>
                <c:pt idx="3028">
                  <c:v>7.4700000000000003E-2</c:v>
                </c:pt>
                <c:pt idx="3029">
                  <c:v>7.4700000000000003E-2</c:v>
                </c:pt>
                <c:pt idx="3030">
                  <c:v>7.4700000000000003E-2</c:v>
                </c:pt>
                <c:pt idx="3031">
                  <c:v>7.4700000000000003E-2</c:v>
                </c:pt>
                <c:pt idx="3032">
                  <c:v>7.4700000000000003E-2</c:v>
                </c:pt>
                <c:pt idx="3033">
                  <c:v>7.4700000000000003E-2</c:v>
                </c:pt>
                <c:pt idx="3034">
                  <c:v>7.4700000000000003E-2</c:v>
                </c:pt>
                <c:pt idx="3035">
                  <c:v>7.4700000000000003E-2</c:v>
                </c:pt>
                <c:pt idx="3036">
                  <c:v>7.4700000000000003E-2</c:v>
                </c:pt>
                <c:pt idx="3037">
                  <c:v>7.4700000000000003E-2</c:v>
                </c:pt>
                <c:pt idx="3038">
                  <c:v>7.4700000000000003E-2</c:v>
                </c:pt>
                <c:pt idx="3039">
                  <c:v>7.4700000000000003E-2</c:v>
                </c:pt>
                <c:pt idx="3040">
                  <c:v>7.4700000000000003E-2</c:v>
                </c:pt>
                <c:pt idx="3041">
                  <c:v>7.4700000000000003E-2</c:v>
                </c:pt>
                <c:pt idx="3042">
                  <c:v>7.4700000000000003E-2</c:v>
                </c:pt>
                <c:pt idx="3043">
                  <c:v>7.4700000000000003E-2</c:v>
                </c:pt>
                <c:pt idx="3044">
                  <c:v>7.4700000000000003E-2</c:v>
                </c:pt>
                <c:pt idx="3045">
                  <c:v>7.4700000000000003E-2</c:v>
                </c:pt>
                <c:pt idx="3046">
                  <c:v>7.4700000000000003E-2</c:v>
                </c:pt>
                <c:pt idx="3047">
                  <c:v>7.4700000000000003E-2</c:v>
                </c:pt>
                <c:pt idx="3048">
                  <c:v>7.4700000000000003E-2</c:v>
                </c:pt>
                <c:pt idx="3049">
                  <c:v>7.4700000000000003E-2</c:v>
                </c:pt>
                <c:pt idx="3050">
                  <c:v>7.4700000000000003E-2</c:v>
                </c:pt>
                <c:pt idx="3051">
                  <c:v>7.4700000000000003E-2</c:v>
                </c:pt>
                <c:pt idx="3052">
                  <c:v>7.4700000000000003E-2</c:v>
                </c:pt>
                <c:pt idx="3053">
                  <c:v>7.4700000000000003E-2</c:v>
                </c:pt>
                <c:pt idx="3054">
                  <c:v>7.4700000000000003E-2</c:v>
                </c:pt>
                <c:pt idx="3055">
                  <c:v>7.4700000000000003E-2</c:v>
                </c:pt>
                <c:pt idx="3056">
                  <c:v>7.4700000000000003E-2</c:v>
                </c:pt>
                <c:pt idx="3057">
                  <c:v>7.4700000000000003E-2</c:v>
                </c:pt>
                <c:pt idx="3058">
                  <c:v>7.4700000000000003E-2</c:v>
                </c:pt>
                <c:pt idx="3059">
                  <c:v>7.4700000000000003E-2</c:v>
                </c:pt>
                <c:pt idx="3060">
                  <c:v>7.4700000000000003E-2</c:v>
                </c:pt>
                <c:pt idx="3061">
                  <c:v>7.4700000000000003E-2</c:v>
                </c:pt>
                <c:pt idx="3062">
                  <c:v>7.4700000000000003E-2</c:v>
                </c:pt>
                <c:pt idx="3063">
                  <c:v>7.4700000000000003E-2</c:v>
                </c:pt>
                <c:pt idx="3064">
                  <c:v>7.4700000000000003E-2</c:v>
                </c:pt>
                <c:pt idx="3065">
                  <c:v>7.4700000000000003E-2</c:v>
                </c:pt>
                <c:pt idx="3066">
                  <c:v>7.4700000000000003E-2</c:v>
                </c:pt>
                <c:pt idx="3067">
                  <c:v>7.4700000000000003E-2</c:v>
                </c:pt>
                <c:pt idx="3068">
                  <c:v>7.4700000000000003E-2</c:v>
                </c:pt>
                <c:pt idx="3069">
                  <c:v>7.4700000000000003E-2</c:v>
                </c:pt>
                <c:pt idx="3070">
                  <c:v>7.4700000000000003E-2</c:v>
                </c:pt>
                <c:pt idx="3071">
                  <c:v>7.4700000000000003E-2</c:v>
                </c:pt>
                <c:pt idx="3072">
                  <c:v>7.4700000000000003E-2</c:v>
                </c:pt>
                <c:pt idx="3073">
                  <c:v>7.4700000000000003E-2</c:v>
                </c:pt>
                <c:pt idx="3074">
                  <c:v>7.4700000000000003E-2</c:v>
                </c:pt>
                <c:pt idx="3075">
                  <c:v>7.4700000000000003E-2</c:v>
                </c:pt>
                <c:pt idx="3076">
                  <c:v>7.4700000000000003E-2</c:v>
                </c:pt>
                <c:pt idx="3077">
                  <c:v>7.4700000000000003E-2</c:v>
                </c:pt>
                <c:pt idx="3078">
                  <c:v>7.4700000000000003E-2</c:v>
                </c:pt>
                <c:pt idx="3079">
                  <c:v>7.4700000000000003E-2</c:v>
                </c:pt>
                <c:pt idx="3080">
                  <c:v>7.4700000000000003E-2</c:v>
                </c:pt>
                <c:pt idx="3081">
                  <c:v>7.4700000000000003E-2</c:v>
                </c:pt>
                <c:pt idx="3082">
                  <c:v>7.4700000000000003E-2</c:v>
                </c:pt>
                <c:pt idx="3083">
                  <c:v>7.4700000000000003E-2</c:v>
                </c:pt>
                <c:pt idx="3084">
                  <c:v>7.4700000000000003E-2</c:v>
                </c:pt>
                <c:pt idx="3085">
                  <c:v>7.4700000000000003E-2</c:v>
                </c:pt>
                <c:pt idx="3086">
                  <c:v>7.4700000000000003E-2</c:v>
                </c:pt>
                <c:pt idx="3087">
                  <c:v>7.4700000000000003E-2</c:v>
                </c:pt>
                <c:pt idx="3088">
                  <c:v>7.4700000000000003E-2</c:v>
                </c:pt>
                <c:pt idx="3089">
                  <c:v>7.4700000000000003E-2</c:v>
                </c:pt>
                <c:pt idx="3090">
                  <c:v>7.4700000000000003E-2</c:v>
                </c:pt>
                <c:pt idx="3091">
                  <c:v>7.4700000000000003E-2</c:v>
                </c:pt>
                <c:pt idx="3092">
                  <c:v>7.4700000000000003E-2</c:v>
                </c:pt>
                <c:pt idx="3093">
                  <c:v>7.4700000000000003E-2</c:v>
                </c:pt>
                <c:pt idx="3094">
                  <c:v>7.4700000000000003E-2</c:v>
                </c:pt>
                <c:pt idx="3095">
                  <c:v>7.4700000000000003E-2</c:v>
                </c:pt>
                <c:pt idx="3096">
                  <c:v>7.4700000000000003E-2</c:v>
                </c:pt>
                <c:pt idx="3097">
                  <c:v>7.4700000000000003E-2</c:v>
                </c:pt>
                <c:pt idx="3098">
                  <c:v>7.4700000000000003E-2</c:v>
                </c:pt>
                <c:pt idx="3099">
                  <c:v>7.4700000000000003E-2</c:v>
                </c:pt>
                <c:pt idx="3100">
                  <c:v>7.4700000000000003E-2</c:v>
                </c:pt>
                <c:pt idx="3101">
                  <c:v>7.4700000000000003E-2</c:v>
                </c:pt>
                <c:pt idx="3102">
                  <c:v>7.4700000000000003E-2</c:v>
                </c:pt>
                <c:pt idx="3103">
                  <c:v>7.4700000000000003E-2</c:v>
                </c:pt>
                <c:pt idx="3104">
                  <c:v>7.4700000000000003E-2</c:v>
                </c:pt>
                <c:pt idx="3105">
                  <c:v>7.4700000000000003E-2</c:v>
                </c:pt>
                <c:pt idx="3106">
                  <c:v>7.4700000000000003E-2</c:v>
                </c:pt>
                <c:pt idx="3107">
                  <c:v>7.4700000000000003E-2</c:v>
                </c:pt>
                <c:pt idx="3108">
                  <c:v>7.4700000000000003E-2</c:v>
                </c:pt>
                <c:pt idx="3109">
                  <c:v>7.4700000000000003E-2</c:v>
                </c:pt>
                <c:pt idx="3110">
                  <c:v>7.4700000000000003E-2</c:v>
                </c:pt>
                <c:pt idx="3111">
                  <c:v>7.4700000000000003E-2</c:v>
                </c:pt>
                <c:pt idx="3112">
                  <c:v>7.4700000000000003E-2</c:v>
                </c:pt>
                <c:pt idx="3113">
                  <c:v>7.4700000000000003E-2</c:v>
                </c:pt>
                <c:pt idx="3114">
                  <c:v>7.4700000000000003E-2</c:v>
                </c:pt>
                <c:pt idx="3115">
                  <c:v>7.4700000000000003E-2</c:v>
                </c:pt>
                <c:pt idx="3116">
                  <c:v>7.4700000000000003E-2</c:v>
                </c:pt>
                <c:pt idx="3117">
                  <c:v>7.4700000000000003E-2</c:v>
                </c:pt>
                <c:pt idx="3118">
                  <c:v>7.4700000000000003E-2</c:v>
                </c:pt>
                <c:pt idx="3119">
                  <c:v>7.4700000000000003E-2</c:v>
                </c:pt>
                <c:pt idx="3120">
                  <c:v>7.4700000000000003E-2</c:v>
                </c:pt>
                <c:pt idx="3121">
                  <c:v>7.4700000000000003E-2</c:v>
                </c:pt>
                <c:pt idx="3122">
                  <c:v>7.4700000000000003E-2</c:v>
                </c:pt>
                <c:pt idx="3123">
                  <c:v>7.4700000000000003E-2</c:v>
                </c:pt>
                <c:pt idx="3124">
                  <c:v>7.4700000000000003E-2</c:v>
                </c:pt>
                <c:pt idx="3125">
                  <c:v>7.4700000000000003E-2</c:v>
                </c:pt>
                <c:pt idx="3126">
                  <c:v>7.4700000000000003E-2</c:v>
                </c:pt>
                <c:pt idx="3127">
                  <c:v>7.4700000000000003E-2</c:v>
                </c:pt>
                <c:pt idx="3128">
                  <c:v>7.4700000000000003E-2</c:v>
                </c:pt>
                <c:pt idx="3129">
                  <c:v>7.4700000000000003E-2</c:v>
                </c:pt>
                <c:pt idx="3130">
                  <c:v>7.4700000000000003E-2</c:v>
                </c:pt>
                <c:pt idx="3131">
                  <c:v>7.4700000000000003E-2</c:v>
                </c:pt>
                <c:pt idx="3132">
                  <c:v>7.4700000000000003E-2</c:v>
                </c:pt>
                <c:pt idx="3133">
                  <c:v>7.4700000000000003E-2</c:v>
                </c:pt>
                <c:pt idx="3134">
                  <c:v>7.4700000000000003E-2</c:v>
                </c:pt>
                <c:pt idx="3135">
                  <c:v>7.4700000000000003E-2</c:v>
                </c:pt>
                <c:pt idx="3136">
                  <c:v>7.4700000000000003E-2</c:v>
                </c:pt>
                <c:pt idx="3137">
                  <c:v>7.4700000000000003E-2</c:v>
                </c:pt>
                <c:pt idx="3138">
                  <c:v>7.4700000000000003E-2</c:v>
                </c:pt>
                <c:pt idx="3139">
                  <c:v>7.4700000000000003E-2</c:v>
                </c:pt>
                <c:pt idx="3140">
                  <c:v>7.4700000000000003E-2</c:v>
                </c:pt>
                <c:pt idx="3141">
                  <c:v>7.4700000000000003E-2</c:v>
                </c:pt>
                <c:pt idx="3142">
                  <c:v>7.4700000000000003E-2</c:v>
                </c:pt>
                <c:pt idx="3143">
                  <c:v>7.4700000000000003E-2</c:v>
                </c:pt>
                <c:pt idx="3144">
                  <c:v>7.4700000000000003E-2</c:v>
                </c:pt>
                <c:pt idx="3145">
                  <c:v>7.4700000000000003E-2</c:v>
                </c:pt>
                <c:pt idx="3146">
                  <c:v>7.4700000000000003E-2</c:v>
                </c:pt>
                <c:pt idx="3147">
                  <c:v>7.4700000000000003E-2</c:v>
                </c:pt>
                <c:pt idx="3148">
                  <c:v>7.4700000000000003E-2</c:v>
                </c:pt>
                <c:pt idx="3149">
                  <c:v>7.4700000000000003E-2</c:v>
                </c:pt>
                <c:pt idx="3150">
                  <c:v>7.4700000000000003E-2</c:v>
                </c:pt>
                <c:pt idx="3151">
                  <c:v>7.4700000000000003E-2</c:v>
                </c:pt>
                <c:pt idx="3152">
                  <c:v>7.4700000000000003E-2</c:v>
                </c:pt>
                <c:pt idx="3153">
                  <c:v>7.4700000000000003E-2</c:v>
                </c:pt>
                <c:pt idx="3154">
                  <c:v>7.4700000000000003E-2</c:v>
                </c:pt>
                <c:pt idx="3155">
                  <c:v>7.4700000000000003E-2</c:v>
                </c:pt>
                <c:pt idx="3156">
                  <c:v>7.4700000000000003E-2</c:v>
                </c:pt>
                <c:pt idx="3157">
                  <c:v>7.4700000000000003E-2</c:v>
                </c:pt>
                <c:pt idx="3158">
                  <c:v>7.4700000000000003E-2</c:v>
                </c:pt>
                <c:pt idx="3159">
                  <c:v>7.4700000000000003E-2</c:v>
                </c:pt>
                <c:pt idx="3160">
                  <c:v>7.4700000000000003E-2</c:v>
                </c:pt>
                <c:pt idx="3161">
                  <c:v>7.4700000000000003E-2</c:v>
                </c:pt>
                <c:pt idx="3162">
                  <c:v>7.4700000000000003E-2</c:v>
                </c:pt>
                <c:pt idx="3163">
                  <c:v>7.4700000000000003E-2</c:v>
                </c:pt>
                <c:pt idx="3164">
                  <c:v>7.4700000000000003E-2</c:v>
                </c:pt>
                <c:pt idx="3165">
                  <c:v>7.4700000000000003E-2</c:v>
                </c:pt>
                <c:pt idx="3166">
                  <c:v>7.4700000000000003E-2</c:v>
                </c:pt>
                <c:pt idx="3167">
                  <c:v>7.4700000000000003E-2</c:v>
                </c:pt>
                <c:pt idx="3168">
                  <c:v>7.4700000000000003E-2</c:v>
                </c:pt>
                <c:pt idx="3169">
                  <c:v>7.4700000000000003E-2</c:v>
                </c:pt>
                <c:pt idx="3170">
                  <c:v>7.4700000000000003E-2</c:v>
                </c:pt>
                <c:pt idx="3171">
                  <c:v>7.4700000000000003E-2</c:v>
                </c:pt>
                <c:pt idx="3172">
                  <c:v>7.4700000000000003E-2</c:v>
                </c:pt>
                <c:pt idx="3173">
                  <c:v>7.4700000000000003E-2</c:v>
                </c:pt>
                <c:pt idx="3174">
                  <c:v>7.4700000000000003E-2</c:v>
                </c:pt>
                <c:pt idx="3175">
                  <c:v>7.4700000000000003E-2</c:v>
                </c:pt>
                <c:pt idx="3176">
                  <c:v>7.4700000000000003E-2</c:v>
                </c:pt>
                <c:pt idx="3177">
                  <c:v>7.4700000000000003E-2</c:v>
                </c:pt>
                <c:pt idx="3178">
                  <c:v>7.4700000000000003E-2</c:v>
                </c:pt>
                <c:pt idx="3179">
                  <c:v>7.4700000000000003E-2</c:v>
                </c:pt>
                <c:pt idx="3180">
                  <c:v>7.4700000000000003E-2</c:v>
                </c:pt>
                <c:pt idx="3181">
                  <c:v>7.2000000000000008E-2</c:v>
                </c:pt>
                <c:pt idx="3182">
                  <c:v>7.2000000000000008E-2</c:v>
                </c:pt>
                <c:pt idx="3183">
                  <c:v>7.2000000000000008E-2</c:v>
                </c:pt>
                <c:pt idx="3184">
                  <c:v>7.2000000000000008E-2</c:v>
                </c:pt>
                <c:pt idx="3185">
                  <c:v>7.2000000000000008E-2</c:v>
                </c:pt>
                <c:pt idx="3186">
                  <c:v>7.2000000000000008E-2</c:v>
                </c:pt>
                <c:pt idx="3187">
                  <c:v>7.2000000000000008E-2</c:v>
                </c:pt>
                <c:pt idx="3188">
                  <c:v>7.2000000000000008E-2</c:v>
                </c:pt>
                <c:pt idx="3189">
                  <c:v>7.2000000000000008E-2</c:v>
                </c:pt>
                <c:pt idx="3190">
                  <c:v>7.2000000000000008E-2</c:v>
                </c:pt>
                <c:pt idx="3191">
                  <c:v>7.2000000000000008E-2</c:v>
                </c:pt>
                <c:pt idx="3192">
                  <c:v>7.2000000000000008E-2</c:v>
                </c:pt>
                <c:pt idx="3193">
                  <c:v>7.2000000000000008E-2</c:v>
                </c:pt>
                <c:pt idx="3194">
                  <c:v>7.2000000000000008E-2</c:v>
                </c:pt>
                <c:pt idx="3195">
                  <c:v>7.2000000000000008E-2</c:v>
                </c:pt>
                <c:pt idx="3196">
                  <c:v>7.2000000000000008E-2</c:v>
                </c:pt>
                <c:pt idx="3197">
                  <c:v>7.2000000000000008E-2</c:v>
                </c:pt>
                <c:pt idx="3198">
                  <c:v>7.2000000000000008E-2</c:v>
                </c:pt>
                <c:pt idx="3199">
                  <c:v>7.2000000000000008E-2</c:v>
                </c:pt>
                <c:pt idx="3200">
                  <c:v>7.2000000000000008E-2</c:v>
                </c:pt>
                <c:pt idx="3201">
                  <c:v>7.2000000000000008E-2</c:v>
                </c:pt>
                <c:pt idx="3202">
                  <c:v>7.2000000000000008E-2</c:v>
                </c:pt>
                <c:pt idx="3203">
                  <c:v>7.2000000000000008E-2</c:v>
                </c:pt>
                <c:pt idx="3204">
                  <c:v>6.93E-2</c:v>
                </c:pt>
                <c:pt idx="3205">
                  <c:v>6.93E-2</c:v>
                </c:pt>
                <c:pt idx="3206">
                  <c:v>6.93E-2</c:v>
                </c:pt>
                <c:pt idx="3207">
                  <c:v>6.93E-2</c:v>
                </c:pt>
                <c:pt idx="3208">
                  <c:v>6.93E-2</c:v>
                </c:pt>
                <c:pt idx="3209">
                  <c:v>6.93E-2</c:v>
                </c:pt>
                <c:pt idx="3210">
                  <c:v>6.93E-2</c:v>
                </c:pt>
                <c:pt idx="3211">
                  <c:v>6.93E-2</c:v>
                </c:pt>
                <c:pt idx="3212">
                  <c:v>6.93E-2</c:v>
                </c:pt>
                <c:pt idx="3213">
                  <c:v>6.93E-2</c:v>
                </c:pt>
                <c:pt idx="3214">
                  <c:v>6.93E-2</c:v>
                </c:pt>
                <c:pt idx="3215">
                  <c:v>6.93E-2</c:v>
                </c:pt>
                <c:pt idx="3216">
                  <c:v>6.93E-2</c:v>
                </c:pt>
                <c:pt idx="3217">
                  <c:v>6.93E-2</c:v>
                </c:pt>
                <c:pt idx="3218">
                  <c:v>6.93E-2</c:v>
                </c:pt>
                <c:pt idx="3219">
                  <c:v>6.93E-2</c:v>
                </c:pt>
                <c:pt idx="3220">
                  <c:v>6.93E-2</c:v>
                </c:pt>
                <c:pt idx="3221">
                  <c:v>6.93E-2</c:v>
                </c:pt>
                <c:pt idx="3222">
                  <c:v>6.93E-2</c:v>
                </c:pt>
                <c:pt idx="3223">
                  <c:v>6.93E-2</c:v>
                </c:pt>
                <c:pt idx="3224">
                  <c:v>6.93E-2</c:v>
                </c:pt>
                <c:pt idx="3225">
                  <c:v>6.6600000000000006E-2</c:v>
                </c:pt>
                <c:pt idx="3226">
                  <c:v>6.6600000000000006E-2</c:v>
                </c:pt>
                <c:pt idx="3227">
                  <c:v>6.6600000000000006E-2</c:v>
                </c:pt>
                <c:pt idx="3228">
                  <c:v>6.6600000000000006E-2</c:v>
                </c:pt>
                <c:pt idx="3229">
                  <c:v>6.6600000000000006E-2</c:v>
                </c:pt>
                <c:pt idx="3230">
                  <c:v>6.6600000000000006E-2</c:v>
                </c:pt>
                <c:pt idx="3231">
                  <c:v>6.6600000000000006E-2</c:v>
                </c:pt>
                <c:pt idx="3232">
                  <c:v>6.6600000000000006E-2</c:v>
                </c:pt>
                <c:pt idx="3233">
                  <c:v>6.6600000000000006E-2</c:v>
                </c:pt>
                <c:pt idx="3234">
                  <c:v>6.6600000000000006E-2</c:v>
                </c:pt>
                <c:pt idx="3235">
                  <c:v>6.6600000000000006E-2</c:v>
                </c:pt>
                <c:pt idx="3236">
                  <c:v>6.6600000000000006E-2</c:v>
                </c:pt>
                <c:pt idx="3237">
                  <c:v>6.6600000000000006E-2</c:v>
                </c:pt>
                <c:pt idx="3238">
                  <c:v>6.6600000000000006E-2</c:v>
                </c:pt>
                <c:pt idx="3239">
                  <c:v>6.6600000000000006E-2</c:v>
                </c:pt>
                <c:pt idx="3240">
                  <c:v>6.6600000000000006E-2</c:v>
                </c:pt>
                <c:pt idx="3241">
                  <c:v>6.6600000000000006E-2</c:v>
                </c:pt>
                <c:pt idx="3242">
                  <c:v>6.6600000000000006E-2</c:v>
                </c:pt>
                <c:pt idx="3243">
                  <c:v>6.6600000000000006E-2</c:v>
                </c:pt>
                <c:pt idx="3244">
                  <c:v>6.6600000000000006E-2</c:v>
                </c:pt>
                <c:pt idx="3245">
                  <c:v>6.6600000000000006E-2</c:v>
                </c:pt>
                <c:pt idx="3246">
                  <c:v>6.6600000000000006E-2</c:v>
                </c:pt>
                <c:pt idx="3247">
                  <c:v>6.6600000000000006E-2</c:v>
                </c:pt>
                <c:pt idx="3248">
                  <c:v>6.6600000000000006E-2</c:v>
                </c:pt>
                <c:pt idx="3249">
                  <c:v>6.6600000000000006E-2</c:v>
                </c:pt>
                <c:pt idx="3250">
                  <c:v>6.6600000000000006E-2</c:v>
                </c:pt>
                <c:pt idx="3251">
                  <c:v>6.6600000000000006E-2</c:v>
                </c:pt>
                <c:pt idx="3252">
                  <c:v>6.6600000000000006E-2</c:v>
                </c:pt>
                <c:pt idx="3253">
                  <c:v>5.5800000000000002E-2</c:v>
                </c:pt>
                <c:pt idx="3254">
                  <c:v>5.5800000000000002E-2</c:v>
                </c:pt>
                <c:pt idx="3255">
                  <c:v>5.5800000000000002E-2</c:v>
                </c:pt>
                <c:pt idx="3256">
                  <c:v>5.5800000000000002E-2</c:v>
                </c:pt>
                <c:pt idx="3257">
                  <c:v>5.5800000000000002E-2</c:v>
                </c:pt>
                <c:pt idx="3258">
                  <c:v>5.5800000000000002E-2</c:v>
                </c:pt>
                <c:pt idx="3259">
                  <c:v>5.5800000000000002E-2</c:v>
                </c:pt>
                <c:pt idx="3260">
                  <c:v>5.5800000000000002E-2</c:v>
                </c:pt>
                <c:pt idx="3261">
                  <c:v>5.5800000000000002E-2</c:v>
                </c:pt>
                <c:pt idx="3262">
                  <c:v>5.5800000000000002E-2</c:v>
                </c:pt>
                <c:pt idx="3263">
                  <c:v>5.5800000000000002E-2</c:v>
                </c:pt>
                <c:pt idx="3264">
                  <c:v>5.5800000000000002E-2</c:v>
                </c:pt>
                <c:pt idx="3265">
                  <c:v>5.5800000000000002E-2</c:v>
                </c:pt>
                <c:pt idx="3266">
                  <c:v>5.5800000000000002E-2</c:v>
                </c:pt>
                <c:pt idx="3267">
                  <c:v>5.5800000000000002E-2</c:v>
                </c:pt>
                <c:pt idx="3268">
                  <c:v>5.5800000000000002E-2</c:v>
                </c:pt>
                <c:pt idx="3269">
                  <c:v>5.5800000000000002E-2</c:v>
                </c:pt>
                <c:pt idx="3270">
                  <c:v>5.5800000000000002E-2</c:v>
                </c:pt>
                <c:pt idx="3271">
                  <c:v>5.5800000000000002E-2</c:v>
                </c:pt>
                <c:pt idx="3272">
                  <c:v>5.5800000000000002E-2</c:v>
                </c:pt>
                <c:pt idx="3273">
                  <c:v>5.5800000000000002E-2</c:v>
                </c:pt>
                <c:pt idx="3274">
                  <c:v>5.5800000000000002E-2</c:v>
                </c:pt>
                <c:pt idx="3275">
                  <c:v>5.5800000000000002E-2</c:v>
                </c:pt>
                <c:pt idx="3276">
                  <c:v>5.5800000000000002E-2</c:v>
                </c:pt>
                <c:pt idx="3277">
                  <c:v>5.5800000000000002E-2</c:v>
                </c:pt>
                <c:pt idx="3278">
                  <c:v>5.5800000000000002E-2</c:v>
                </c:pt>
                <c:pt idx="3279">
                  <c:v>5.3099999999999994E-2</c:v>
                </c:pt>
                <c:pt idx="3280">
                  <c:v>5.3099999999999994E-2</c:v>
                </c:pt>
                <c:pt idx="3281">
                  <c:v>5.3099999999999994E-2</c:v>
                </c:pt>
                <c:pt idx="3282">
                  <c:v>5.3099999999999994E-2</c:v>
                </c:pt>
                <c:pt idx="3283">
                  <c:v>5.3099999999999994E-2</c:v>
                </c:pt>
                <c:pt idx="3284">
                  <c:v>5.3099999999999994E-2</c:v>
                </c:pt>
                <c:pt idx="3285">
                  <c:v>5.3099999999999994E-2</c:v>
                </c:pt>
                <c:pt idx="3286">
                  <c:v>5.3099999999999994E-2</c:v>
                </c:pt>
                <c:pt idx="3287">
                  <c:v>5.3099999999999994E-2</c:v>
                </c:pt>
                <c:pt idx="3288">
                  <c:v>5.3099999999999994E-2</c:v>
                </c:pt>
                <c:pt idx="3289">
                  <c:v>5.3099999999999994E-2</c:v>
                </c:pt>
                <c:pt idx="3290">
                  <c:v>5.3099999999999994E-2</c:v>
                </c:pt>
                <c:pt idx="3291">
                  <c:v>5.3099999999999994E-2</c:v>
                </c:pt>
                <c:pt idx="3292">
                  <c:v>5.3099999999999994E-2</c:v>
                </c:pt>
                <c:pt idx="3293">
                  <c:v>5.3099999999999994E-2</c:v>
                </c:pt>
                <c:pt idx="3294">
                  <c:v>5.3099999999999994E-2</c:v>
                </c:pt>
                <c:pt idx="3295">
                  <c:v>5.3099999999999994E-2</c:v>
                </c:pt>
                <c:pt idx="3296">
                  <c:v>5.3099999999999994E-2</c:v>
                </c:pt>
                <c:pt idx="3297">
                  <c:v>5.3099999999999994E-2</c:v>
                </c:pt>
                <c:pt idx="3298">
                  <c:v>5.3099999999999994E-2</c:v>
                </c:pt>
                <c:pt idx="3299">
                  <c:v>5.3099999999999994E-2</c:v>
                </c:pt>
                <c:pt idx="3300">
                  <c:v>5.3099999999999994E-2</c:v>
                </c:pt>
                <c:pt idx="3301">
                  <c:v>5.3099999999999994E-2</c:v>
                </c:pt>
                <c:pt idx="3302">
                  <c:v>5.3099999999999994E-2</c:v>
                </c:pt>
                <c:pt idx="3303">
                  <c:v>5.3099999999999994E-2</c:v>
                </c:pt>
                <c:pt idx="3304">
                  <c:v>5.3099999999999994E-2</c:v>
                </c:pt>
                <c:pt idx="3305">
                  <c:v>5.3099999999999994E-2</c:v>
                </c:pt>
                <c:pt idx="3306">
                  <c:v>5.3099999999999994E-2</c:v>
                </c:pt>
                <c:pt idx="3307">
                  <c:v>5.3099999999999994E-2</c:v>
                </c:pt>
                <c:pt idx="3308">
                  <c:v>5.3099999999999994E-2</c:v>
                </c:pt>
                <c:pt idx="3309">
                  <c:v>5.3099999999999994E-2</c:v>
                </c:pt>
                <c:pt idx="3310">
                  <c:v>5.3099999999999994E-2</c:v>
                </c:pt>
                <c:pt idx="3311">
                  <c:v>5.3099999999999994E-2</c:v>
                </c:pt>
                <c:pt idx="3312">
                  <c:v>5.3099999999999994E-2</c:v>
                </c:pt>
                <c:pt idx="3313">
                  <c:v>5.3099999999999994E-2</c:v>
                </c:pt>
                <c:pt idx="3314">
                  <c:v>5.3099999999999994E-2</c:v>
                </c:pt>
                <c:pt idx="3315">
                  <c:v>5.3099999999999994E-2</c:v>
                </c:pt>
                <c:pt idx="3316">
                  <c:v>5.3099999999999994E-2</c:v>
                </c:pt>
                <c:pt idx="3317">
                  <c:v>5.3099999999999994E-2</c:v>
                </c:pt>
                <c:pt idx="3318">
                  <c:v>5.3099999999999994E-2</c:v>
                </c:pt>
                <c:pt idx="3319">
                  <c:v>5.3099999999999994E-2</c:v>
                </c:pt>
                <c:pt idx="3320">
                  <c:v>5.3099999999999994E-2</c:v>
                </c:pt>
                <c:pt idx="3321">
                  <c:v>5.3099999999999994E-2</c:v>
                </c:pt>
                <c:pt idx="3322">
                  <c:v>5.3099999999999994E-2</c:v>
                </c:pt>
                <c:pt idx="3323">
                  <c:v>5.3099999999999994E-2</c:v>
                </c:pt>
                <c:pt idx="3324">
                  <c:v>5.3099999999999994E-2</c:v>
                </c:pt>
                <c:pt idx="3325">
                  <c:v>5.3099999999999994E-2</c:v>
                </c:pt>
                <c:pt idx="3326">
                  <c:v>5.3099999999999994E-2</c:v>
                </c:pt>
                <c:pt idx="3327">
                  <c:v>5.3099999999999994E-2</c:v>
                </c:pt>
                <c:pt idx="3328">
                  <c:v>5.3099999999999994E-2</c:v>
                </c:pt>
                <c:pt idx="3329">
                  <c:v>5.3099999999999994E-2</c:v>
                </c:pt>
                <c:pt idx="3330">
                  <c:v>5.3099999999999994E-2</c:v>
                </c:pt>
                <c:pt idx="3331">
                  <c:v>5.3099999999999994E-2</c:v>
                </c:pt>
                <c:pt idx="3332">
                  <c:v>5.3099999999999994E-2</c:v>
                </c:pt>
                <c:pt idx="3333">
                  <c:v>5.3099999999999994E-2</c:v>
                </c:pt>
                <c:pt idx="3334">
                  <c:v>5.3099999999999994E-2</c:v>
                </c:pt>
                <c:pt idx="3335">
                  <c:v>5.3099999999999994E-2</c:v>
                </c:pt>
                <c:pt idx="3336">
                  <c:v>5.3099999999999994E-2</c:v>
                </c:pt>
                <c:pt idx="3337">
                  <c:v>5.3099999999999994E-2</c:v>
                </c:pt>
                <c:pt idx="3338">
                  <c:v>5.3099999999999994E-2</c:v>
                </c:pt>
                <c:pt idx="3339">
                  <c:v>5.3099999999999994E-2</c:v>
                </c:pt>
                <c:pt idx="3340">
                  <c:v>5.3099999999999994E-2</c:v>
                </c:pt>
                <c:pt idx="3341">
                  <c:v>5.3099999999999994E-2</c:v>
                </c:pt>
                <c:pt idx="3342">
                  <c:v>5.3099999999999994E-2</c:v>
                </c:pt>
                <c:pt idx="3343">
                  <c:v>5.3099999999999994E-2</c:v>
                </c:pt>
                <c:pt idx="3344">
                  <c:v>5.3099999999999994E-2</c:v>
                </c:pt>
                <c:pt idx="3345">
                  <c:v>5.3099999999999994E-2</c:v>
                </c:pt>
                <c:pt idx="3346">
                  <c:v>5.3099999999999994E-2</c:v>
                </c:pt>
                <c:pt idx="3347">
                  <c:v>5.3099999999999994E-2</c:v>
                </c:pt>
                <c:pt idx="3348">
                  <c:v>5.3099999999999994E-2</c:v>
                </c:pt>
                <c:pt idx="3349">
                  <c:v>5.3099999999999994E-2</c:v>
                </c:pt>
                <c:pt idx="3350">
                  <c:v>5.3099999999999994E-2</c:v>
                </c:pt>
                <c:pt idx="3351">
                  <c:v>5.3099999999999994E-2</c:v>
                </c:pt>
                <c:pt idx="3352">
                  <c:v>5.3099999999999994E-2</c:v>
                </c:pt>
                <c:pt idx="3353">
                  <c:v>5.3099999999999994E-2</c:v>
                </c:pt>
                <c:pt idx="3354">
                  <c:v>5.3099999999999994E-2</c:v>
                </c:pt>
                <c:pt idx="3355">
                  <c:v>5.3099999999999994E-2</c:v>
                </c:pt>
                <c:pt idx="3356">
                  <c:v>5.3099999999999994E-2</c:v>
                </c:pt>
                <c:pt idx="3357">
                  <c:v>5.3099999999999994E-2</c:v>
                </c:pt>
                <c:pt idx="3358">
                  <c:v>5.3099999999999994E-2</c:v>
                </c:pt>
                <c:pt idx="3359">
                  <c:v>5.3099999999999994E-2</c:v>
                </c:pt>
                <c:pt idx="3360">
                  <c:v>5.3099999999999994E-2</c:v>
                </c:pt>
                <c:pt idx="3361">
                  <c:v>5.3099999999999994E-2</c:v>
                </c:pt>
                <c:pt idx="3362">
                  <c:v>5.3099999999999994E-2</c:v>
                </c:pt>
                <c:pt idx="3363">
                  <c:v>5.3099999999999994E-2</c:v>
                </c:pt>
                <c:pt idx="3364">
                  <c:v>5.3099999999999994E-2</c:v>
                </c:pt>
                <c:pt idx="3365">
                  <c:v>5.3099999999999994E-2</c:v>
                </c:pt>
                <c:pt idx="3366">
                  <c:v>5.3099999999999994E-2</c:v>
                </c:pt>
                <c:pt idx="3367">
                  <c:v>5.3099999999999994E-2</c:v>
                </c:pt>
                <c:pt idx="3368">
                  <c:v>5.3099999999999994E-2</c:v>
                </c:pt>
                <c:pt idx="3369">
                  <c:v>5.3099999999999994E-2</c:v>
                </c:pt>
                <c:pt idx="3370">
                  <c:v>5.3099999999999994E-2</c:v>
                </c:pt>
                <c:pt idx="3371">
                  <c:v>5.3099999999999994E-2</c:v>
                </c:pt>
                <c:pt idx="3372">
                  <c:v>5.3099999999999994E-2</c:v>
                </c:pt>
                <c:pt idx="3373">
                  <c:v>5.3099999999999994E-2</c:v>
                </c:pt>
                <c:pt idx="3374">
                  <c:v>5.3099999999999994E-2</c:v>
                </c:pt>
                <c:pt idx="3375">
                  <c:v>5.3099999999999994E-2</c:v>
                </c:pt>
                <c:pt idx="3376">
                  <c:v>5.3099999999999994E-2</c:v>
                </c:pt>
                <c:pt idx="3377">
                  <c:v>5.3099999999999994E-2</c:v>
                </c:pt>
                <c:pt idx="3378">
                  <c:v>5.3099999999999994E-2</c:v>
                </c:pt>
                <c:pt idx="3379">
                  <c:v>5.3099999999999994E-2</c:v>
                </c:pt>
                <c:pt idx="3380">
                  <c:v>5.3099999999999994E-2</c:v>
                </c:pt>
                <c:pt idx="3381">
                  <c:v>5.3099999999999994E-2</c:v>
                </c:pt>
                <c:pt idx="3382">
                  <c:v>5.3099999999999994E-2</c:v>
                </c:pt>
                <c:pt idx="3383">
                  <c:v>5.3099999999999994E-2</c:v>
                </c:pt>
                <c:pt idx="3384">
                  <c:v>5.3099999999999994E-2</c:v>
                </c:pt>
                <c:pt idx="3385">
                  <c:v>5.3099999999999994E-2</c:v>
                </c:pt>
                <c:pt idx="3386">
                  <c:v>5.3099999999999994E-2</c:v>
                </c:pt>
                <c:pt idx="3387">
                  <c:v>5.3099999999999994E-2</c:v>
                </c:pt>
                <c:pt idx="3388">
                  <c:v>5.3099999999999994E-2</c:v>
                </c:pt>
                <c:pt idx="3389">
                  <c:v>5.3099999999999994E-2</c:v>
                </c:pt>
                <c:pt idx="3390">
                  <c:v>5.3099999999999994E-2</c:v>
                </c:pt>
                <c:pt idx="3391">
                  <c:v>5.3099999999999994E-2</c:v>
                </c:pt>
                <c:pt idx="3392">
                  <c:v>5.3099999999999994E-2</c:v>
                </c:pt>
                <c:pt idx="3393">
                  <c:v>5.3099999999999994E-2</c:v>
                </c:pt>
                <c:pt idx="3394">
                  <c:v>5.3099999999999994E-2</c:v>
                </c:pt>
                <c:pt idx="3395">
                  <c:v>5.3099999999999994E-2</c:v>
                </c:pt>
                <c:pt idx="3396">
                  <c:v>5.3099999999999994E-2</c:v>
                </c:pt>
                <c:pt idx="3397">
                  <c:v>5.3099999999999994E-2</c:v>
                </c:pt>
                <c:pt idx="3398">
                  <c:v>5.3099999999999994E-2</c:v>
                </c:pt>
                <c:pt idx="3399">
                  <c:v>5.3099999999999994E-2</c:v>
                </c:pt>
                <c:pt idx="3400">
                  <c:v>5.3099999999999994E-2</c:v>
                </c:pt>
                <c:pt idx="3401">
                  <c:v>5.3099999999999994E-2</c:v>
                </c:pt>
                <c:pt idx="3402">
                  <c:v>5.3099999999999994E-2</c:v>
                </c:pt>
                <c:pt idx="3403">
                  <c:v>5.3099999999999994E-2</c:v>
                </c:pt>
                <c:pt idx="3404">
                  <c:v>5.3099999999999994E-2</c:v>
                </c:pt>
                <c:pt idx="3405">
                  <c:v>5.3099999999999994E-2</c:v>
                </c:pt>
                <c:pt idx="3406">
                  <c:v>5.3099999999999994E-2</c:v>
                </c:pt>
                <c:pt idx="3407">
                  <c:v>5.3099999999999994E-2</c:v>
                </c:pt>
                <c:pt idx="3408">
                  <c:v>5.3099999999999994E-2</c:v>
                </c:pt>
                <c:pt idx="3409">
                  <c:v>5.3099999999999994E-2</c:v>
                </c:pt>
                <c:pt idx="3410">
                  <c:v>5.3099999999999994E-2</c:v>
                </c:pt>
                <c:pt idx="3411">
                  <c:v>5.3099999999999994E-2</c:v>
                </c:pt>
                <c:pt idx="3412">
                  <c:v>5.3099999999999994E-2</c:v>
                </c:pt>
                <c:pt idx="3413">
                  <c:v>5.3099999999999994E-2</c:v>
                </c:pt>
                <c:pt idx="3414">
                  <c:v>5.3099999999999994E-2</c:v>
                </c:pt>
                <c:pt idx="3415">
                  <c:v>5.3099999999999994E-2</c:v>
                </c:pt>
                <c:pt idx="3416">
                  <c:v>5.3099999999999994E-2</c:v>
                </c:pt>
                <c:pt idx="3417">
                  <c:v>5.3099999999999994E-2</c:v>
                </c:pt>
                <c:pt idx="3418">
                  <c:v>5.3099999999999994E-2</c:v>
                </c:pt>
                <c:pt idx="3419">
                  <c:v>5.3099999999999994E-2</c:v>
                </c:pt>
                <c:pt idx="3420">
                  <c:v>5.3099999999999994E-2</c:v>
                </c:pt>
                <c:pt idx="3421">
                  <c:v>5.3099999999999994E-2</c:v>
                </c:pt>
                <c:pt idx="3422">
                  <c:v>5.3099999999999994E-2</c:v>
                </c:pt>
                <c:pt idx="3423">
                  <c:v>5.3099999999999994E-2</c:v>
                </c:pt>
                <c:pt idx="3424">
                  <c:v>5.3099999999999994E-2</c:v>
                </c:pt>
                <c:pt idx="3425">
                  <c:v>5.3099999999999994E-2</c:v>
                </c:pt>
                <c:pt idx="3426">
                  <c:v>5.3099999999999994E-2</c:v>
                </c:pt>
                <c:pt idx="3427">
                  <c:v>5.3099999999999994E-2</c:v>
                </c:pt>
                <c:pt idx="3428">
                  <c:v>5.3099999999999994E-2</c:v>
                </c:pt>
                <c:pt idx="3429">
                  <c:v>5.3099999999999994E-2</c:v>
                </c:pt>
                <c:pt idx="3430">
                  <c:v>5.3099999999999994E-2</c:v>
                </c:pt>
                <c:pt idx="3431">
                  <c:v>5.3099999999999994E-2</c:v>
                </c:pt>
                <c:pt idx="3432">
                  <c:v>5.3099999999999994E-2</c:v>
                </c:pt>
                <c:pt idx="3433">
                  <c:v>5.3099999999999994E-2</c:v>
                </c:pt>
                <c:pt idx="3434">
                  <c:v>5.3099999999999994E-2</c:v>
                </c:pt>
                <c:pt idx="3435">
                  <c:v>5.3099999999999994E-2</c:v>
                </c:pt>
                <c:pt idx="3436">
                  <c:v>5.3099999999999994E-2</c:v>
                </c:pt>
                <c:pt idx="3437">
                  <c:v>5.3099999999999994E-2</c:v>
                </c:pt>
                <c:pt idx="3438">
                  <c:v>5.3099999999999994E-2</c:v>
                </c:pt>
                <c:pt idx="3439">
                  <c:v>5.3099999999999994E-2</c:v>
                </c:pt>
                <c:pt idx="3440">
                  <c:v>5.3099999999999994E-2</c:v>
                </c:pt>
                <c:pt idx="3441">
                  <c:v>5.3099999999999994E-2</c:v>
                </c:pt>
                <c:pt idx="3442">
                  <c:v>5.3099999999999994E-2</c:v>
                </c:pt>
                <c:pt idx="3443">
                  <c:v>5.3099999999999994E-2</c:v>
                </c:pt>
                <c:pt idx="3444">
                  <c:v>5.3099999999999994E-2</c:v>
                </c:pt>
                <c:pt idx="3445">
                  <c:v>5.3099999999999994E-2</c:v>
                </c:pt>
                <c:pt idx="3446">
                  <c:v>5.3099999999999994E-2</c:v>
                </c:pt>
                <c:pt idx="3447">
                  <c:v>5.3099999999999994E-2</c:v>
                </c:pt>
                <c:pt idx="3448">
                  <c:v>5.3099999999999994E-2</c:v>
                </c:pt>
                <c:pt idx="3449">
                  <c:v>5.3099999999999994E-2</c:v>
                </c:pt>
                <c:pt idx="3450">
                  <c:v>5.3099999999999994E-2</c:v>
                </c:pt>
                <c:pt idx="3451">
                  <c:v>5.3099999999999994E-2</c:v>
                </c:pt>
                <c:pt idx="3452">
                  <c:v>5.3099999999999994E-2</c:v>
                </c:pt>
                <c:pt idx="3453">
                  <c:v>5.3099999999999994E-2</c:v>
                </c:pt>
                <c:pt idx="3454">
                  <c:v>5.3099999999999994E-2</c:v>
                </c:pt>
                <c:pt idx="3455">
                  <c:v>5.3099999999999994E-2</c:v>
                </c:pt>
                <c:pt idx="3456">
                  <c:v>5.3099999999999994E-2</c:v>
                </c:pt>
                <c:pt idx="3457">
                  <c:v>5.3099999999999994E-2</c:v>
                </c:pt>
                <c:pt idx="3458">
                  <c:v>5.3099999999999994E-2</c:v>
                </c:pt>
                <c:pt idx="3459">
                  <c:v>5.3099999999999994E-2</c:v>
                </c:pt>
                <c:pt idx="3460">
                  <c:v>5.3099999999999994E-2</c:v>
                </c:pt>
                <c:pt idx="3461">
                  <c:v>5.3099999999999994E-2</c:v>
                </c:pt>
                <c:pt idx="3462">
                  <c:v>5.3099999999999994E-2</c:v>
                </c:pt>
                <c:pt idx="3463">
                  <c:v>5.3099999999999994E-2</c:v>
                </c:pt>
                <c:pt idx="3464">
                  <c:v>5.3099999999999994E-2</c:v>
                </c:pt>
                <c:pt idx="3465">
                  <c:v>5.3099999999999994E-2</c:v>
                </c:pt>
                <c:pt idx="3466">
                  <c:v>5.3099999999999994E-2</c:v>
                </c:pt>
                <c:pt idx="3467">
                  <c:v>5.3099999999999994E-2</c:v>
                </c:pt>
                <c:pt idx="3468">
                  <c:v>5.3099999999999994E-2</c:v>
                </c:pt>
                <c:pt idx="3469">
                  <c:v>5.3099999999999994E-2</c:v>
                </c:pt>
                <c:pt idx="3470">
                  <c:v>5.3099999999999994E-2</c:v>
                </c:pt>
                <c:pt idx="3471">
                  <c:v>5.3099999999999994E-2</c:v>
                </c:pt>
                <c:pt idx="3472">
                  <c:v>5.3099999999999994E-2</c:v>
                </c:pt>
                <c:pt idx="3473">
                  <c:v>5.3099999999999994E-2</c:v>
                </c:pt>
                <c:pt idx="3474">
                  <c:v>5.3099999999999994E-2</c:v>
                </c:pt>
                <c:pt idx="3475">
                  <c:v>5.3099999999999994E-2</c:v>
                </c:pt>
                <c:pt idx="3476">
                  <c:v>5.3099999999999994E-2</c:v>
                </c:pt>
                <c:pt idx="3477">
                  <c:v>5.3099999999999994E-2</c:v>
                </c:pt>
                <c:pt idx="3478">
                  <c:v>5.3099999999999994E-2</c:v>
                </c:pt>
                <c:pt idx="3479">
                  <c:v>5.3099999999999994E-2</c:v>
                </c:pt>
                <c:pt idx="3480">
                  <c:v>5.3099999999999994E-2</c:v>
                </c:pt>
                <c:pt idx="3481">
                  <c:v>5.3099999999999994E-2</c:v>
                </c:pt>
                <c:pt idx="3482">
                  <c:v>5.3099999999999994E-2</c:v>
                </c:pt>
                <c:pt idx="3483">
                  <c:v>5.3099999999999994E-2</c:v>
                </c:pt>
                <c:pt idx="3484">
                  <c:v>5.3099999999999994E-2</c:v>
                </c:pt>
                <c:pt idx="3485">
                  <c:v>5.3099999999999994E-2</c:v>
                </c:pt>
                <c:pt idx="3486">
                  <c:v>5.3099999999999994E-2</c:v>
                </c:pt>
                <c:pt idx="3487">
                  <c:v>5.3099999999999994E-2</c:v>
                </c:pt>
                <c:pt idx="3488">
                  <c:v>5.3099999999999994E-2</c:v>
                </c:pt>
                <c:pt idx="3489">
                  <c:v>5.3099999999999994E-2</c:v>
                </c:pt>
                <c:pt idx="3490">
                  <c:v>5.3099999999999994E-2</c:v>
                </c:pt>
                <c:pt idx="3491">
                  <c:v>5.3099999999999994E-2</c:v>
                </c:pt>
                <c:pt idx="3492">
                  <c:v>5.3099999999999994E-2</c:v>
                </c:pt>
                <c:pt idx="3493">
                  <c:v>5.3099999999999994E-2</c:v>
                </c:pt>
                <c:pt idx="3494">
                  <c:v>5.3099999999999994E-2</c:v>
                </c:pt>
                <c:pt idx="3495">
                  <c:v>5.3099999999999994E-2</c:v>
                </c:pt>
                <c:pt idx="3496">
                  <c:v>5.3099999999999994E-2</c:v>
                </c:pt>
                <c:pt idx="3497">
                  <c:v>5.3099999999999994E-2</c:v>
                </c:pt>
                <c:pt idx="3498">
                  <c:v>5.3099999999999994E-2</c:v>
                </c:pt>
                <c:pt idx="3499">
                  <c:v>5.3099999999999994E-2</c:v>
                </c:pt>
                <c:pt idx="3500">
                  <c:v>5.3099999999999994E-2</c:v>
                </c:pt>
                <c:pt idx="3501">
                  <c:v>5.3099999999999994E-2</c:v>
                </c:pt>
                <c:pt idx="3502">
                  <c:v>5.3099999999999994E-2</c:v>
                </c:pt>
                <c:pt idx="3503">
                  <c:v>5.3099999999999994E-2</c:v>
                </c:pt>
                <c:pt idx="3504">
                  <c:v>5.3099999999999994E-2</c:v>
                </c:pt>
                <c:pt idx="3505">
                  <c:v>5.3099999999999994E-2</c:v>
                </c:pt>
                <c:pt idx="3506">
                  <c:v>5.3099999999999994E-2</c:v>
                </c:pt>
                <c:pt idx="3507">
                  <c:v>5.3099999999999994E-2</c:v>
                </c:pt>
                <c:pt idx="3508">
                  <c:v>5.3099999999999994E-2</c:v>
                </c:pt>
                <c:pt idx="3509">
                  <c:v>5.3099999999999994E-2</c:v>
                </c:pt>
                <c:pt idx="3510">
                  <c:v>5.3099999999999994E-2</c:v>
                </c:pt>
                <c:pt idx="3511">
                  <c:v>5.3099999999999994E-2</c:v>
                </c:pt>
                <c:pt idx="3512">
                  <c:v>5.3099999999999994E-2</c:v>
                </c:pt>
                <c:pt idx="3513">
                  <c:v>5.3099999999999994E-2</c:v>
                </c:pt>
                <c:pt idx="3514">
                  <c:v>5.3099999999999994E-2</c:v>
                </c:pt>
                <c:pt idx="3515">
                  <c:v>5.3099999999999994E-2</c:v>
                </c:pt>
                <c:pt idx="3516">
                  <c:v>5.3099999999999994E-2</c:v>
                </c:pt>
                <c:pt idx="3517">
                  <c:v>5.3099999999999994E-2</c:v>
                </c:pt>
                <c:pt idx="3518">
                  <c:v>5.3099999999999994E-2</c:v>
                </c:pt>
                <c:pt idx="3519">
                  <c:v>5.3099999999999994E-2</c:v>
                </c:pt>
                <c:pt idx="3520">
                  <c:v>5.3099999999999994E-2</c:v>
                </c:pt>
                <c:pt idx="3521">
                  <c:v>5.3099999999999994E-2</c:v>
                </c:pt>
                <c:pt idx="3522">
                  <c:v>5.3099999999999994E-2</c:v>
                </c:pt>
                <c:pt idx="3523">
                  <c:v>5.3099999999999994E-2</c:v>
                </c:pt>
                <c:pt idx="3524">
                  <c:v>5.3099999999999994E-2</c:v>
                </c:pt>
                <c:pt idx="3525">
                  <c:v>5.3099999999999994E-2</c:v>
                </c:pt>
                <c:pt idx="3526">
                  <c:v>5.3099999999999994E-2</c:v>
                </c:pt>
                <c:pt idx="3527">
                  <c:v>5.3099999999999994E-2</c:v>
                </c:pt>
                <c:pt idx="3528">
                  <c:v>5.3099999999999994E-2</c:v>
                </c:pt>
                <c:pt idx="3529">
                  <c:v>5.3099999999999994E-2</c:v>
                </c:pt>
                <c:pt idx="3530">
                  <c:v>5.3099999999999994E-2</c:v>
                </c:pt>
                <c:pt idx="3531">
                  <c:v>5.3099999999999994E-2</c:v>
                </c:pt>
                <c:pt idx="3532">
                  <c:v>5.3099999999999994E-2</c:v>
                </c:pt>
                <c:pt idx="3533">
                  <c:v>5.3099999999999994E-2</c:v>
                </c:pt>
                <c:pt idx="3534">
                  <c:v>5.3099999999999994E-2</c:v>
                </c:pt>
                <c:pt idx="3535">
                  <c:v>5.3099999999999994E-2</c:v>
                </c:pt>
                <c:pt idx="3536">
                  <c:v>5.3099999999999994E-2</c:v>
                </c:pt>
                <c:pt idx="3537">
                  <c:v>5.3099999999999994E-2</c:v>
                </c:pt>
                <c:pt idx="3538">
                  <c:v>5.3099999999999994E-2</c:v>
                </c:pt>
                <c:pt idx="3539">
                  <c:v>5.3099999999999994E-2</c:v>
                </c:pt>
                <c:pt idx="3540">
                  <c:v>5.3099999999999994E-2</c:v>
                </c:pt>
                <c:pt idx="3541">
                  <c:v>5.3099999999999994E-2</c:v>
                </c:pt>
                <c:pt idx="3542">
                  <c:v>5.3099999999999994E-2</c:v>
                </c:pt>
                <c:pt idx="3543">
                  <c:v>5.3099999999999994E-2</c:v>
                </c:pt>
                <c:pt idx="3544">
                  <c:v>5.3099999999999994E-2</c:v>
                </c:pt>
                <c:pt idx="3545">
                  <c:v>5.3099999999999994E-2</c:v>
                </c:pt>
                <c:pt idx="3546">
                  <c:v>5.3099999999999994E-2</c:v>
                </c:pt>
                <c:pt idx="3547">
                  <c:v>5.3099999999999994E-2</c:v>
                </c:pt>
                <c:pt idx="3548">
                  <c:v>5.3099999999999994E-2</c:v>
                </c:pt>
                <c:pt idx="3549">
                  <c:v>5.3099999999999994E-2</c:v>
                </c:pt>
                <c:pt idx="3550">
                  <c:v>5.3099999999999994E-2</c:v>
                </c:pt>
                <c:pt idx="3551">
                  <c:v>5.3099999999999994E-2</c:v>
                </c:pt>
                <c:pt idx="3552">
                  <c:v>5.3099999999999994E-2</c:v>
                </c:pt>
                <c:pt idx="3553">
                  <c:v>5.3099999999999994E-2</c:v>
                </c:pt>
                <c:pt idx="3554">
                  <c:v>5.3099999999999994E-2</c:v>
                </c:pt>
                <c:pt idx="3555">
                  <c:v>5.3099999999999994E-2</c:v>
                </c:pt>
                <c:pt idx="3556">
                  <c:v>5.3099999999999994E-2</c:v>
                </c:pt>
                <c:pt idx="3557">
                  <c:v>5.3099999999999994E-2</c:v>
                </c:pt>
                <c:pt idx="3558">
                  <c:v>5.3099999999999994E-2</c:v>
                </c:pt>
                <c:pt idx="3559">
                  <c:v>5.3099999999999994E-2</c:v>
                </c:pt>
                <c:pt idx="3560">
                  <c:v>5.3099999999999994E-2</c:v>
                </c:pt>
                <c:pt idx="3561">
                  <c:v>5.3099999999999994E-2</c:v>
                </c:pt>
                <c:pt idx="3562">
                  <c:v>5.3099999999999994E-2</c:v>
                </c:pt>
                <c:pt idx="3563">
                  <c:v>5.3099999999999994E-2</c:v>
                </c:pt>
                <c:pt idx="3564">
                  <c:v>5.3099999999999994E-2</c:v>
                </c:pt>
                <c:pt idx="3565">
                  <c:v>5.3099999999999994E-2</c:v>
                </c:pt>
                <c:pt idx="3566">
                  <c:v>5.3099999999999994E-2</c:v>
                </c:pt>
                <c:pt idx="3567">
                  <c:v>5.3099999999999994E-2</c:v>
                </c:pt>
                <c:pt idx="3568">
                  <c:v>5.3099999999999994E-2</c:v>
                </c:pt>
                <c:pt idx="3569">
                  <c:v>5.3099999999999994E-2</c:v>
                </c:pt>
                <c:pt idx="3570">
                  <c:v>5.3099999999999994E-2</c:v>
                </c:pt>
                <c:pt idx="3571">
                  <c:v>5.3099999999999994E-2</c:v>
                </c:pt>
                <c:pt idx="3572">
                  <c:v>5.3099999999999994E-2</c:v>
                </c:pt>
                <c:pt idx="3573">
                  <c:v>5.3099999999999994E-2</c:v>
                </c:pt>
                <c:pt idx="3574">
                  <c:v>5.3099999999999994E-2</c:v>
                </c:pt>
                <c:pt idx="3575">
                  <c:v>5.3099999999999994E-2</c:v>
                </c:pt>
                <c:pt idx="3576">
                  <c:v>5.3099999999999994E-2</c:v>
                </c:pt>
                <c:pt idx="3577">
                  <c:v>5.3099999999999994E-2</c:v>
                </c:pt>
                <c:pt idx="3578">
                  <c:v>5.3099999999999994E-2</c:v>
                </c:pt>
                <c:pt idx="3579">
                  <c:v>5.3099999999999994E-2</c:v>
                </c:pt>
                <c:pt idx="3580">
                  <c:v>5.3099999999999994E-2</c:v>
                </c:pt>
                <c:pt idx="3581">
                  <c:v>5.3099999999999994E-2</c:v>
                </c:pt>
                <c:pt idx="3582">
                  <c:v>5.3099999999999994E-2</c:v>
                </c:pt>
                <c:pt idx="3583">
                  <c:v>5.3099999999999994E-2</c:v>
                </c:pt>
                <c:pt idx="3584">
                  <c:v>5.3099999999999994E-2</c:v>
                </c:pt>
                <c:pt idx="3585">
                  <c:v>5.3099999999999994E-2</c:v>
                </c:pt>
                <c:pt idx="3586">
                  <c:v>5.3099999999999994E-2</c:v>
                </c:pt>
                <c:pt idx="3587">
                  <c:v>5.3099999999999994E-2</c:v>
                </c:pt>
                <c:pt idx="3588">
                  <c:v>5.3099999999999994E-2</c:v>
                </c:pt>
                <c:pt idx="3589">
                  <c:v>5.3099999999999994E-2</c:v>
                </c:pt>
                <c:pt idx="3590">
                  <c:v>5.3099999999999994E-2</c:v>
                </c:pt>
                <c:pt idx="3591">
                  <c:v>5.3099999999999994E-2</c:v>
                </c:pt>
                <c:pt idx="3592">
                  <c:v>5.3099999999999994E-2</c:v>
                </c:pt>
                <c:pt idx="3593">
                  <c:v>5.3099999999999994E-2</c:v>
                </c:pt>
                <c:pt idx="3594">
                  <c:v>5.3099999999999994E-2</c:v>
                </c:pt>
                <c:pt idx="3595">
                  <c:v>5.3099999999999994E-2</c:v>
                </c:pt>
                <c:pt idx="3596">
                  <c:v>5.3099999999999994E-2</c:v>
                </c:pt>
                <c:pt idx="3597">
                  <c:v>5.3099999999999994E-2</c:v>
                </c:pt>
                <c:pt idx="3598">
                  <c:v>5.3099999999999994E-2</c:v>
                </c:pt>
                <c:pt idx="3599">
                  <c:v>5.3099999999999994E-2</c:v>
                </c:pt>
                <c:pt idx="3600">
                  <c:v>5.3099999999999994E-2</c:v>
                </c:pt>
                <c:pt idx="3601">
                  <c:v>5.3099999999999994E-2</c:v>
                </c:pt>
                <c:pt idx="3602">
                  <c:v>5.3099999999999994E-2</c:v>
                </c:pt>
                <c:pt idx="3603">
                  <c:v>5.3099999999999994E-2</c:v>
                </c:pt>
                <c:pt idx="3604">
                  <c:v>5.3099999999999994E-2</c:v>
                </c:pt>
                <c:pt idx="3605">
                  <c:v>5.3099999999999994E-2</c:v>
                </c:pt>
                <c:pt idx="3606">
                  <c:v>5.3099999999999994E-2</c:v>
                </c:pt>
                <c:pt idx="3607">
                  <c:v>5.3099999999999994E-2</c:v>
                </c:pt>
                <c:pt idx="3608">
                  <c:v>5.3099999999999994E-2</c:v>
                </c:pt>
                <c:pt idx="3609">
                  <c:v>5.3099999999999994E-2</c:v>
                </c:pt>
                <c:pt idx="3610">
                  <c:v>5.3099999999999994E-2</c:v>
                </c:pt>
                <c:pt idx="3611">
                  <c:v>5.3099999999999994E-2</c:v>
                </c:pt>
                <c:pt idx="3612">
                  <c:v>5.3099999999999994E-2</c:v>
                </c:pt>
                <c:pt idx="3613">
                  <c:v>5.3099999999999994E-2</c:v>
                </c:pt>
                <c:pt idx="3614">
                  <c:v>5.3099999999999994E-2</c:v>
                </c:pt>
                <c:pt idx="3615">
                  <c:v>5.3099999999999994E-2</c:v>
                </c:pt>
                <c:pt idx="3616">
                  <c:v>5.3099999999999994E-2</c:v>
                </c:pt>
                <c:pt idx="3617">
                  <c:v>5.3099999999999994E-2</c:v>
                </c:pt>
                <c:pt idx="3618">
                  <c:v>5.3099999999999994E-2</c:v>
                </c:pt>
                <c:pt idx="3619">
                  <c:v>5.3099999999999994E-2</c:v>
                </c:pt>
                <c:pt idx="3620">
                  <c:v>5.3099999999999994E-2</c:v>
                </c:pt>
                <c:pt idx="3621">
                  <c:v>5.3099999999999994E-2</c:v>
                </c:pt>
                <c:pt idx="3622">
                  <c:v>5.3099999999999994E-2</c:v>
                </c:pt>
                <c:pt idx="3623">
                  <c:v>5.3099999999999994E-2</c:v>
                </c:pt>
                <c:pt idx="3624">
                  <c:v>5.3099999999999994E-2</c:v>
                </c:pt>
                <c:pt idx="3625">
                  <c:v>5.3099999999999994E-2</c:v>
                </c:pt>
                <c:pt idx="3626">
                  <c:v>5.3099999999999994E-2</c:v>
                </c:pt>
                <c:pt idx="3627">
                  <c:v>5.3099999999999994E-2</c:v>
                </c:pt>
                <c:pt idx="3628">
                  <c:v>5.3099999999999994E-2</c:v>
                </c:pt>
                <c:pt idx="3629">
                  <c:v>5.3099999999999994E-2</c:v>
                </c:pt>
                <c:pt idx="3630">
                  <c:v>5.3099999999999994E-2</c:v>
                </c:pt>
                <c:pt idx="3631">
                  <c:v>5.3099999999999994E-2</c:v>
                </c:pt>
                <c:pt idx="3632">
                  <c:v>5.3099999999999994E-2</c:v>
                </c:pt>
                <c:pt idx="3633">
                  <c:v>5.3099999999999994E-2</c:v>
                </c:pt>
                <c:pt idx="3634">
                  <c:v>5.3099999999999994E-2</c:v>
                </c:pt>
                <c:pt idx="3635">
                  <c:v>5.3099999999999994E-2</c:v>
                </c:pt>
                <c:pt idx="3636">
                  <c:v>5.3099999999999994E-2</c:v>
                </c:pt>
                <c:pt idx="3637">
                  <c:v>5.3099999999999994E-2</c:v>
                </c:pt>
                <c:pt idx="3638">
                  <c:v>5.3099999999999994E-2</c:v>
                </c:pt>
                <c:pt idx="3639">
                  <c:v>5.3099999999999994E-2</c:v>
                </c:pt>
                <c:pt idx="3640">
                  <c:v>5.3099999999999994E-2</c:v>
                </c:pt>
                <c:pt idx="3641">
                  <c:v>5.3099999999999994E-2</c:v>
                </c:pt>
                <c:pt idx="3642">
                  <c:v>5.3099999999999994E-2</c:v>
                </c:pt>
                <c:pt idx="3643">
                  <c:v>5.3099999999999994E-2</c:v>
                </c:pt>
                <c:pt idx="3644">
                  <c:v>5.3099999999999994E-2</c:v>
                </c:pt>
                <c:pt idx="3645">
                  <c:v>5.3099999999999994E-2</c:v>
                </c:pt>
                <c:pt idx="3646">
                  <c:v>5.3099999999999994E-2</c:v>
                </c:pt>
                <c:pt idx="3647">
                  <c:v>5.3099999999999994E-2</c:v>
                </c:pt>
                <c:pt idx="3648">
                  <c:v>5.3099999999999994E-2</c:v>
                </c:pt>
                <c:pt idx="3649">
                  <c:v>5.3099999999999994E-2</c:v>
                </c:pt>
                <c:pt idx="3650">
                  <c:v>5.3099999999999994E-2</c:v>
                </c:pt>
                <c:pt idx="3651">
                  <c:v>5.3099999999999994E-2</c:v>
                </c:pt>
                <c:pt idx="3652">
                  <c:v>5.3099999999999994E-2</c:v>
                </c:pt>
                <c:pt idx="3653">
                  <c:v>5.3099999999999994E-2</c:v>
                </c:pt>
                <c:pt idx="3654">
                  <c:v>5.3099999999999994E-2</c:v>
                </c:pt>
                <c:pt idx="3655">
                  <c:v>5.3099999999999994E-2</c:v>
                </c:pt>
                <c:pt idx="3656">
                  <c:v>5.3099999999999994E-2</c:v>
                </c:pt>
                <c:pt idx="3657">
                  <c:v>5.3099999999999994E-2</c:v>
                </c:pt>
                <c:pt idx="3658">
                  <c:v>5.3099999999999994E-2</c:v>
                </c:pt>
                <c:pt idx="3659">
                  <c:v>5.3099999999999994E-2</c:v>
                </c:pt>
                <c:pt idx="3660">
                  <c:v>5.3099999999999994E-2</c:v>
                </c:pt>
                <c:pt idx="3661">
                  <c:v>5.3099999999999994E-2</c:v>
                </c:pt>
                <c:pt idx="3662">
                  <c:v>5.3099999999999994E-2</c:v>
                </c:pt>
                <c:pt idx="3663">
                  <c:v>5.3099999999999994E-2</c:v>
                </c:pt>
                <c:pt idx="3664">
                  <c:v>5.3099999999999994E-2</c:v>
                </c:pt>
                <c:pt idx="3665">
                  <c:v>5.3099999999999994E-2</c:v>
                </c:pt>
                <c:pt idx="3666">
                  <c:v>5.3099999999999994E-2</c:v>
                </c:pt>
                <c:pt idx="3667">
                  <c:v>5.3099999999999994E-2</c:v>
                </c:pt>
                <c:pt idx="3668">
                  <c:v>5.3099999999999994E-2</c:v>
                </c:pt>
                <c:pt idx="3669">
                  <c:v>5.3099999999999994E-2</c:v>
                </c:pt>
                <c:pt idx="3670">
                  <c:v>5.3099999999999994E-2</c:v>
                </c:pt>
                <c:pt idx="3671">
                  <c:v>5.3099999999999994E-2</c:v>
                </c:pt>
                <c:pt idx="3672">
                  <c:v>5.3099999999999994E-2</c:v>
                </c:pt>
                <c:pt idx="3673">
                  <c:v>5.3099999999999994E-2</c:v>
                </c:pt>
                <c:pt idx="3674">
                  <c:v>5.3099999999999994E-2</c:v>
                </c:pt>
                <c:pt idx="3675">
                  <c:v>5.3099999999999994E-2</c:v>
                </c:pt>
                <c:pt idx="3676">
                  <c:v>5.3099999999999994E-2</c:v>
                </c:pt>
                <c:pt idx="3677">
                  <c:v>5.3099999999999994E-2</c:v>
                </c:pt>
                <c:pt idx="3678">
                  <c:v>5.3099999999999994E-2</c:v>
                </c:pt>
                <c:pt idx="3679">
                  <c:v>5.3099999999999994E-2</c:v>
                </c:pt>
                <c:pt idx="3680">
                  <c:v>5.3099999999999994E-2</c:v>
                </c:pt>
                <c:pt idx="3681">
                  <c:v>5.3099999999999994E-2</c:v>
                </c:pt>
                <c:pt idx="3682">
                  <c:v>5.3099999999999994E-2</c:v>
                </c:pt>
                <c:pt idx="3683">
                  <c:v>5.3099999999999994E-2</c:v>
                </c:pt>
                <c:pt idx="3684">
                  <c:v>5.3099999999999994E-2</c:v>
                </c:pt>
                <c:pt idx="3685">
                  <c:v>5.3099999999999994E-2</c:v>
                </c:pt>
                <c:pt idx="3686">
                  <c:v>5.3099999999999994E-2</c:v>
                </c:pt>
                <c:pt idx="3687">
                  <c:v>5.3099999999999994E-2</c:v>
                </c:pt>
                <c:pt idx="3688">
                  <c:v>5.3099999999999994E-2</c:v>
                </c:pt>
                <c:pt idx="3689">
                  <c:v>5.3099999999999994E-2</c:v>
                </c:pt>
                <c:pt idx="3690">
                  <c:v>5.3099999999999994E-2</c:v>
                </c:pt>
                <c:pt idx="3691">
                  <c:v>5.3099999999999994E-2</c:v>
                </c:pt>
                <c:pt idx="3692">
                  <c:v>5.3099999999999994E-2</c:v>
                </c:pt>
                <c:pt idx="3693">
                  <c:v>5.3099999999999994E-2</c:v>
                </c:pt>
                <c:pt idx="3694">
                  <c:v>5.3099999999999994E-2</c:v>
                </c:pt>
                <c:pt idx="3695">
                  <c:v>5.3099999999999994E-2</c:v>
                </c:pt>
                <c:pt idx="3696">
                  <c:v>5.3099999999999994E-2</c:v>
                </c:pt>
                <c:pt idx="3697">
                  <c:v>5.3099999999999994E-2</c:v>
                </c:pt>
                <c:pt idx="3698">
                  <c:v>5.3099999999999994E-2</c:v>
                </c:pt>
                <c:pt idx="3699">
                  <c:v>5.3099999999999994E-2</c:v>
                </c:pt>
                <c:pt idx="3700">
                  <c:v>5.3099999999999994E-2</c:v>
                </c:pt>
                <c:pt idx="3701">
                  <c:v>5.3099999999999994E-2</c:v>
                </c:pt>
                <c:pt idx="3702">
                  <c:v>5.3099999999999994E-2</c:v>
                </c:pt>
                <c:pt idx="3703">
                  <c:v>5.3099999999999994E-2</c:v>
                </c:pt>
                <c:pt idx="3704">
                  <c:v>5.3099999999999994E-2</c:v>
                </c:pt>
                <c:pt idx="3705">
                  <c:v>5.3099999999999994E-2</c:v>
                </c:pt>
                <c:pt idx="3706">
                  <c:v>5.3099999999999994E-2</c:v>
                </c:pt>
                <c:pt idx="3707">
                  <c:v>5.3099999999999994E-2</c:v>
                </c:pt>
                <c:pt idx="3708">
                  <c:v>5.3099999999999994E-2</c:v>
                </c:pt>
                <c:pt idx="3709">
                  <c:v>5.3099999999999994E-2</c:v>
                </c:pt>
                <c:pt idx="3710">
                  <c:v>5.3099999999999994E-2</c:v>
                </c:pt>
                <c:pt idx="3711">
                  <c:v>5.3099999999999994E-2</c:v>
                </c:pt>
                <c:pt idx="3712">
                  <c:v>5.3099999999999994E-2</c:v>
                </c:pt>
                <c:pt idx="3713">
                  <c:v>5.3099999999999994E-2</c:v>
                </c:pt>
                <c:pt idx="3714">
                  <c:v>5.3099999999999994E-2</c:v>
                </c:pt>
                <c:pt idx="3715">
                  <c:v>5.3099999999999994E-2</c:v>
                </c:pt>
                <c:pt idx="3716">
                  <c:v>5.3099999999999994E-2</c:v>
                </c:pt>
                <c:pt idx="3717">
                  <c:v>5.3099999999999994E-2</c:v>
                </c:pt>
                <c:pt idx="3718">
                  <c:v>5.3099999999999994E-2</c:v>
                </c:pt>
                <c:pt idx="3719">
                  <c:v>5.3099999999999994E-2</c:v>
                </c:pt>
                <c:pt idx="3720">
                  <c:v>5.3099999999999994E-2</c:v>
                </c:pt>
                <c:pt idx="3721">
                  <c:v>5.3099999999999994E-2</c:v>
                </c:pt>
                <c:pt idx="3722">
                  <c:v>5.3099999999999994E-2</c:v>
                </c:pt>
                <c:pt idx="3723">
                  <c:v>5.3099999999999994E-2</c:v>
                </c:pt>
                <c:pt idx="3724">
                  <c:v>5.3099999999999994E-2</c:v>
                </c:pt>
                <c:pt idx="3725">
                  <c:v>5.3099999999999994E-2</c:v>
                </c:pt>
                <c:pt idx="3726">
                  <c:v>5.3099999999999994E-2</c:v>
                </c:pt>
                <c:pt idx="3727">
                  <c:v>5.3099999999999994E-2</c:v>
                </c:pt>
                <c:pt idx="3728">
                  <c:v>5.3099999999999994E-2</c:v>
                </c:pt>
                <c:pt idx="3729">
                  <c:v>5.3099999999999994E-2</c:v>
                </c:pt>
                <c:pt idx="3730">
                  <c:v>5.3099999999999994E-2</c:v>
                </c:pt>
                <c:pt idx="3731">
                  <c:v>5.3099999999999994E-2</c:v>
                </c:pt>
                <c:pt idx="3732">
                  <c:v>5.3099999999999994E-2</c:v>
                </c:pt>
                <c:pt idx="3733">
                  <c:v>5.3099999999999994E-2</c:v>
                </c:pt>
                <c:pt idx="3734">
                  <c:v>5.3099999999999994E-2</c:v>
                </c:pt>
                <c:pt idx="3735">
                  <c:v>5.3099999999999994E-2</c:v>
                </c:pt>
                <c:pt idx="3736">
                  <c:v>5.3099999999999994E-2</c:v>
                </c:pt>
                <c:pt idx="3737">
                  <c:v>5.3099999999999994E-2</c:v>
                </c:pt>
                <c:pt idx="3738">
                  <c:v>5.3099999999999994E-2</c:v>
                </c:pt>
                <c:pt idx="3739">
                  <c:v>5.3099999999999994E-2</c:v>
                </c:pt>
                <c:pt idx="3740">
                  <c:v>5.3099999999999994E-2</c:v>
                </c:pt>
                <c:pt idx="3741">
                  <c:v>5.3099999999999994E-2</c:v>
                </c:pt>
                <c:pt idx="3742">
                  <c:v>5.3099999999999994E-2</c:v>
                </c:pt>
                <c:pt idx="3743">
                  <c:v>5.3099999999999994E-2</c:v>
                </c:pt>
                <c:pt idx="3744">
                  <c:v>5.3099999999999994E-2</c:v>
                </c:pt>
                <c:pt idx="3745">
                  <c:v>5.3099999999999994E-2</c:v>
                </c:pt>
                <c:pt idx="3746">
                  <c:v>5.3099999999999994E-2</c:v>
                </c:pt>
                <c:pt idx="3747">
                  <c:v>5.3099999999999994E-2</c:v>
                </c:pt>
                <c:pt idx="3748">
                  <c:v>5.3099999999999994E-2</c:v>
                </c:pt>
                <c:pt idx="3749">
                  <c:v>5.3099999999999994E-2</c:v>
                </c:pt>
                <c:pt idx="3750">
                  <c:v>5.3099999999999994E-2</c:v>
                </c:pt>
                <c:pt idx="3751">
                  <c:v>5.3099999999999994E-2</c:v>
                </c:pt>
                <c:pt idx="3752">
                  <c:v>5.3099999999999994E-2</c:v>
                </c:pt>
                <c:pt idx="3753">
                  <c:v>5.3099999999999994E-2</c:v>
                </c:pt>
                <c:pt idx="3754">
                  <c:v>5.3099999999999994E-2</c:v>
                </c:pt>
                <c:pt idx="3755">
                  <c:v>5.3099999999999994E-2</c:v>
                </c:pt>
                <c:pt idx="3756">
                  <c:v>5.3099999999999994E-2</c:v>
                </c:pt>
                <c:pt idx="3757">
                  <c:v>5.3099999999999994E-2</c:v>
                </c:pt>
                <c:pt idx="3758">
                  <c:v>5.3099999999999994E-2</c:v>
                </c:pt>
                <c:pt idx="3759">
                  <c:v>5.3099999999999994E-2</c:v>
                </c:pt>
                <c:pt idx="3760">
                  <c:v>5.3099999999999994E-2</c:v>
                </c:pt>
                <c:pt idx="3761">
                  <c:v>5.3099999999999994E-2</c:v>
                </c:pt>
                <c:pt idx="3762">
                  <c:v>5.3099999999999994E-2</c:v>
                </c:pt>
                <c:pt idx="3763">
                  <c:v>5.3099999999999994E-2</c:v>
                </c:pt>
                <c:pt idx="3764">
                  <c:v>5.3099999999999994E-2</c:v>
                </c:pt>
                <c:pt idx="3765">
                  <c:v>5.3099999999999994E-2</c:v>
                </c:pt>
                <c:pt idx="3766">
                  <c:v>5.3099999999999994E-2</c:v>
                </c:pt>
                <c:pt idx="3767">
                  <c:v>5.3099999999999994E-2</c:v>
                </c:pt>
                <c:pt idx="3768">
                  <c:v>5.3099999999999994E-2</c:v>
                </c:pt>
                <c:pt idx="3769">
                  <c:v>5.3099999999999994E-2</c:v>
                </c:pt>
                <c:pt idx="3770">
                  <c:v>5.3099999999999994E-2</c:v>
                </c:pt>
                <c:pt idx="3771">
                  <c:v>5.3099999999999994E-2</c:v>
                </c:pt>
                <c:pt idx="3772">
                  <c:v>5.3099999999999994E-2</c:v>
                </c:pt>
                <c:pt idx="3773">
                  <c:v>5.3099999999999994E-2</c:v>
                </c:pt>
                <c:pt idx="3774">
                  <c:v>5.3099999999999994E-2</c:v>
                </c:pt>
                <c:pt idx="3775">
                  <c:v>5.3099999999999994E-2</c:v>
                </c:pt>
                <c:pt idx="3776">
                  <c:v>5.3099999999999994E-2</c:v>
                </c:pt>
                <c:pt idx="3777">
                  <c:v>5.3099999999999994E-2</c:v>
                </c:pt>
                <c:pt idx="3778">
                  <c:v>5.3099999999999994E-2</c:v>
                </c:pt>
                <c:pt idx="3779">
                  <c:v>5.3099999999999994E-2</c:v>
                </c:pt>
                <c:pt idx="3780">
                  <c:v>5.3099999999999994E-2</c:v>
                </c:pt>
                <c:pt idx="3781">
                  <c:v>5.3099999999999994E-2</c:v>
                </c:pt>
                <c:pt idx="3782">
                  <c:v>5.3099999999999994E-2</c:v>
                </c:pt>
                <c:pt idx="3783">
                  <c:v>5.3099999999999994E-2</c:v>
                </c:pt>
                <c:pt idx="3784">
                  <c:v>5.3099999999999994E-2</c:v>
                </c:pt>
                <c:pt idx="3785">
                  <c:v>5.3099999999999994E-2</c:v>
                </c:pt>
                <c:pt idx="3786">
                  <c:v>5.3099999999999994E-2</c:v>
                </c:pt>
                <c:pt idx="3787">
                  <c:v>5.3099999999999994E-2</c:v>
                </c:pt>
                <c:pt idx="3788">
                  <c:v>5.3099999999999994E-2</c:v>
                </c:pt>
                <c:pt idx="3789">
                  <c:v>5.3099999999999994E-2</c:v>
                </c:pt>
                <c:pt idx="3790">
                  <c:v>5.3099999999999994E-2</c:v>
                </c:pt>
                <c:pt idx="3791">
                  <c:v>5.3099999999999994E-2</c:v>
                </c:pt>
                <c:pt idx="3792">
                  <c:v>5.3099999999999994E-2</c:v>
                </c:pt>
                <c:pt idx="3793">
                  <c:v>5.3099999999999994E-2</c:v>
                </c:pt>
                <c:pt idx="3794">
                  <c:v>5.3099999999999994E-2</c:v>
                </c:pt>
                <c:pt idx="3795">
                  <c:v>5.3099999999999994E-2</c:v>
                </c:pt>
                <c:pt idx="3796">
                  <c:v>5.3099999999999994E-2</c:v>
                </c:pt>
                <c:pt idx="3797">
                  <c:v>5.3099999999999994E-2</c:v>
                </c:pt>
                <c:pt idx="3798">
                  <c:v>5.3099999999999994E-2</c:v>
                </c:pt>
                <c:pt idx="3799">
                  <c:v>5.3099999999999994E-2</c:v>
                </c:pt>
                <c:pt idx="3800">
                  <c:v>5.3099999999999994E-2</c:v>
                </c:pt>
                <c:pt idx="3801">
                  <c:v>5.3099999999999994E-2</c:v>
                </c:pt>
                <c:pt idx="3802">
                  <c:v>5.3099999999999994E-2</c:v>
                </c:pt>
                <c:pt idx="3803">
                  <c:v>5.3099999999999994E-2</c:v>
                </c:pt>
                <c:pt idx="3804">
                  <c:v>5.3099999999999994E-2</c:v>
                </c:pt>
                <c:pt idx="3805">
                  <c:v>5.3099999999999994E-2</c:v>
                </c:pt>
                <c:pt idx="3806">
                  <c:v>5.3099999999999994E-2</c:v>
                </c:pt>
                <c:pt idx="3807">
                  <c:v>5.3099999999999994E-2</c:v>
                </c:pt>
                <c:pt idx="3808">
                  <c:v>5.3099999999999994E-2</c:v>
                </c:pt>
                <c:pt idx="3809">
                  <c:v>5.3099999999999994E-2</c:v>
                </c:pt>
                <c:pt idx="3810">
                  <c:v>5.3099999999999994E-2</c:v>
                </c:pt>
                <c:pt idx="3811">
                  <c:v>5.3099999999999994E-2</c:v>
                </c:pt>
                <c:pt idx="3812">
                  <c:v>5.3099999999999994E-2</c:v>
                </c:pt>
                <c:pt idx="3813">
                  <c:v>5.3099999999999994E-2</c:v>
                </c:pt>
                <c:pt idx="3814">
                  <c:v>5.3099999999999994E-2</c:v>
                </c:pt>
                <c:pt idx="3815">
                  <c:v>5.3099999999999994E-2</c:v>
                </c:pt>
                <c:pt idx="3816">
                  <c:v>5.3099999999999994E-2</c:v>
                </c:pt>
                <c:pt idx="3817">
                  <c:v>5.3099999999999994E-2</c:v>
                </c:pt>
                <c:pt idx="3818">
                  <c:v>5.3099999999999994E-2</c:v>
                </c:pt>
                <c:pt idx="3819">
                  <c:v>5.3099999999999994E-2</c:v>
                </c:pt>
                <c:pt idx="3820">
                  <c:v>5.3099999999999994E-2</c:v>
                </c:pt>
                <c:pt idx="3821">
                  <c:v>5.3099999999999994E-2</c:v>
                </c:pt>
                <c:pt idx="3822">
                  <c:v>5.3099999999999994E-2</c:v>
                </c:pt>
                <c:pt idx="3823">
                  <c:v>5.3099999999999994E-2</c:v>
                </c:pt>
                <c:pt idx="3824">
                  <c:v>5.3099999999999994E-2</c:v>
                </c:pt>
                <c:pt idx="3825">
                  <c:v>5.3099999999999994E-2</c:v>
                </c:pt>
                <c:pt idx="3826">
                  <c:v>5.3099999999999994E-2</c:v>
                </c:pt>
                <c:pt idx="3827">
                  <c:v>5.3099999999999994E-2</c:v>
                </c:pt>
                <c:pt idx="3828">
                  <c:v>5.3099999999999994E-2</c:v>
                </c:pt>
                <c:pt idx="3829">
                  <c:v>5.3099999999999994E-2</c:v>
                </c:pt>
                <c:pt idx="3830">
                  <c:v>5.3099999999999994E-2</c:v>
                </c:pt>
                <c:pt idx="3831">
                  <c:v>5.3099999999999994E-2</c:v>
                </c:pt>
                <c:pt idx="3832">
                  <c:v>5.3099999999999994E-2</c:v>
                </c:pt>
                <c:pt idx="3833">
                  <c:v>5.3099999999999994E-2</c:v>
                </c:pt>
                <c:pt idx="3834">
                  <c:v>5.3099999999999994E-2</c:v>
                </c:pt>
                <c:pt idx="3835">
                  <c:v>5.3099999999999994E-2</c:v>
                </c:pt>
                <c:pt idx="3836">
                  <c:v>5.3099999999999994E-2</c:v>
                </c:pt>
                <c:pt idx="3837">
                  <c:v>5.3099999999999994E-2</c:v>
                </c:pt>
                <c:pt idx="3838">
                  <c:v>5.3099999999999994E-2</c:v>
                </c:pt>
                <c:pt idx="3839">
                  <c:v>5.3099999999999994E-2</c:v>
                </c:pt>
                <c:pt idx="3840">
                  <c:v>5.3099999999999994E-2</c:v>
                </c:pt>
                <c:pt idx="3841">
                  <c:v>5.3099999999999994E-2</c:v>
                </c:pt>
                <c:pt idx="3842">
                  <c:v>5.3099999999999994E-2</c:v>
                </c:pt>
                <c:pt idx="3843">
                  <c:v>5.3099999999999994E-2</c:v>
                </c:pt>
                <c:pt idx="3844">
                  <c:v>5.3099999999999994E-2</c:v>
                </c:pt>
                <c:pt idx="3845">
                  <c:v>5.3099999999999994E-2</c:v>
                </c:pt>
                <c:pt idx="3846">
                  <c:v>5.3099999999999994E-2</c:v>
                </c:pt>
                <c:pt idx="3847">
                  <c:v>5.3099999999999994E-2</c:v>
                </c:pt>
                <c:pt idx="3848">
                  <c:v>5.3099999999999994E-2</c:v>
                </c:pt>
                <c:pt idx="3849">
                  <c:v>5.3099999999999994E-2</c:v>
                </c:pt>
                <c:pt idx="3850">
                  <c:v>5.3099999999999994E-2</c:v>
                </c:pt>
                <c:pt idx="3851">
                  <c:v>5.3099999999999994E-2</c:v>
                </c:pt>
                <c:pt idx="3852">
                  <c:v>5.3099999999999994E-2</c:v>
                </c:pt>
                <c:pt idx="3853">
                  <c:v>5.3099999999999994E-2</c:v>
                </c:pt>
                <c:pt idx="3854">
                  <c:v>5.3099999999999994E-2</c:v>
                </c:pt>
                <c:pt idx="3855">
                  <c:v>5.3099999999999994E-2</c:v>
                </c:pt>
                <c:pt idx="3856">
                  <c:v>5.3099999999999994E-2</c:v>
                </c:pt>
                <c:pt idx="3857">
                  <c:v>5.3099999999999994E-2</c:v>
                </c:pt>
                <c:pt idx="3858">
                  <c:v>5.3099999999999994E-2</c:v>
                </c:pt>
                <c:pt idx="3859">
                  <c:v>5.3099999999999994E-2</c:v>
                </c:pt>
                <c:pt idx="3860">
                  <c:v>5.3099999999999994E-2</c:v>
                </c:pt>
                <c:pt idx="3861">
                  <c:v>5.3099999999999994E-2</c:v>
                </c:pt>
                <c:pt idx="3862">
                  <c:v>5.3099999999999994E-2</c:v>
                </c:pt>
                <c:pt idx="3863">
                  <c:v>5.3099999999999994E-2</c:v>
                </c:pt>
                <c:pt idx="3864">
                  <c:v>5.3099999999999994E-2</c:v>
                </c:pt>
                <c:pt idx="3865">
                  <c:v>5.3099999999999994E-2</c:v>
                </c:pt>
                <c:pt idx="3866">
                  <c:v>5.3099999999999994E-2</c:v>
                </c:pt>
                <c:pt idx="3867">
                  <c:v>5.3099999999999994E-2</c:v>
                </c:pt>
                <c:pt idx="3868">
                  <c:v>5.3099999999999994E-2</c:v>
                </c:pt>
                <c:pt idx="3869">
                  <c:v>5.3099999999999994E-2</c:v>
                </c:pt>
                <c:pt idx="3870">
                  <c:v>5.3099999999999994E-2</c:v>
                </c:pt>
                <c:pt idx="3871">
                  <c:v>5.3099999999999994E-2</c:v>
                </c:pt>
                <c:pt idx="3872">
                  <c:v>5.3099999999999994E-2</c:v>
                </c:pt>
                <c:pt idx="3873">
                  <c:v>5.3099999999999994E-2</c:v>
                </c:pt>
                <c:pt idx="3874">
                  <c:v>5.3099999999999994E-2</c:v>
                </c:pt>
                <c:pt idx="3875">
                  <c:v>5.3099999999999994E-2</c:v>
                </c:pt>
                <c:pt idx="3876">
                  <c:v>5.3099999999999994E-2</c:v>
                </c:pt>
                <c:pt idx="3877">
                  <c:v>5.3099999999999994E-2</c:v>
                </c:pt>
                <c:pt idx="3878">
                  <c:v>5.3099999999999994E-2</c:v>
                </c:pt>
                <c:pt idx="3879">
                  <c:v>5.3099999999999994E-2</c:v>
                </c:pt>
                <c:pt idx="3880">
                  <c:v>5.3099999999999994E-2</c:v>
                </c:pt>
                <c:pt idx="3881">
                  <c:v>5.3099999999999994E-2</c:v>
                </c:pt>
                <c:pt idx="3882">
                  <c:v>5.3099999999999994E-2</c:v>
                </c:pt>
                <c:pt idx="3883">
                  <c:v>5.3099999999999994E-2</c:v>
                </c:pt>
                <c:pt idx="3884">
                  <c:v>5.3099999999999994E-2</c:v>
                </c:pt>
                <c:pt idx="3885">
                  <c:v>5.3099999999999994E-2</c:v>
                </c:pt>
                <c:pt idx="3886">
                  <c:v>5.3099999999999994E-2</c:v>
                </c:pt>
                <c:pt idx="3887">
                  <c:v>5.3099999999999994E-2</c:v>
                </c:pt>
                <c:pt idx="3888">
                  <c:v>5.3099999999999994E-2</c:v>
                </c:pt>
                <c:pt idx="3889">
                  <c:v>5.3099999999999994E-2</c:v>
                </c:pt>
                <c:pt idx="3890">
                  <c:v>5.3099999999999994E-2</c:v>
                </c:pt>
                <c:pt idx="3891">
                  <c:v>5.3099999999999994E-2</c:v>
                </c:pt>
                <c:pt idx="3892">
                  <c:v>5.3099999999999994E-2</c:v>
                </c:pt>
                <c:pt idx="3893">
                  <c:v>5.3099999999999994E-2</c:v>
                </c:pt>
                <c:pt idx="3894">
                  <c:v>5.3099999999999994E-2</c:v>
                </c:pt>
                <c:pt idx="3895">
                  <c:v>5.3099999999999994E-2</c:v>
                </c:pt>
                <c:pt idx="3896">
                  <c:v>5.3099999999999994E-2</c:v>
                </c:pt>
                <c:pt idx="3897">
                  <c:v>5.3099999999999994E-2</c:v>
                </c:pt>
                <c:pt idx="3898">
                  <c:v>5.3099999999999994E-2</c:v>
                </c:pt>
                <c:pt idx="3899">
                  <c:v>5.3099999999999994E-2</c:v>
                </c:pt>
                <c:pt idx="3900">
                  <c:v>5.3099999999999994E-2</c:v>
                </c:pt>
                <c:pt idx="3901">
                  <c:v>5.3099999999999994E-2</c:v>
                </c:pt>
                <c:pt idx="3902">
                  <c:v>5.3099999999999994E-2</c:v>
                </c:pt>
                <c:pt idx="3903">
                  <c:v>5.3099999999999994E-2</c:v>
                </c:pt>
                <c:pt idx="3904">
                  <c:v>5.3099999999999994E-2</c:v>
                </c:pt>
                <c:pt idx="3905">
                  <c:v>5.3099999999999994E-2</c:v>
                </c:pt>
                <c:pt idx="3906">
                  <c:v>5.3099999999999994E-2</c:v>
                </c:pt>
                <c:pt idx="3907">
                  <c:v>5.3099999999999994E-2</c:v>
                </c:pt>
                <c:pt idx="3908">
                  <c:v>5.3099999999999994E-2</c:v>
                </c:pt>
                <c:pt idx="3909">
                  <c:v>5.3099999999999994E-2</c:v>
                </c:pt>
                <c:pt idx="3910">
                  <c:v>5.3099999999999994E-2</c:v>
                </c:pt>
                <c:pt idx="3911">
                  <c:v>5.3099999999999994E-2</c:v>
                </c:pt>
                <c:pt idx="3912">
                  <c:v>5.3099999999999994E-2</c:v>
                </c:pt>
                <c:pt idx="3913">
                  <c:v>5.3099999999999994E-2</c:v>
                </c:pt>
                <c:pt idx="3914">
                  <c:v>5.3099999999999994E-2</c:v>
                </c:pt>
                <c:pt idx="3915">
                  <c:v>5.3099999999999994E-2</c:v>
                </c:pt>
                <c:pt idx="3916">
                  <c:v>5.3099999999999994E-2</c:v>
                </c:pt>
                <c:pt idx="3917">
                  <c:v>5.3099999999999994E-2</c:v>
                </c:pt>
                <c:pt idx="3918">
                  <c:v>5.3099999999999994E-2</c:v>
                </c:pt>
                <c:pt idx="3919">
                  <c:v>5.3099999999999994E-2</c:v>
                </c:pt>
                <c:pt idx="3920">
                  <c:v>5.3099999999999994E-2</c:v>
                </c:pt>
                <c:pt idx="3921">
                  <c:v>5.3099999999999994E-2</c:v>
                </c:pt>
                <c:pt idx="3922">
                  <c:v>5.3099999999999994E-2</c:v>
                </c:pt>
                <c:pt idx="3923">
                  <c:v>5.3099999999999994E-2</c:v>
                </c:pt>
                <c:pt idx="3924">
                  <c:v>5.3099999999999994E-2</c:v>
                </c:pt>
                <c:pt idx="3925">
                  <c:v>5.3099999999999994E-2</c:v>
                </c:pt>
                <c:pt idx="3926">
                  <c:v>5.3099999999999994E-2</c:v>
                </c:pt>
                <c:pt idx="3927">
                  <c:v>5.3099999999999994E-2</c:v>
                </c:pt>
                <c:pt idx="3928">
                  <c:v>5.3099999999999994E-2</c:v>
                </c:pt>
                <c:pt idx="3929">
                  <c:v>5.3099999999999994E-2</c:v>
                </c:pt>
                <c:pt idx="3930">
                  <c:v>5.3099999999999994E-2</c:v>
                </c:pt>
                <c:pt idx="3931">
                  <c:v>5.3099999999999994E-2</c:v>
                </c:pt>
                <c:pt idx="3932">
                  <c:v>5.3099999999999994E-2</c:v>
                </c:pt>
                <c:pt idx="3933">
                  <c:v>5.3099999999999994E-2</c:v>
                </c:pt>
                <c:pt idx="3934">
                  <c:v>5.3099999999999994E-2</c:v>
                </c:pt>
                <c:pt idx="3935">
                  <c:v>5.3099999999999994E-2</c:v>
                </c:pt>
                <c:pt idx="3936">
                  <c:v>5.3099999999999994E-2</c:v>
                </c:pt>
                <c:pt idx="3937">
                  <c:v>5.3099999999999994E-2</c:v>
                </c:pt>
                <c:pt idx="3938">
                  <c:v>5.3099999999999994E-2</c:v>
                </c:pt>
                <c:pt idx="3939">
                  <c:v>5.3099999999999994E-2</c:v>
                </c:pt>
                <c:pt idx="3940">
                  <c:v>5.3099999999999994E-2</c:v>
                </c:pt>
                <c:pt idx="3941">
                  <c:v>5.3099999999999994E-2</c:v>
                </c:pt>
                <c:pt idx="3942">
                  <c:v>5.3099999999999994E-2</c:v>
                </c:pt>
                <c:pt idx="3943">
                  <c:v>5.3099999999999994E-2</c:v>
                </c:pt>
                <c:pt idx="3944">
                  <c:v>5.3099999999999994E-2</c:v>
                </c:pt>
                <c:pt idx="3945">
                  <c:v>5.5599999999999997E-2</c:v>
                </c:pt>
                <c:pt idx="3946">
                  <c:v>5.5599999999999997E-2</c:v>
                </c:pt>
                <c:pt idx="3947">
                  <c:v>5.5599999999999997E-2</c:v>
                </c:pt>
                <c:pt idx="3948">
                  <c:v>5.5599999999999997E-2</c:v>
                </c:pt>
                <c:pt idx="3949">
                  <c:v>5.5599999999999997E-2</c:v>
                </c:pt>
                <c:pt idx="3950">
                  <c:v>5.5599999999999997E-2</c:v>
                </c:pt>
                <c:pt idx="3951">
                  <c:v>5.5599999999999997E-2</c:v>
                </c:pt>
                <c:pt idx="3952">
                  <c:v>5.5599999999999997E-2</c:v>
                </c:pt>
                <c:pt idx="3953">
                  <c:v>5.5599999999999997E-2</c:v>
                </c:pt>
                <c:pt idx="3954">
                  <c:v>5.5599999999999997E-2</c:v>
                </c:pt>
                <c:pt idx="3955">
                  <c:v>5.5599999999999997E-2</c:v>
                </c:pt>
                <c:pt idx="3956">
                  <c:v>5.5599999999999997E-2</c:v>
                </c:pt>
                <c:pt idx="3957">
                  <c:v>5.5599999999999997E-2</c:v>
                </c:pt>
                <c:pt idx="3958">
                  <c:v>5.5599999999999997E-2</c:v>
                </c:pt>
                <c:pt idx="3959">
                  <c:v>5.5599999999999997E-2</c:v>
                </c:pt>
                <c:pt idx="3960">
                  <c:v>5.5599999999999997E-2</c:v>
                </c:pt>
                <c:pt idx="3961">
                  <c:v>5.5599999999999997E-2</c:v>
                </c:pt>
                <c:pt idx="3962">
                  <c:v>5.5599999999999997E-2</c:v>
                </c:pt>
                <c:pt idx="3963">
                  <c:v>5.5599999999999997E-2</c:v>
                </c:pt>
                <c:pt idx="3964">
                  <c:v>5.5599999999999997E-2</c:v>
                </c:pt>
                <c:pt idx="3965">
                  <c:v>5.5599999999999997E-2</c:v>
                </c:pt>
                <c:pt idx="3966">
                  <c:v>5.5599999999999997E-2</c:v>
                </c:pt>
                <c:pt idx="3967">
                  <c:v>5.5599999999999997E-2</c:v>
                </c:pt>
                <c:pt idx="3968">
                  <c:v>5.5599999999999997E-2</c:v>
                </c:pt>
                <c:pt idx="3969">
                  <c:v>5.5599999999999997E-2</c:v>
                </c:pt>
                <c:pt idx="3970">
                  <c:v>5.5599999999999997E-2</c:v>
                </c:pt>
                <c:pt idx="3971">
                  <c:v>5.5599999999999997E-2</c:v>
                </c:pt>
                <c:pt idx="3972">
                  <c:v>5.5599999999999997E-2</c:v>
                </c:pt>
                <c:pt idx="3973">
                  <c:v>5.5599999999999997E-2</c:v>
                </c:pt>
                <c:pt idx="3974">
                  <c:v>5.5599999999999997E-2</c:v>
                </c:pt>
                <c:pt idx="3975">
                  <c:v>5.5599999999999997E-2</c:v>
                </c:pt>
                <c:pt idx="3976">
                  <c:v>5.5599999999999997E-2</c:v>
                </c:pt>
                <c:pt idx="3977">
                  <c:v>5.5599999999999997E-2</c:v>
                </c:pt>
                <c:pt idx="3978">
                  <c:v>5.5599999999999997E-2</c:v>
                </c:pt>
                <c:pt idx="3979">
                  <c:v>5.5599999999999997E-2</c:v>
                </c:pt>
                <c:pt idx="3980">
                  <c:v>5.5599999999999997E-2</c:v>
                </c:pt>
                <c:pt idx="3981">
                  <c:v>5.5599999999999997E-2</c:v>
                </c:pt>
                <c:pt idx="3982">
                  <c:v>5.5599999999999997E-2</c:v>
                </c:pt>
                <c:pt idx="3983">
                  <c:v>5.5599999999999997E-2</c:v>
                </c:pt>
                <c:pt idx="3984">
                  <c:v>5.5599999999999997E-2</c:v>
                </c:pt>
                <c:pt idx="3985">
                  <c:v>5.5599999999999997E-2</c:v>
                </c:pt>
                <c:pt idx="3986">
                  <c:v>5.5599999999999997E-2</c:v>
                </c:pt>
                <c:pt idx="3987">
                  <c:v>5.5599999999999997E-2</c:v>
                </c:pt>
                <c:pt idx="3988">
                  <c:v>5.5599999999999997E-2</c:v>
                </c:pt>
                <c:pt idx="3989">
                  <c:v>5.5599999999999997E-2</c:v>
                </c:pt>
                <c:pt idx="3990">
                  <c:v>5.5599999999999997E-2</c:v>
                </c:pt>
                <c:pt idx="3991">
                  <c:v>5.5599999999999997E-2</c:v>
                </c:pt>
                <c:pt idx="3992">
                  <c:v>5.5599999999999997E-2</c:v>
                </c:pt>
                <c:pt idx="3993">
                  <c:v>5.5599999999999997E-2</c:v>
                </c:pt>
                <c:pt idx="3994">
                  <c:v>5.5599999999999997E-2</c:v>
                </c:pt>
                <c:pt idx="3995">
                  <c:v>5.5599999999999997E-2</c:v>
                </c:pt>
                <c:pt idx="3996">
                  <c:v>5.5599999999999997E-2</c:v>
                </c:pt>
                <c:pt idx="3997">
                  <c:v>5.5599999999999997E-2</c:v>
                </c:pt>
                <c:pt idx="3998">
                  <c:v>5.5599999999999997E-2</c:v>
                </c:pt>
                <c:pt idx="3999">
                  <c:v>5.5599999999999997E-2</c:v>
                </c:pt>
                <c:pt idx="4000">
                  <c:v>5.5599999999999997E-2</c:v>
                </c:pt>
                <c:pt idx="4001">
                  <c:v>5.5599999999999997E-2</c:v>
                </c:pt>
                <c:pt idx="4002">
                  <c:v>5.5599999999999997E-2</c:v>
                </c:pt>
                <c:pt idx="4003">
                  <c:v>5.5599999999999997E-2</c:v>
                </c:pt>
                <c:pt idx="4004">
                  <c:v>5.5599999999999997E-2</c:v>
                </c:pt>
                <c:pt idx="4005">
                  <c:v>5.5599999999999997E-2</c:v>
                </c:pt>
                <c:pt idx="4006">
                  <c:v>5.5599999999999997E-2</c:v>
                </c:pt>
                <c:pt idx="4007">
                  <c:v>5.5599999999999997E-2</c:v>
                </c:pt>
                <c:pt idx="4008">
                  <c:v>5.5599999999999997E-2</c:v>
                </c:pt>
                <c:pt idx="4009">
                  <c:v>5.5599999999999997E-2</c:v>
                </c:pt>
                <c:pt idx="4010">
                  <c:v>5.5599999999999997E-2</c:v>
                </c:pt>
                <c:pt idx="4011">
                  <c:v>5.5599999999999997E-2</c:v>
                </c:pt>
                <c:pt idx="4012">
                  <c:v>5.5599999999999997E-2</c:v>
                </c:pt>
                <c:pt idx="4013">
                  <c:v>5.8099999999999999E-2</c:v>
                </c:pt>
                <c:pt idx="4014">
                  <c:v>5.8099999999999999E-2</c:v>
                </c:pt>
                <c:pt idx="4015">
                  <c:v>5.8099999999999999E-2</c:v>
                </c:pt>
                <c:pt idx="4016">
                  <c:v>5.8099999999999999E-2</c:v>
                </c:pt>
                <c:pt idx="4017">
                  <c:v>5.8099999999999999E-2</c:v>
                </c:pt>
                <c:pt idx="4018">
                  <c:v>5.8099999999999999E-2</c:v>
                </c:pt>
                <c:pt idx="4019">
                  <c:v>5.8099999999999999E-2</c:v>
                </c:pt>
                <c:pt idx="4020">
                  <c:v>5.8099999999999999E-2</c:v>
                </c:pt>
                <c:pt idx="4021">
                  <c:v>5.8099999999999999E-2</c:v>
                </c:pt>
                <c:pt idx="4022">
                  <c:v>5.8099999999999999E-2</c:v>
                </c:pt>
                <c:pt idx="4023">
                  <c:v>5.8099999999999999E-2</c:v>
                </c:pt>
                <c:pt idx="4024">
                  <c:v>5.8099999999999999E-2</c:v>
                </c:pt>
                <c:pt idx="4025">
                  <c:v>5.8099999999999999E-2</c:v>
                </c:pt>
                <c:pt idx="4026">
                  <c:v>5.8099999999999999E-2</c:v>
                </c:pt>
                <c:pt idx="4027">
                  <c:v>5.8099999999999999E-2</c:v>
                </c:pt>
                <c:pt idx="4028">
                  <c:v>5.8099999999999999E-2</c:v>
                </c:pt>
                <c:pt idx="4029">
                  <c:v>5.8099999999999999E-2</c:v>
                </c:pt>
                <c:pt idx="4030">
                  <c:v>5.8099999999999999E-2</c:v>
                </c:pt>
                <c:pt idx="4031">
                  <c:v>5.8099999999999999E-2</c:v>
                </c:pt>
                <c:pt idx="4032">
                  <c:v>5.8099999999999999E-2</c:v>
                </c:pt>
                <c:pt idx="4033">
                  <c:v>5.8099999999999999E-2</c:v>
                </c:pt>
                <c:pt idx="4034">
                  <c:v>5.8099999999999999E-2</c:v>
                </c:pt>
                <c:pt idx="4035">
                  <c:v>5.8099999999999999E-2</c:v>
                </c:pt>
                <c:pt idx="4036">
                  <c:v>5.8099999999999999E-2</c:v>
                </c:pt>
                <c:pt idx="4037">
                  <c:v>5.8099999999999999E-2</c:v>
                </c:pt>
                <c:pt idx="4038">
                  <c:v>5.8099999999999999E-2</c:v>
                </c:pt>
                <c:pt idx="4039">
                  <c:v>5.8099999999999999E-2</c:v>
                </c:pt>
                <c:pt idx="4040">
                  <c:v>5.8099999999999999E-2</c:v>
                </c:pt>
                <c:pt idx="4041">
                  <c:v>5.8099999999999999E-2</c:v>
                </c:pt>
                <c:pt idx="4042">
                  <c:v>5.8099999999999999E-2</c:v>
                </c:pt>
                <c:pt idx="4043">
                  <c:v>5.8099999999999999E-2</c:v>
                </c:pt>
                <c:pt idx="4044">
                  <c:v>5.8099999999999999E-2</c:v>
                </c:pt>
                <c:pt idx="4045">
                  <c:v>5.8099999999999999E-2</c:v>
                </c:pt>
                <c:pt idx="4046">
                  <c:v>5.8099999999999999E-2</c:v>
                </c:pt>
                <c:pt idx="4047">
                  <c:v>5.8099999999999999E-2</c:v>
                </c:pt>
                <c:pt idx="4048">
                  <c:v>5.8099999999999999E-2</c:v>
                </c:pt>
                <c:pt idx="4049">
                  <c:v>5.8099999999999999E-2</c:v>
                </c:pt>
                <c:pt idx="4050">
                  <c:v>5.8099999999999999E-2</c:v>
                </c:pt>
                <c:pt idx="4051">
                  <c:v>5.8099999999999999E-2</c:v>
                </c:pt>
                <c:pt idx="4052">
                  <c:v>5.8099999999999999E-2</c:v>
                </c:pt>
                <c:pt idx="4053">
                  <c:v>5.8099999999999999E-2</c:v>
                </c:pt>
                <c:pt idx="4054">
                  <c:v>5.8099999999999999E-2</c:v>
                </c:pt>
                <c:pt idx="4055">
                  <c:v>5.8099999999999999E-2</c:v>
                </c:pt>
                <c:pt idx="4056">
                  <c:v>5.8099999999999999E-2</c:v>
                </c:pt>
                <c:pt idx="4057">
                  <c:v>6.0599999999999994E-2</c:v>
                </c:pt>
                <c:pt idx="4058">
                  <c:v>6.0599999999999994E-2</c:v>
                </c:pt>
                <c:pt idx="4059">
                  <c:v>6.0599999999999994E-2</c:v>
                </c:pt>
                <c:pt idx="4060">
                  <c:v>6.0599999999999994E-2</c:v>
                </c:pt>
                <c:pt idx="4061">
                  <c:v>6.0599999999999994E-2</c:v>
                </c:pt>
                <c:pt idx="4062">
                  <c:v>6.0599999999999994E-2</c:v>
                </c:pt>
                <c:pt idx="4063">
                  <c:v>6.0599999999999994E-2</c:v>
                </c:pt>
                <c:pt idx="4064">
                  <c:v>6.0599999999999994E-2</c:v>
                </c:pt>
                <c:pt idx="4065">
                  <c:v>6.0599999999999994E-2</c:v>
                </c:pt>
                <c:pt idx="4066">
                  <c:v>6.0599999999999994E-2</c:v>
                </c:pt>
                <c:pt idx="4067">
                  <c:v>6.0599999999999994E-2</c:v>
                </c:pt>
                <c:pt idx="4068">
                  <c:v>6.0599999999999994E-2</c:v>
                </c:pt>
                <c:pt idx="4069">
                  <c:v>6.0599999999999994E-2</c:v>
                </c:pt>
                <c:pt idx="4070">
                  <c:v>6.0599999999999994E-2</c:v>
                </c:pt>
                <c:pt idx="4071">
                  <c:v>6.0599999999999994E-2</c:v>
                </c:pt>
                <c:pt idx="4072">
                  <c:v>6.0599999999999994E-2</c:v>
                </c:pt>
                <c:pt idx="4073">
                  <c:v>6.0599999999999994E-2</c:v>
                </c:pt>
                <c:pt idx="4074">
                  <c:v>6.0599999999999994E-2</c:v>
                </c:pt>
                <c:pt idx="4075">
                  <c:v>6.0599999999999994E-2</c:v>
                </c:pt>
                <c:pt idx="4076">
                  <c:v>6.0599999999999994E-2</c:v>
                </c:pt>
                <c:pt idx="4077">
                  <c:v>6.0599999999999994E-2</c:v>
                </c:pt>
                <c:pt idx="4078">
                  <c:v>6.0599999999999994E-2</c:v>
                </c:pt>
                <c:pt idx="4079">
                  <c:v>6.0599999999999994E-2</c:v>
                </c:pt>
                <c:pt idx="4080">
                  <c:v>6.0599999999999994E-2</c:v>
                </c:pt>
                <c:pt idx="4081">
                  <c:v>6.0599999999999994E-2</c:v>
                </c:pt>
                <c:pt idx="4082">
                  <c:v>6.0599999999999994E-2</c:v>
                </c:pt>
                <c:pt idx="4083">
                  <c:v>6.0599999999999994E-2</c:v>
                </c:pt>
                <c:pt idx="4084">
                  <c:v>6.0599999999999994E-2</c:v>
                </c:pt>
                <c:pt idx="4085">
                  <c:v>6.0599999999999994E-2</c:v>
                </c:pt>
                <c:pt idx="4086">
                  <c:v>6.0599999999999994E-2</c:v>
                </c:pt>
                <c:pt idx="4087">
                  <c:v>6.0599999999999994E-2</c:v>
                </c:pt>
                <c:pt idx="4088">
                  <c:v>6.0599999999999994E-2</c:v>
                </c:pt>
                <c:pt idx="4089">
                  <c:v>6.0599999999999994E-2</c:v>
                </c:pt>
                <c:pt idx="4090">
                  <c:v>6.0599999999999994E-2</c:v>
                </c:pt>
                <c:pt idx="4091">
                  <c:v>6.0599999999999994E-2</c:v>
                </c:pt>
                <c:pt idx="4092">
                  <c:v>6.0599999999999994E-2</c:v>
                </c:pt>
                <c:pt idx="4093">
                  <c:v>6.0599999999999994E-2</c:v>
                </c:pt>
                <c:pt idx="4094">
                  <c:v>6.0599999999999994E-2</c:v>
                </c:pt>
                <c:pt idx="4095">
                  <c:v>6.0599999999999994E-2</c:v>
                </c:pt>
                <c:pt idx="4096">
                  <c:v>6.0599999999999994E-2</c:v>
                </c:pt>
                <c:pt idx="4097">
                  <c:v>6.0599999999999994E-2</c:v>
                </c:pt>
                <c:pt idx="4098">
                  <c:v>6.0599999999999994E-2</c:v>
                </c:pt>
                <c:pt idx="4099">
                  <c:v>6.0599999999999994E-2</c:v>
                </c:pt>
                <c:pt idx="4100">
                  <c:v>6.0599999999999994E-2</c:v>
                </c:pt>
                <c:pt idx="4101">
                  <c:v>6.0599999999999994E-2</c:v>
                </c:pt>
                <c:pt idx="4102">
                  <c:v>6.0599999999999994E-2</c:v>
                </c:pt>
                <c:pt idx="4103">
                  <c:v>6.0599999999999994E-2</c:v>
                </c:pt>
                <c:pt idx="4104">
                  <c:v>6.0599999999999994E-2</c:v>
                </c:pt>
                <c:pt idx="4105">
                  <c:v>6.0599999999999994E-2</c:v>
                </c:pt>
                <c:pt idx="4106">
                  <c:v>6.0599999999999994E-2</c:v>
                </c:pt>
                <c:pt idx="4107">
                  <c:v>6.0599999999999994E-2</c:v>
                </c:pt>
                <c:pt idx="4108">
                  <c:v>6.0599999999999994E-2</c:v>
                </c:pt>
                <c:pt idx="4109">
                  <c:v>6.0599999999999994E-2</c:v>
                </c:pt>
                <c:pt idx="4110">
                  <c:v>6.0599999999999994E-2</c:v>
                </c:pt>
                <c:pt idx="4111">
                  <c:v>6.0599999999999994E-2</c:v>
                </c:pt>
                <c:pt idx="4112">
                  <c:v>6.0599999999999994E-2</c:v>
                </c:pt>
                <c:pt idx="4113">
                  <c:v>6.3099999999999989E-2</c:v>
                </c:pt>
                <c:pt idx="4114">
                  <c:v>6.3099999999999989E-2</c:v>
                </c:pt>
                <c:pt idx="4115">
                  <c:v>6.3099999999999989E-2</c:v>
                </c:pt>
                <c:pt idx="4116">
                  <c:v>6.3099999999999989E-2</c:v>
                </c:pt>
                <c:pt idx="4117">
                  <c:v>6.3099999999999989E-2</c:v>
                </c:pt>
                <c:pt idx="4118">
                  <c:v>6.3099999999999989E-2</c:v>
                </c:pt>
                <c:pt idx="4119">
                  <c:v>6.3099999999999989E-2</c:v>
                </c:pt>
                <c:pt idx="4120">
                  <c:v>6.3099999999999989E-2</c:v>
                </c:pt>
                <c:pt idx="4121">
                  <c:v>6.3099999999999989E-2</c:v>
                </c:pt>
                <c:pt idx="4122">
                  <c:v>6.3099999999999989E-2</c:v>
                </c:pt>
                <c:pt idx="4123">
                  <c:v>6.3099999999999989E-2</c:v>
                </c:pt>
                <c:pt idx="4124">
                  <c:v>6.3099999999999989E-2</c:v>
                </c:pt>
                <c:pt idx="4125">
                  <c:v>6.3099999999999989E-2</c:v>
                </c:pt>
                <c:pt idx="4126">
                  <c:v>6.3099999999999989E-2</c:v>
                </c:pt>
                <c:pt idx="4127">
                  <c:v>6.3099999999999989E-2</c:v>
                </c:pt>
                <c:pt idx="4128">
                  <c:v>6.3099999999999989E-2</c:v>
                </c:pt>
                <c:pt idx="4129">
                  <c:v>6.3099999999999989E-2</c:v>
                </c:pt>
                <c:pt idx="4130">
                  <c:v>6.3099999999999989E-2</c:v>
                </c:pt>
                <c:pt idx="4131">
                  <c:v>6.3099999999999989E-2</c:v>
                </c:pt>
                <c:pt idx="4132">
                  <c:v>6.3099999999999989E-2</c:v>
                </c:pt>
                <c:pt idx="4133">
                  <c:v>6.3099999999999989E-2</c:v>
                </c:pt>
                <c:pt idx="4134">
                  <c:v>6.3099999999999989E-2</c:v>
                </c:pt>
                <c:pt idx="4135">
                  <c:v>6.3099999999999989E-2</c:v>
                </c:pt>
                <c:pt idx="4136">
                  <c:v>6.3099999999999989E-2</c:v>
                </c:pt>
                <c:pt idx="4137">
                  <c:v>6.3099999999999989E-2</c:v>
                </c:pt>
                <c:pt idx="4138">
                  <c:v>6.3099999999999989E-2</c:v>
                </c:pt>
                <c:pt idx="4139">
                  <c:v>6.3099999999999989E-2</c:v>
                </c:pt>
                <c:pt idx="4140">
                  <c:v>6.3099999999999989E-2</c:v>
                </c:pt>
                <c:pt idx="4141">
                  <c:v>6.3099999999999989E-2</c:v>
                </c:pt>
                <c:pt idx="4142">
                  <c:v>6.3099999999999989E-2</c:v>
                </c:pt>
                <c:pt idx="4143">
                  <c:v>6.3099999999999989E-2</c:v>
                </c:pt>
                <c:pt idx="4144">
                  <c:v>6.3099999999999989E-2</c:v>
                </c:pt>
                <c:pt idx="4145">
                  <c:v>6.3099999999999989E-2</c:v>
                </c:pt>
                <c:pt idx="4146">
                  <c:v>6.3099999999999989E-2</c:v>
                </c:pt>
                <c:pt idx="4147">
                  <c:v>6.3099999999999989E-2</c:v>
                </c:pt>
                <c:pt idx="4148">
                  <c:v>6.3099999999999989E-2</c:v>
                </c:pt>
                <c:pt idx="4149">
                  <c:v>6.3099999999999989E-2</c:v>
                </c:pt>
                <c:pt idx="4150">
                  <c:v>6.3099999999999989E-2</c:v>
                </c:pt>
                <c:pt idx="4151">
                  <c:v>6.3099999999999989E-2</c:v>
                </c:pt>
                <c:pt idx="4152">
                  <c:v>6.3099999999999989E-2</c:v>
                </c:pt>
                <c:pt idx="4153">
                  <c:v>6.3099999999999989E-2</c:v>
                </c:pt>
                <c:pt idx="4154">
                  <c:v>6.3099999999999989E-2</c:v>
                </c:pt>
                <c:pt idx="4155">
                  <c:v>6.3099999999999989E-2</c:v>
                </c:pt>
                <c:pt idx="4156">
                  <c:v>6.3099999999999989E-2</c:v>
                </c:pt>
                <c:pt idx="4157">
                  <c:v>6.3099999999999989E-2</c:v>
                </c:pt>
                <c:pt idx="4158">
                  <c:v>6.3099999999999989E-2</c:v>
                </c:pt>
                <c:pt idx="4159">
                  <c:v>6.3099999999999989E-2</c:v>
                </c:pt>
                <c:pt idx="4160">
                  <c:v>6.3099999999999989E-2</c:v>
                </c:pt>
                <c:pt idx="4161">
                  <c:v>6.3099999999999989E-2</c:v>
                </c:pt>
                <c:pt idx="4162">
                  <c:v>6.3099999999999989E-2</c:v>
                </c:pt>
                <c:pt idx="4163">
                  <c:v>6.3099999999999989E-2</c:v>
                </c:pt>
                <c:pt idx="4164">
                  <c:v>6.3099999999999989E-2</c:v>
                </c:pt>
                <c:pt idx="4165">
                  <c:v>6.3099999999999989E-2</c:v>
                </c:pt>
                <c:pt idx="4166">
                  <c:v>6.3099999999999989E-2</c:v>
                </c:pt>
                <c:pt idx="4167">
                  <c:v>6.3099999999999989E-2</c:v>
                </c:pt>
                <c:pt idx="4168">
                  <c:v>6.3099999999999989E-2</c:v>
                </c:pt>
                <c:pt idx="4169">
                  <c:v>6.3099999999999989E-2</c:v>
                </c:pt>
                <c:pt idx="4170">
                  <c:v>6.3099999999999989E-2</c:v>
                </c:pt>
                <c:pt idx="4171">
                  <c:v>6.3099999999999989E-2</c:v>
                </c:pt>
                <c:pt idx="4172">
                  <c:v>6.3099999999999989E-2</c:v>
                </c:pt>
                <c:pt idx="4173">
                  <c:v>6.3099999999999989E-2</c:v>
                </c:pt>
                <c:pt idx="4174">
                  <c:v>6.3099999999999989E-2</c:v>
                </c:pt>
                <c:pt idx="4175">
                  <c:v>6.3099999999999989E-2</c:v>
                </c:pt>
                <c:pt idx="4176">
                  <c:v>6.3099999999999989E-2</c:v>
                </c:pt>
                <c:pt idx="4177">
                  <c:v>6.3099999999999989E-2</c:v>
                </c:pt>
                <c:pt idx="4178">
                  <c:v>6.3099999999999989E-2</c:v>
                </c:pt>
                <c:pt idx="4179">
                  <c:v>6.3099999999999989E-2</c:v>
                </c:pt>
                <c:pt idx="4180">
                  <c:v>6.3099999999999989E-2</c:v>
                </c:pt>
                <c:pt idx="4181">
                  <c:v>6.3099999999999989E-2</c:v>
                </c:pt>
                <c:pt idx="4182">
                  <c:v>6.3099999999999989E-2</c:v>
                </c:pt>
                <c:pt idx="4183">
                  <c:v>6.3099999999999989E-2</c:v>
                </c:pt>
                <c:pt idx="4184">
                  <c:v>6.3099999999999989E-2</c:v>
                </c:pt>
                <c:pt idx="4185">
                  <c:v>6.3099999999999989E-2</c:v>
                </c:pt>
                <c:pt idx="4186">
                  <c:v>6.3099999999999989E-2</c:v>
                </c:pt>
                <c:pt idx="4187">
                  <c:v>6.3099999999999989E-2</c:v>
                </c:pt>
                <c:pt idx="4188">
                  <c:v>6.3099999999999989E-2</c:v>
                </c:pt>
                <c:pt idx="4189">
                  <c:v>6.3099999999999989E-2</c:v>
                </c:pt>
                <c:pt idx="4190">
                  <c:v>6.3099999999999989E-2</c:v>
                </c:pt>
                <c:pt idx="4191">
                  <c:v>6.3099999999999989E-2</c:v>
                </c:pt>
                <c:pt idx="4192">
                  <c:v>6.3099999999999989E-2</c:v>
                </c:pt>
                <c:pt idx="4193">
                  <c:v>6.3099999999999989E-2</c:v>
                </c:pt>
                <c:pt idx="4194">
                  <c:v>6.3099999999999989E-2</c:v>
                </c:pt>
                <c:pt idx="4195">
                  <c:v>6.3099999999999989E-2</c:v>
                </c:pt>
                <c:pt idx="4196">
                  <c:v>6.3099999999999989E-2</c:v>
                </c:pt>
                <c:pt idx="4197">
                  <c:v>6.3099999999999989E-2</c:v>
                </c:pt>
                <c:pt idx="4198">
                  <c:v>6.3099999999999989E-2</c:v>
                </c:pt>
                <c:pt idx="4199">
                  <c:v>6.3099999999999989E-2</c:v>
                </c:pt>
                <c:pt idx="4200">
                  <c:v>6.3099999999999989E-2</c:v>
                </c:pt>
                <c:pt idx="4201">
                  <c:v>6.3099999999999989E-2</c:v>
                </c:pt>
                <c:pt idx="4202">
                  <c:v>6.3099999999999989E-2</c:v>
                </c:pt>
                <c:pt idx="4203">
                  <c:v>6.3099999999999989E-2</c:v>
                </c:pt>
                <c:pt idx="4204">
                  <c:v>6.3099999999999989E-2</c:v>
                </c:pt>
                <c:pt idx="4205">
                  <c:v>6.5599999999999992E-2</c:v>
                </c:pt>
                <c:pt idx="4206">
                  <c:v>6.5599999999999992E-2</c:v>
                </c:pt>
                <c:pt idx="4207">
                  <c:v>6.5599999999999992E-2</c:v>
                </c:pt>
                <c:pt idx="4208">
                  <c:v>6.5599999999999992E-2</c:v>
                </c:pt>
                <c:pt idx="4209">
                  <c:v>6.5599999999999992E-2</c:v>
                </c:pt>
                <c:pt idx="4210">
                  <c:v>6.5599999999999992E-2</c:v>
                </c:pt>
                <c:pt idx="4211">
                  <c:v>6.5599999999999992E-2</c:v>
                </c:pt>
                <c:pt idx="4212">
                  <c:v>6.5599999999999992E-2</c:v>
                </c:pt>
                <c:pt idx="4213">
                  <c:v>6.5599999999999992E-2</c:v>
                </c:pt>
                <c:pt idx="4214">
                  <c:v>6.5599999999999992E-2</c:v>
                </c:pt>
                <c:pt idx="4215">
                  <c:v>6.5599999999999992E-2</c:v>
                </c:pt>
                <c:pt idx="4216">
                  <c:v>6.5599999999999992E-2</c:v>
                </c:pt>
                <c:pt idx="4217">
                  <c:v>6.5599999999999992E-2</c:v>
                </c:pt>
                <c:pt idx="4218">
                  <c:v>6.5599999999999992E-2</c:v>
                </c:pt>
                <c:pt idx="4219">
                  <c:v>6.5599999999999992E-2</c:v>
                </c:pt>
                <c:pt idx="4220">
                  <c:v>6.5599999999999992E-2</c:v>
                </c:pt>
                <c:pt idx="4221">
                  <c:v>6.5599999999999992E-2</c:v>
                </c:pt>
                <c:pt idx="4222">
                  <c:v>6.5599999999999992E-2</c:v>
                </c:pt>
                <c:pt idx="4223">
                  <c:v>6.5599999999999992E-2</c:v>
                </c:pt>
                <c:pt idx="4224">
                  <c:v>6.5599999999999992E-2</c:v>
                </c:pt>
                <c:pt idx="4225">
                  <c:v>6.5599999999999992E-2</c:v>
                </c:pt>
                <c:pt idx="4226">
                  <c:v>6.5599999999999992E-2</c:v>
                </c:pt>
                <c:pt idx="4227">
                  <c:v>6.5599999999999992E-2</c:v>
                </c:pt>
                <c:pt idx="4228">
                  <c:v>6.5599999999999992E-2</c:v>
                </c:pt>
                <c:pt idx="4229">
                  <c:v>6.5599999999999992E-2</c:v>
                </c:pt>
                <c:pt idx="4230">
                  <c:v>6.5599999999999992E-2</c:v>
                </c:pt>
                <c:pt idx="4231">
                  <c:v>6.5599999999999992E-2</c:v>
                </c:pt>
                <c:pt idx="4232">
                  <c:v>6.5599999999999992E-2</c:v>
                </c:pt>
                <c:pt idx="4233">
                  <c:v>6.5599999999999992E-2</c:v>
                </c:pt>
                <c:pt idx="4234">
                  <c:v>6.5599999999999992E-2</c:v>
                </c:pt>
                <c:pt idx="4235">
                  <c:v>6.5599999999999992E-2</c:v>
                </c:pt>
                <c:pt idx="4236">
                  <c:v>6.5599999999999992E-2</c:v>
                </c:pt>
                <c:pt idx="4237">
                  <c:v>6.5599999999999992E-2</c:v>
                </c:pt>
                <c:pt idx="4238">
                  <c:v>6.5599999999999992E-2</c:v>
                </c:pt>
                <c:pt idx="4239">
                  <c:v>6.5599999999999992E-2</c:v>
                </c:pt>
                <c:pt idx="4240">
                  <c:v>6.5599999999999992E-2</c:v>
                </c:pt>
                <c:pt idx="4241">
                  <c:v>6.5599999999999992E-2</c:v>
                </c:pt>
                <c:pt idx="4242">
                  <c:v>6.5599999999999992E-2</c:v>
                </c:pt>
                <c:pt idx="4243">
                  <c:v>6.5599999999999992E-2</c:v>
                </c:pt>
                <c:pt idx="4244">
                  <c:v>6.5599999999999992E-2</c:v>
                </c:pt>
                <c:pt idx="4245">
                  <c:v>6.5599999999999992E-2</c:v>
                </c:pt>
                <c:pt idx="4246">
                  <c:v>6.5599999999999992E-2</c:v>
                </c:pt>
                <c:pt idx="4247">
                  <c:v>6.5599999999999992E-2</c:v>
                </c:pt>
                <c:pt idx="4248">
                  <c:v>6.5599999999999992E-2</c:v>
                </c:pt>
                <c:pt idx="4249">
                  <c:v>6.5599999999999992E-2</c:v>
                </c:pt>
                <c:pt idx="4250">
                  <c:v>6.5599999999999992E-2</c:v>
                </c:pt>
                <c:pt idx="4251">
                  <c:v>6.5599999999999992E-2</c:v>
                </c:pt>
                <c:pt idx="4252">
                  <c:v>6.5599999999999992E-2</c:v>
                </c:pt>
                <c:pt idx="4253">
                  <c:v>6.5599999999999992E-2</c:v>
                </c:pt>
                <c:pt idx="4254">
                  <c:v>6.5599999999999992E-2</c:v>
                </c:pt>
                <c:pt idx="4255">
                  <c:v>6.5599999999999992E-2</c:v>
                </c:pt>
                <c:pt idx="4256">
                  <c:v>6.5599999999999992E-2</c:v>
                </c:pt>
                <c:pt idx="4257">
                  <c:v>6.5599999999999992E-2</c:v>
                </c:pt>
                <c:pt idx="4258">
                  <c:v>6.5599999999999992E-2</c:v>
                </c:pt>
                <c:pt idx="4259">
                  <c:v>6.5599999999999992E-2</c:v>
                </c:pt>
                <c:pt idx="4260">
                  <c:v>6.5599999999999992E-2</c:v>
                </c:pt>
                <c:pt idx="4261">
                  <c:v>6.5599999999999992E-2</c:v>
                </c:pt>
                <c:pt idx="4262">
                  <c:v>6.5599999999999992E-2</c:v>
                </c:pt>
                <c:pt idx="4263">
                  <c:v>6.5599999999999992E-2</c:v>
                </c:pt>
                <c:pt idx="4264">
                  <c:v>6.5599999999999992E-2</c:v>
                </c:pt>
                <c:pt idx="4265">
                  <c:v>6.5599999999999992E-2</c:v>
                </c:pt>
                <c:pt idx="4266">
                  <c:v>6.5599999999999992E-2</c:v>
                </c:pt>
                <c:pt idx="4267">
                  <c:v>6.5599999999999992E-2</c:v>
                </c:pt>
                <c:pt idx="4268">
                  <c:v>6.5599999999999992E-2</c:v>
                </c:pt>
                <c:pt idx="4269">
                  <c:v>6.5599999999999992E-2</c:v>
                </c:pt>
                <c:pt idx="4270">
                  <c:v>6.5599999999999992E-2</c:v>
                </c:pt>
                <c:pt idx="4271">
                  <c:v>6.5599999999999992E-2</c:v>
                </c:pt>
                <c:pt idx="4272">
                  <c:v>6.5599999999999992E-2</c:v>
                </c:pt>
                <c:pt idx="4273">
                  <c:v>6.5599999999999992E-2</c:v>
                </c:pt>
                <c:pt idx="4274">
                  <c:v>6.5599999999999992E-2</c:v>
                </c:pt>
                <c:pt idx="4275">
                  <c:v>6.5599999999999992E-2</c:v>
                </c:pt>
                <c:pt idx="4276">
                  <c:v>6.5599999999999992E-2</c:v>
                </c:pt>
                <c:pt idx="4277">
                  <c:v>6.5599999999999992E-2</c:v>
                </c:pt>
                <c:pt idx="4278">
                  <c:v>6.5599999999999992E-2</c:v>
                </c:pt>
                <c:pt idx="4279">
                  <c:v>6.5599999999999992E-2</c:v>
                </c:pt>
                <c:pt idx="4280">
                  <c:v>6.5599999999999992E-2</c:v>
                </c:pt>
                <c:pt idx="4281">
                  <c:v>6.5599999999999992E-2</c:v>
                </c:pt>
                <c:pt idx="4282">
                  <c:v>6.5599999999999992E-2</c:v>
                </c:pt>
                <c:pt idx="4283">
                  <c:v>6.5599999999999992E-2</c:v>
                </c:pt>
                <c:pt idx="4284">
                  <c:v>6.5599999999999992E-2</c:v>
                </c:pt>
                <c:pt idx="4285">
                  <c:v>6.5599999999999992E-2</c:v>
                </c:pt>
                <c:pt idx="4286">
                  <c:v>6.5599999999999992E-2</c:v>
                </c:pt>
                <c:pt idx="4287">
                  <c:v>6.5599999999999992E-2</c:v>
                </c:pt>
                <c:pt idx="4288">
                  <c:v>6.5599999999999992E-2</c:v>
                </c:pt>
                <c:pt idx="4289">
                  <c:v>6.5599999999999992E-2</c:v>
                </c:pt>
                <c:pt idx="4290">
                  <c:v>6.5599999999999992E-2</c:v>
                </c:pt>
                <c:pt idx="4291">
                  <c:v>6.5599999999999992E-2</c:v>
                </c:pt>
                <c:pt idx="4292">
                  <c:v>6.5599999999999992E-2</c:v>
                </c:pt>
                <c:pt idx="4293">
                  <c:v>6.5599999999999992E-2</c:v>
                </c:pt>
                <c:pt idx="4294">
                  <c:v>6.5599999999999992E-2</c:v>
                </c:pt>
                <c:pt idx="4295">
                  <c:v>6.5599999999999992E-2</c:v>
                </c:pt>
                <c:pt idx="4296">
                  <c:v>6.5599999999999992E-2</c:v>
                </c:pt>
                <c:pt idx="4297">
                  <c:v>6.5599999999999992E-2</c:v>
                </c:pt>
                <c:pt idx="4298">
                  <c:v>6.5599999999999992E-2</c:v>
                </c:pt>
                <c:pt idx="4299">
                  <c:v>6.5599999999999992E-2</c:v>
                </c:pt>
                <c:pt idx="4300">
                  <c:v>6.5599999999999992E-2</c:v>
                </c:pt>
                <c:pt idx="4301">
                  <c:v>6.5599999999999992E-2</c:v>
                </c:pt>
                <c:pt idx="4302">
                  <c:v>6.5599999999999992E-2</c:v>
                </c:pt>
                <c:pt idx="4303">
                  <c:v>6.5599999999999992E-2</c:v>
                </c:pt>
                <c:pt idx="4304">
                  <c:v>6.5599999999999992E-2</c:v>
                </c:pt>
                <c:pt idx="4305">
                  <c:v>6.5599999999999992E-2</c:v>
                </c:pt>
                <c:pt idx="4306">
                  <c:v>6.5599999999999992E-2</c:v>
                </c:pt>
                <c:pt idx="4307">
                  <c:v>6.5599999999999992E-2</c:v>
                </c:pt>
                <c:pt idx="4308">
                  <c:v>6.5599999999999992E-2</c:v>
                </c:pt>
                <c:pt idx="4309">
                  <c:v>6.5599999999999992E-2</c:v>
                </c:pt>
                <c:pt idx="4310">
                  <c:v>6.5599999999999992E-2</c:v>
                </c:pt>
                <c:pt idx="4311">
                  <c:v>6.5599999999999992E-2</c:v>
                </c:pt>
                <c:pt idx="4312">
                  <c:v>6.5599999999999992E-2</c:v>
                </c:pt>
                <c:pt idx="4313">
                  <c:v>6.5599999999999992E-2</c:v>
                </c:pt>
                <c:pt idx="4314">
                  <c:v>6.5599999999999992E-2</c:v>
                </c:pt>
                <c:pt idx="4315">
                  <c:v>6.5599999999999992E-2</c:v>
                </c:pt>
                <c:pt idx="4316">
                  <c:v>6.5599999999999992E-2</c:v>
                </c:pt>
                <c:pt idx="4317">
                  <c:v>6.5599999999999992E-2</c:v>
                </c:pt>
                <c:pt idx="4318">
                  <c:v>6.5599999999999992E-2</c:v>
                </c:pt>
                <c:pt idx="4319">
                  <c:v>6.5599999999999992E-2</c:v>
                </c:pt>
                <c:pt idx="4320">
                  <c:v>6.5599999999999992E-2</c:v>
                </c:pt>
                <c:pt idx="4321">
                  <c:v>6.5599999999999992E-2</c:v>
                </c:pt>
                <c:pt idx="4322">
                  <c:v>6.5599999999999992E-2</c:v>
                </c:pt>
                <c:pt idx="4323">
                  <c:v>6.5599999999999992E-2</c:v>
                </c:pt>
                <c:pt idx="4324">
                  <c:v>6.5599999999999992E-2</c:v>
                </c:pt>
                <c:pt idx="4325">
                  <c:v>6.5599999999999992E-2</c:v>
                </c:pt>
                <c:pt idx="4326">
                  <c:v>6.5599999999999992E-2</c:v>
                </c:pt>
                <c:pt idx="4327">
                  <c:v>6.5599999999999992E-2</c:v>
                </c:pt>
                <c:pt idx="4328">
                  <c:v>6.5599999999999992E-2</c:v>
                </c:pt>
                <c:pt idx="4329">
                  <c:v>6.5599999999999992E-2</c:v>
                </c:pt>
                <c:pt idx="4330">
                  <c:v>6.5599999999999992E-2</c:v>
                </c:pt>
                <c:pt idx="4331">
                  <c:v>6.5599999999999992E-2</c:v>
                </c:pt>
                <c:pt idx="4332">
                  <c:v>6.5599999999999992E-2</c:v>
                </c:pt>
                <c:pt idx="4333">
                  <c:v>6.5599999999999992E-2</c:v>
                </c:pt>
                <c:pt idx="4334">
                  <c:v>6.5599999999999992E-2</c:v>
                </c:pt>
                <c:pt idx="4335">
                  <c:v>6.5599999999999992E-2</c:v>
                </c:pt>
                <c:pt idx="4336">
                  <c:v>6.5599999999999992E-2</c:v>
                </c:pt>
                <c:pt idx="4337">
                  <c:v>6.5599999999999992E-2</c:v>
                </c:pt>
                <c:pt idx="4338">
                  <c:v>6.5599999999999992E-2</c:v>
                </c:pt>
                <c:pt idx="4339">
                  <c:v>6.5599999999999992E-2</c:v>
                </c:pt>
                <c:pt idx="4340">
                  <c:v>6.5599999999999992E-2</c:v>
                </c:pt>
                <c:pt idx="4341">
                  <c:v>6.5599999999999992E-2</c:v>
                </c:pt>
                <c:pt idx="4342">
                  <c:v>6.5599999999999992E-2</c:v>
                </c:pt>
                <c:pt idx="4343">
                  <c:v>6.5599999999999992E-2</c:v>
                </c:pt>
                <c:pt idx="4344">
                  <c:v>6.5599999999999992E-2</c:v>
                </c:pt>
                <c:pt idx="4345">
                  <c:v>6.5599999999999992E-2</c:v>
                </c:pt>
                <c:pt idx="4346">
                  <c:v>6.5599999999999992E-2</c:v>
                </c:pt>
                <c:pt idx="4347">
                  <c:v>6.5599999999999992E-2</c:v>
                </c:pt>
                <c:pt idx="4348">
                  <c:v>6.5599999999999992E-2</c:v>
                </c:pt>
                <c:pt idx="4349">
                  <c:v>6.5599999999999992E-2</c:v>
                </c:pt>
                <c:pt idx="4350">
                  <c:v>6.5599999999999992E-2</c:v>
                </c:pt>
                <c:pt idx="4351">
                  <c:v>6.5599999999999992E-2</c:v>
                </c:pt>
                <c:pt idx="4352">
                  <c:v>6.5599999999999992E-2</c:v>
                </c:pt>
                <c:pt idx="4353">
                  <c:v>6.5599999999999992E-2</c:v>
                </c:pt>
                <c:pt idx="4354">
                  <c:v>6.5599999999999992E-2</c:v>
                </c:pt>
                <c:pt idx="4355">
                  <c:v>6.5599999999999992E-2</c:v>
                </c:pt>
                <c:pt idx="4356">
                  <c:v>6.5599999999999992E-2</c:v>
                </c:pt>
                <c:pt idx="4357">
                  <c:v>6.5599999999999992E-2</c:v>
                </c:pt>
                <c:pt idx="4358">
                  <c:v>6.5599999999999992E-2</c:v>
                </c:pt>
                <c:pt idx="4359">
                  <c:v>6.5599999999999992E-2</c:v>
                </c:pt>
                <c:pt idx="4360">
                  <c:v>6.5599999999999992E-2</c:v>
                </c:pt>
                <c:pt idx="4361">
                  <c:v>6.5599999999999992E-2</c:v>
                </c:pt>
                <c:pt idx="4362">
                  <c:v>6.5599999999999992E-2</c:v>
                </c:pt>
                <c:pt idx="4363">
                  <c:v>6.5599999999999992E-2</c:v>
                </c:pt>
                <c:pt idx="4364">
                  <c:v>6.5599999999999992E-2</c:v>
                </c:pt>
                <c:pt idx="4365">
                  <c:v>6.5599999999999992E-2</c:v>
                </c:pt>
                <c:pt idx="4366">
                  <c:v>6.5599999999999992E-2</c:v>
                </c:pt>
                <c:pt idx="4367">
                  <c:v>6.5599999999999992E-2</c:v>
                </c:pt>
                <c:pt idx="4368">
                  <c:v>6.5599999999999992E-2</c:v>
                </c:pt>
                <c:pt idx="4369">
                  <c:v>6.5599999999999992E-2</c:v>
                </c:pt>
                <c:pt idx="4370">
                  <c:v>6.5599999999999992E-2</c:v>
                </c:pt>
                <c:pt idx="4371">
                  <c:v>6.5599999999999992E-2</c:v>
                </c:pt>
                <c:pt idx="4372">
                  <c:v>6.5599999999999992E-2</c:v>
                </c:pt>
                <c:pt idx="4373">
                  <c:v>6.5599999999999992E-2</c:v>
                </c:pt>
                <c:pt idx="4374">
                  <c:v>6.5599999999999992E-2</c:v>
                </c:pt>
                <c:pt idx="4375">
                  <c:v>6.5599999999999992E-2</c:v>
                </c:pt>
                <c:pt idx="4376">
                  <c:v>6.5599999999999992E-2</c:v>
                </c:pt>
                <c:pt idx="4377">
                  <c:v>6.5599999999999992E-2</c:v>
                </c:pt>
                <c:pt idx="4378">
                  <c:v>6.5599999999999992E-2</c:v>
                </c:pt>
                <c:pt idx="4379">
                  <c:v>6.5599999999999992E-2</c:v>
                </c:pt>
                <c:pt idx="4380">
                  <c:v>6.5599999999999992E-2</c:v>
                </c:pt>
                <c:pt idx="4381">
                  <c:v>6.5599999999999992E-2</c:v>
                </c:pt>
                <c:pt idx="4382">
                  <c:v>6.5599999999999992E-2</c:v>
                </c:pt>
                <c:pt idx="4383">
                  <c:v>6.5599999999999992E-2</c:v>
                </c:pt>
                <c:pt idx="4384">
                  <c:v>6.5599999999999992E-2</c:v>
                </c:pt>
                <c:pt idx="4385">
                  <c:v>6.5599999999999992E-2</c:v>
                </c:pt>
                <c:pt idx="4386">
                  <c:v>6.5599999999999992E-2</c:v>
                </c:pt>
                <c:pt idx="4387">
                  <c:v>6.5599999999999992E-2</c:v>
                </c:pt>
                <c:pt idx="4388">
                  <c:v>6.5599999999999992E-2</c:v>
                </c:pt>
                <c:pt idx="4389">
                  <c:v>6.5599999999999992E-2</c:v>
                </c:pt>
                <c:pt idx="4390">
                  <c:v>6.5599999999999992E-2</c:v>
                </c:pt>
                <c:pt idx="4391">
                  <c:v>6.5599999999999992E-2</c:v>
                </c:pt>
                <c:pt idx="4392">
                  <c:v>6.5599999999999992E-2</c:v>
                </c:pt>
                <c:pt idx="4393">
                  <c:v>6.5599999999999992E-2</c:v>
                </c:pt>
                <c:pt idx="4394">
                  <c:v>6.5599999999999992E-2</c:v>
                </c:pt>
                <c:pt idx="4395">
                  <c:v>6.5599999999999992E-2</c:v>
                </c:pt>
                <c:pt idx="4396">
                  <c:v>6.5599999999999992E-2</c:v>
                </c:pt>
                <c:pt idx="4397">
                  <c:v>6.5599999999999992E-2</c:v>
                </c:pt>
                <c:pt idx="4398">
                  <c:v>6.5599999999999992E-2</c:v>
                </c:pt>
                <c:pt idx="4399">
                  <c:v>6.5599999999999992E-2</c:v>
                </c:pt>
                <c:pt idx="4400">
                  <c:v>6.5599999999999992E-2</c:v>
                </c:pt>
                <c:pt idx="4401">
                  <c:v>6.5599999999999992E-2</c:v>
                </c:pt>
                <c:pt idx="4402">
                  <c:v>6.5599999999999992E-2</c:v>
                </c:pt>
                <c:pt idx="4403">
                  <c:v>6.5599999999999992E-2</c:v>
                </c:pt>
                <c:pt idx="4404">
                  <c:v>6.5599999999999992E-2</c:v>
                </c:pt>
                <c:pt idx="4405">
                  <c:v>6.5599999999999992E-2</c:v>
                </c:pt>
                <c:pt idx="4406">
                  <c:v>6.5599999999999992E-2</c:v>
                </c:pt>
                <c:pt idx="4407">
                  <c:v>6.5599999999999992E-2</c:v>
                </c:pt>
                <c:pt idx="4408">
                  <c:v>6.5599999999999992E-2</c:v>
                </c:pt>
                <c:pt idx="4409">
                  <c:v>6.5599999999999992E-2</c:v>
                </c:pt>
                <c:pt idx="4410">
                  <c:v>6.5599999999999992E-2</c:v>
                </c:pt>
                <c:pt idx="4411">
                  <c:v>6.5599999999999992E-2</c:v>
                </c:pt>
                <c:pt idx="4412">
                  <c:v>6.5599999999999992E-2</c:v>
                </c:pt>
                <c:pt idx="4413">
                  <c:v>6.5599999999999992E-2</c:v>
                </c:pt>
                <c:pt idx="4414">
                  <c:v>6.5599999999999992E-2</c:v>
                </c:pt>
                <c:pt idx="4415">
                  <c:v>6.5599999999999992E-2</c:v>
                </c:pt>
                <c:pt idx="4416">
                  <c:v>6.5599999999999992E-2</c:v>
                </c:pt>
                <c:pt idx="4417">
                  <c:v>6.5599999999999992E-2</c:v>
                </c:pt>
                <c:pt idx="4418">
                  <c:v>6.5599999999999992E-2</c:v>
                </c:pt>
                <c:pt idx="4419">
                  <c:v>6.5599999999999992E-2</c:v>
                </c:pt>
                <c:pt idx="4420">
                  <c:v>6.5599999999999992E-2</c:v>
                </c:pt>
                <c:pt idx="4421">
                  <c:v>6.5599999999999992E-2</c:v>
                </c:pt>
                <c:pt idx="4422">
                  <c:v>6.5599999999999992E-2</c:v>
                </c:pt>
                <c:pt idx="4423">
                  <c:v>6.5599999999999992E-2</c:v>
                </c:pt>
                <c:pt idx="4424">
                  <c:v>6.5599999999999992E-2</c:v>
                </c:pt>
                <c:pt idx="4425">
                  <c:v>6.5599999999999992E-2</c:v>
                </c:pt>
                <c:pt idx="4426">
                  <c:v>6.5599999999999992E-2</c:v>
                </c:pt>
                <c:pt idx="4427">
                  <c:v>6.5599999999999992E-2</c:v>
                </c:pt>
                <c:pt idx="4428">
                  <c:v>6.5599999999999992E-2</c:v>
                </c:pt>
                <c:pt idx="4429">
                  <c:v>6.5599999999999992E-2</c:v>
                </c:pt>
                <c:pt idx="4430">
                  <c:v>6.5599999999999992E-2</c:v>
                </c:pt>
                <c:pt idx="4431">
                  <c:v>6.5599999999999992E-2</c:v>
                </c:pt>
                <c:pt idx="4432">
                  <c:v>6.5599999999999992E-2</c:v>
                </c:pt>
                <c:pt idx="4433">
                  <c:v>6.5599999999999992E-2</c:v>
                </c:pt>
                <c:pt idx="4434">
                  <c:v>6.5599999999999992E-2</c:v>
                </c:pt>
                <c:pt idx="4435">
                  <c:v>6.5599999999999992E-2</c:v>
                </c:pt>
                <c:pt idx="4436">
                  <c:v>6.5599999999999992E-2</c:v>
                </c:pt>
                <c:pt idx="4437">
                  <c:v>6.5599999999999992E-2</c:v>
                </c:pt>
                <c:pt idx="4438">
                  <c:v>6.5599999999999992E-2</c:v>
                </c:pt>
                <c:pt idx="4439">
                  <c:v>6.5599999999999992E-2</c:v>
                </c:pt>
                <c:pt idx="4440">
                  <c:v>6.5599999999999992E-2</c:v>
                </c:pt>
                <c:pt idx="4441">
                  <c:v>6.5599999999999992E-2</c:v>
                </c:pt>
                <c:pt idx="4442">
                  <c:v>6.5599999999999992E-2</c:v>
                </c:pt>
                <c:pt idx="4443">
                  <c:v>6.5599999999999992E-2</c:v>
                </c:pt>
                <c:pt idx="4444">
                  <c:v>6.5599999999999992E-2</c:v>
                </c:pt>
                <c:pt idx="4445">
                  <c:v>6.5599999999999992E-2</c:v>
                </c:pt>
                <c:pt idx="4446">
                  <c:v>6.5599999999999992E-2</c:v>
                </c:pt>
                <c:pt idx="4447">
                  <c:v>6.5599999999999992E-2</c:v>
                </c:pt>
                <c:pt idx="4448">
                  <c:v>6.5599999999999992E-2</c:v>
                </c:pt>
                <c:pt idx="4449">
                  <c:v>6.5599999999999992E-2</c:v>
                </c:pt>
                <c:pt idx="4450">
                  <c:v>6.5599999999999992E-2</c:v>
                </c:pt>
                <c:pt idx="4451">
                  <c:v>6.5599999999999992E-2</c:v>
                </c:pt>
                <c:pt idx="4452">
                  <c:v>6.5599999999999992E-2</c:v>
                </c:pt>
                <c:pt idx="4453">
                  <c:v>6.5599999999999992E-2</c:v>
                </c:pt>
                <c:pt idx="4454">
                  <c:v>6.5599999999999992E-2</c:v>
                </c:pt>
                <c:pt idx="4455">
                  <c:v>6.5599999999999992E-2</c:v>
                </c:pt>
                <c:pt idx="4456">
                  <c:v>6.5599999999999992E-2</c:v>
                </c:pt>
                <c:pt idx="4457">
                  <c:v>6.5599999999999992E-2</c:v>
                </c:pt>
                <c:pt idx="4458">
                  <c:v>6.5599999999999992E-2</c:v>
                </c:pt>
                <c:pt idx="4459">
                  <c:v>6.5599999999999992E-2</c:v>
                </c:pt>
                <c:pt idx="4460">
                  <c:v>6.5599999999999992E-2</c:v>
                </c:pt>
                <c:pt idx="4461">
                  <c:v>6.5599999999999992E-2</c:v>
                </c:pt>
                <c:pt idx="4462">
                  <c:v>6.5599999999999992E-2</c:v>
                </c:pt>
                <c:pt idx="4463">
                  <c:v>6.5599999999999992E-2</c:v>
                </c:pt>
                <c:pt idx="4464">
                  <c:v>6.5599999999999992E-2</c:v>
                </c:pt>
                <c:pt idx="4465">
                  <c:v>6.5599999999999992E-2</c:v>
                </c:pt>
                <c:pt idx="4466">
                  <c:v>6.5599999999999992E-2</c:v>
                </c:pt>
                <c:pt idx="4467">
                  <c:v>6.5599999999999992E-2</c:v>
                </c:pt>
                <c:pt idx="4468">
                  <c:v>6.5599999999999992E-2</c:v>
                </c:pt>
                <c:pt idx="4469">
                  <c:v>6.5599999999999992E-2</c:v>
                </c:pt>
                <c:pt idx="4470">
                  <c:v>6.5599999999999992E-2</c:v>
                </c:pt>
                <c:pt idx="4471">
                  <c:v>6.5599999999999992E-2</c:v>
                </c:pt>
                <c:pt idx="4472">
                  <c:v>6.5599999999999992E-2</c:v>
                </c:pt>
                <c:pt idx="4473">
                  <c:v>6.5599999999999992E-2</c:v>
                </c:pt>
                <c:pt idx="4474">
                  <c:v>6.5599999999999992E-2</c:v>
                </c:pt>
                <c:pt idx="4475">
                  <c:v>6.5599999999999992E-2</c:v>
                </c:pt>
                <c:pt idx="4476">
                  <c:v>6.5599999999999992E-2</c:v>
                </c:pt>
                <c:pt idx="4477">
                  <c:v>6.5599999999999992E-2</c:v>
                </c:pt>
                <c:pt idx="4478">
                  <c:v>6.5599999999999992E-2</c:v>
                </c:pt>
                <c:pt idx="4479">
                  <c:v>6.5599999999999992E-2</c:v>
                </c:pt>
                <c:pt idx="4480">
                  <c:v>6.5599999999999992E-2</c:v>
                </c:pt>
                <c:pt idx="4481">
                  <c:v>6.5599999999999992E-2</c:v>
                </c:pt>
                <c:pt idx="4482">
                  <c:v>6.5599999999999992E-2</c:v>
                </c:pt>
                <c:pt idx="4483">
                  <c:v>6.5599999999999992E-2</c:v>
                </c:pt>
                <c:pt idx="4484">
                  <c:v>6.5599999999999992E-2</c:v>
                </c:pt>
                <c:pt idx="4485">
                  <c:v>6.5599999999999992E-2</c:v>
                </c:pt>
                <c:pt idx="4486">
                  <c:v>6.5599999999999992E-2</c:v>
                </c:pt>
                <c:pt idx="4487">
                  <c:v>6.5599999999999992E-2</c:v>
                </c:pt>
                <c:pt idx="4488">
                  <c:v>6.5599999999999992E-2</c:v>
                </c:pt>
                <c:pt idx="4489">
                  <c:v>6.5599999999999992E-2</c:v>
                </c:pt>
                <c:pt idx="4490">
                  <c:v>6.5599999999999992E-2</c:v>
                </c:pt>
                <c:pt idx="4491">
                  <c:v>6.5599999999999992E-2</c:v>
                </c:pt>
                <c:pt idx="4492">
                  <c:v>6.5599999999999992E-2</c:v>
                </c:pt>
                <c:pt idx="4493">
                  <c:v>6.5599999999999992E-2</c:v>
                </c:pt>
                <c:pt idx="4494">
                  <c:v>6.5599999999999992E-2</c:v>
                </c:pt>
                <c:pt idx="4495">
                  <c:v>6.5599999999999992E-2</c:v>
                </c:pt>
                <c:pt idx="4496">
                  <c:v>6.5599999999999992E-2</c:v>
                </c:pt>
                <c:pt idx="4497">
                  <c:v>6.5599999999999992E-2</c:v>
                </c:pt>
                <c:pt idx="4498">
                  <c:v>6.5599999999999992E-2</c:v>
                </c:pt>
                <c:pt idx="4499">
                  <c:v>6.5599999999999992E-2</c:v>
                </c:pt>
                <c:pt idx="4500">
                  <c:v>6.5599999999999992E-2</c:v>
                </c:pt>
                <c:pt idx="4501">
                  <c:v>6.5599999999999992E-2</c:v>
                </c:pt>
                <c:pt idx="4502">
                  <c:v>6.5599999999999992E-2</c:v>
                </c:pt>
                <c:pt idx="4503">
                  <c:v>6.5599999999999992E-2</c:v>
                </c:pt>
                <c:pt idx="4504">
                  <c:v>6.5599999999999992E-2</c:v>
                </c:pt>
                <c:pt idx="4505">
                  <c:v>6.5599999999999992E-2</c:v>
                </c:pt>
                <c:pt idx="4506">
                  <c:v>6.5599999999999992E-2</c:v>
                </c:pt>
                <c:pt idx="4507">
                  <c:v>6.5599999999999992E-2</c:v>
                </c:pt>
                <c:pt idx="4508">
                  <c:v>6.5599999999999992E-2</c:v>
                </c:pt>
                <c:pt idx="4509">
                  <c:v>6.5599999999999992E-2</c:v>
                </c:pt>
                <c:pt idx="4510">
                  <c:v>6.5599999999999992E-2</c:v>
                </c:pt>
                <c:pt idx="4511">
                  <c:v>6.5599999999999992E-2</c:v>
                </c:pt>
                <c:pt idx="4512">
                  <c:v>6.5599999999999992E-2</c:v>
                </c:pt>
                <c:pt idx="4513">
                  <c:v>6.5599999999999992E-2</c:v>
                </c:pt>
                <c:pt idx="4514">
                  <c:v>6.5599999999999992E-2</c:v>
                </c:pt>
                <c:pt idx="4515">
                  <c:v>6.5599999999999992E-2</c:v>
                </c:pt>
                <c:pt idx="4516">
                  <c:v>6.5599999999999992E-2</c:v>
                </c:pt>
                <c:pt idx="4517">
                  <c:v>6.5599999999999992E-2</c:v>
                </c:pt>
                <c:pt idx="4518">
                  <c:v>6.5599999999999992E-2</c:v>
                </c:pt>
                <c:pt idx="4519">
                  <c:v>6.5599999999999992E-2</c:v>
                </c:pt>
                <c:pt idx="4520">
                  <c:v>6.5599999999999992E-2</c:v>
                </c:pt>
                <c:pt idx="4521">
                  <c:v>6.5599999999999992E-2</c:v>
                </c:pt>
                <c:pt idx="4522">
                  <c:v>6.5599999999999992E-2</c:v>
                </c:pt>
                <c:pt idx="4523">
                  <c:v>6.5599999999999992E-2</c:v>
                </c:pt>
                <c:pt idx="4524">
                  <c:v>6.5599999999999992E-2</c:v>
                </c:pt>
                <c:pt idx="4525">
                  <c:v>6.5599999999999992E-2</c:v>
                </c:pt>
                <c:pt idx="4526">
                  <c:v>6.5599999999999992E-2</c:v>
                </c:pt>
                <c:pt idx="4527">
                  <c:v>6.5599999999999992E-2</c:v>
                </c:pt>
                <c:pt idx="4528">
                  <c:v>6.5599999999999992E-2</c:v>
                </c:pt>
                <c:pt idx="4529">
                  <c:v>6.5599999999999992E-2</c:v>
                </c:pt>
                <c:pt idx="4530">
                  <c:v>6.5599999999999992E-2</c:v>
                </c:pt>
                <c:pt idx="4531">
                  <c:v>6.5599999999999992E-2</c:v>
                </c:pt>
                <c:pt idx="4532">
                  <c:v>6.5599999999999992E-2</c:v>
                </c:pt>
                <c:pt idx="4533">
                  <c:v>6.5599999999999992E-2</c:v>
                </c:pt>
                <c:pt idx="4534">
                  <c:v>6.5599999999999992E-2</c:v>
                </c:pt>
                <c:pt idx="4535">
                  <c:v>6.5599999999999992E-2</c:v>
                </c:pt>
                <c:pt idx="4536">
                  <c:v>6.5599999999999992E-2</c:v>
                </c:pt>
                <c:pt idx="4537">
                  <c:v>6.5599999999999992E-2</c:v>
                </c:pt>
                <c:pt idx="4538">
                  <c:v>6.5599999999999992E-2</c:v>
                </c:pt>
                <c:pt idx="4539">
                  <c:v>6.5599999999999992E-2</c:v>
                </c:pt>
                <c:pt idx="4540">
                  <c:v>6.5599999999999992E-2</c:v>
                </c:pt>
                <c:pt idx="4541">
                  <c:v>6.5599999999999992E-2</c:v>
                </c:pt>
                <c:pt idx="4542">
                  <c:v>6.3099999999999989E-2</c:v>
                </c:pt>
                <c:pt idx="4543">
                  <c:v>6.3099999999999989E-2</c:v>
                </c:pt>
                <c:pt idx="4544">
                  <c:v>6.3099999999999989E-2</c:v>
                </c:pt>
                <c:pt idx="4545">
                  <c:v>6.3099999999999989E-2</c:v>
                </c:pt>
                <c:pt idx="4546">
                  <c:v>6.3099999999999989E-2</c:v>
                </c:pt>
                <c:pt idx="4547">
                  <c:v>6.3099999999999989E-2</c:v>
                </c:pt>
                <c:pt idx="4548">
                  <c:v>6.3099999999999989E-2</c:v>
                </c:pt>
                <c:pt idx="4549">
                  <c:v>6.3099999999999989E-2</c:v>
                </c:pt>
                <c:pt idx="4550">
                  <c:v>6.3099999999999989E-2</c:v>
                </c:pt>
                <c:pt idx="4551">
                  <c:v>6.3099999999999989E-2</c:v>
                </c:pt>
                <c:pt idx="4552">
                  <c:v>6.3099999999999989E-2</c:v>
                </c:pt>
                <c:pt idx="4553">
                  <c:v>6.3099999999999989E-2</c:v>
                </c:pt>
                <c:pt idx="4554">
                  <c:v>6.3099999999999989E-2</c:v>
                </c:pt>
                <c:pt idx="4555">
                  <c:v>6.3099999999999989E-2</c:v>
                </c:pt>
                <c:pt idx="4556">
                  <c:v>6.3099999999999989E-2</c:v>
                </c:pt>
                <c:pt idx="4557">
                  <c:v>6.3099999999999989E-2</c:v>
                </c:pt>
                <c:pt idx="4558">
                  <c:v>6.3099999999999989E-2</c:v>
                </c:pt>
                <c:pt idx="4559">
                  <c:v>6.3099999999999989E-2</c:v>
                </c:pt>
                <c:pt idx="4560">
                  <c:v>6.3099999999999989E-2</c:v>
                </c:pt>
                <c:pt idx="4561">
                  <c:v>6.3099999999999989E-2</c:v>
                </c:pt>
                <c:pt idx="4562">
                  <c:v>6.3099999999999989E-2</c:v>
                </c:pt>
                <c:pt idx="4563">
                  <c:v>6.3099999999999989E-2</c:v>
                </c:pt>
                <c:pt idx="4564">
                  <c:v>6.3099999999999989E-2</c:v>
                </c:pt>
                <c:pt idx="4565">
                  <c:v>6.3099999999999989E-2</c:v>
                </c:pt>
                <c:pt idx="4566">
                  <c:v>6.3099999999999989E-2</c:v>
                </c:pt>
                <c:pt idx="4567">
                  <c:v>6.3099999999999989E-2</c:v>
                </c:pt>
                <c:pt idx="4568">
                  <c:v>6.3099999999999989E-2</c:v>
                </c:pt>
                <c:pt idx="4569">
                  <c:v>6.3099999999999989E-2</c:v>
                </c:pt>
                <c:pt idx="4570">
                  <c:v>0.06</c:v>
                </c:pt>
                <c:pt idx="4571">
                  <c:v>0.06</c:v>
                </c:pt>
                <c:pt idx="4572">
                  <c:v>0.06</c:v>
                </c:pt>
                <c:pt idx="4573">
                  <c:v>0.06</c:v>
                </c:pt>
                <c:pt idx="4574">
                  <c:v>0.06</c:v>
                </c:pt>
                <c:pt idx="4575">
                  <c:v>0.06</c:v>
                </c:pt>
                <c:pt idx="4576">
                  <c:v>0.06</c:v>
                </c:pt>
                <c:pt idx="4577">
                  <c:v>0.06</c:v>
                </c:pt>
                <c:pt idx="4578">
                  <c:v>0.06</c:v>
                </c:pt>
                <c:pt idx="4579">
                  <c:v>0.06</c:v>
                </c:pt>
                <c:pt idx="4580">
                  <c:v>0.06</c:v>
                </c:pt>
                <c:pt idx="4581">
                  <c:v>0.06</c:v>
                </c:pt>
                <c:pt idx="4582">
                  <c:v>0.06</c:v>
                </c:pt>
                <c:pt idx="4583">
                  <c:v>0.06</c:v>
                </c:pt>
                <c:pt idx="4584">
                  <c:v>0.06</c:v>
                </c:pt>
                <c:pt idx="4585">
                  <c:v>0.06</c:v>
                </c:pt>
                <c:pt idx="4586">
                  <c:v>0.06</c:v>
                </c:pt>
                <c:pt idx="4587">
                  <c:v>0.06</c:v>
                </c:pt>
                <c:pt idx="4588">
                  <c:v>0.06</c:v>
                </c:pt>
                <c:pt idx="4589">
                  <c:v>0.06</c:v>
                </c:pt>
                <c:pt idx="4590">
                  <c:v>0.06</c:v>
                </c:pt>
                <c:pt idx="4591">
                  <c:v>0.06</c:v>
                </c:pt>
                <c:pt idx="4592">
                  <c:v>0.06</c:v>
                </c:pt>
                <c:pt idx="4593">
                  <c:v>0.06</c:v>
                </c:pt>
                <c:pt idx="4594">
                  <c:v>0.06</c:v>
                </c:pt>
                <c:pt idx="4595">
                  <c:v>0.06</c:v>
                </c:pt>
                <c:pt idx="4596">
                  <c:v>0.06</c:v>
                </c:pt>
                <c:pt idx="4597">
                  <c:v>0.06</c:v>
                </c:pt>
                <c:pt idx="4598">
                  <c:v>0.06</c:v>
                </c:pt>
                <c:pt idx="4599">
                  <c:v>0.06</c:v>
                </c:pt>
                <c:pt idx="4600">
                  <c:v>0.06</c:v>
                </c:pt>
                <c:pt idx="4601">
                  <c:v>0.06</c:v>
                </c:pt>
                <c:pt idx="4602">
                  <c:v>0.06</c:v>
                </c:pt>
                <c:pt idx="4603">
                  <c:v>0.06</c:v>
                </c:pt>
                <c:pt idx="4604">
                  <c:v>0.06</c:v>
                </c:pt>
                <c:pt idx="4605">
                  <c:v>0.06</c:v>
                </c:pt>
                <c:pt idx="4606">
                  <c:v>0.06</c:v>
                </c:pt>
                <c:pt idx="4607">
                  <c:v>0.06</c:v>
                </c:pt>
                <c:pt idx="4608">
                  <c:v>0.06</c:v>
                </c:pt>
                <c:pt idx="4609">
                  <c:v>0.06</c:v>
                </c:pt>
                <c:pt idx="4610">
                  <c:v>0.06</c:v>
                </c:pt>
                <c:pt idx="4611">
                  <c:v>0.06</c:v>
                </c:pt>
                <c:pt idx="4612">
                  <c:v>0.06</c:v>
                </c:pt>
                <c:pt idx="4613">
                  <c:v>0.06</c:v>
                </c:pt>
                <c:pt idx="4614">
                  <c:v>0.06</c:v>
                </c:pt>
                <c:pt idx="4615">
                  <c:v>0.06</c:v>
                </c:pt>
                <c:pt idx="4616">
                  <c:v>0.06</c:v>
                </c:pt>
                <c:pt idx="4617">
                  <c:v>0.06</c:v>
                </c:pt>
                <c:pt idx="4618">
                  <c:v>0.06</c:v>
                </c:pt>
                <c:pt idx="4619">
                  <c:v>0.06</c:v>
                </c:pt>
                <c:pt idx="4620">
                  <c:v>0.06</c:v>
                </c:pt>
                <c:pt idx="4621">
                  <c:v>0.06</c:v>
                </c:pt>
                <c:pt idx="4622">
                  <c:v>0.06</c:v>
                </c:pt>
                <c:pt idx="4623">
                  <c:v>0.06</c:v>
                </c:pt>
                <c:pt idx="4624">
                  <c:v>0.06</c:v>
                </c:pt>
                <c:pt idx="4625">
                  <c:v>0.06</c:v>
                </c:pt>
                <c:pt idx="4626">
                  <c:v>0.06</c:v>
                </c:pt>
                <c:pt idx="4627">
                  <c:v>0.06</c:v>
                </c:pt>
                <c:pt idx="4628">
                  <c:v>0.06</c:v>
                </c:pt>
                <c:pt idx="4629">
                  <c:v>0.06</c:v>
                </c:pt>
                <c:pt idx="4630">
                  <c:v>0.06</c:v>
                </c:pt>
                <c:pt idx="4631">
                  <c:v>0.06</c:v>
                </c:pt>
                <c:pt idx="4632">
                  <c:v>0.06</c:v>
                </c:pt>
                <c:pt idx="4633">
                  <c:v>0.06</c:v>
                </c:pt>
                <c:pt idx="4634">
                  <c:v>0.06</c:v>
                </c:pt>
                <c:pt idx="4635">
                  <c:v>0.06</c:v>
                </c:pt>
                <c:pt idx="4636">
                  <c:v>0.06</c:v>
                </c:pt>
                <c:pt idx="4637">
                  <c:v>0.06</c:v>
                </c:pt>
                <c:pt idx="4638">
                  <c:v>0.06</c:v>
                </c:pt>
                <c:pt idx="4639">
                  <c:v>0.06</c:v>
                </c:pt>
                <c:pt idx="4640">
                  <c:v>0.06</c:v>
                </c:pt>
                <c:pt idx="4641">
                  <c:v>0.06</c:v>
                </c:pt>
                <c:pt idx="4642">
                  <c:v>0.06</c:v>
                </c:pt>
                <c:pt idx="4643">
                  <c:v>0.06</c:v>
                </c:pt>
                <c:pt idx="4644">
                  <c:v>0.06</c:v>
                </c:pt>
                <c:pt idx="4645">
                  <c:v>0.06</c:v>
                </c:pt>
                <c:pt idx="4646">
                  <c:v>0.06</c:v>
                </c:pt>
                <c:pt idx="4647">
                  <c:v>0.06</c:v>
                </c:pt>
                <c:pt idx="4648">
                  <c:v>0.06</c:v>
                </c:pt>
                <c:pt idx="4649">
                  <c:v>0.06</c:v>
                </c:pt>
                <c:pt idx="4650">
                  <c:v>0.06</c:v>
                </c:pt>
                <c:pt idx="4651">
                  <c:v>0.06</c:v>
                </c:pt>
                <c:pt idx="4652">
                  <c:v>0.06</c:v>
                </c:pt>
                <c:pt idx="4653">
                  <c:v>0.06</c:v>
                </c:pt>
                <c:pt idx="4654">
                  <c:v>0.06</c:v>
                </c:pt>
                <c:pt idx="4655">
                  <c:v>0.06</c:v>
                </c:pt>
                <c:pt idx="4656">
                  <c:v>0.06</c:v>
                </c:pt>
                <c:pt idx="4657">
                  <c:v>0.06</c:v>
                </c:pt>
                <c:pt idx="4658">
                  <c:v>0.06</c:v>
                </c:pt>
                <c:pt idx="4659">
                  <c:v>0.06</c:v>
                </c:pt>
                <c:pt idx="4660">
                  <c:v>0.06</c:v>
                </c:pt>
                <c:pt idx="4661">
                  <c:v>0.06</c:v>
                </c:pt>
                <c:pt idx="4662">
                  <c:v>0.06</c:v>
                </c:pt>
                <c:pt idx="4663">
                  <c:v>0.06</c:v>
                </c:pt>
                <c:pt idx="4664">
                  <c:v>0.06</c:v>
                </c:pt>
                <c:pt idx="4665">
                  <c:v>0.06</c:v>
                </c:pt>
                <c:pt idx="4666">
                  <c:v>0.06</c:v>
                </c:pt>
                <c:pt idx="4667">
                  <c:v>0.06</c:v>
                </c:pt>
                <c:pt idx="4668">
                  <c:v>0.06</c:v>
                </c:pt>
                <c:pt idx="4669">
                  <c:v>0.06</c:v>
                </c:pt>
                <c:pt idx="4670">
                  <c:v>0.06</c:v>
                </c:pt>
                <c:pt idx="4671">
                  <c:v>0.06</c:v>
                </c:pt>
                <c:pt idx="4672">
                  <c:v>0.06</c:v>
                </c:pt>
                <c:pt idx="4673">
                  <c:v>0.06</c:v>
                </c:pt>
                <c:pt idx="4674">
                  <c:v>0.06</c:v>
                </c:pt>
                <c:pt idx="4675">
                  <c:v>0.06</c:v>
                </c:pt>
                <c:pt idx="4676">
                  <c:v>0.06</c:v>
                </c:pt>
                <c:pt idx="4677">
                  <c:v>0.06</c:v>
                </c:pt>
                <c:pt idx="4678">
                  <c:v>0.06</c:v>
                </c:pt>
                <c:pt idx="4679">
                  <c:v>0.06</c:v>
                </c:pt>
                <c:pt idx="4680">
                  <c:v>0.06</c:v>
                </c:pt>
                <c:pt idx="4681">
                  <c:v>0.06</c:v>
                </c:pt>
                <c:pt idx="4682">
                  <c:v>0.06</c:v>
                </c:pt>
                <c:pt idx="4683">
                  <c:v>0.06</c:v>
                </c:pt>
                <c:pt idx="4684">
                  <c:v>0.06</c:v>
                </c:pt>
                <c:pt idx="4685">
                  <c:v>0.06</c:v>
                </c:pt>
                <c:pt idx="4686">
                  <c:v>0.06</c:v>
                </c:pt>
                <c:pt idx="4687">
                  <c:v>0.06</c:v>
                </c:pt>
                <c:pt idx="4688">
                  <c:v>0.06</c:v>
                </c:pt>
                <c:pt idx="4689">
                  <c:v>0.06</c:v>
                </c:pt>
                <c:pt idx="4690">
                  <c:v>0.06</c:v>
                </c:pt>
                <c:pt idx="4691">
                  <c:v>0.06</c:v>
                </c:pt>
                <c:pt idx="4692">
                  <c:v>0.06</c:v>
                </c:pt>
                <c:pt idx="4693">
                  <c:v>0.06</c:v>
                </c:pt>
                <c:pt idx="4694">
                  <c:v>0.06</c:v>
                </c:pt>
                <c:pt idx="4695">
                  <c:v>0.06</c:v>
                </c:pt>
                <c:pt idx="4696">
                  <c:v>0.06</c:v>
                </c:pt>
                <c:pt idx="4697">
                  <c:v>0.06</c:v>
                </c:pt>
                <c:pt idx="4698">
                  <c:v>0.06</c:v>
                </c:pt>
                <c:pt idx="4699">
                  <c:v>0.06</c:v>
                </c:pt>
                <c:pt idx="4700">
                  <c:v>0.06</c:v>
                </c:pt>
                <c:pt idx="4701">
                  <c:v>0.06</c:v>
                </c:pt>
                <c:pt idx="4702">
                  <c:v>0.06</c:v>
                </c:pt>
                <c:pt idx="4703">
                  <c:v>0.06</c:v>
                </c:pt>
                <c:pt idx="4704">
                  <c:v>0.06</c:v>
                </c:pt>
                <c:pt idx="4705">
                  <c:v>0.06</c:v>
                </c:pt>
                <c:pt idx="4706">
                  <c:v>0.06</c:v>
                </c:pt>
                <c:pt idx="4707">
                  <c:v>0.06</c:v>
                </c:pt>
                <c:pt idx="4708">
                  <c:v>0.06</c:v>
                </c:pt>
                <c:pt idx="4709">
                  <c:v>0.06</c:v>
                </c:pt>
                <c:pt idx="4710">
                  <c:v>0.06</c:v>
                </c:pt>
                <c:pt idx="4711">
                  <c:v>0.06</c:v>
                </c:pt>
                <c:pt idx="4712">
                  <c:v>0.06</c:v>
                </c:pt>
                <c:pt idx="4713">
                  <c:v>0.06</c:v>
                </c:pt>
                <c:pt idx="4714">
                  <c:v>0.06</c:v>
                </c:pt>
                <c:pt idx="4715">
                  <c:v>0.06</c:v>
                </c:pt>
                <c:pt idx="4716">
                  <c:v>0.06</c:v>
                </c:pt>
                <c:pt idx="4717">
                  <c:v>0.06</c:v>
                </c:pt>
                <c:pt idx="4718">
                  <c:v>0.06</c:v>
                </c:pt>
                <c:pt idx="4719">
                  <c:v>0.06</c:v>
                </c:pt>
                <c:pt idx="4720">
                  <c:v>0.06</c:v>
                </c:pt>
                <c:pt idx="4721">
                  <c:v>0.06</c:v>
                </c:pt>
                <c:pt idx="4722">
                  <c:v>0.06</c:v>
                </c:pt>
                <c:pt idx="4723">
                  <c:v>0.06</c:v>
                </c:pt>
                <c:pt idx="4724">
                  <c:v>0.06</c:v>
                </c:pt>
                <c:pt idx="4725">
                  <c:v>0.06</c:v>
                </c:pt>
                <c:pt idx="4726">
                  <c:v>0.06</c:v>
                </c:pt>
                <c:pt idx="4727">
                  <c:v>0.06</c:v>
                </c:pt>
                <c:pt idx="4728">
                  <c:v>0.06</c:v>
                </c:pt>
                <c:pt idx="4729">
                  <c:v>0.06</c:v>
                </c:pt>
                <c:pt idx="4730">
                  <c:v>0.06</c:v>
                </c:pt>
                <c:pt idx="4731">
                  <c:v>0.06</c:v>
                </c:pt>
                <c:pt idx="4732">
                  <c:v>0.06</c:v>
                </c:pt>
                <c:pt idx="4733">
                  <c:v>0.06</c:v>
                </c:pt>
                <c:pt idx="4734">
                  <c:v>0.06</c:v>
                </c:pt>
                <c:pt idx="4735">
                  <c:v>0.06</c:v>
                </c:pt>
                <c:pt idx="4736">
                  <c:v>0.06</c:v>
                </c:pt>
                <c:pt idx="4737">
                  <c:v>0.06</c:v>
                </c:pt>
                <c:pt idx="4738">
                  <c:v>0.06</c:v>
                </c:pt>
                <c:pt idx="4739">
                  <c:v>0.06</c:v>
                </c:pt>
                <c:pt idx="4740">
                  <c:v>0.06</c:v>
                </c:pt>
                <c:pt idx="4741">
                  <c:v>0.06</c:v>
                </c:pt>
                <c:pt idx="4742">
                  <c:v>0.06</c:v>
                </c:pt>
                <c:pt idx="4743">
                  <c:v>0.06</c:v>
                </c:pt>
                <c:pt idx="4744">
                  <c:v>0.06</c:v>
                </c:pt>
                <c:pt idx="4745">
                  <c:v>0.06</c:v>
                </c:pt>
                <c:pt idx="4746">
                  <c:v>0.06</c:v>
                </c:pt>
                <c:pt idx="4747">
                  <c:v>0.06</c:v>
                </c:pt>
                <c:pt idx="4748">
                  <c:v>0.06</c:v>
                </c:pt>
                <c:pt idx="4749">
                  <c:v>0.06</c:v>
                </c:pt>
                <c:pt idx="4750">
                  <c:v>0.06</c:v>
                </c:pt>
                <c:pt idx="4751">
                  <c:v>0.06</c:v>
                </c:pt>
                <c:pt idx="4752">
                  <c:v>0.06</c:v>
                </c:pt>
                <c:pt idx="4753">
                  <c:v>0.06</c:v>
                </c:pt>
                <c:pt idx="4754">
                  <c:v>0.06</c:v>
                </c:pt>
                <c:pt idx="4755">
                  <c:v>0.06</c:v>
                </c:pt>
                <c:pt idx="4756">
                  <c:v>0.06</c:v>
                </c:pt>
                <c:pt idx="4757">
                  <c:v>0.06</c:v>
                </c:pt>
                <c:pt idx="4758">
                  <c:v>0.06</c:v>
                </c:pt>
                <c:pt idx="4759">
                  <c:v>0.06</c:v>
                </c:pt>
                <c:pt idx="4760">
                  <c:v>0.06</c:v>
                </c:pt>
                <c:pt idx="4761">
                  <c:v>0.06</c:v>
                </c:pt>
                <c:pt idx="4762">
                  <c:v>0.06</c:v>
                </c:pt>
                <c:pt idx="4763">
                  <c:v>0.06</c:v>
                </c:pt>
                <c:pt idx="4764">
                  <c:v>0.06</c:v>
                </c:pt>
                <c:pt idx="4765">
                  <c:v>0.06</c:v>
                </c:pt>
                <c:pt idx="4766">
                  <c:v>0.06</c:v>
                </c:pt>
                <c:pt idx="4767">
                  <c:v>0.06</c:v>
                </c:pt>
                <c:pt idx="4768">
                  <c:v>0.06</c:v>
                </c:pt>
                <c:pt idx="4769">
                  <c:v>0.06</c:v>
                </c:pt>
                <c:pt idx="4770">
                  <c:v>0.06</c:v>
                </c:pt>
                <c:pt idx="4771">
                  <c:v>0.06</c:v>
                </c:pt>
                <c:pt idx="4772">
                  <c:v>0.06</c:v>
                </c:pt>
                <c:pt idx="4773">
                  <c:v>0.06</c:v>
                </c:pt>
                <c:pt idx="4774">
                  <c:v>0.06</c:v>
                </c:pt>
                <c:pt idx="4775">
                  <c:v>0.06</c:v>
                </c:pt>
                <c:pt idx="4776">
                  <c:v>0.06</c:v>
                </c:pt>
                <c:pt idx="4777">
                  <c:v>0.06</c:v>
                </c:pt>
                <c:pt idx="4778">
                  <c:v>0.06</c:v>
                </c:pt>
                <c:pt idx="4779">
                  <c:v>0.06</c:v>
                </c:pt>
                <c:pt idx="4780">
                  <c:v>0.06</c:v>
                </c:pt>
                <c:pt idx="4781">
                  <c:v>0.06</c:v>
                </c:pt>
                <c:pt idx="4782">
                  <c:v>0.06</c:v>
                </c:pt>
                <c:pt idx="4783">
                  <c:v>0.06</c:v>
                </c:pt>
                <c:pt idx="4784">
                  <c:v>0.06</c:v>
                </c:pt>
                <c:pt idx="4785">
                  <c:v>0.06</c:v>
                </c:pt>
                <c:pt idx="4786">
                  <c:v>0.06</c:v>
                </c:pt>
                <c:pt idx="4787">
                  <c:v>0.06</c:v>
                </c:pt>
                <c:pt idx="4788">
                  <c:v>0.06</c:v>
                </c:pt>
                <c:pt idx="4789">
                  <c:v>0.06</c:v>
                </c:pt>
                <c:pt idx="4790">
                  <c:v>0.06</c:v>
                </c:pt>
                <c:pt idx="4791">
                  <c:v>0.06</c:v>
                </c:pt>
                <c:pt idx="4792">
                  <c:v>0.06</c:v>
                </c:pt>
                <c:pt idx="4793">
                  <c:v>0.06</c:v>
                </c:pt>
                <c:pt idx="4794">
                  <c:v>0.06</c:v>
                </c:pt>
                <c:pt idx="4795">
                  <c:v>0.06</c:v>
                </c:pt>
                <c:pt idx="4796">
                  <c:v>0.06</c:v>
                </c:pt>
                <c:pt idx="4797">
                  <c:v>0.06</c:v>
                </c:pt>
                <c:pt idx="4798">
                  <c:v>0.06</c:v>
                </c:pt>
                <c:pt idx="4799">
                  <c:v>0.06</c:v>
                </c:pt>
                <c:pt idx="4800">
                  <c:v>0.06</c:v>
                </c:pt>
                <c:pt idx="4801">
                  <c:v>0.06</c:v>
                </c:pt>
                <c:pt idx="4802">
                  <c:v>0.06</c:v>
                </c:pt>
                <c:pt idx="4803">
                  <c:v>0.06</c:v>
                </c:pt>
                <c:pt idx="4804">
                  <c:v>0.06</c:v>
                </c:pt>
                <c:pt idx="4805">
                  <c:v>0.06</c:v>
                </c:pt>
                <c:pt idx="4806">
                  <c:v>0.06</c:v>
                </c:pt>
                <c:pt idx="4807">
                  <c:v>0.06</c:v>
                </c:pt>
                <c:pt idx="4808">
                  <c:v>0.06</c:v>
                </c:pt>
                <c:pt idx="4809">
                  <c:v>0.06</c:v>
                </c:pt>
                <c:pt idx="4810">
                  <c:v>0.06</c:v>
                </c:pt>
                <c:pt idx="4811">
                  <c:v>0.06</c:v>
                </c:pt>
                <c:pt idx="4812">
                  <c:v>0.06</c:v>
                </c:pt>
                <c:pt idx="4813">
                  <c:v>0.06</c:v>
                </c:pt>
                <c:pt idx="4814">
                  <c:v>0.06</c:v>
                </c:pt>
                <c:pt idx="4815">
                  <c:v>0.06</c:v>
                </c:pt>
                <c:pt idx="4816">
                  <c:v>0.06</c:v>
                </c:pt>
                <c:pt idx="4817">
                  <c:v>0.06</c:v>
                </c:pt>
                <c:pt idx="4818">
                  <c:v>0.06</c:v>
                </c:pt>
                <c:pt idx="4819">
                  <c:v>0.06</c:v>
                </c:pt>
                <c:pt idx="4820">
                  <c:v>0.06</c:v>
                </c:pt>
                <c:pt idx="4821">
                  <c:v>0.06</c:v>
                </c:pt>
                <c:pt idx="4822">
                  <c:v>0.06</c:v>
                </c:pt>
                <c:pt idx="4823">
                  <c:v>0.06</c:v>
                </c:pt>
                <c:pt idx="4824">
                  <c:v>0.06</c:v>
                </c:pt>
                <c:pt idx="4825">
                  <c:v>0.06</c:v>
                </c:pt>
                <c:pt idx="4826">
                  <c:v>0.06</c:v>
                </c:pt>
                <c:pt idx="4827">
                  <c:v>0.06</c:v>
                </c:pt>
                <c:pt idx="4828">
                  <c:v>0.06</c:v>
                </c:pt>
                <c:pt idx="4829">
                  <c:v>0.06</c:v>
                </c:pt>
                <c:pt idx="4830">
                  <c:v>0.06</c:v>
                </c:pt>
                <c:pt idx="4831">
                  <c:v>0.06</c:v>
                </c:pt>
                <c:pt idx="4832">
                  <c:v>0.06</c:v>
                </c:pt>
                <c:pt idx="4833">
                  <c:v>0.06</c:v>
                </c:pt>
                <c:pt idx="4834">
                  <c:v>0.06</c:v>
                </c:pt>
                <c:pt idx="4835">
                  <c:v>0.06</c:v>
                </c:pt>
                <c:pt idx="4836">
                  <c:v>0.06</c:v>
                </c:pt>
                <c:pt idx="4837">
                  <c:v>0.06</c:v>
                </c:pt>
                <c:pt idx="4838">
                  <c:v>0.06</c:v>
                </c:pt>
                <c:pt idx="4839">
                  <c:v>0.06</c:v>
                </c:pt>
                <c:pt idx="4840">
                  <c:v>0.06</c:v>
                </c:pt>
                <c:pt idx="4841">
                  <c:v>0.06</c:v>
                </c:pt>
                <c:pt idx="4842">
                  <c:v>0.06</c:v>
                </c:pt>
                <c:pt idx="4843">
                  <c:v>0.06</c:v>
                </c:pt>
                <c:pt idx="4844">
                  <c:v>0.06</c:v>
                </c:pt>
                <c:pt idx="4845">
                  <c:v>0.06</c:v>
                </c:pt>
                <c:pt idx="4846">
                  <c:v>0.06</c:v>
                </c:pt>
                <c:pt idx="4847">
                  <c:v>0.06</c:v>
                </c:pt>
                <c:pt idx="4848">
                  <c:v>0.06</c:v>
                </c:pt>
                <c:pt idx="4849">
                  <c:v>0.06</c:v>
                </c:pt>
                <c:pt idx="4850">
                  <c:v>0.06</c:v>
                </c:pt>
                <c:pt idx="4851">
                  <c:v>0.06</c:v>
                </c:pt>
                <c:pt idx="4852">
                  <c:v>0.06</c:v>
                </c:pt>
                <c:pt idx="4853">
                  <c:v>0.06</c:v>
                </c:pt>
                <c:pt idx="4854">
                  <c:v>0.06</c:v>
                </c:pt>
                <c:pt idx="4855">
                  <c:v>0.06</c:v>
                </c:pt>
                <c:pt idx="4856">
                  <c:v>0.06</c:v>
                </c:pt>
                <c:pt idx="4857">
                  <c:v>0.06</c:v>
                </c:pt>
                <c:pt idx="4858">
                  <c:v>0.06</c:v>
                </c:pt>
                <c:pt idx="4859">
                  <c:v>0.06</c:v>
                </c:pt>
                <c:pt idx="4860">
                  <c:v>0.06</c:v>
                </c:pt>
                <c:pt idx="4861">
                  <c:v>0.06</c:v>
                </c:pt>
                <c:pt idx="4862">
                  <c:v>0.06</c:v>
                </c:pt>
                <c:pt idx="4863">
                  <c:v>0.06</c:v>
                </c:pt>
                <c:pt idx="4864">
                  <c:v>0.06</c:v>
                </c:pt>
                <c:pt idx="4865">
                  <c:v>0.06</c:v>
                </c:pt>
                <c:pt idx="4866">
                  <c:v>0.06</c:v>
                </c:pt>
                <c:pt idx="4867">
                  <c:v>0.06</c:v>
                </c:pt>
                <c:pt idx="4868">
                  <c:v>0.06</c:v>
                </c:pt>
                <c:pt idx="4869">
                  <c:v>0.06</c:v>
                </c:pt>
                <c:pt idx="4870">
                  <c:v>0.06</c:v>
                </c:pt>
                <c:pt idx="4871">
                  <c:v>0.06</c:v>
                </c:pt>
                <c:pt idx="4872">
                  <c:v>0.06</c:v>
                </c:pt>
                <c:pt idx="4873">
                  <c:v>0.06</c:v>
                </c:pt>
                <c:pt idx="4874">
                  <c:v>0.06</c:v>
                </c:pt>
                <c:pt idx="4875">
                  <c:v>0.06</c:v>
                </c:pt>
                <c:pt idx="4876">
                  <c:v>0.06</c:v>
                </c:pt>
                <c:pt idx="4877">
                  <c:v>0.06</c:v>
                </c:pt>
                <c:pt idx="4878">
                  <c:v>0.06</c:v>
                </c:pt>
                <c:pt idx="4879">
                  <c:v>0.06</c:v>
                </c:pt>
                <c:pt idx="4880">
                  <c:v>0.06</c:v>
                </c:pt>
                <c:pt idx="4881">
                  <c:v>0.06</c:v>
                </c:pt>
                <c:pt idx="4882">
                  <c:v>0.06</c:v>
                </c:pt>
                <c:pt idx="4883">
                  <c:v>0.06</c:v>
                </c:pt>
                <c:pt idx="4884">
                  <c:v>0.06</c:v>
                </c:pt>
                <c:pt idx="4885">
                  <c:v>0.06</c:v>
                </c:pt>
                <c:pt idx="4886">
                  <c:v>0.06</c:v>
                </c:pt>
                <c:pt idx="4887">
                  <c:v>0.06</c:v>
                </c:pt>
                <c:pt idx="4888">
                  <c:v>0.06</c:v>
                </c:pt>
                <c:pt idx="4889">
                  <c:v>0.06</c:v>
                </c:pt>
                <c:pt idx="4890">
                  <c:v>0.06</c:v>
                </c:pt>
                <c:pt idx="4891">
                  <c:v>0.06</c:v>
                </c:pt>
                <c:pt idx="4892">
                  <c:v>0.06</c:v>
                </c:pt>
                <c:pt idx="4893">
                  <c:v>0.06</c:v>
                </c:pt>
                <c:pt idx="4894">
                  <c:v>0.06</c:v>
                </c:pt>
                <c:pt idx="4895">
                  <c:v>0.06</c:v>
                </c:pt>
                <c:pt idx="4896">
                  <c:v>0.06</c:v>
                </c:pt>
                <c:pt idx="4897">
                  <c:v>0.06</c:v>
                </c:pt>
                <c:pt idx="4898">
                  <c:v>0.06</c:v>
                </c:pt>
                <c:pt idx="4899">
                  <c:v>0.06</c:v>
                </c:pt>
                <c:pt idx="4900">
                  <c:v>0.06</c:v>
                </c:pt>
                <c:pt idx="4901">
                  <c:v>0.06</c:v>
                </c:pt>
                <c:pt idx="4902">
                  <c:v>0.06</c:v>
                </c:pt>
                <c:pt idx="4903">
                  <c:v>0.06</c:v>
                </c:pt>
                <c:pt idx="4904">
                  <c:v>0.06</c:v>
                </c:pt>
                <c:pt idx="4905">
                  <c:v>0.06</c:v>
                </c:pt>
                <c:pt idx="4906">
                  <c:v>0.06</c:v>
                </c:pt>
                <c:pt idx="4907">
                  <c:v>0.06</c:v>
                </c:pt>
                <c:pt idx="4908">
                  <c:v>0.06</c:v>
                </c:pt>
                <c:pt idx="4909">
                  <c:v>0.06</c:v>
                </c:pt>
                <c:pt idx="4910">
                  <c:v>0.06</c:v>
                </c:pt>
                <c:pt idx="4911">
                  <c:v>0.06</c:v>
                </c:pt>
                <c:pt idx="4912">
                  <c:v>0.06</c:v>
                </c:pt>
                <c:pt idx="4913">
                  <c:v>0.06</c:v>
                </c:pt>
                <c:pt idx="4914">
                  <c:v>0.06</c:v>
                </c:pt>
                <c:pt idx="4915">
                  <c:v>0.06</c:v>
                </c:pt>
                <c:pt idx="4916">
                  <c:v>0.06</c:v>
                </c:pt>
                <c:pt idx="4917">
                  <c:v>0.06</c:v>
                </c:pt>
                <c:pt idx="4918">
                  <c:v>0.06</c:v>
                </c:pt>
                <c:pt idx="4919">
                  <c:v>0.06</c:v>
                </c:pt>
                <c:pt idx="4920">
                  <c:v>0.06</c:v>
                </c:pt>
                <c:pt idx="4921">
                  <c:v>0.06</c:v>
                </c:pt>
                <c:pt idx="4922">
                  <c:v>0.06</c:v>
                </c:pt>
                <c:pt idx="4923">
                  <c:v>0.06</c:v>
                </c:pt>
                <c:pt idx="4924">
                  <c:v>0.06</c:v>
                </c:pt>
                <c:pt idx="4925">
                  <c:v>0.06</c:v>
                </c:pt>
                <c:pt idx="4926">
                  <c:v>0.06</c:v>
                </c:pt>
                <c:pt idx="4927">
                  <c:v>0.06</c:v>
                </c:pt>
                <c:pt idx="4928">
                  <c:v>0.06</c:v>
                </c:pt>
                <c:pt idx="4929">
                  <c:v>0.06</c:v>
                </c:pt>
                <c:pt idx="4930">
                  <c:v>0.06</c:v>
                </c:pt>
                <c:pt idx="4931">
                  <c:v>0.06</c:v>
                </c:pt>
                <c:pt idx="4932">
                  <c:v>0.06</c:v>
                </c:pt>
                <c:pt idx="4933">
                  <c:v>0.06</c:v>
                </c:pt>
                <c:pt idx="4934">
                  <c:v>0.06</c:v>
                </c:pt>
                <c:pt idx="4935">
                  <c:v>0.06</c:v>
                </c:pt>
                <c:pt idx="4936">
                  <c:v>0.06</c:v>
                </c:pt>
                <c:pt idx="4937">
                  <c:v>0.06</c:v>
                </c:pt>
                <c:pt idx="4938">
                  <c:v>0.06</c:v>
                </c:pt>
                <c:pt idx="4939">
                  <c:v>0.06</c:v>
                </c:pt>
                <c:pt idx="4940">
                  <c:v>0.06</c:v>
                </c:pt>
                <c:pt idx="4941">
                  <c:v>0.06</c:v>
                </c:pt>
                <c:pt idx="4942">
                  <c:v>0.06</c:v>
                </c:pt>
                <c:pt idx="4943">
                  <c:v>0.06</c:v>
                </c:pt>
                <c:pt idx="4944">
                  <c:v>0.06</c:v>
                </c:pt>
                <c:pt idx="4945">
                  <c:v>0.06</c:v>
                </c:pt>
                <c:pt idx="4946">
                  <c:v>0.06</c:v>
                </c:pt>
                <c:pt idx="4947">
                  <c:v>0.06</c:v>
                </c:pt>
                <c:pt idx="4948">
                  <c:v>0.06</c:v>
                </c:pt>
                <c:pt idx="4949">
                  <c:v>0.06</c:v>
                </c:pt>
                <c:pt idx="4950">
                  <c:v>0.06</c:v>
                </c:pt>
                <c:pt idx="4951">
                  <c:v>0.06</c:v>
                </c:pt>
                <c:pt idx="4952">
                  <c:v>0.06</c:v>
                </c:pt>
                <c:pt idx="4953">
                  <c:v>0.06</c:v>
                </c:pt>
                <c:pt idx="4954">
                  <c:v>0.06</c:v>
                </c:pt>
                <c:pt idx="4955">
                  <c:v>0.06</c:v>
                </c:pt>
                <c:pt idx="4956">
                  <c:v>0.06</c:v>
                </c:pt>
                <c:pt idx="4957">
                  <c:v>0.06</c:v>
                </c:pt>
                <c:pt idx="4958">
                  <c:v>0.06</c:v>
                </c:pt>
                <c:pt idx="4959">
                  <c:v>0.06</c:v>
                </c:pt>
                <c:pt idx="4960">
                  <c:v>0.06</c:v>
                </c:pt>
                <c:pt idx="4961">
                  <c:v>0.06</c:v>
                </c:pt>
                <c:pt idx="4962">
                  <c:v>0.06</c:v>
                </c:pt>
                <c:pt idx="4963">
                  <c:v>0.06</c:v>
                </c:pt>
                <c:pt idx="4964">
                  <c:v>0.06</c:v>
                </c:pt>
                <c:pt idx="4965">
                  <c:v>0.06</c:v>
                </c:pt>
                <c:pt idx="4966">
                  <c:v>0.06</c:v>
                </c:pt>
                <c:pt idx="4967">
                  <c:v>0.06</c:v>
                </c:pt>
                <c:pt idx="4968">
                  <c:v>0.06</c:v>
                </c:pt>
                <c:pt idx="4969">
                  <c:v>0.06</c:v>
                </c:pt>
                <c:pt idx="4970">
                  <c:v>0.06</c:v>
                </c:pt>
                <c:pt idx="4971">
                  <c:v>0.06</c:v>
                </c:pt>
                <c:pt idx="4972">
                  <c:v>0.06</c:v>
                </c:pt>
                <c:pt idx="4973">
                  <c:v>0.06</c:v>
                </c:pt>
                <c:pt idx="4974">
                  <c:v>0.06</c:v>
                </c:pt>
                <c:pt idx="4975">
                  <c:v>0.06</c:v>
                </c:pt>
                <c:pt idx="4976">
                  <c:v>0.06</c:v>
                </c:pt>
                <c:pt idx="4977">
                  <c:v>0.06</c:v>
                </c:pt>
                <c:pt idx="4978">
                  <c:v>0.06</c:v>
                </c:pt>
                <c:pt idx="4979">
                  <c:v>0.06</c:v>
                </c:pt>
                <c:pt idx="4980">
                  <c:v>0.06</c:v>
                </c:pt>
                <c:pt idx="4981">
                  <c:v>0.06</c:v>
                </c:pt>
                <c:pt idx="4982">
                  <c:v>0.06</c:v>
                </c:pt>
                <c:pt idx="4983">
                  <c:v>0.06</c:v>
                </c:pt>
                <c:pt idx="4984">
                  <c:v>0.06</c:v>
                </c:pt>
                <c:pt idx="4985">
                  <c:v>0.06</c:v>
                </c:pt>
                <c:pt idx="4986">
                  <c:v>0.06</c:v>
                </c:pt>
                <c:pt idx="4987">
                  <c:v>0.06</c:v>
                </c:pt>
                <c:pt idx="4988">
                  <c:v>0.06</c:v>
                </c:pt>
                <c:pt idx="4989">
                  <c:v>0.06</c:v>
                </c:pt>
                <c:pt idx="4990">
                  <c:v>0.06</c:v>
                </c:pt>
                <c:pt idx="4991">
                  <c:v>0.06</c:v>
                </c:pt>
                <c:pt idx="4992">
                  <c:v>0.06</c:v>
                </c:pt>
                <c:pt idx="4993">
                  <c:v>0.06</c:v>
                </c:pt>
                <c:pt idx="4994">
                  <c:v>0.06</c:v>
                </c:pt>
                <c:pt idx="4995">
                  <c:v>0.06</c:v>
                </c:pt>
                <c:pt idx="4996">
                  <c:v>0.06</c:v>
                </c:pt>
                <c:pt idx="4997">
                  <c:v>0.06</c:v>
                </c:pt>
                <c:pt idx="4998">
                  <c:v>0.06</c:v>
                </c:pt>
                <c:pt idx="4999">
                  <c:v>0.06</c:v>
                </c:pt>
                <c:pt idx="5000">
                  <c:v>0.06</c:v>
                </c:pt>
                <c:pt idx="5001">
                  <c:v>0.06</c:v>
                </c:pt>
                <c:pt idx="5002">
                  <c:v>0.06</c:v>
                </c:pt>
                <c:pt idx="5003">
                  <c:v>0.06</c:v>
                </c:pt>
                <c:pt idx="5004">
                  <c:v>0.06</c:v>
                </c:pt>
                <c:pt idx="5005">
                  <c:v>0.06</c:v>
                </c:pt>
                <c:pt idx="5006">
                  <c:v>0.06</c:v>
                </c:pt>
                <c:pt idx="5007">
                  <c:v>0.06</c:v>
                </c:pt>
                <c:pt idx="5008">
                  <c:v>0.06</c:v>
                </c:pt>
                <c:pt idx="5009">
                  <c:v>0.06</c:v>
                </c:pt>
                <c:pt idx="5010">
                  <c:v>0.06</c:v>
                </c:pt>
                <c:pt idx="5011">
                  <c:v>0.06</c:v>
                </c:pt>
                <c:pt idx="5012">
                  <c:v>0.06</c:v>
                </c:pt>
                <c:pt idx="5013">
                  <c:v>0.06</c:v>
                </c:pt>
                <c:pt idx="5014">
                  <c:v>0.06</c:v>
                </c:pt>
                <c:pt idx="5015">
                  <c:v>0.06</c:v>
                </c:pt>
                <c:pt idx="5016">
                  <c:v>0.06</c:v>
                </c:pt>
                <c:pt idx="5017">
                  <c:v>0.06</c:v>
                </c:pt>
                <c:pt idx="5018">
                  <c:v>0.06</c:v>
                </c:pt>
                <c:pt idx="5019">
                  <c:v>0.06</c:v>
                </c:pt>
                <c:pt idx="5020">
                  <c:v>0.06</c:v>
                </c:pt>
                <c:pt idx="5021">
                  <c:v>0.06</c:v>
                </c:pt>
                <c:pt idx="5022">
                  <c:v>0.06</c:v>
                </c:pt>
                <c:pt idx="5023">
                  <c:v>0.06</c:v>
                </c:pt>
                <c:pt idx="5024">
                  <c:v>0.06</c:v>
                </c:pt>
                <c:pt idx="5025">
                  <c:v>0.06</c:v>
                </c:pt>
                <c:pt idx="5026">
                  <c:v>0.06</c:v>
                </c:pt>
                <c:pt idx="5027">
                  <c:v>0.06</c:v>
                </c:pt>
                <c:pt idx="5028">
                  <c:v>0.06</c:v>
                </c:pt>
                <c:pt idx="5029">
                  <c:v>0.06</c:v>
                </c:pt>
                <c:pt idx="5030">
                  <c:v>0.06</c:v>
                </c:pt>
                <c:pt idx="5031">
                  <c:v>0.06</c:v>
                </c:pt>
                <c:pt idx="5032">
                  <c:v>0.06</c:v>
                </c:pt>
                <c:pt idx="5033">
                  <c:v>0.06</c:v>
                </c:pt>
                <c:pt idx="5034">
                  <c:v>0.06</c:v>
                </c:pt>
                <c:pt idx="5035">
                  <c:v>0.06</c:v>
                </c:pt>
                <c:pt idx="5036">
                  <c:v>0.06</c:v>
                </c:pt>
                <c:pt idx="5037">
                  <c:v>0.06</c:v>
                </c:pt>
                <c:pt idx="5038">
                  <c:v>0.06</c:v>
                </c:pt>
                <c:pt idx="5039">
                  <c:v>0.06</c:v>
                </c:pt>
                <c:pt idx="5040">
                  <c:v>0.06</c:v>
                </c:pt>
                <c:pt idx="5041">
                  <c:v>0.06</c:v>
                </c:pt>
                <c:pt idx="5042">
                  <c:v>0.06</c:v>
                </c:pt>
                <c:pt idx="5043">
                  <c:v>0.06</c:v>
                </c:pt>
                <c:pt idx="5044">
                  <c:v>0.06</c:v>
                </c:pt>
                <c:pt idx="5045">
                  <c:v>0.06</c:v>
                </c:pt>
                <c:pt idx="5046">
                  <c:v>0.06</c:v>
                </c:pt>
                <c:pt idx="5047">
                  <c:v>0.06</c:v>
                </c:pt>
                <c:pt idx="5048">
                  <c:v>0.06</c:v>
                </c:pt>
                <c:pt idx="5049">
                  <c:v>0.06</c:v>
                </c:pt>
                <c:pt idx="5050">
                  <c:v>0.06</c:v>
                </c:pt>
                <c:pt idx="5051">
                  <c:v>0.06</c:v>
                </c:pt>
                <c:pt idx="5052">
                  <c:v>0.06</c:v>
                </c:pt>
                <c:pt idx="5053">
                  <c:v>0.06</c:v>
                </c:pt>
                <c:pt idx="5054">
                  <c:v>0.06</c:v>
                </c:pt>
                <c:pt idx="5055">
                  <c:v>0.06</c:v>
                </c:pt>
                <c:pt idx="5056">
                  <c:v>0.06</c:v>
                </c:pt>
                <c:pt idx="5057">
                  <c:v>0.06</c:v>
                </c:pt>
                <c:pt idx="5058">
                  <c:v>0.06</c:v>
                </c:pt>
                <c:pt idx="5059">
                  <c:v>0.06</c:v>
                </c:pt>
                <c:pt idx="5060">
                  <c:v>0.06</c:v>
                </c:pt>
                <c:pt idx="5061">
                  <c:v>0.06</c:v>
                </c:pt>
                <c:pt idx="5062">
                  <c:v>0.06</c:v>
                </c:pt>
                <c:pt idx="5063">
                  <c:v>0.06</c:v>
                </c:pt>
                <c:pt idx="5064">
                  <c:v>0.06</c:v>
                </c:pt>
                <c:pt idx="5065">
                  <c:v>0.06</c:v>
                </c:pt>
                <c:pt idx="5066">
                  <c:v>0.06</c:v>
                </c:pt>
                <c:pt idx="5067">
                  <c:v>0.06</c:v>
                </c:pt>
                <c:pt idx="5068">
                  <c:v>0.06</c:v>
                </c:pt>
                <c:pt idx="5069">
                  <c:v>0.06</c:v>
                </c:pt>
                <c:pt idx="5070">
                  <c:v>0.06</c:v>
                </c:pt>
                <c:pt idx="5071">
                  <c:v>0.06</c:v>
                </c:pt>
                <c:pt idx="5072">
                  <c:v>0.06</c:v>
                </c:pt>
                <c:pt idx="5073">
                  <c:v>0.06</c:v>
                </c:pt>
                <c:pt idx="5074">
                  <c:v>0.06</c:v>
                </c:pt>
                <c:pt idx="5075">
                  <c:v>0.06</c:v>
                </c:pt>
                <c:pt idx="5076">
                  <c:v>0.06</c:v>
                </c:pt>
                <c:pt idx="5077">
                  <c:v>0.06</c:v>
                </c:pt>
                <c:pt idx="5078">
                  <c:v>0.06</c:v>
                </c:pt>
                <c:pt idx="5079">
                  <c:v>0.06</c:v>
                </c:pt>
                <c:pt idx="5080">
                  <c:v>0.06</c:v>
                </c:pt>
                <c:pt idx="5081">
                  <c:v>0.06</c:v>
                </c:pt>
                <c:pt idx="5082">
                  <c:v>0.06</c:v>
                </c:pt>
                <c:pt idx="5083">
                  <c:v>0.06</c:v>
                </c:pt>
                <c:pt idx="5084">
                  <c:v>0.06</c:v>
                </c:pt>
                <c:pt idx="5085">
                  <c:v>0.06</c:v>
                </c:pt>
                <c:pt idx="5086">
                  <c:v>0.06</c:v>
                </c:pt>
                <c:pt idx="5087">
                  <c:v>0.06</c:v>
                </c:pt>
                <c:pt idx="5088">
                  <c:v>0.06</c:v>
                </c:pt>
                <c:pt idx="5089">
                  <c:v>0.06</c:v>
                </c:pt>
                <c:pt idx="5090">
                  <c:v>0.06</c:v>
                </c:pt>
                <c:pt idx="5091">
                  <c:v>0.06</c:v>
                </c:pt>
                <c:pt idx="5092">
                  <c:v>0.06</c:v>
                </c:pt>
                <c:pt idx="5093">
                  <c:v>0.06</c:v>
                </c:pt>
                <c:pt idx="5094">
                  <c:v>0.06</c:v>
                </c:pt>
                <c:pt idx="5095">
                  <c:v>0.06</c:v>
                </c:pt>
                <c:pt idx="5096">
                  <c:v>0.06</c:v>
                </c:pt>
                <c:pt idx="5097">
                  <c:v>0.06</c:v>
                </c:pt>
                <c:pt idx="5098">
                  <c:v>0.06</c:v>
                </c:pt>
                <c:pt idx="5099">
                  <c:v>0.06</c:v>
                </c:pt>
                <c:pt idx="5100">
                  <c:v>0.06</c:v>
                </c:pt>
                <c:pt idx="5101">
                  <c:v>0.06</c:v>
                </c:pt>
                <c:pt idx="5102">
                  <c:v>0.06</c:v>
                </c:pt>
                <c:pt idx="5103">
                  <c:v>0.06</c:v>
                </c:pt>
                <c:pt idx="5104">
                  <c:v>0.06</c:v>
                </c:pt>
                <c:pt idx="5105">
                  <c:v>0.06</c:v>
                </c:pt>
                <c:pt idx="5106">
                  <c:v>0.06</c:v>
                </c:pt>
                <c:pt idx="5107">
                  <c:v>0.06</c:v>
                </c:pt>
                <c:pt idx="5108">
                  <c:v>0.06</c:v>
                </c:pt>
                <c:pt idx="5109">
                  <c:v>0.06</c:v>
                </c:pt>
                <c:pt idx="5110">
                  <c:v>0.06</c:v>
                </c:pt>
                <c:pt idx="5111">
                  <c:v>0.06</c:v>
                </c:pt>
                <c:pt idx="5112">
                  <c:v>0.06</c:v>
                </c:pt>
                <c:pt idx="5113">
                  <c:v>0.06</c:v>
                </c:pt>
                <c:pt idx="5114">
                  <c:v>0.06</c:v>
                </c:pt>
                <c:pt idx="5115">
                  <c:v>0.06</c:v>
                </c:pt>
                <c:pt idx="5116">
                  <c:v>0.06</c:v>
                </c:pt>
                <c:pt idx="5117">
                  <c:v>0.06</c:v>
                </c:pt>
                <c:pt idx="5118">
                  <c:v>0.06</c:v>
                </c:pt>
                <c:pt idx="5119">
                  <c:v>0.06</c:v>
                </c:pt>
                <c:pt idx="5120">
                  <c:v>0.06</c:v>
                </c:pt>
                <c:pt idx="5121">
                  <c:v>0.06</c:v>
                </c:pt>
                <c:pt idx="5122">
                  <c:v>0.06</c:v>
                </c:pt>
                <c:pt idx="5123">
                  <c:v>0.06</c:v>
                </c:pt>
                <c:pt idx="5124">
                  <c:v>0.06</c:v>
                </c:pt>
                <c:pt idx="5125">
                  <c:v>0.06</c:v>
                </c:pt>
                <c:pt idx="5126">
                  <c:v>0.06</c:v>
                </c:pt>
                <c:pt idx="5127">
                  <c:v>0.06</c:v>
                </c:pt>
                <c:pt idx="5128">
                  <c:v>0.06</c:v>
                </c:pt>
                <c:pt idx="5129">
                  <c:v>0.06</c:v>
                </c:pt>
                <c:pt idx="5130">
                  <c:v>0.06</c:v>
                </c:pt>
                <c:pt idx="5131">
                  <c:v>0.06</c:v>
                </c:pt>
                <c:pt idx="5132">
                  <c:v>0.06</c:v>
                </c:pt>
                <c:pt idx="5133">
                  <c:v>0.06</c:v>
                </c:pt>
                <c:pt idx="5134">
                  <c:v>0.06</c:v>
                </c:pt>
                <c:pt idx="5135">
                  <c:v>0.06</c:v>
                </c:pt>
                <c:pt idx="5136">
                  <c:v>0.06</c:v>
                </c:pt>
                <c:pt idx="5137">
                  <c:v>0.06</c:v>
                </c:pt>
                <c:pt idx="5138">
                  <c:v>0.06</c:v>
                </c:pt>
                <c:pt idx="5139">
                  <c:v>0.06</c:v>
                </c:pt>
                <c:pt idx="5140">
                  <c:v>0.06</c:v>
                </c:pt>
                <c:pt idx="5141">
                  <c:v>0.06</c:v>
                </c:pt>
                <c:pt idx="5142">
                  <c:v>0.06</c:v>
                </c:pt>
                <c:pt idx="5143">
                  <c:v>0.06</c:v>
                </c:pt>
                <c:pt idx="5144">
                  <c:v>0.06</c:v>
                </c:pt>
                <c:pt idx="5145">
                  <c:v>0.06</c:v>
                </c:pt>
                <c:pt idx="5146">
                  <c:v>0.06</c:v>
                </c:pt>
                <c:pt idx="5147">
                  <c:v>0.06</c:v>
                </c:pt>
                <c:pt idx="5148">
                  <c:v>0.06</c:v>
                </c:pt>
                <c:pt idx="5149">
                  <c:v>0.06</c:v>
                </c:pt>
                <c:pt idx="5150">
                  <c:v>0.06</c:v>
                </c:pt>
                <c:pt idx="5151">
                  <c:v>0.06</c:v>
                </c:pt>
                <c:pt idx="5152">
                  <c:v>0.06</c:v>
                </c:pt>
                <c:pt idx="5153">
                  <c:v>0.06</c:v>
                </c:pt>
                <c:pt idx="5154">
                  <c:v>0.06</c:v>
                </c:pt>
                <c:pt idx="5155">
                  <c:v>0.06</c:v>
                </c:pt>
                <c:pt idx="5156">
                  <c:v>0.06</c:v>
                </c:pt>
                <c:pt idx="5157">
                  <c:v>0.06</c:v>
                </c:pt>
                <c:pt idx="5158">
                  <c:v>0.06</c:v>
                </c:pt>
                <c:pt idx="5159">
                  <c:v>0.06</c:v>
                </c:pt>
                <c:pt idx="5160">
                  <c:v>0.06</c:v>
                </c:pt>
                <c:pt idx="5161">
                  <c:v>0.06</c:v>
                </c:pt>
                <c:pt idx="5162">
                  <c:v>0.06</c:v>
                </c:pt>
                <c:pt idx="5163">
                  <c:v>0.06</c:v>
                </c:pt>
                <c:pt idx="5164">
                  <c:v>0.06</c:v>
                </c:pt>
                <c:pt idx="5165">
                  <c:v>0.06</c:v>
                </c:pt>
                <c:pt idx="5166">
                  <c:v>0.06</c:v>
                </c:pt>
                <c:pt idx="5167">
                  <c:v>0.06</c:v>
                </c:pt>
                <c:pt idx="5168">
                  <c:v>0.06</c:v>
                </c:pt>
                <c:pt idx="5169">
                  <c:v>0.06</c:v>
                </c:pt>
                <c:pt idx="5170">
                  <c:v>0.06</c:v>
                </c:pt>
                <c:pt idx="5171">
                  <c:v>0.06</c:v>
                </c:pt>
                <c:pt idx="5172">
                  <c:v>0.06</c:v>
                </c:pt>
                <c:pt idx="5173">
                  <c:v>0.06</c:v>
                </c:pt>
                <c:pt idx="5174">
                  <c:v>0.06</c:v>
                </c:pt>
                <c:pt idx="5175">
                  <c:v>0.06</c:v>
                </c:pt>
                <c:pt idx="5176">
                  <c:v>0.06</c:v>
                </c:pt>
                <c:pt idx="5177">
                  <c:v>0.06</c:v>
                </c:pt>
                <c:pt idx="5178">
                  <c:v>0.06</c:v>
                </c:pt>
                <c:pt idx="5179">
                  <c:v>0.06</c:v>
                </c:pt>
                <c:pt idx="5180">
                  <c:v>0.06</c:v>
                </c:pt>
                <c:pt idx="5181">
                  <c:v>0.06</c:v>
                </c:pt>
                <c:pt idx="5182">
                  <c:v>0.06</c:v>
                </c:pt>
                <c:pt idx="5183">
                  <c:v>0.06</c:v>
                </c:pt>
                <c:pt idx="5184">
                  <c:v>0.06</c:v>
                </c:pt>
                <c:pt idx="5185">
                  <c:v>0.06</c:v>
                </c:pt>
                <c:pt idx="5186">
                  <c:v>0.06</c:v>
                </c:pt>
                <c:pt idx="5187">
                  <c:v>0.06</c:v>
                </c:pt>
                <c:pt idx="5188">
                  <c:v>0.06</c:v>
                </c:pt>
                <c:pt idx="5189">
                  <c:v>0.06</c:v>
                </c:pt>
                <c:pt idx="5190">
                  <c:v>0.06</c:v>
                </c:pt>
                <c:pt idx="5191">
                  <c:v>0.06</c:v>
                </c:pt>
                <c:pt idx="5192">
                  <c:v>0.06</c:v>
                </c:pt>
                <c:pt idx="5193">
                  <c:v>0.06</c:v>
                </c:pt>
                <c:pt idx="5194">
                  <c:v>0.06</c:v>
                </c:pt>
                <c:pt idx="5195">
                  <c:v>0.06</c:v>
                </c:pt>
                <c:pt idx="5196">
                  <c:v>0.06</c:v>
                </c:pt>
                <c:pt idx="5197">
                  <c:v>0.06</c:v>
                </c:pt>
                <c:pt idx="5198">
                  <c:v>0.06</c:v>
                </c:pt>
                <c:pt idx="5199">
                  <c:v>0.06</c:v>
                </c:pt>
                <c:pt idx="5200">
                  <c:v>0.06</c:v>
                </c:pt>
                <c:pt idx="5201">
                  <c:v>0.06</c:v>
                </c:pt>
                <c:pt idx="5202">
                  <c:v>0.06</c:v>
                </c:pt>
                <c:pt idx="5203">
                  <c:v>0.06</c:v>
                </c:pt>
                <c:pt idx="5204">
                  <c:v>0.06</c:v>
                </c:pt>
                <c:pt idx="5205">
                  <c:v>0.06</c:v>
                </c:pt>
                <c:pt idx="5206">
                  <c:v>0.06</c:v>
                </c:pt>
                <c:pt idx="5207">
                  <c:v>0.06</c:v>
                </c:pt>
                <c:pt idx="5208">
                  <c:v>0.06</c:v>
                </c:pt>
                <c:pt idx="5209">
                  <c:v>0.06</c:v>
                </c:pt>
                <c:pt idx="5210">
                  <c:v>0.06</c:v>
                </c:pt>
                <c:pt idx="5211">
                  <c:v>0.06</c:v>
                </c:pt>
                <c:pt idx="5212">
                  <c:v>0.06</c:v>
                </c:pt>
                <c:pt idx="5213">
                  <c:v>0.06</c:v>
                </c:pt>
                <c:pt idx="5214">
                  <c:v>0.06</c:v>
                </c:pt>
                <c:pt idx="5215">
                  <c:v>0.06</c:v>
                </c:pt>
                <c:pt idx="5216">
                  <c:v>0.06</c:v>
                </c:pt>
                <c:pt idx="5217">
                  <c:v>0.06</c:v>
                </c:pt>
                <c:pt idx="5218">
                  <c:v>0.06</c:v>
                </c:pt>
                <c:pt idx="5219">
                  <c:v>0.06</c:v>
                </c:pt>
                <c:pt idx="5220">
                  <c:v>0.06</c:v>
                </c:pt>
                <c:pt idx="5221">
                  <c:v>0.06</c:v>
                </c:pt>
                <c:pt idx="5222">
                  <c:v>0.06</c:v>
                </c:pt>
                <c:pt idx="5223">
                  <c:v>0.06</c:v>
                </c:pt>
                <c:pt idx="5224">
                  <c:v>0.06</c:v>
                </c:pt>
                <c:pt idx="5225">
                  <c:v>0.06</c:v>
                </c:pt>
                <c:pt idx="5226">
                  <c:v>0.06</c:v>
                </c:pt>
                <c:pt idx="5227">
                  <c:v>0.06</c:v>
                </c:pt>
                <c:pt idx="5228">
                  <c:v>0.06</c:v>
                </c:pt>
                <c:pt idx="5229">
                  <c:v>0.06</c:v>
                </c:pt>
                <c:pt idx="5230">
                  <c:v>0.06</c:v>
                </c:pt>
                <c:pt idx="5231">
                  <c:v>0.06</c:v>
                </c:pt>
                <c:pt idx="5232">
                  <c:v>0.06</c:v>
                </c:pt>
                <c:pt idx="5233">
                  <c:v>0.06</c:v>
                </c:pt>
                <c:pt idx="5234">
                  <c:v>0.06</c:v>
                </c:pt>
                <c:pt idx="5235">
                  <c:v>0.06</c:v>
                </c:pt>
                <c:pt idx="5236">
                  <c:v>0.06</c:v>
                </c:pt>
                <c:pt idx="5237">
                  <c:v>0.06</c:v>
                </c:pt>
                <c:pt idx="5238">
                  <c:v>0.06</c:v>
                </c:pt>
                <c:pt idx="5239">
                  <c:v>0.06</c:v>
                </c:pt>
                <c:pt idx="5240">
                  <c:v>0.06</c:v>
                </c:pt>
                <c:pt idx="5241">
                  <c:v>0.06</c:v>
                </c:pt>
                <c:pt idx="5242">
                  <c:v>0.06</c:v>
                </c:pt>
                <c:pt idx="5243">
                  <c:v>0.06</c:v>
                </c:pt>
                <c:pt idx="5244">
                  <c:v>0.06</c:v>
                </c:pt>
                <c:pt idx="5245">
                  <c:v>0.06</c:v>
                </c:pt>
                <c:pt idx="5246">
                  <c:v>0.06</c:v>
                </c:pt>
                <c:pt idx="5247">
                  <c:v>0.06</c:v>
                </c:pt>
                <c:pt idx="5248">
                  <c:v>0.06</c:v>
                </c:pt>
                <c:pt idx="5249">
                  <c:v>0.06</c:v>
                </c:pt>
                <c:pt idx="5250">
                  <c:v>0.06</c:v>
                </c:pt>
                <c:pt idx="5251">
                  <c:v>0.06</c:v>
                </c:pt>
                <c:pt idx="5252">
                  <c:v>0.06</c:v>
                </c:pt>
                <c:pt idx="5253">
                  <c:v>0.06</c:v>
                </c:pt>
                <c:pt idx="5254">
                  <c:v>0.06</c:v>
                </c:pt>
                <c:pt idx="5255">
                  <c:v>0.06</c:v>
                </c:pt>
                <c:pt idx="5256">
                  <c:v>0.06</c:v>
                </c:pt>
                <c:pt idx="5257">
                  <c:v>0.06</c:v>
                </c:pt>
                <c:pt idx="5258">
                  <c:v>0.06</c:v>
                </c:pt>
                <c:pt idx="5259">
                  <c:v>0.06</c:v>
                </c:pt>
                <c:pt idx="5260">
                  <c:v>0.06</c:v>
                </c:pt>
                <c:pt idx="5261">
                  <c:v>0.06</c:v>
                </c:pt>
                <c:pt idx="5262">
                  <c:v>0.06</c:v>
                </c:pt>
                <c:pt idx="5263">
                  <c:v>0.06</c:v>
                </c:pt>
                <c:pt idx="5264">
                  <c:v>0.06</c:v>
                </c:pt>
                <c:pt idx="5265">
                  <c:v>0.06</c:v>
                </c:pt>
                <c:pt idx="5266">
                  <c:v>0.06</c:v>
                </c:pt>
                <c:pt idx="5267">
                  <c:v>0.06</c:v>
                </c:pt>
                <c:pt idx="5268">
                  <c:v>0.06</c:v>
                </c:pt>
                <c:pt idx="5269">
                  <c:v>0.06</c:v>
                </c:pt>
                <c:pt idx="5270">
                  <c:v>0.06</c:v>
                </c:pt>
                <c:pt idx="5271">
                  <c:v>0.06</c:v>
                </c:pt>
                <c:pt idx="5272">
                  <c:v>0.06</c:v>
                </c:pt>
                <c:pt idx="5273">
                  <c:v>0.06</c:v>
                </c:pt>
                <c:pt idx="5274">
                  <c:v>0.06</c:v>
                </c:pt>
                <c:pt idx="5275">
                  <c:v>0.06</c:v>
                </c:pt>
                <c:pt idx="5276">
                  <c:v>0.06</c:v>
                </c:pt>
                <c:pt idx="5277">
                  <c:v>0.06</c:v>
                </c:pt>
                <c:pt idx="5278">
                  <c:v>0.06</c:v>
                </c:pt>
                <c:pt idx="5279">
                  <c:v>0.06</c:v>
                </c:pt>
                <c:pt idx="5280">
                  <c:v>0.06</c:v>
                </c:pt>
                <c:pt idx="5281">
                  <c:v>0.06</c:v>
                </c:pt>
                <c:pt idx="5282">
                  <c:v>0.06</c:v>
                </c:pt>
                <c:pt idx="5283">
                  <c:v>0.06</c:v>
                </c:pt>
                <c:pt idx="5284">
                  <c:v>0.06</c:v>
                </c:pt>
                <c:pt idx="5285">
                  <c:v>0.06</c:v>
                </c:pt>
                <c:pt idx="5286">
                  <c:v>0.06</c:v>
                </c:pt>
                <c:pt idx="5287">
                  <c:v>0.06</c:v>
                </c:pt>
                <c:pt idx="5288">
                  <c:v>0.06</c:v>
                </c:pt>
                <c:pt idx="5289">
                  <c:v>0.06</c:v>
                </c:pt>
                <c:pt idx="5290">
                  <c:v>0.06</c:v>
                </c:pt>
                <c:pt idx="5291">
                  <c:v>0.06</c:v>
                </c:pt>
                <c:pt idx="5292">
                  <c:v>0.06</c:v>
                </c:pt>
                <c:pt idx="5293">
                  <c:v>0.06</c:v>
                </c:pt>
                <c:pt idx="5294">
                  <c:v>0.06</c:v>
                </c:pt>
                <c:pt idx="5295">
                  <c:v>0.06</c:v>
                </c:pt>
                <c:pt idx="5296">
                  <c:v>0.06</c:v>
                </c:pt>
                <c:pt idx="5297">
                  <c:v>0.06</c:v>
                </c:pt>
                <c:pt idx="5298">
                  <c:v>0.06</c:v>
                </c:pt>
                <c:pt idx="5299">
                  <c:v>0.06</c:v>
                </c:pt>
                <c:pt idx="5300">
                  <c:v>0.06</c:v>
                </c:pt>
                <c:pt idx="5301">
                  <c:v>0.06</c:v>
                </c:pt>
                <c:pt idx="5302">
                  <c:v>0.06</c:v>
                </c:pt>
                <c:pt idx="5303">
                  <c:v>0.06</c:v>
                </c:pt>
                <c:pt idx="5304">
                  <c:v>0.06</c:v>
                </c:pt>
                <c:pt idx="5305">
                  <c:v>0.06</c:v>
                </c:pt>
                <c:pt idx="5306">
                  <c:v>0.06</c:v>
                </c:pt>
                <c:pt idx="5307">
                  <c:v>0.06</c:v>
                </c:pt>
                <c:pt idx="5308">
                  <c:v>0.06</c:v>
                </c:pt>
                <c:pt idx="5309">
                  <c:v>0.06</c:v>
                </c:pt>
                <c:pt idx="5310">
                  <c:v>0.06</c:v>
                </c:pt>
                <c:pt idx="5311">
                  <c:v>0.06</c:v>
                </c:pt>
                <c:pt idx="5312">
                  <c:v>0.06</c:v>
                </c:pt>
                <c:pt idx="5313">
                  <c:v>0.06</c:v>
                </c:pt>
                <c:pt idx="5314">
                  <c:v>0.06</c:v>
                </c:pt>
                <c:pt idx="5315">
                  <c:v>0.06</c:v>
                </c:pt>
                <c:pt idx="5316">
                  <c:v>0.06</c:v>
                </c:pt>
                <c:pt idx="5317">
                  <c:v>0.06</c:v>
                </c:pt>
                <c:pt idx="5318">
                  <c:v>0.06</c:v>
                </c:pt>
                <c:pt idx="5319">
                  <c:v>0.06</c:v>
                </c:pt>
                <c:pt idx="5320">
                  <c:v>0.06</c:v>
                </c:pt>
                <c:pt idx="5321">
                  <c:v>0.06</c:v>
                </c:pt>
                <c:pt idx="5322">
                  <c:v>0.06</c:v>
                </c:pt>
                <c:pt idx="5323">
                  <c:v>0.06</c:v>
                </c:pt>
                <c:pt idx="5324">
                  <c:v>0.06</c:v>
                </c:pt>
                <c:pt idx="5325">
                  <c:v>0.06</c:v>
                </c:pt>
                <c:pt idx="5326">
                  <c:v>0.06</c:v>
                </c:pt>
                <c:pt idx="5327">
                  <c:v>0.06</c:v>
                </c:pt>
                <c:pt idx="5328">
                  <c:v>0.06</c:v>
                </c:pt>
                <c:pt idx="5329">
                  <c:v>0.06</c:v>
                </c:pt>
                <c:pt idx="5330">
                  <c:v>0.06</c:v>
                </c:pt>
                <c:pt idx="5331">
                  <c:v>0.06</c:v>
                </c:pt>
                <c:pt idx="5332">
                  <c:v>0.06</c:v>
                </c:pt>
                <c:pt idx="5333">
                  <c:v>0.06</c:v>
                </c:pt>
                <c:pt idx="5334">
                  <c:v>0.06</c:v>
                </c:pt>
                <c:pt idx="5335">
                  <c:v>0.06</c:v>
                </c:pt>
                <c:pt idx="5336">
                  <c:v>0.06</c:v>
                </c:pt>
                <c:pt idx="5337">
                  <c:v>0.06</c:v>
                </c:pt>
                <c:pt idx="5338">
                  <c:v>0.06</c:v>
                </c:pt>
                <c:pt idx="5339">
                  <c:v>0.06</c:v>
                </c:pt>
                <c:pt idx="5340">
                  <c:v>0.06</c:v>
                </c:pt>
                <c:pt idx="5341">
                  <c:v>0.06</c:v>
                </c:pt>
                <c:pt idx="5342">
                  <c:v>0.06</c:v>
                </c:pt>
                <c:pt idx="5343">
                  <c:v>0.06</c:v>
                </c:pt>
                <c:pt idx="5344">
                  <c:v>0.06</c:v>
                </c:pt>
                <c:pt idx="5345">
                  <c:v>0.06</c:v>
                </c:pt>
                <c:pt idx="5346">
                  <c:v>0.06</c:v>
                </c:pt>
                <c:pt idx="5347">
                  <c:v>0.06</c:v>
                </c:pt>
                <c:pt idx="5348">
                  <c:v>0.06</c:v>
                </c:pt>
                <c:pt idx="5349">
                  <c:v>0.06</c:v>
                </c:pt>
                <c:pt idx="5350">
                  <c:v>0.06</c:v>
                </c:pt>
                <c:pt idx="5351">
                  <c:v>0.06</c:v>
                </c:pt>
                <c:pt idx="5352">
                  <c:v>0.06</c:v>
                </c:pt>
                <c:pt idx="5353">
                  <c:v>0.06</c:v>
                </c:pt>
                <c:pt idx="5354">
                  <c:v>0.06</c:v>
                </c:pt>
                <c:pt idx="5355">
                  <c:v>0.06</c:v>
                </c:pt>
                <c:pt idx="5356">
                  <c:v>0.06</c:v>
                </c:pt>
                <c:pt idx="5357">
                  <c:v>0.06</c:v>
                </c:pt>
                <c:pt idx="5358">
                  <c:v>0.06</c:v>
                </c:pt>
                <c:pt idx="5359">
                  <c:v>0.06</c:v>
                </c:pt>
                <c:pt idx="5360">
                  <c:v>0.06</c:v>
                </c:pt>
                <c:pt idx="5361">
                  <c:v>0.06</c:v>
                </c:pt>
                <c:pt idx="5362">
                  <c:v>0.06</c:v>
                </c:pt>
                <c:pt idx="5363">
                  <c:v>0.06</c:v>
                </c:pt>
                <c:pt idx="5364">
                  <c:v>0.06</c:v>
                </c:pt>
                <c:pt idx="5365">
                  <c:v>0.06</c:v>
                </c:pt>
                <c:pt idx="5366">
                  <c:v>0.06</c:v>
                </c:pt>
                <c:pt idx="5367">
                  <c:v>0.06</c:v>
                </c:pt>
                <c:pt idx="5368">
                  <c:v>0.06</c:v>
                </c:pt>
                <c:pt idx="5369">
                  <c:v>0.06</c:v>
                </c:pt>
                <c:pt idx="5370">
                  <c:v>0.06</c:v>
                </c:pt>
                <c:pt idx="5371">
                  <c:v>0.06</c:v>
                </c:pt>
                <c:pt idx="5372">
                  <c:v>0.06</c:v>
                </c:pt>
                <c:pt idx="5373">
                  <c:v>0.06</c:v>
                </c:pt>
                <c:pt idx="5374">
                  <c:v>0.06</c:v>
                </c:pt>
                <c:pt idx="5375">
                  <c:v>0.06</c:v>
                </c:pt>
                <c:pt idx="5376">
                  <c:v>0.06</c:v>
                </c:pt>
                <c:pt idx="5377">
                  <c:v>0.06</c:v>
                </c:pt>
                <c:pt idx="5378">
                  <c:v>0.06</c:v>
                </c:pt>
                <c:pt idx="5379">
                  <c:v>0.06</c:v>
                </c:pt>
                <c:pt idx="5380">
                  <c:v>0.06</c:v>
                </c:pt>
                <c:pt idx="5381">
                  <c:v>0.06</c:v>
                </c:pt>
                <c:pt idx="5382">
                  <c:v>0.06</c:v>
                </c:pt>
                <c:pt idx="5383">
                  <c:v>0.06</c:v>
                </c:pt>
                <c:pt idx="5384">
                  <c:v>0.06</c:v>
                </c:pt>
                <c:pt idx="5385">
                  <c:v>0.06</c:v>
                </c:pt>
                <c:pt idx="5386">
                  <c:v>0.06</c:v>
                </c:pt>
                <c:pt idx="5387">
                  <c:v>0.06</c:v>
                </c:pt>
                <c:pt idx="5388">
                  <c:v>0.06</c:v>
                </c:pt>
                <c:pt idx="5389">
                  <c:v>0.06</c:v>
                </c:pt>
                <c:pt idx="5390">
                  <c:v>0.06</c:v>
                </c:pt>
                <c:pt idx="5391">
                  <c:v>0.06</c:v>
                </c:pt>
                <c:pt idx="5392">
                  <c:v>0.06</c:v>
                </c:pt>
                <c:pt idx="5393">
                  <c:v>0.06</c:v>
                </c:pt>
                <c:pt idx="5394">
                  <c:v>0.06</c:v>
                </c:pt>
                <c:pt idx="5395">
                  <c:v>0.06</c:v>
                </c:pt>
                <c:pt idx="5396">
                  <c:v>0.06</c:v>
                </c:pt>
                <c:pt idx="5397">
                  <c:v>0.06</c:v>
                </c:pt>
                <c:pt idx="5398">
                  <c:v>0.06</c:v>
                </c:pt>
                <c:pt idx="5399">
                  <c:v>0.06</c:v>
                </c:pt>
                <c:pt idx="5400">
                  <c:v>0.06</c:v>
                </c:pt>
                <c:pt idx="5401">
                  <c:v>0.06</c:v>
                </c:pt>
                <c:pt idx="5402">
                  <c:v>0.06</c:v>
                </c:pt>
                <c:pt idx="5403">
                  <c:v>0.06</c:v>
                </c:pt>
                <c:pt idx="5404">
                  <c:v>0.06</c:v>
                </c:pt>
                <c:pt idx="5405">
                  <c:v>0.06</c:v>
                </c:pt>
                <c:pt idx="5406">
                  <c:v>0.06</c:v>
                </c:pt>
                <c:pt idx="5407">
                  <c:v>0.06</c:v>
                </c:pt>
                <c:pt idx="5408">
                  <c:v>0.06</c:v>
                </c:pt>
                <c:pt idx="5409">
                  <c:v>0.06</c:v>
                </c:pt>
                <c:pt idx="5410">
                  <c:v>0.06</c:v>
                </c:pt>
                <c:pt idx="5411">
                  <c:v>0.06</c:v>
                </c:pt>
                <c:pt idx="5412">
                  <c:v>0.06</c:v>
                </c:pt>
                <c:pt idx="5413">
                  <c:v>0.06</c:v>
                </c:pt>
                <c:pt idx="5414">
                  <c:v>0.06</c:v>
                </c:pt>
                <c:pt idx="5415">
                  <c:v>0.06</c:v>
                </c:pt>
                <c:pt idx="5416">
                  <c:v>0.06</c:v>
                </c:pt>
                <c:pt idx="5417">
                  <c:v>0.06</c:v>
                </c:pt>
                <c:pt idx="5418">
                  <c:v>0.06</c:v>
                </c:pt>
                <c:pt idx="5419">
                  <c:v>0.06</c:v>
                </c:pt>
                <c:pt idx="5420">
                  <c:v>0.06</c:v>
                </c:pt>
                <c:pt idx="5421">
                  <c:v>0.06</c:v>
                </c:pt>
                <c:pt idx="5422">
                  <c:v>0.06</c:v>
                </c:pt>
                <c:pt idx="5423">
                  <c:v>0.06</c:v>
                </c:pt>
                <c:pt idx="5424">
                  <c:v>0.06</c:v>
                </c:pt>
                <c:pt idx="5425">
                  <c:v>0.06</c:v>
                </c:pt>
                <c:pt idx="5426">
                  <c:v>0.06</c:v>
                </c:pt>
                <c:pt idx="5427">
                  <c:v>0.06</c:v>
                </c:pt>
                <c:pt idx="5428">
                  <c:v>0.06</c:v>
                </c:pt>
                <c:pt idx="5429">
                  <c:v>0.06</c:v>
                </c:pt>
                <c:pt idx="5430">
                  <c:v>0.06</c:v>
                </c:pt>
                <c:pt idx="5431">
                  <c:v>0.06</c:v>
                </c:pt>
                <c:pt idx="5432">
                  <c:v>0.06</c:v>
                </c:pt>
                <c:pt idx="5433">
                  <c:v>0.06</c:v>
                </c:pt>
                <c:pt idx="5434">
                  <c:v>0.06</c:v>
                </c:pt>
                <c:pt idx="5435">
                  <c:v>0.06</c:v>
                </c:pt>
                <c:pt idx="5436">
                  <c:v>0.06</c:v>
                </c:pt>
                <c:pt idx="5437">
                  <c:v>0.06</c:v>
                </c:pt>
                <c:pt idx="5438">
                  <c:v>0.06</c:v>
                </c:pt>
                <c:pt idx="5439">
                  <c:v>5.5999999999999994E-2</c:v>
                </c:pt>
                <c:pt idx="5440">
                  <c:v>5.5999999999999994E-2</c:v>
                </c:pt>
                <c:pt idx="5441">
                  <c:v>5.5999999999999994E-2</c:v>
                </c:pt>
                <c:pt idx="5442">
                  <c:v>5.5999999999999994E-2</c:v>
                </c:pt>
                <c:pt idx="5443">
                  <c:v>5.5999999999999994E-2</c:v>
                </c:pt>
                <c:pt idx="5444">
                  <c:v>5.5999999999999994E-2</c:v>
                </c:pt>
                <c:pt idx="5445">
                  <c:v>5.5999999999999994E-2</c:v>
                </c:pt>
                <c:pt idx="5446">
                  <c:v>5.5999999999999994E-2</c:v>
                </c:pt>
                <c:pt idx="5447">
                  <c:v>5.5999999999999994E-2</c:v>
                </c:pt>
                <c:pt idx="5448">
                  <c:v>5.5999999999999994E-2</c:v>
                </c:pt>
                <c:pt idx="5449">
                  <c:v>5.5999999999999994E-2</c:v>
                </c:pt>
                <c:pt idx="5450">
                  <c:v>5.5999999999999994E-2</c:v>
                </c:pt>
                <c:pt idx="5451">
                  <c:v>5.5999999999999994E-2</c:v>
                </c:pt>
                <c:pt idx="5452">
                  <c:v>5.5999999999999994E-2</c:v>
                </c:pt>
                <c:pt idx="5453">
                  <c:v>5.5999999999999994E-2</c:v>
                </c:pt>
                <c:pt idx="5454">
                  <c:v>5.5999999999999994E-2</c:v>
                </c:pt>
                <c:pt idx="5455">
                  <c:v>5.5999999999999994E-2</c:v>
                </c:pt>
                <c:pt idx="5456">
                  <c:v>5.5999999999999994E-2</c:v>
                </c:pt>
                <c:pt idx="5457">
                  <c:v>5.5999999999999994E-2</c:v>
                </c:pt>
                <c:pt idx="5458">
                  <c:v>5.5999999999999994E-2</c:v>
                </c:pt>
                <c:pt idx="5459">
                  <c:v>5.5999999999999994E-2</c:v>
                </c:pt>
                <c:pt idx="5460">
                  <c:v>5.5999999999999994E-2</c:v>
                </c:pt>
                <c:pt idx="5461">
                  <c:v>5.5999999999999994E-2</c:v>
                </c:pt>
                <c:pt idx="5462">
                  <c:v>5.5999999999999994E-2</c:v>
                </c:pt>
                <c:pt idx="5463">
                  <c:v>5.5999999999999994E-2</c:v>
                </c:pt>
                <c:pt idx="5464">
                  <c:v>5.5999999999999994E-2</c:v>
                </c:pt>
                <c:pt idx="5465">
                  <c:v>5.5999999999999994E-2</c:v>
                </c:pt>
                <c:pt idx="5466">
                  <c:v>5.5999999999999994E-2</c:v>
                </c:pt>
                <c:pt idx="5467">
                  <c:v>5.5999999999999994E-2</c:v>
                </c:pt>
                <c:pt idx="5468">
                  <c:v>5.5999999999999994E-2</c:v>
                </c:pt>
                <c:pt idx="5469">
                  <c:v>5.5999999999999994E-2</c:v>
                </c:pt>
                <c:pt idx="5470">
                  <c:v>5.5999999999999994E-2</c:v>
                </c:pt>
                <c:pt idx="5471">
                  <c:v>5.5999999999999994E-2</c:v>
                </c:pt>
                <c:pt idx="5472">
                  <c:v>5.5999999999999994E-2</c:v>
                </c:pt>
                <c:pt idx="5473">
                  <c:v>5.5999999999999994E-2</c:v>
                </c:pt>
                <c:pt idx="5474">
                  <c:v>5.5999999999999994E-2</c:v>
                </c:pt>
                <c:pt idx="5475">
                  <c:v>5.5999999999999994E-2</c:v>
                </c:pt>
                <c:pt idx="5476">
                  <c:v>5.5999999999999994E-2</c:v>
                </c:pt>
                <c:pt idx="5477">
                  <c:v>5.5999999999999994E-2</c:v>
                </c:pt>
                <c:pt idx="5478">
                  <c:v>5.5999999999999994E-2</c:v>
                </c:pt>
                <c:pt idx="5479">
                  <c:v>5.5999999999999994E-2</c:v>
                </c:pt>
                <c:pt idx="5480">
                  <c:v>5.5999999999999994E-2</c:v>
                </c:pt>
                <c:pt idx="5481">
                  <c:v>5.5999999999999994E-2</c:v>
                </c:pt>
                <c:pt idx="5482">
                  <c:v>5.5999999999999994E-2</c:v>
                </c:pt>
                <c:pt idx="5483">
                  <c:v>5.5999999999999994E-2</c:v>
                </c:pt>
                <c:pt idx="5484">
                  <c:v>5.5999999999999994E-2</c:v>
                </c:pt>
                <c:pt idx="5485">
                  <c:v>5.5999999999999994E-2</c:v>
                </c:pt>
                <c:pt idx="5486">
                  <c:v>5.5999999999999994E-2</c:v>
                </c:pt>
                <c:pt idx="5487">
                  <c:v>5.5999999999999994E-2</c:v>
                </c:pt>
                <c:pt idx="5488">
                  <c:v>5.5999999999999994E-2</c:v>
                </c:pt>
                <c:pt idx="5489">
                  <c:v>5.5999999999999994E-2</c:v>
                </c:pt>
                <c:pt idx="5490">
                  <c:v>5.5999999999999994E-2</c:v>
                </c:pt>
                <c:pt idx="5491">
                  <c:v>5.5999999999999994E-2</c:v>
                </c:pt>
                <c:pt idx="5492">
                  <c:v>5.5999999999999994E-2</c:v>
                </c:pt>
                <c:pt idx="5493">
                  <c:v>5.5999999999999994E-2</c:v>
                </c:pt>
                <c:pt idx="5494">
                  <c:v>5.5999999999999994E-2</c:v>
                </c:pt>
                <c:pt idx="5495">
                  <c:v>5.5999999999999994E-2</c:v>
                </c:pt>
                <c:pt idx="5496">
                  <c:v>5.5999999999999994E-2</c:v>
                </c:pt>
                <c:pt idx="5497">
                  <c:v>5.5999999999999994E-2</c:v>
                </c:pt>
                <c:pt idx="5498">
                  <c:v>5.5999999999999994E-2</c:v>
                </c:pt>
                <c:pt idx="5499">
                  <c:v>5.5999999999999994E-2</c:v>
                </c:pt>
                <c:pt idx="5500">
                  <c:v>5.5999999999999994E-2</c:v>
                </c:pt>
                <c:pt idx="5501">
                  <c:v>5.5999999999999994E-2</c:v>
                </c:pt>
                <c:pt idx="5502">
                  <c:v>5.5999999999999994E-2</c:v>
                </c:pt>
                <c:pt idx="5503">
                  <c:v>5.5999999999999994E-2</c:v>
                </c:pt>
                <c:pt idx="5504">
                  <c:v>5.5999999999999994E-2</c:v>
                </c:pt>
                <c:pt idx="5505">
                  <c:v>5.5999999999999994E-2</c:v>
                </c:pt>
                <c:pt idx="5506">
                  <c:v>5.5999999999999994E-2</c:v>
                </c:pt>
                <c:pt idx="5507">
                  <c:v>5.5999999999999994E-2</c:v>
                </c:pt>
                <c:pt idx="5508">
                  <c:v>5.5999999999999994E-2</c:v>
                </c:pt>
                <c:pt idx="5509">
                  <c:v>5.5999999999999994E-2</c:v>
                </c:pt>
                <c:pt idx="5510">
                  <c:v>5.5999999999999994E-2</c:v>
                </c:pt>
                <c:pt idx="5511">
                  <c:v>5.5999999999999994E-2</c:v>
                </c:pt>
                <c:pt idx="5512">
                  <c:v>5.5999999999999994E-2</c:v>
                </c:pt>
                <c:pt idx="5513">
                  <c:v>5.5999999999999994E-2</c:v>
                </c:pt>
                <c:pt idx="5514">
                  <c:v>5.5999999999999994E-2</c:v>
                </c:pt>
                <c:pt idx="5515">
                  <c:v>5.5999999999999994E-2</c:v>
                </c:pt>
                <c:pt idx="5516">
                  <c:v>5.5999999999999994E-2</c:v>
                </c:pt>
                <c:pt idx="5517">
                  <c:v>5.5999999999999994E-2</c:v>
                </c:pt>
                <c:pt idx="5518">
                  <c:v>5.5999999999999994E-2</c:v>
                </c:pt>
                <c:pt idx="5519">
                  <c:v>5.5999999999999994E-2</c:v>
                </c:pt>
                <c:pt idx="5520">
                  <c:v>5.5999999999999994E-2</c:v>
                </c:pt>
                <c:pt idx="5521">
                  <c:v>5.5999999999999994E-2</c:v>
                </c:pt>
                <c:pt idx="5522">
                  <c:v>5.5999999999999994E-2</c:v>
                </c:pt>
                <c:pt idx="5523">
                  <c:v>5.5999999999999994E-2</c:v>
                </c:pt>
                <c:pt idx="5524">
                  <c:v>5.5999999999999994E-2</c:v>
                </c:pt>
                <c:pt idx="5525">
                  <c:v>5.5999999999999994E-2</c:v>
                </c:pt>
                <c:pt idx="5526">
                  <c:v>5.5999999999999994E-2</c:v>
                </c:pt>
                <c:pt idx="5527">
                  <c:v>5.5999999999999994E-2</c:v>
                </c:pt>
                <c:pt idx="5528">
                  <c:v>5.5999999999999994E-2</c:v>
                </c:pt>
                <c:pt idx="5529">
                  <c:v>5.5999999999999994E-2</c:v>
                </c:pt>
                <c:pt idx="5530">
                  <c:v>5.5999999999999994E-2</c:v>
                </c:pt>
                <c:pt idx="5531">
                  <c:v>5.5999999999999994E-2</c:v>
                </c:pt>
                <c:pt idx="5532">
                  <c:v>5.5999999999999994E-2</c:v>
                </c:pt>
                <c:pt idx="5533">
                  <c:v>5.5999999999999994E-2</c:v>
                </c:pt>
                <c:pt idx="5534">
                  <c:v>5.5999999999999994E-2</c:v>
                </c:pt>
                <c:pt idx="5535">
                  <c:v>5.5999999999999994E-2</c:v>
                </c:pt>
                <c:pt idx="5536">
                  <c:v>5.5999999999999994E-2</c:v>
                </c:pt>
                <c:pt idx="5537">
                  <c:v>5.5999999999999994E-2</c:v>
                </c:pt>
                <c:pt idx="5538">
                  <c:v>5.3499999999999999E-2</c:v>
                </c:pt>
                <c:pt idx="5539">
                  <c:v>5.3499999999999999E-2</c:v>
                </c:pt>
                <c:pt idx="5540">
                  <c:v>5.3499999999999999E-2</c:v>
                </c:pt>
                <c:pt idx="5541">
                  <c:v>5.3499999999999999E-2</c:v>
                </c:pt>
                <c:pt idx="5542">
                  <c:v>5.3499999999999999E-2</c:v>
                </c:pt>
                <c:pt idx="5543">
                  <c:v>5.3499999999999999E-2</c:v>
                </c:pt>
                <c:pt idx="5544">
                  <c:v>5.3499999999999999E-2</c:v>
                </c:pt>
                <c:pt idx="5545">
                  <c:v>5.3499999999999999E-2</c:v>
                </c:pt>
                <c:pt idx="5546">
                  <c:v>5.3499999999999999E-2</c:v>
                </c:pt>
                <c:pt idx="5547">
                  <c:v>5.3499999999999999E-2</c:v>
                </c:pt>
                <c:pt idx="5548">
                  <c:v>5.3499999999999999E-2</c:v>
                </c:pt>
                <c:pt idx="5549">
                  <c:v>5.3499999999999999E-2</c:v>
                </c:pt>
                <c:pt idx="5550">
                  <c:v>5.3499999999999999E-2</c:v>
                </c:pt>
                <c:pt idx="5551">
                  <c:v>5.3499999999999999E-2</c:v>
                </c:pt>
                <c:pt idx="5552">
                  <c:v>5.3499999999999999E-2</c:v>
                </c:pt>
                <c:pt idx="5553">
                  <c:v>5.3499999999999999E-2</c:v>
                </c:pt>
                <c:pt idx="5554">
                  <c:v>5.3499999999999999E-2</c:v>
                </c:pt>
                <c:pt idx="5555">
                  <c:v>5.3499999999999999E-2</c:v>
                </c:pt>
                <c:pt idx="5556">
                  <c:v>5.3499999999999999E-2</c:v>
                </c:pt>
                <c:pt idx="5557">
                  <c:v>5.3499999999999999E-2</c:v>
                </c:pt>
                <c:pt idx="5558">
                  <c:v>5.3499999999999999E-2</c:v>
                </c:pt>
                <c:pt idx="5559">
                  <c:v>5.3499999999999999E-2</c:v>
                </c:pt>
                <c:pt idx="5560">
                  <c:v>5.3499999999999999E-2</c:v>
                </c:pt>
                <c:pt idx="5561">
                  <c:v>5.3499999999999999E-2</c:v>
                </c:pt>
                <c:pt idx="5562">
                  <c:v>5.3499999999999999E-2</c:v>
                </c:pt>
                <c:pt idx="5563">
                  <c:v>5.3499999999999999E-2</c:v>
                </c:pt>
                <c:pt idx="5564">
                  <c:v>5.3499999999999999E-2</c:v>
                </c:pt>
                <c:pt idx="5565">
                  <c:v>5.3499999999999999E-2</c:v>
                </c:pt>
                <c:pt idx="5566">
                  <c:v>5.3499999999999999E-2</c:v>
                </c:pt>
                <c:pt idx="5567">
                  <c:v>5.3499999999999999E-2</c:v>
                </c:pt>
                <c:pt idx="5568">
                  <c:v>5.3499999999999999E-2</c:v>
                </c:pt>
                <c:pt idx="5569">
                  <c:v>5.3499999999999999E-2</c:v>
                </c:pt>
                <c:pt idx="5570">
                  <c:v>5.3499999999999999E-2</c:v>
                </c:pt>
                <c:pt idx="5571">
                  <c:v>5.3499999999999999E-2</c:v>
                </c:pt>
                <c:pt idx="5572">
                  <c:v>5.3499999999999999E-2</c:v>
                </c:pt>
                <c:pt idx="5573">
                  <c:v>5.3499999999999999E-2</c:v>
                </c:pt>
                <c:pt idx="5574">
                  <c:v>5.3499999999999999E-2</c:v>
                </c:pt>
                <c:pt idx="5575">
                  <c:v>5.3499999999999999E-2</c:v>
                </c:pt>
                <c:pt idx="5576">
                  <c:v>5.3499999999999999E-2</c:v>
                </c:pt>
                <c:pt idx="5577">
                  <c:v>5.3499999999999999E-2</c:v>
                </c:pt>
                <c:pt idx="5578">
                  <c:v>5.3499999999999999E-2</c:v>
                </c:pt>
                <c:pt idx="5579">
                  <c:v>5.3499999999999999E-2</c:v>
                </c:pt>
                <c:pt idx="5580">
                  <c:v>5.3499999999999999E-2</c:v>
                </c:pt>
                <c:pt idx="5581">
                  <c:v>5.3499999999999999E-2</c:v>
                </c:pt>
                <c:pt idx="5582">
                  <c:v>5.3499999999999999E-2</c:v>
                </c:pt>
                <c:pt idx="5583">
                  <c:v>5.3499999999999999E-2</c:v>
                </c:pt>
                <c:pt idx="5584">
                  <c:v>5.3499999999999999E-2</c:v>
                </c:pt>
                <c:pt idx="5585">
                  <c:v>5.3499999999999999E-2</c:v>
                </c:pt>
                <c:pt idx="5586">
                  <c:v>5.3499999999999999E-2</c:v>
                </c:pt>
                <c:pt idx="5587">
                  <c:v>5.3499999999999999E-2</c:v>
                </c:pt>
                <c:pt idx="5588">
                  <c:v>5.3499999999999999E-2</c:v>
                </c:pt>
                <c:pt idx="5589">
                  <c:v>5.3499999999999999E-2</c:v>
                </c:pt>
                <c:pt idx="5590">
                  <c:v>5.3499999999999999E-2</c:v>
                </c:pt>
                <c:pt idx="5591">
                  <c:v>5.3499999999999999E-2</c:v>
                </c:pt>
                <c:pt idx="5592">
                  <c:v>5.3499999999999999E-2</c:v>
                </c:pt>
                <c:pt idx="5593">
                  <c:v>5.3499999999999999E-2</c:v>
                </c:pt>
                <c:pt idx="5594">
                  <c:v>5.3499999999999999E-2</c:v>
                </c:pt>
                <c:pt idx="5595">
                  <c:v>5.3499999999999999E-2</c:v>
                </c:pt>
                <c:pt idx="5596">
                  <c:v>5.3499999999999999E-2</c:v>
                </c:pt>
                <c:pt idx="5597">
                  <c:v>5.3499999999999999E-2</c:v>
                </c:pt>
                <c:pt idx="5598">
                  <c:v>5.3499999999999999E-2</c:v>
                </c:pt>
                <c:pt idx="5599">
                  <c:v>5.3499999999999999E-2</c:v>
                </c:pt>
                <c:pt idx="5600">
                  <c:v>5.3499999999999999E-2</c:v>
                </c:pt>
                <c:pt idx="5601">
                  <c:v>5.3499999999999999E-2</c:v>
                </c:pt>
                <c:pt idx="5602">
                  <c:v>5.3499999999999999E-2</c:v>
                </c:pt>
                <c:pt idx="5603">
                  <c:v>5.3499999999999999E-2</c:v>
                </c:pt>
                <c:pt idx="5604">
                  <c:v>5.3499999999999999E-2</c:v>
                </c:pt>
                <c:pt idx="5605">
                  <c:v>5.3499999999999999E-2</c:v>
                </c:pt>
                <c:pt idx="5606">
                  <c:v>5.3499999999999999E-2</c:v>
                </c:pt>
                <c:pt idx="5607">
                  <c:v>5.3499999999999999E-2</c:v>
                </c:pt>
                <c:pt idx="5608">
                  <c:v>5.3499999999999999E-2</c:v>
                </c:pt>
                <c:pt idx="5609">
                  <c:v>5.0999999999999997E-2</c:v>
                </c:pt>
                <c:pt idx="5610">
                  <c:v>5.0999999999999997E-2</c:v>
                </c:pt>
                <c:pt idx="5611">
                  <c:v>5.0999999999999997E-2</c:v>
                </c:pt>
                <c:pt idx="5612">
                  <c:v>5.0999999999999997E-2</c:v>
                </c:pt>
                <c:pt idx="5613">
                  <c:v>5.0999999999999997E-2</c:v>
                </c:pt>
                <c:pt idx="5614">
                  <c:v>5.0999999999999997E-2</c:v>
                </c:pt>
                <c:pt idx="5615">
                  <c:v>5.0999999999999997E-2</c:v>
                </c:pt>
                <c:pt idx="5616">
                  <c:v>5.0999999999999997E-2</c:v>
                </c:pt>
                <c:pt idx="5617">
                  <c:v>5.0999999999999997E-2</c:v>
                </c:pt>
                <c:pt idx="5618">
                  <c:v>5.0999999999999997E-2</c:v>
                </c:pt>
                <c:pt idx="5619">
                  <c:v>5.0999999999999997E-2</c:v>
                </c:pt>
                <c:pt idx="5620">
                  <c:v>5.0999999999999997E-2</c:v>
                </c:pt>
                <c:pt idx="5621">
                  <c:v>5.0999999999999997E-2</c:v>
                </c:pt>
                <c:pt idx="5622">
                  <c:v>5.0999999999999997E-2</c:v>
                </c:pt>
                <c:pt idx="5623">
                  <c:v>5.0999999999999997E-2</c:v>
                </c:pt>
                <c:pt idx="5624">
                  <c:v>5.0999999999999997E-2</c:v>
                </c:pt>
                <c:pt idx="5625">
                  <c:v>5.0999999999999997E-2</c:v>
                </c:pt>
                <c:pt idx="5626">
                  <c:v>5.0999999999999997E-2</c:v>
                </c:pt>
                <c:pt idx="5627">
                  <c:v>5.0999999999999997E-2</c:v>
                </c:pt>
                <c:pt idx="5628">
                  <c:v>5.0999999999999997E-2</c:v>
                </c:pt>
                <c:pt idx="5629">
                  <c:v>5.0999999999999997E-2</c:v>
                </c:pt>
                <c:pt idx="5630">
                  <c:v>5.0999999999999997E-2</c:v>
                </c:pt>
                <c:pt idx="5631">
                  <c:v>5.0999999999999997E-2</c:v>
                </c:pt>
                <c:pt idx="5632">
                  <c:v>5.0999999999999997E-2</c:v>
                </c:pt>
                <c:pt idx="5633">
                  <c:v>5.0999999999999997E-2</c:v>
                </c:pt>
                <c:pt idx="5634">
                  <c:v>5.0999999999999997E-2</c:v>
                </c:pt>
                <c:pt idx="5635">
                  <c:v>5.0999999999999997E-2</c:v>
                </c:pt>
                <c:pt idx="5636">
                  <c:v>5.0999999999999997E-2</c:v>
                </c:pt>
                <c:pt idx="5637">
                  <c:v>5.0999999999999997E-2</c:v>
                </c:pt>
                <c:pt idx="5638">
                  <c:v>5.0999999999999997E-2</c:v>
                </c:pt>
                <c:pt idx="5639">
                  <c:v>5.0999999999999997E-2</c:v>
                </c:pt>
                <c:pt idx="5640">
                  <c:v>5.0999999999999997E-2</c:v>
                </c:pt>
                <c:pt idx="5641">
                  <c:v>5.0999999999999997E-2</c:v>
                </c:pt>
                <c:pt idx="5642">
                  <c:v>5.0999999999999997E-2</c:v>
                </c:pt>
                <c:pt idx="5643">
                  <c:v>5.0999999999999997E-2</c:v>
                </c:pt>
                <c:pt idx="5644">
                  <c:v>5.0999999999999997E-2</c:v>
                </c:pt>
                <c:pt idx="5645">
                  <c:v>5.0999999999999997E-2</c:v>
                </c:pt>
                <c:pt idx="5646">
                  <c:v>5.0999999999999997E-2</c:v>
                </c:pt>
                <c:pt idx="5647">
                  <c:v>5.0999999999999997E-2</c:v>
                </c:pt>
                <c:pt idx="5648">
                  <c:v>5.0999999999999997E-2</c:v>
                </c:pt>
                <c:pt idx="5649">
                  <c:v>5.0999999999999997E-2</c:v>
                </c:pt>
                <c:pt idx="5650">
                  <c:v>5.0999999999999997E-2</c:v>
                </c:pt>
                <c:pt idx="5651">
                  <c:v>5.0999999999999997E-2</c:v>
                </c:pt>
                <c:pt idx="5652">
                  <c:v>5.0999999999999997E-2</c:v>
                </c:pt>
                <c:pt idx="5653">
                  <c:v>5.0999999999999997E-2</c:v>
                </c:pt>
                <c:pt idx="5654">
                  <c:v>5.0999999999999997E-2</c:v>
                </c:pt>
                <c:pt idx="5655">
                  <c:v>5.0999999999999997E-2</c:v>
                </c:pt>
                <c:pt idx="5656">
                  <c:v>5.0999999999999997E-2</c:v>
                </c:pt>
                <c:pt idx="5657">
                  <c:v>4.8499999999999995E-2</c:v>
                </c:pt>
                <c:pt idx="5658">
                  <c:v>4.8499999999999995E-2</c:v>
                </c:pt>
                <c:pt idx="5659">
                  <c:v>4.8499999999999995E-2</c:v>
                </c:pt>
                <c:pt idx="5660">
                  <c:v>4.8499999999999995E-2</c:v>
                </c:pt>
                <c:pt idx="5661">
                  <c:v>4.8499999999999995E-2</c:v>
                </c:pt>
                <c:pt idx="5662">
                  <c:v>4.8499999999999995E-2</c:v>
                </c:pt>
                <c:pt idx="5663">
                  <c:v>4.8499999999999995E-2</c:v>
                </c:pt>
                <c:pt idx="5664">
                  <c:v>4.8499999999999995E-2</c:v>
                </c:pt>
                <c:pt idx="5665">
                  <c:v>4.8499999999999995E-2</c:v>
                </c:pt>
                <c:pt idx="5666">
                  <c:v>4.8499999999999995E-2</c:v>
                </c:pt>
                <c:pt idx="5667">
                  <c:v>4.8499999999999995E-2</c:v>
                </c:pt>
                <c:pt idx="5668">
                  <c:v>4.8499999999999995E-2</c:v>
                </c:pt>
                <c:pt idx="5669">
                  <c:v>4.8499999999999995E-2</c:v>
                </c:pt>
                <c:pt idx="5670">
                  <c:v>4.8499999999999995E-2</c:v>
                </c:pt>
                <c:pt idx="5671">
                  <c:v>4.8499999999999995E-2</c:v>
                </c:pt>
                <c:pt idx="5672">
                  <c:v>4.8499999999999995E-2</c:v>
                </c:pt>
                <c:pt idx="5673">
                  <c:v>4.8499999999999995E-2</c:v>
                </c:pt>
                <c:pt idx="5674">
                  <c:v>4.8499999999999995E-2</c:v>
                </c:pt>
                <c:pt idx="5675">
                  <c:v>4.8499999999999995E-2</c:v>
                </c:pt>
                <c:pt idx="5676">
                  <c:v>4.8499999999999995E-2</c:v>
                </c:pt>
                <c:pt idx="5677">
                  <c:v>4.8499999999999995E-2</c:v>
                </c:pt>
                <c:pt idx="5678">
                  <c:v>4.8499999999999995E-2</c:v>
                </c:pt>
                <c:pt idx="5679">
                  <c:v>4.8499999999999995E-2</c:v>
                </c:pt>
                <c:pt idx="5680">
                  <c:v>4.8499999999999995E-2</c:v>
                </c:pt>
                <c:pt idx="5681">
                  <c:v>4.8499999999999995E-2</c:v>
                </c:pt>
                <c:pt idx="5682">
                  <c:v>4.8499999999999995E-2</c:v>
                </c:pt>
                <c:pt idx="5683">
                  <c:v>4.8499999999999995E-2</c:v>
                </c:pt>
                <c:pt idx="5684">
                  <c:v>4.8499999999999995E-2</c:v>
                </c:pt>
                <c:pt idx="5685">
                  <c:v>4.8499999999999995E-2</c:v>
                </c:pt>
                <c:pt idx="5686">
                  <c:v>4.8499999999999995E-2</c:v>
                </c:pt>
                <c:pt idx="5687">
                  <c:v>4.8499999999999995E-2</c:v>
                </c:pt>
                <c:pt idx="5688">
                  <c:v>4.8499999999999995E-2</c:v>
                </c:pt>
                <c:pt idx="5689">
                  <c:v>4.8499999999999995E-2</c:v>
                </c:pt>
                <c:pt idx="5690">
                  <c:v>4.8499999999999995E-2</c:v>
                </c:pt>
                <c:pt idx="5691">
                  <c:v>4.8499999999999995E-2</c:v>
                </c:pt>
                <c:pt idx="5692">
                  <c:v>4.8499999999999995E-2</c:v>
                </c:pt>
                <c:pt idx="5693">
                  <c:v>4.8499999999999995E-2</c:v>
                </c:pt>
                <c:pt idx="5694">
                  <c:v>4.8499999999999995E-2</c:v>
                </c:pt>
                <c:pt idx="5695">
                  <c:v>4.8499999999999995E-2</c:v>
                </c:pt>
                <c:pt idx="5696">
                  <c:v>4.8499999999999995E-2</c:v>
                </c:pt>
                <c:pt idx="5697">
                  <c:v>4.8499999999999995E-2</c:v>
                </c:pt>
                <c:pt idx="5698">
                  <c:v>4.8499999999999995E-2</c:v>
                </c:pt>
                <c:pt idx="5699">
                  <c:v>4.8499999999999995E-2</c:v>
                </c:pt>
                <c:pt idx="5700">
                  <c:v>4.8499999999999995E-2</c:v>
                </c:pt>
                <c:pt idx="5701">
                  <c:v>4.8499999999999995E-2</c:v>
                </c:pt>
                <c:pt idx="5702">
                  <c:v>4.8499999999999995E-2</c:v>
                </c:pt>
                <c:pt idx="5703">
                  <c:v>4.8499999999999995E-2</c:v>
                </c:pt>
                <c:pt idx="5704">
                  <c:v>4.8499999999999995E-2</c:v>
                </c:pt>
                <c:pt idx="5705">
                  <c:v>4.8499999999999995E-2</c:v>
                </c:pt>
                <c:pt idx="5706">
                  <c:v>4.8499999999999995E-2</c:v>
                </c:pt>
                <c:pt idx="5707">
                  <c:v>4.8499999999999995E-2</c:v>
                </c:pt>
                <c:pt idx="5708">
                  <c:v>4.8499999999999995E-2</c:v>
                </c:pt>
                <c:pt idx="5709">
                  <c:v>4.8499999999999995E-2</c:v>
                </c:pt>
                <c:pt idx="5710">
                  <c:v>4.8499999999999995E-2</c:v>
                </c:pt>
                <c:pt idx="5711">
                  <c:v>4.8499999999999995E-2</c:v>
                </c:pt>
                <c:pt idx="5712">
                  <c:v>4.8499999999999995E-2</c:v>
                </c:pt>
                <c:pt idx="5713">
                  <c:v>4.8499999999999995E-2</c:v>
                </c:pt>
                <c:pt idx="5714">
                  <c:v>4.8499999999999995E-2</c:v>
                </c:pt>
                <c:pt idx="5715">
                  <c:v>4.8499999999999995E-2</c:v>
                </c:pt>
                <c:pt idx="5716">
                  <c:v>4.5999999999999999E-2</c:v>
                </c:pt>
                <c:pt idx="5717">
                  <c:v>4.5999999999999999E-2</c:v>
                </c:pt>
                <c:pt idx="5718">
                  <c:v>4.5999999999999999E-2</c:v>
                </c:pt>
                <c:pt idx="5719">
                  <c:v>4.5999999999999999E-2</c:v>
                </c:pt>
                <c:pt idx="5720">
                  <c:v>4.5999999999999999E-2</c:v>
                </c:pt>
                <c:pt idx="5721">
                  <c:v>4.5999999999999999E-2</c:v>
                </c:pt>
                <c:pt idx="5722">
                  <c:v>4.5999999999999999E-2</c:v>
                </c:pt>
                <c:pt idx="5723">
                  <c:v>4.5999999999999999E-2</c:v>
                </c:pt>
                <c:pt idx="5724">
                  <c:v>4.5999999999999999E-2</c:v>
                </c:pt>
                <c:pt idx="5725">
                  <c:v>4.5999999999999999E-2</c:v>
                </c:pt>
                <c:pt idx="5726">
                  <c:v>4.5999999999999999E-2</c:v>
                </c:pt>
                <c:pt idx="5727">
                  <c:v>4.5999999999999999E-2</c:v>
                </c:pt>
                <c:pt idx="5728">
                  <c:v>4.5999999999999999E-2</c:v>
                </c:pt>
                <c:pt idx="5729">
                  <c:v>4.5999999999999999E-2</c:v>
                </c:pt>
                <c:pt idx="5730">
                  <c:v>4.5999999999999999E-2</c:v>
                </c:pt>
                <c:pt idx="5731">
                  <c:v>4.5999999999999999E-2</c:v>
                </c:pt>
                <c:pt idx="5732">
                  <c:v>4.5999999999999999E-2</c:v>
                </c:pt>
                <c:pt idx="5733">
                  <c:v>4.5999999999999999E-2</c:v>
                </c:pt>
                <c:pt idx="5734">
                  <c:v>4.5999999999999999E-2</c:v>
                </c:pt>
                <c:pt idx="5735">
                  <c:v>4.5999999999999999E-2</c:v>
                </c:pt>
                <c:pt idx="5736">
                  <c:v>4.5999999999999999E-2</c:v>
                </c:pt>
                <c:pt idx="5737">
                  <c:v>4.5999999999999999E-2</c:v>
                </c:pt>
                <c:pt idx="5738">
                  <c:v>4.5999999999999999E-2</c:v>
                </c:pt>
                <c:pt idx="5739">
                  <c:v>4.5999999999999999E-2</c:v>
                </c:pt>
                <c:pt idx="5740">
                  <c:v>4.5999999999999999E-2</c:v>
                </c:pt>
                <c:pt idx="5741">
                  <c:v>4.5999999999999999E-2</c:v>
                </c:pt>
                <c:pt idx="5742">
                  <c:v>4.5999999999999999E-2</c:v>
                </c:pt>
                <c:pt idx="5743">
                  <c:v>4.5999999999999999E-2</c:v>
                </c:pt>
                <c:pt idx="5744">
                  <c:v>4.5999999999999999E-2</c:v>
                </c:pt>
                <c:pt idx="5745">
                  <c:v>4.5999999999999999E-2</c:v>
                </c:pt>
                <c:pt idx="5746">
                  <c:v>4.5999999999999999E-2</c:v>
                </c:pt>
                <c:pt idx="5747">
                  <c:v>4.5999999999999999E-2</c:v>
                </c:pt>
                <c:pt idx="5748">
                  <c:v>4.5999999999999999E-2</c:v>
                </c:pt>
                <c:pt idx="5749">
                  <c:v>4.5999999999999999E-2</c:v>
                </c:pt>
                <c:pt idx="5750">
                  <c:v>4.5999999999999999E-2</c:v>
                </c:pt>
                <c:pt idx="5751">
                  <c:v>4.5999999999999999E-2</c:v>
                </c:pt>
                <c:pt idx="5752">
                  <c:v>4.5999999999999999E-2</c:v>
                </c:pt>
                <c:pt idx="5753">
                  <c:v>4.5999999999999999E-2</c:v>
                </c:pt>
                <c:pt idx="5754">
                  <c:v>4.5999999999999999E-2</c:v>
                </c:pt>
                <c:pt idx="5755">
                  <c:v>4.5999999999999999E-2</c:v>
                </c:pt>
                <c:pt idx="5756">
                  <c:v>4.5999999999999999E-2</c:v>
                </c:pt>
                <c:pt idx="5757">
                  <c:v>4.5999999999999999E-2</c:v>
                </c:pt>
                <c:pt idx="5758">
                  <c:v>4.5999999999999999E-2</c:v>
                </c:pt>
                <c:pt idx="5759">
                  <c:v>4.5999999999999999E-2</c:v>
                </c:pt>
                <c:pt idx="5760">
                  <c:v>4.5999999999999999E-2</c:v>
                </c:pt>
                <c:pt idx="5761">
                  <c:v>4.5999999999999999E-2</c:v>
                </c:pt>
                <c:pt idx="5762">
                  <c:v>4.5999999999999999E-2</c:v>
                </c:pt>
                <c:pt idx="5763">
                  <c:v>4.5999999999999999E-2</c:v>
                </c:pt>
                <c:pt idx="5764">
                  <c:v>4.5999999999999999E-2</c:v>
                </c:pt>
                <c:pt idx="5765">
                  <c:v>4.5999999999999999E-2</c:v>
                </c:pt>
                <c:pt idx="5766">
                  <c:v>4.5999999999999999E-2</c:v>
                </c:pt>
                <c:pt idx="5767">
                  <c:v>4.5999999999999999E-2</c:v>
                </c:pt>
                <c:pt idx="5768">
                  <c:v>4.5999999999999999E-2</c:v>
                </c:pt>
                <c:pt idx="5769">
                  <c:v>4.5999999999999999E-2</c:v>
                </c:pt>
                <c:pt idx="5770">
                  <c:v>4.5999999999999999E-2</c:v>
                </c:pt>
                <c:pt idx="5771">
                  <c:v>4.5999999999999999E-2</c:v>
                </c:pt>
                <c:pt idx="5772">
                  <c:v>4.5999999999999999E-2</c:v>
                </c:pt>
                <c:pt idx="5773">
                  <c:v>4.5999999999999999E-2</c:v>
                </c:pt>
                <c:pt idx="5774">
                  <c:v>4.5999999999999999E-2</c:v>
                </c:pt>
                <c:pt idx="5775">
                  <c:v>4.3499999999999997E-2</c:v>
                </c:pt>
                <c:pt idx="5776">
                  <c:v>4.3499999999999997E-2</c:v>
                </c:pt>
                <c:pt idx="5777">
                  <c:v>4.3499999999999997E-2</c:v>
                </c:pt>
                <c:pt idx="5778">
                  <c:v>4.3499999999999997E-2</c:v>
                </c:pt>
                <c:pt idx="5779">
                  <c:v>4.3499999999999997E-2</c:v>
                </c:pt>
                <c:pt idx="5780">
                  <c:v>4.3499999999999997E-2</c:v>
                </c:pt>
                <c:pt idx="5781">
                  <c:v>4.3499999999999997E-2</c:v>
                </c:pt>
                <c:pt idx="5782">
                  <c:v>4.3499999999999997E-2</c:v>
                </c:pt>
                <c:pt idx="5783">
                  <c:v>4.3499999999999997E-2</c:v>
                </c:pt>
                <c:pt idx="5784">
                  <c:v>4.3499999999999997E-2</c:v>
                </c:pt>
                <c:pt idx="5785">
                  <c:v>4.3499999999999997E-2</c:v>
                </c:pt>
                <c:pt idx="5786">
                  <c:v>4.3499999999999997E-2</c:v>
                </c:pt>
                <c:pt idx="5787">
                  <c:v>4.3499999999999997E-2</c:v>
                </c:pt>
                <c:pt idx="5788">
                  <c:v>4.3499999999999997E-2</c:v>
                </c:pt>
                <c:pt idx="5789">
                  <c:v>4.3499999999999997E-2</c:v>
                </c:pt>
                <c:pt idx="5790">
                  <c:v>4.3499999999999997E-2</c:v>
                </c:pt>
                <c:pt idx="5791">
                  <c:v>4.3499999999999997E-2</c:v>
                </c:pt>
                <c:pt idx="5792">
                  <c:v>4.3499999999999997E-2</c:v>
                </c:pt>
                <c:pt idx="5793">
                  <c:v>4.3499999999999997E-2</c:v>
                </c:pt>
                <c:pt idx="5794">
                  <c:v>4.3499999999999997E-2</c:v>
                </c:pt>
                <c:pt idx="5795">
                  <c:v>4.3499999999999997E-2</c:v>
                </c:pt>
                <c:pt idx="5796">
                  <c:v>4.3499999999999997E-2</c:v>
                </c:pt>
                <c:pt idx="5797">
                  <c:v>4.3499999999999997E-2</c:v>
                </c:pt>
                <c:pt idx="5798">
                  <c:v>4.3499999999999997E-2</c:v>
                </c:pt>
                <c:pt idx="5799">
                  <c:v>4.3499999999999997E-2</c:v>
                </c:pt>
                <c:pt idx="5800">
                  <c:v>4.3499999999999997E-2</c:v>
                </c:pt>
                <c:pt idx="5801">
                  <c:v>4.3499999999999997E-2</c:v>
                </c:pt>
                <c:pt idx="5802">
                  <c:v>4.3499999999999997E-2</c:v>
                </c:pt>
                <c:pt idx="5803">
                  <c:v>4.3499999999999997E-2</c:v>
                </c:pt>
                <c:pt idx="5804">
                  <c:v>4.3499999999999997E-2</c:v>
                </c:pt>
                <c:pt idx="5805">
                  <c:v>4.3499999999999997E-2</c:v>
                </c:pt>
                <c:pt idx="5806">
                  <c:v>4.3499999999999997E-2</c:v>
                </c:pt>
                <c:pt idx="5807">
                  <c:v>4.3499999999999997E-2</c:v>
                </c:pt>
                <c:pt idx="5808">
                  <c:v>4.3499999999999997E-2</c:v>
                </c:pt>
                <c:pt idx="5809">
                  <c:v>4.3499999999999997E-2</c:v>
                </c:pt>
                <c:pt idx="5810">
                  <c:v>4.3499999999999997E-2</c:v>
                </c:pt>
                <c:pt idx="5811">
                  <c:v>4.3499999999999997E-2</c:v>
                </c:pt>
                <c:pt idx="5812">
                  <c:v>4.3499999999999997E-2</c:v>
                </c:pt>
                <c:pt idx="5813">
                  <c:v>4.3499999999999997E-2</c:v>
                </c:pt>
                <c:pt idx="5814">
                  <c:v>4.3499999999999997E-2</c:v>
                </c:pt>
                <c:pt idx="5815">
                  <c:v>4.3499999999999997E-2</c:v>
                </c:pt>
                <c:pt idx="5816">
                  <c:v>4.3499999999999997E-2</c:v>
                </c:pt>
                <c:pt idx="5817">
                  <c:v>4.3499999999999997E-2</c:v>
                </c:pt>
                <c:pt idx="5818">
                  <c:v>4.3499999999999997E-2</c:v>
                </c:pt>
                <c:pt idx="5819">
                  <c:v>4.3499999999999997E-2</c:v>
                </c:pt>
                <c:pt idx="5820">
                  <c:v>4.3499999999999997E-2</c:v>
                </c:pt>
                <c:pt idx="5821">
                  <c:v>4.3499999999999997E-2</c:v>
                </c:pt>
                <c:pt idx="5822">
                  <c:v>4.3499999999999997E-2</c:v>
                </c:pt>
                <c:pt idx="5823">
                  <c:v>4.3499999999999997E-2</c:v>
                </c:pt>
                <c:pt idx="5824">
                  <c:v>4.3499999999999997E-2</c:v>
                </c:pt>
                <c:pt idx="5825">
                  <c:v>4.3499999999999997E-2</c:v>
                </c:pt>
                <c:pt idx="5826">
                  <c:v>4.3499999999999997E-2</c:v>
                </c:pt>
                <c:pt idx="5827">
                  <c:v>4.3499999999999997E-2</c:v>
                </c:pt>
                <c:pt idx="5828">
                  <c:v>4.3499999999999997E-2</c:v>
                </c:pt>
                <c:pt idx="5829">
                  <c:v>4.3499999999999997E-2</c:v>
                </c:pt>
                <c:pt idx="5830">
                  <c:v>4.3499999999999997E-2</c:v>
                </c:pt>
                <c:pt idx="5831">
                  <c:v>4.3499999999999997E-2</c:v>
                </c:pt>
                <c:pt idx="5832">
                  <c:v>4.3499999999999997E-2</c:v>
                </c:pt>
                <c:pt idx="5833">
                  <c:v>4.3499999999999997E-2</c:v>
                </c:pt>
                <c:pt idx="5834">
                  <c:v>4.3499999999999997E-2</c:v>
                </c:pt>
                <c:pt idx="5835">
                  <c:v>4.3499999999999997E-2</c:v>
                </c:pt>
                <c:pt idx="5836">
                  <c:v>4.3499999999999997E-2</c:v>
                </c:pt>
                <c:pt idx="5837">
                  <c:v>4.3499999999999997E-2</c:v>
                </c:pt>
                <c:pt idx="5838">
                  <c:v>4.3499999999999997E-2</c:v>
                </c:pt>
                <c:pt idx="5839">
                  <c:v>4.3499999999999997E-2</c:v>
                </c:pt>
                <c:pt idx="5840">
                  <c:v>4.3499999999999997E-2</c:v>
                </c:pt>
                <c:pt idx="5841">
                  <c:v>4.3499999999999997E-2</c:v>
                </c:pt>
                <c:pt idx="5842">
                  <c:v>4.3499999999999997E-2</c:v>
                </c:pt>
                <c:pt idx="5843">
                  <c:v>4.3499999999999997E-2</c:v>
                </c:pt>
                <c:pt idx="5844">
                  <c:v>4.3499999999999997E-2</c:v>
                </c:pt>
                <c:pt idx="5845">
                  <c:v>4.3499999999999997E-2</c:v>
                </c:pt>
                <c:pt idx="5846">
                  <c:v>4.3499999999999997E-2</c:v>
                </c:pt>
                <c:pt idx="5847">
                  <c:v>4.3499999999999997E-2</c:v>
                </c:pt>
                <c:pt idx="5848">
                  <c:v>4.3499999999999997E-2</c:v>
                </c:pt>
                <c:pt idx="5849">
                  <c:v>4.3499999999999997E-2</c:v>
                </c:pt>
                <c:pt idx="5850">
                  <c:v>4.3499999999999997E-2</c:v>
                </c:pt>
                <c:pt idx="5851">
                  <c:v>4.3499999999999997E-2</c:v>
                </c:pt>
                <c:pt idx="5852">
                  <c:v>4.3499999999999997E-2</c:v>
                </c:pt>
                <c:pt idx="5853">
                  <c:v>4.3499999999999997E-2</c:v>
                </c:pt>
                <c:pt idx="5854">
                  <c:v>4.3499999999999997E-2</c:v>
                </c:pt>
                <c:pt idx="5855">
                  <c:v>4.3499999999999997E-2</c:v>
                </c:pt>
                <c:pt idx="5856">
                  <c:v>4.3499999999999997E-2</c:v>
                </c:pt>
                <c:pt idx="5857">
                  <c:v>4.3499999999999997E-2</c:v>
                </c:pt>
                <c:pt idx="5858">
                  <c:v>4.3499999999999997E-2</c:v>
                </c:pt>
                <c:pt idx="5859">
                  <c:v>4.3499999999999997E-2</c:v>
                </c:pt>
                <c:pt idx="5860">
                  <c:v>4.3499999999999997E-2</c:v>
                </c:pt>
                <c:pt idx="5861">
                  <c:v>4.3499999999999997E-2</c:v>
                </c:pt>
                <c:pt idx="5862">
                  <c:v>4.3499999999999997E-2</c:v>
                </c:pt>
                <c:pt idx="5863">
                  <c:v>4.3499999999999997E-2</c:v>
                </c:pt>
                <c:pt idx="5864">
                  <c:v>4.3499999999999997E-2</c:v>
                </c:pt>
                <c:pt idx="5865">
                  <c:v>4.3499999999999997E-2</c:v>
                </c:pt>
                <c:pt idx="5866">
                  <c:v>4.3499999999999997E-2</c:v>
                </c:pt>
                <c:pt idx="5867">
                  <c:v>4.3499999999999997E-2</c:v>
                </c:pt>
                <c:pt idx="5868">
                  <c:v>4.3499999999999997E-2</c:v>
                </c:pt>
                <c:pt idx="5869">
                  <c:v>4.3499999999999997E-2</c:v>
                </c:pt>
                <c:pt idx="5870">
                  <c:v>4.3499999999999997E-2</c:v>
                </c:pt>
                <c:pt idx="5871">
                  <c:v>4.3499999999999997E-2</c:v>
                </c:pt>
                <c:pt idx="5872">
                  <c:v>4.3499999999999997E-2</c:v>
                </c:pt>
                <c:pt idx="5873">
                  <c:v>4.3499999999999997E-2</c:v>
                </c:pt>
                <c:pt idx="5874">
                  <c:v>4.3499999999999997E-2</c:v>
                </c:pt>
                <c:pt idx="5875">
                  <c:v>4.3499999999999997E-2</c:v>
                </c:pt>
                <c:pt idx="5876">
                  <c:v>4.3499999999999997E-2</c:v>
                </c:pt>
                <c:pt idx="5877">
                  <c:v>4.3499999999999997E-2</c:v>
                </c:pt>
                <c:pt idx="5878">
                  <c:v>4.3499999999999997E-2</c:v>
                </c:pt>
                <c:pt idx="5879">
                  <c:v>4.3499999999999997E-2</c:v>
                </c:pt>
                <c:pt idx="5880">
                  <c:v>4.3499999999999997E-2</c:v>
                </c:pt>
                <c:pt idx="5881">
                  <c:v>4.3499999999999997E-2</c:v>
                </c:pt>
                <c:pt idx="5882">
                  <c:v>4.3499999999999997E-2</c:v>
                </c:pt>
                <c:pt idx="5883">
                  <c:v>4.3499999999999997E-2</c:v>
                </c:pt>
                <c:pt idx="5884">
                  <c:v>4.3499999999999997E-2</c:v>
                </c:pt>
                <c:pt idx="5885">
                  <c:v>4.3499999999999997E-2</c:v>
                </c:pt>
                <c:pt idx="5886">
                  <c:v>4.3499999999999997E-2</c:v>
                </c:pt>
                <c:pt idx="5887">
                  <c:v>4.3499999999999997E-2</c:v>
                </c:pt>
                <c:pt idx="5888">
                  <c:v>4.3499999999999997E-2</c:v>
                </c:pt>
                <c:pt idx="5889">
                  <c:v>4.3499999999999997E-2</c:v>
                </c:pt>
                <c:pt idx="5890">
                  <c:v>4.3499999999999997E-2</c:v>
                </c:pt>
                <c:pt idx="5891">
                  <c:v>4.3499999999999997E-2</c:v>
                </c:pt>
                <c:pt idx="5892">
                  <c:v>4.3499999999999997E-2</c:v>
                </c:pt>
                <c:pt idx="5893">
                  <c:v>4.3499999999999997E-2</c:v>
                </c:pt>
                <c:pt idx="5894">
                  <c:v>4.3499999999999997E-2</c:v>
                </c:pt>
                <c:pt idx="5895">
                  <c:v>4.3499999999999997E-2</c:v>
                </c:pt>
                <c:pt idx="5896">
                  <c:v>4.3499999999999997E-2</c:v>
                </c:pt>
                <c:pt idx="5897">
                  <c:v>4.3499999999999997E-2</c:v>
                </c:pt>
                <c:pt idx="5898">
                  <c:v>4.3499999999999997E-2</c:v>
                </c:pt>
                <c:pt idx="5899">
                  <c:v>4.3499999999999997E-2</c:v>
                </c:pt>
                <c:pt idx="5900">
                  <c:v>4.3499999999999997E-2</c:v>
                </c:pt>
                <c:pt idx="5901">
                  <c:v>4.3499999999999997E-2</c:v>
                </c:pt>
                <c:pt idx="5902">
                  <c:v>4.3499999999999997E-2</c:v>
                </c:pt>
                <c:pt idx="5903">
                  <c:v>4.3499999999999997E-2</c:v>
                </c:pt>
                <c:pt idx="5904">
                  <c:v>4.3499999999999997E-2</c:v>
                </c:pt>
                <c:pt idx="5905">
                  <c:v>4.3499999999999997E-2</c:v>
                </c:pt>
                <c:pt idx="5906">
                  <c:v>4.3499999999999997E-2</c:v>
                </c:pt>
                <c:pt idx="5907">
                  <c:v>4.3499999999999997E-2</c:v>
                </c:pt>
                <c:pt idx="5908">
                  <c:v>4.3499999999999997E-2</c:v>
                </c:pt>
                <c:pt idx="5909">
                  <c:v>4.3499999999999997E-2</c:v>
                </c:pt>
                <c:pt idx="5910">
                  <c:v>4.3499999999999997E-2</c:v>
                </c:pt>
                <c:pt idx="5911">
                  <c:v>4.3499999999999997E-2</c:v>
                </c:pt>
                <c:pt idx="5912">
                  <c:v>4.3499999999999997E-2</c:v>
                </c:pt>
                <c:pt idx="5913">
                  <c:v>4.3499999999999997E-2</c:v>
                </c:pt>
                <c:pt idx="5914">
                  <c:v>4.3499999999999997E-2</c:v>
                </c:pt>
                <c:pt idx="5915">
                  <c:v>4.3499999999999997E-2</c:v>
                </c:pt>
                <c:pt idx="5916">
                  <c:v>4.3499999999999997E-2</c:v>
                </c:pt>
                <c:pt idx="5917">
                  <c:v>4.3499999999999997E-2</c:v>
                </c:pt>
                <c:pt idx="5918">
                  <c:v>4.3499999999999997E-2</c:v>
                </c:pt>
                <c:pt idx="5919">
                  <c:v>4.3499999999999997E-2</c:v>
                </c:pt>
                <c:pt idx="5920">
                  <c:v>4.3499999999999997E-2</c:v>
                </c:pt>
                <c:pt idx="5921">
                  <c:v>4.3499999999999997E-2</c:v>
                </c:pt>
                <c:pt idx="5922">
                  <c:v>4.3499999999999997E-2</c:v>
                </c:pt>
                <c:pt idx="5923">
                  <c:v>4.3499999999999997E-2</c:v>
                </c:pt>
                <c:pt idx="5924">
                  <c:v>4.3499999999999997E-2</c:v>
                </c:pt>
                <c:pt idx="5925">
                  <c:v>4.3499999999999997E-2</c:v>
                </c:pt>
                <c:pt idx="5926">
                  <c:v>4.3499999999999997E-2</c:v>
                </c:pt>
                <c:pt idx="5927">
                  <c:v>4.3499999999999997E-2</c:v>
                </c:pt>
                <c:pt idx="5928">
                  <c:v>4.3499999999999997E-2</c:v>
                </c:pt>
                <c:pt idx="5929">
                  <c:v>4.3499999999999997E-2</c:v>
                </c:pt>
                <c:pt idx="5930">
                  <c:v>4.3499999999999997E-2</c:v>
                </c:pt>
                <c:pt idx="5931">
                  <c:v>4.3499999999999997E-2</c:v>
                </c:pt>
                <c:pt idx="5932">
                  <c:v>4.3499999999999997E-2</c:v>
                </c:pt>
                <c:pt idx="5933">
                  <c:v>4.3499999999999997E-2</c:v>
                </c:pt>
                <c:pt idx="5934">
                  <c:v>4.3499999999999997E-2</c:v>
                </c:pt>
                <c:pt idx="5935">
                  <c:v>4.3499999999999997E-2</c:v>
                </c:pt>
                <c:pt idx="5936">
                  <c:v>4.3499999999999997E-2</c:v>
                </c:pt>
                <c:pt idx="5937">
                  <c:v>4.3499999999999997E-2</c:v>
                </c:pt>
                <c:pt idx="5938">
                  <c:v>4.3499999999999997E-2</c:v>
                </c:pt>
                <c:pt idx="5939">
                  <c:v>4.3499999999999997E-2</c:v>
                </c:pt>
                <c:pt idx="5940">
                  <c:v>4.3499999999999997E-2</c:v>
                </c:pt>
                <c:pt idx="5941">
                  <c:v>4.3499999999999997E-2</c:v>
                </c:pt>
                <c:pt idx="5942">
                  <c:v>4.3499999999999997E-2</c:v>
                </c:pt>
                <c:pt idx="5943">
                  <c:v>4.3499999999999997E-2</c:v>
                </c:pt>
                <c:pt idx="5944">
                  <c:v>4.3499999999999997E-2</c:v>
                </c:pt>
                <c:pt idx="5945">
                  <c:v>4.3499999999999997E-2</c:v>
                </c:pt>
                <c:pt idx="5946">
                  <c:v>4.3499999999999997E-2</c:v>
                </c:pt>
                <c:pt idx="5947">
                  <c:v>4.3499999999999997E-2</c:v>
                </c:pt>
                <c:pt idx="5948">
                  <c:v>4.3499999999999997E-2</c:v>
                </c:pt>
                <c:pt idx="5949">
                  <c:v>4.3499999999999997E-2</c:v>
                </c:pt>
                <c:pt idx="5950">
                  <c:v>4.3499999999999997E-2</c:v>
                </c:pt>
                <c:pt idx="5951">
                  <c:v>4.3499999999999997E-2</c:v>
                </c:pt>
                <c:pt idx="5952">
                  <c:v>4.3499999999999997E-2</c:v>
                </c:pt>
                <c:pt idx="5953">
                  <c:v>4.3499999999999997E-2</c:v>
                </c:pt>
                <c:pt idx="5954">
                  <c:v>4.3499999999999997E-2</c:v>
                </c:pt>
                <c:pt idx="5955">
                  <c:v>4.3499999999999997E-2</c:v>
                </c:pt>
                <c:pt idx="5956">
                  <c:v>4.3499999999999997E-2</c:v>
                </c:pt>
                <c:pt idx="5957">
                  <c:v>4.3499999999999997E-2</c:v>
                </c:pt>
                <c:pt idx="5958">
                  <c:v>4.3499999999999997E-2</c:v>
                </c:pt>
                <c:pt idx="5959">
                  <c:v>4.3499999999999997E-2</c:v>
                </c:pt>
                <c:pt idx="5960">
                  <c:v>4.3499999999999997E-2</c:v>
                </c:pt>
                <c:pt idx="5961">
                  <c:v>4.3499999999999997E-2</c:v>
                </c:pt>
                <c:pt idx="5962">
                  <c:v>4.3499999999999997E-2</c:v>
                </c:pt>
                <c:pt idx="5963">
                  <c:v>4.3499999999999997E-2</c:v>
                </c:pt>
                <c:pt idx="5964">
                  <c:v>4.3499999999999997E-2</c:v>
                </c:pt>
                <c:pt idx="5965">
                  <c:v>4.3499999999999997E-2</c:v>
                </c:pt>
                <c:pt idx="5966">
                  <c:v>4.3499999999999997E-2</c:v>
                </c:pt>
                <c:pt idx="5967">
                  <c:v>4.3499999999999997E-2</c:v>
                </c:pt>
                <c:pt idx="5968">
                  <c:v>4.3499999999999997E-2</c:v>
                </c:pt>
                <c:pt idx="5969">
                  <c:v>4.3499999999999997E-2</c:v>
                </c:pt>
                <c:pt idx="5970">
                  <c:v>4.3499999999999997E-2</c:v>
                </c:pt>
                <c:pt idx="5971">
                  <c:v>4.3499999999999997E-2</c:v>
                </c:pt>
                <c:pt idx="5972">
                  <c:v>4.3499999999999997E-2</c:v>
                </c:pt>
                <c:pt idx="5973">
                  <c:v>4.3499999999999997E-2</c:v>
                </c:pt>
                <c:pt idx="5974">
                  <c:v>4.3499999999999997E-2</c:v>
                </c:pt>
                <c:pt idx="5975">
                  <c:v>4.3499999999999997E-2</c:v>
                </c:pt>
                <c:pt idx="5976">
                  <c:v>4.3499999999999997E-2</c:v>
                </c:pt>
                <c:pt idx="5977">
                  <c:v>4.3499999999999997E-2</c:v>
                </c:pt>
                <c:pt idx="5978">
                  <c:v>4.3499999999999997E-2</c:v>
                </c:pt>
                <c:pt idx="5979">
                  <c:v>4.3499999999999997E-2</c:v>
                </c:pt>
                <c:pt idx="5980">
                  <c:v>4.3499999999999997E-2</c:v>
                </c:pt>
                <c:pt idx="5981">
                  <c:v>4.3499999999999997E-2</c:v>
                </c:pt>
                <c:pt idx="5982">
                  <c:v>4.3499999999999997E-2</c:v>
                </c:pt>
                <c:pt idx="5983">
                  <c:v>4.3499999999999997E-2</c:v>
                </c:pt>
                <c:pt idx="5984">
                  <c:v>4.3499999999999997E-2</c:v>
                </c:pt>
                <c:pt idx="5985">
                  <c:v>4.3499999999999997E-2</c:v>
                </c:pt>
                <c:pt idx="5986">
                  <c:v>4.3499999999999997E-2</c:v>
                </c:pt>
                <c:pt idx="5987">
                  <c:v>4.3499999999999997E-2</c:v>
                </c:pt>
                <c:pt idx="5988">
                  <c:v>4.3499999999999997E-2</c:v>
                </c:pt>
                <c:pt idx="5989">
                  <c:v>4.3499999999999997E-2</c:v>
                </c:pt>
                <c:pt idx="5990">
                  <c:v>4.3499999999999997E-2</c:v>
                </c:pt>
                <c:pt idx="5991">
                  <c:v>4.3499999999999997E-2</c:v>
                </c:pt>
                <c:pt idx="5992">
                  <c:v>4.3499999999999997E-2</c:v>
                </c:pt>
                <c:pt idx="5993">
                  <c:v>4.3499999999999997E-2</c:v>
                </c:pt>
                <c:pt idx="5994">
                  <c:v>4.3499999999999997E-2</c:v>
                </c:pt>
                <c:pt idx="5995">
                  <c:v>4.3499999999999997E-2</c:v>
                </c:pt>
                <c:pt idx="5996">
                  <c:v>4.3499999999999997E-2</c:v>
                </c:pt>
                <c:pt idx="5997">
                  <c:v>4.3499999999999997E-2</c:v>
                </c:pt>
                <c:pt idx="5998">
                  <c:v>4.3499999999999997E-2</c:v>
                </c:pt>
                <c:pt idx="5999">
                  <c:v>4.3499999999999997E-2</c:v>
                </c:pt>
                <c:pt idx="6000">
                  <c:v>4.3499999999999997E-2</c:v>
                </c:pt>
                <c:pt idx="6001">
                  <c:v>4.3499999999999997E-2</c:v>
                </c:pt>
                <c:pt idx="6002">
                  <c:v>4.3499999999999997E-2</c:v>
                </c:pt>
                <c:pt idx="6003">
                  <c:v>4.3499999999999997E-2</c:v>
                </c:pt>
                <c:pt idx="6004">
                  <c:v>4.3499999999999997E-2</c:v>
                </c:pt>
                <c:pt idx="6005">
                  <c:v>4.3499999999999997E-2</c:v>
                </c:pt>
                <c:pt idx="6006">
                  <c:v>4.3499999999999997E-2</c:v>
                </c:pt>
                <c:pt idx="6007">
                  <c:v>4.3499999999999997E-2</c:v>
                </c:pt>
                <c:pt idx="6008">
                  <c:v>4.3499999999999997E-2</c:v>
                </c:pt>
                <c:pt idx="6009">
                  <c:v>4.3499999999999997E-2</c:v>
                </c:pt>
                <c:pt idx="6010">
                  <c:v>4.3499999999999997E-2</c:v>
                </c:pt>
                <c:pt idx="6011">
                  <c:v>4.3499999999999997E-2</c:v>
                </c:pt>
                <c:pt idx="6012">
                  <c:v>4.3499999999999997E-2</c:v>
                </c:pt>
                <c:pt idx="6013">
                  <c:v>4.3499999999999997E-2</c:v>
                </c:pt>
                <c:pt idx="6014">
                  <c:v>4.3499999999999997E-2</c:v>
                </c:pt>
                <c:pt idx="6015">
                  <c:v>4.3499999999999997E-2</c:v>
                </c:pt>
                <c:pt idx="6016">
                  <c:v>4.3499999999999997E-2</c:v>
                </c:pt>
                <c:pt idx="6017">
                  <c:v>4.3499999999999997E-2</c:v>
                </c:pt>
                <c:pt idx="6018">
                  <c:v>4.3499999999999997E-2</c:v>
                </c:pt>
                <c:pt idx="6019">
                  <c:v>4.3499999999999997E-2</c:v>
                </c:pt>
                <c:pt idx="6020">
                  <c:v>4.3499999999999997E-2</c:v>
                </c:pt>
                <c:pt idx="6021">
                  <c:v>4.3499999999999997E-2</c:v>
                </c:pt>
                <c:pt idx="6022">
                  <c:v>4.3499999999999997E-2</c:v>
                </c:pt>
                <c:pt idx="6023">
                  <c:v>4.3499999999999997E-2</c:v>
                </c:pt>
                <c:pt idx="6024">
                  <c:v>4.3499999999999997E-2</c:v>
                </c:pt>
                <c:pt idx="6025">
                  <c:v>4.3499999999999997E-2</c:v>
                </c:pt>
                <c:pt idx="6026">
                  <c:v>4.3499999999999997E-2</c:v>
                </c:pt>
                <c:pt idx="6027">
                  <c:v>4.3499999999999997E-2</c:v>
                </c:pt>
                <c:pt idx="6028">
                  <c:v>4.3499999999999997E-2</c:v>
                </c:pt>
                <c:pt idx="6029">
                  <c:v>4.3499999999999997E-2</c:v>
                </c:pt>
                <c:pt idx="6030">
                  <c:v>4.3499999999999997E-2</c:v>
                </c:pt>
                <c:pt idx="6031">
                  <c:v>4.3499999999999997E-2</c:v>
                </c:pt>
                <c:pt idx="6032">
                  <c:v>4.3499999999999997E-2</c:v>
                </c:pt>
                <c:pt idx="6033">
                  <c:v>4.3499999999999997E-2</c:v>
                </c:pt>
                <c:pt idx="6034">
                  <c:v>4.3499999999999997E-2</c:v>
                </c:pt>
                <c:pt idx="6035">
                  <c:v>4.3499999999999997E-2</c:v>
                </c:pt>
                <c:pt idx="6036">
                  <c:v>4.3499999999999997E-2</c:v>
                </c:pt>
                <c:pt idx="6037">
                  <c:v>4.3499999999999997E-2</c:v>
                </c:pt>
                <c:pt idx="6038">
                  <c:v>4.3499999999999997E-2</c:v>
                </c:pt>
                <c:pt idx="6039">
                  <c:v>4.3499999999999997E-2</c:v>
                </c:pt>
                <c:pt idx="6040">
                  <c:v>4.3499999999999997E-2</c:v>
                </c:pt>
                <c:pt idx="6041">
                  <c:v>4.3499999999999997E-2</c:v>
                </c:pt>
                <c:pt idx="6042">
                  <c:v>4.3499999999999997E-2</c:v>
                </c:pt>
                <c:pt idx="6043">
                  <c:v>4.3499999999999997E-2</c:v>
                </c:pt>
                <c:pt idx="6044">
                  <c:v>4.3499999999999997E-2</c:v>
                </c:pt>
                <c:pt idx="6045">
                  <c:v>4.3499999999999997E-2</c:v>
                </c:pt>
                <c:pt idx="6046">
                  <c:v>4.3499999999999997E-2</c:v>
                </c:pt>
                <c:pt idx="6047">
                  <c:v>4.3499999999999997E-2</c:v>
                </c:pt>
                <c:pt idx="6048">
                  <c:v>4.3499999999999997E-2</c:v>
                </c:pt>
                <c:pt idx="6049">
                  <c:v>4.3499999999999997E-2</c:v>
                </c:pt>
                <c:pt idx="6050">
                  <c:v>4.3499999999999997E-2</c:v>
                </c:pt>
                <c:pt idx="6051">
                  <c:v>4.3499999999999997E-2</c:v>
                </c:pt>
                <c:pt idx="6052">
                  <c:v>4.3499999999999997E-2</c:v>
                </c:pt>
                <c:pt idx="6053">
                  <c:v>4.3499999999999997E-2</c:v>
                </c:pt>
                <c:pt idx="6054">
                  <c:v>4.3499999999999997E-2</c:v>
                </c:pt>
                <c:pt idx="6055">
                  <c:v>4.3499999999999997E-2</c:v>
                </c:pt>
                <c:pt idx="6056">
                  <c:v>4.3499999999999997E-2</c:v>
                </c:pt>
                <c:pt idx="6057">
                  <c:v>4.3499999999999997E-2</c:v>
                </c:pt>
                <c:pt idx="6058">
                  <c:v>4.3499999999999997E-2</c:v>
                </c:pt>
                <c:pt idx="6059">
                  <c:v>4.3499999999999997E-2</c:v>
                </c:pt>
                <c:pt idx="6060">
                  <c:v>4.3499999999999997E-2</c:v>
                </c:pt>
                <c:pt idx="6061">
                  <c:v>4.3499999999999997E-2</c:v>
                </c:pt>
                <c:pt idx="6062">
                  <c:v>4.3499999999999997E-2</c:v>
                </c:pt>
                <c:pt idx="6063">
                  <c:v>4.3499999999999997E-2</c:v>
                </c:pt>
                <c:pt idx="6064">
                  <c:v>4.3499999999999997E-2</c:v>
                </c:pt>
                <c:pt idx="6065">
                  <c:v>4.3499999999999997E-2</c:v>
                </c:pt>
                <c:pt idx="6066">
                  <c:v>4.3499999999999997E-2</c:v>
                </c:pt>
                <c:pt idx="6067">
                  <c:v>4.3499999999999997E-2</c:v>
                </c:pt>
                <c:pt idx="6068">
                  <c:v>4.3499999999999997E-2</c:v>
                </c:pt>
                <c:pt idx="6069">
                  <c:v>4.3499999999999997E-2</c:v>
                </c:pt>
                <c:pt idx="6070">
                  <c:v>4.3499999999999997E-2</c:v>
                </c:pt>
                <c:pt idx="6071">
                  <c:v>4.3499999999999997E-2</c:v>
                </c:pt>
                <c:pt idx="6072">
                  <c:v>4.3499999999999997E-2</c:v>
                </c:pt>
                <c:pt idx="6073">
                  <c:v>4.3499999999999997E-2</c:v>
                </c:pt>
                <c:pt idx="6074">
                  <c:v>4.3499999999999997E-2</c:v>
                </c:pt>
                <c:pt idx="6075">
                  <c:v>4.3499999999999997E-2</c:v>
                </c:pt>
                <c:pt idx="6076">
                  <c:v>4.3499999999999997E-2</c:v>
                </c:pt>
                <c:pt idx="6077">
                  <c:v>4.3499999999999997E-2</c:v>
                </c:pt>
                <c:pt idx="6078">
                  <c:v>4.3499999999999997E-2</c:v>
                </c:pt>
                <c:pt idx="6079">
                  <c:v>4.3499999999999997E-2</c:v>
                </c:pt>
                <c:pt idx="6080">
                  <c:v>4.3499999999999997E-2</c:v>
                </c:pt>
                <c:pt idx="6081">
                  <c:v>4.3499999999999997E-2</c:v>
                </c:pt>
                <c:pt idx="6082">
                  <c:v>4.3499999999999997E-2</c:v>
                </c:pt>
                <c:pt idx="6083">
                  <c:v>4.3499999999999997E-2</c:v>
                </c:pt>
                <c:pt idx="6084">
                  <c:v>4.3499999999999997E-2</c:v>
                </c:pt>
                <c:pt idx="6085">
                  <c:v>4.3499999999999997E-2</c:v>
                </c:pt>
                <c:pt idx="6086">
                  <c:v>4.3499999999999997E-2</c:v>
                </c:pt>
                <c:pt idx="6087">
                  <c:v>4.3499999999999997E-2</c:v>
                </c:pt>
                <c:pt idx="6088">
                  <c:v>4.3499999999999997E-2</c:v>
                </c:pt>
                <c:pt idx="6089">
                  <c:v>4.3499999999999997E-2</c:v>
                </c:pt>
                <c:pt idx="6090">
                  <c:v>4.3499999999999997E-2</c:v>
                </c:pt>
                <c:pt idx="6091">
                  <c:v>4.3499999999999997E-2</c:v>
                </c:pt>
                <c:pt idx="6092">
                  <c:v>4.3499999999999997E-2</c:v>
                </c:pt>
                <c:pt idx="6093">
                  <c:v>4.3499999999999997E-2</c:v>
                </c:pt>
                <c:pt idx="6094">
                  <c:v>4.3499999999999997E-2</c:v>
                </c:pt>
                <c:pt idx="6095">
                  <c:v>4.3499999999999997E-2</c:v>
                </c:pt>
                <c:pt idx="6096">
                  <c:v>4.3499999999999997E-2</c:v>
                </c:pt>
                <c:pt idx="6097">
                  <c:v>4.3499999999999997E-2</c:v>
                </c:pt>
                <c:pt idx="6098">
                  <c:v>4.3499999999999997E-2</c:v>
                </c:pt>
                <c:pt idx="6099">
                  <c:v>4.3499999999999997E-2</c:v>
                </c:pt>
                <c:pt idx="6100">
                  <c:v>4.3499999999999997E-2</c:v>
                </c:pt>
                <c:pt idx="6101">
                  <c:v>4.3499999999999997E-2</c:v>
                </c:pt>
                <c:pt idx="6102">
                  <c:v>4.3499999999999997E-2</c:v>
                </c:pt>
                <c:pt idx="6103">
                  <c:v>4.3499999999999997E-2</c:v>
                </c:pt>
                <c:pt idx="6104">
                  <c:v>4.3499999999999997E-2</c:v>
                </c:pt>
                <c:pt idx="6105">
                  <c:v>4.3499999999999997E-2</c:v>
                </c:pt>
                <c:pt idx="6106">
                  <c:v>4.3499999999999997E-2</c:v>
                </c:pt>
                <c:pt idx="6107">
                  <c:v>4.3499999999999997E-2</c:v>
                </c:pt>
                <c:pt idx="6108">
                  <c:v>4.3499999999999997E-2</c:v>
                </c:pt>
                <c:pt idx="6109">
                  <c:v>4.3499999999999997E-2</c:v>
                </c:pt>
                <c:pt idx="6110">
                  <c:v>4.3499999999999997E-2</c:v>
                </c:pt>
                <c:pt idx="6111">
                  <c:v>4.3499999999999997E-2</c:v>
                </c:pt>
                <c:pt idx="6112">
                  <c:v>4.3499999999999997E-2</c:v>
                </c:pt>
                <c:pt idx="6113">
                  <c:v>4.3499999999999997E-2</c:v>
                </c:pt>
                <c:pt idx="6114">
                  <c:v>4.3499999999999997E-2</c:v>
                </c:pt>
                <c:pt idx="6115">
                  <c:v>4.3499999999999997E-2</c:v>
                </c:pt>
                <c:pt idx="6116">
                  <c:v>4.3499999999999997E-2</c:v>
                </c:pt>
                <c:pt idx="6117">
                  <c:v>4.3499999999999997E-2</c:v>
                </c:pt>
                <c:pt idx="6118">
                  <c:v>4.3499999999999997E-2</c:v>
                </c:pt>
                <c:pt idx="6119">
                  <c:v>4.3499999999999997E-2</c:v>
                </c:pt>
                <c:pt idx="6120">
                  <c:v>4.3499999999999997E-2</c:v>
                </c:pt>
                <c:pt idx="6121">
                  <c:v>4.3499999999999997E-2</c:v>
                </c:pt>
                <c:pt idx="6122">
                  <c:v>4.3499999999999997E-2</c:v>
                </c:pt>
                <c:pt idx="6123">
                  <c:v>4.3499999999999997E-2</c:v>
                </c:pt>
                <c:pt idx="6124">
                  <c:v>4.3499999999999997E-2</c:v>
                </c:pt>
                <c:pt idx="6125">
                  <c:v>4.3499999999999997E-2</c:v>
                </c:pt>
                <c:pt idx="6126">
                  <c:v>4.3499999999999997E-2</c:v>
                </c:pt>
                <c:pt idx="6127">
                  <c:v>4.3499999999999997E-2</c:v>
                </c:pt>
                <c:pt idx="6128">
                  <c:v>4.3499999999999997E-2</c:v>
                </c:pt>
                <c:pt idx="6129">
                  <c:v>4.3499999999999997E-2</c:v>
                </c:pt>
                <c:pt idx="6130">
                  <c:v>4.3499999999999997E-2</c:v>
                </c:pt>
                <c:pt idx="6131">
                  <c:v>4.3499999999999997E-2</c:v>
                </c:pt>
                <c:pt idx="6132">
                  <c:v>4.3499999999999997E-2</c:v>
                </c:pt>
                <c:pt idx="6133">
                  <c:v>4.3499999999999997E-2</c:v>
                </c:pt>
                <c:pt idx="6134">
                  <c:v>4.3499999999999997E-2</c:v>
                </c:pt>
                <c:pt idx="6135">
                  <c:v>4.3499999999999997E-2</c:v>
                </c:pt>
                <c:pt idx="6136">
                  <c:v>4.3499999999999997E-2</c:v>
                </c:pt>
                <c:pt idx="6137">
                  <c:v>4.3499999999999997E-2</c:v>
                </c:pt>
                <c:pt idx="6138">
                  <c:v>4.3499999999999997E-2</c:v>
                </c:pt>
                <c:pt idx="6139">
                  <c:v>4.3499999999999997E-2</c:v>
                </c:pt>
                <c:pt idx="6140">
                  <c:v>4.3499999999999997E-2</c:v>
                </c:pt>
                <c:pt idx="6141">
                  <c:v>4.3499999999999997E-2</c:v>
                </c:pt>
                <c:pt idx="6142">
                  <c:v>4.3499999999999997E-2</c:v>
                </c:pt>
                <c:pt idx="6143">
                  <c:v>4.3499999999999997E-2</c:v>
                </c:pt>
                <c:pt idx="6144">
                  <c:v>4.3499999999999997E-2</c:v>
                </c:pt>
                <c:pt idx="6145">
                  <c:v>4.3499999999999997E-2</c:v>
                </c:pt>
                <c:pt idx="6146">
                  <c:v>4.3499999999999997E-2</c:v>
                </c:pt>
                <c:pt idx="6147">
                  <c:v>4.3499999999999997E-2</c:v>
                </c:pt>
                <c:pt idx="6148">
                  <c:v>4.3499999999999997E-2</c:v>
                </c:pt>
                <c:pt idx="6149">
                  <c:v>4.3499999999999997E-2</c:v>
                </c:pt>
                <c:pt idx="6150">
                  <c:v>4.3499999999999997E-2</c:v>
                </c:pt>
                <c:pt idx="6151">
                  <c:v>4.3499999999999997E-2</c:v>
                </c:pt>
                <c:pt idx="6152">
                  <c:v>4.3499999999999997E-2</c:v>
                </c:pt>
                <c:pt idx="6153">
                  <c:v>4.3499999999999997E-2</c:v>
                </c:pt>
                <c:pt idx="6154">
                  <c:v>4.3499999999999997E-2</c:v>
                </c:pt>
                <c:pt idx="6155">
                  <c:v>4.3499999999999997E-2</c:v>
                </c:pt>
                <c:pt idx="6156">
                  <c:v>4.3499999999999997E-2</c:v>
                </c:pt>
                <c:pt idx="6157">
                  <c:v>4.3499999999999997E-2</c:v>
                </c:pt>
                <c:pt idx="6158">
                  <c:v>4.3499999999999997E-2</c:v>
                </c:pt>
                <c:pt idx="6159">
                  <c:v>4.3499999999999997E-2</c:v>
                </c:pt>
                <c:pt idx="6160">
                  <c:v>4.3499999999999997E-2</c:v>
                </c:pt>
                <c:pt idx="6161">
                  <c:v>4.3499999999999997E-2</c:v>
                </c:pt>
                <c:pt idx="6162">
                  <c:v>4.3499999999999997E-2</c:v>
                </c:pt>
                <c:pt idx="6163">
                  <c:v>4.3499999999999997E-2</c:v>
                </c:pt>
                <c:pt idx="6164">
                  <c:v>4.3499999999999997E-2</c:v>
                </c:pt>
                <c:pt idx="6165">
                  <c:v>4.3499999999999997E-2</c:v>
                </c:pt>
                <c:pt idx="6166">
                  <c:v>4.3499999999999997E-2</c:v>
                </c:pt>
                <c:pt idx="6167">
                  <c:v>4.3499999999999997E-2</c:v>
                </c:pt>
                <c:pt idx="6168">
                  <c:v>4.3499999999999997E-2</c:v>
                </c:pt>
                <c:pt idx="6169">
                  <c:v>4.3499999999999997E-2</c:v>
                </c:pt>
                <c:pt idx="6170">
                  <c:v>4.3499999999999997E-2</c:v>
                </c:pt>
                <c:pt idx="6171">
                  <c:v>4.3499999999999997E-2</c:v>
                </c:pt>
                <c:pt idx="6172">
                  <c:v>4.3499999999999997E-2</c:v>
                </c:pt>
                <c:pt idx="6173">
                  <c:v>4.3499999999999997E-2</c:v>
                </c:pt>
                <c:pt idx="6174">
                  <c:v>4.3499999999999997E-2</c:v>
                </c:pt>
                <c:pt idx="6175">
                  <c:v>4.3499999999999997E-2</c:v>
                </c:pt>
                <c:pt idx="6176">
                  <c:v>4.3499999999999997E-2</c:v>
                </c:pt>
                <c:pt idx="6177">
                  <c:v>4.3499999999999997E-2</c:v>
                </c:pt>
                <c:pt idx="6178">
                  <c:v>4.3499999999999997E-2</c:v>
                </c:pt>
                <c:pt idx="6179">
                  <c:v>4.3499999999999997E-2</c:v>
                </c:pt>
                <c:pt idx="6180">
                  <c:v>4.3499999999999997E-2</c:v>
                </c:pt>
                <c:pt idx="6181">
                  <c:v>4.3499999999999997E-2</c:v>
                </c:pt>
                <c:pt idx="6182">
                  <c:v>4.3499999999999997E-2</c:v>
                </c:pt>
                <c:pt idx="6183">
                  <c:v>4.3499999999999997E-2</c:v>
                </c:pt>
                <c:pt idx="6184">
                  <c:v>4.3499999999999997E-2</c:v>
                </c:pt>
                <c:pt idx="6185">
                  <c:v>4.3499999999999997E-2</c:v>
                </c:pt>
                <c:pt idx="6186">
                  <c:v>4.3499999999999997E-2</c:v>
                </c:pt>
                <c:pt idx="6187">
                  <c:v>4.3499999999999997E-2</c:v>
                </c:pt>
                <c:pt idx="6188">
                  <c:v>4.3499999999999997E-2</c:v>
                </c:pt>
                <c:pt idx="6189">
                  <c:v>4.3499999999999997E-2</c:v>
                </c:pt>
                <c:pt idx="6190">
                  <c:v>4.3499999999999997E-2</c:v>
                </c:pt>
                <c:pt idx="6191">
                  <c:v>4.3499999999999997E-2</c:v>
                </c:pt>
                <c:pt idx="6192">
                  <c:v>4.3499999999999997E-2</c:v>
                </c:pt>
                <c:pt idx="6193">
                  <c:v>4.3499999999999997E-2</c:v>
                </c:pt>
                <c:pt idx="6194">
                  <c:v>4.3499999999999997E-2</c:v>
                </c:pt>
                <c:pt idx="6195">
                  <c:v>4.3499999999999997E-2</c:v>
                </c:pt>
                <c:pt idx="6196">
                  <c:v>4.3499999999999997E-2</c:v>
                </c:pt>
                <c:pt idx="6197">
                  <c:v>4.3499999999999997E-2</c:v>
                </c:pt>
                <c:pt idx="6198">
                  <c:v>4.3499999999999997E-2</c:v>
                </c:pt>
                <c:pt idx="6199">
                  <c:v>4.3499999999999997E-2</c:v>
                </c:pt>
                <c:pt idx="6200">
                  <c:v>4.3499999999999997E-2</c:v>
                </c:pt>
                <c:pt idx="6201">
                  <c:v>4.3499999999999997E-2</c:v>
                </c:pt>
                <c:pt idx="6202">
                  <c:v>4.3499999999999997E-2</c:v>
                </c:pt>
                <c:pt idx="6203">
                  <c:v>4.3499999999999997E-2</c:v>
                </c:pt>
                <c:pt idx="6204">
                  <c:v>4.3499999999999997E-2</c:v>
                </c:pt>
                <c:pt idx="6205">
                  <c:v>4.3499999999999997E-2</c:v>
                </c:pt>
                <c:pt idx="6206">
                  <c:v>4.3499999999999997E-2</c:v>
                </c:pt>
                <c:pt idx="6207">
                  <c:v>4.3499999999999997E-2</c:v>
                </c:pt>
                <c:pt idx="6208">
                  <c:v>4.3499999999999997E-2</c:v>
                </c:pt>
                <c:pt idx="6209">
                  <c:v>4.3499999999999997E-2</c:v>
                </c:pt>
                <c:pt idx="6210">
                  <c:v>4.3499999999999997E-2</c:v>
                </c:pt>
                <c:pt idx="6211">
                  <c:v>4.3499999999999997E-2</c:v>
                </c:pt>
                <c:pt idx="6212">
                  <c:v>4.3499999999999997E-2</c:v>
                </c:pt>
                <c:pt idx="6213">
                  <c:v>4.3499999999999997E-2</c:v>
                </c:pt>
                <c:pt idx="6214">
                  <c:v>4.3499999999999997E-2</c:v>
                </c:pt>
                <c:pt idx="6215">
                  <c:v>4.3499999999999997E-2</c:v>
                </c:pt>
                <c:pt idx="6216">
                  <c:v>4.3499999999999997E-2</c:v>
                </c:pt>
                <c:pt idx="6217">
                  <c:v>4.3499999999999997E-2</c:v>
                </c:pt>
                <c:pt idx="6218">
                  <c:v>4.3499999999999997E-2</c:v>
                </c:pt>
                <c:pt idx="6219">
                  <c:v>4.3499999999999997E-2</c:v>
                </c:pt>
                <c:pt idx="6220">
                  <c:v>4.3499999999999997E-2</c:v>
                </c:pt>
                <c:pt idx="6221">
                  <c:v>4.3499999999999997E-2</c:v>
                </c:pt>
                <c:pt idx="6222">
                  <c:v>4.3499999999999997E-2</c:v>
                </c:pt>
                <c:pt idx="6223">
                  <c:v>4.3499999999999997E-2</c:v>
                </c:pt>
                <c:pt idx="6224">
                  <c:v>4.3499999999999997E-2</c:v>
                </c:pt>
                <c:pt idx="6225">
                  <c:v>4.3499999999999997E-2</c:v>
                </c:pt>
                <c:pt idx="6226">
                  <c:v>4.3499999999999997E-2</c:v>
                </c:pt>
                <c:pt idx="6227">
                  <c:v>4.3499999999999997E-2</c:v>
                </c:pt>
                <c:pt idx="6228">
                  <c:v>4.3499999999999997E-2</c:v>
                </c:pt>
                <c:pt idx="6229">
                  <c:v>4.3499999999999997E-2</c:v>
                </c:pt>
                <c:pt idx="6230">
                  <c:v>4.3499999999999997E-2</c:v>
                </c:pt>
                <c:pt idx="6231">
                  <c:v>4.3499999999999997E-2</c:v>
                </c:pt>
                <c:pt idx="6232">
                  <c:v>4.3499999999999997E-2</c:v>
                </c:pt>
                <c:pt idx="6233">
                  <c:v>4.3499999999999997E-2</c:v>
                </c:pt>
                <c:pt idx="6234">
                  <c:v>4.3499999999999997E-2</c:v>
                </c:pt>
                <c:pt idx="6235">
                  <c:v>4.3499999999999997E-2</c:v>
                </c:pt>
                <c:pt idx="6236">
                  <c:v>4.3499999999999997E-2</c:v>
                </c:pt>
                <c:pt idx="6237">
                  <c:v>4.3499999999999997E-2</c:v>
                </c:pt>
                <c:pt idx="6238">
                  <c:v>4.3499999999999997E-2</c:v>
                </c:pt>
                <c:pt idx="6239">
                  <c:v>4.3499999999999997E-2</c:v>
                </c:pt>
                <c:pt idx="6240">
                  <c:v>4.3499999999999997E-2</c:v>
                </c:pt>
                <c:pt idx="6241">
                  <c:v>4.3499999999999997E-2</c:v>
                </c:pt>
                <c:pt idx="6242">
                  <c:v>4.3499999999999997E-2</c:v>
                </c:pt>
                <c:pt idx="6243">
                  <c:v>4.3499999999999997E-2</c:v>
                </c:pt>
                <c:pt idx="6244">
                  <c:v>4.3499999999999997E-2</c:v>
                </c:pt>
                <c:pt idx="6245">
                  <c:v>4.3499999999999997E-2</c:v>
                </c:pt>
                <c:pt idx="6246">
                  <c:v>4.3499999999999997E-2</c:v>
                </c:pt>
                <c:pt idx="6247">
                  <c:v>4.3499999999999997E-2</c:v>
                </c:pt>
                <c:pt idx="6248">
                  <c:v>4.3499999999999997E-2</c:v>
                </c:pt>
                <c:pt idx="6249">
                  <c:v>4.3499999999999997E-2</c:v>
                </c:pt>
                <c:pt idx="6250">
                  <c:v>4.3499999999999997E-2</c:v>
                </c:pt>
                <c:pt idx="6251">
                  <c:v>4.3499999999999997E-2</c:v>
                </c:pt>
                <c:pt idx="6252">
                  <c:v>4.3499999999999997E-2</c:v>
                </c:pt>
                <c:pt idx="6253">
                  <c:v>4.3499999999999997E-2</c:v>
                </c:pt>
                <c:pt idx="6254">
                  <c:v>4.3499999999999997E-2</c:v>
                </c:pt>
                <c:pt idx="6255">
                  <c:v>4.3499999999999997E-2</c:v>
                </c:pt>
                <c:pt idx="6256">
                  <c:v>4.3499999999999997E-2</c:v>
                </c:pt>
                <c:pt idx="6257">
                  <c:v>4.3499999999999997E-2</c:v>
                </c:pt>
                <c:pt idx="6258">
                  <c:v>4.3499999999999997E-2</c:v>
                </c:pt>
                <c:pt idx="6259">
                  <c:v>4.3499999999999997E-2</c:v>
                </c:pt>
                <c:pt idx="6260">
                  <c:v>4.3499999999999997E-2</c:v>
                </c:pt>
                <c:pt idx="6261">
                  <c:v>4.3499999999999997E-2</c:v>
                </c:pt>
                <c:pt idx="6262">
                  <c:v>4.3499999999999997E-2</c:v>
                </c:pt>
                <c:pt idx="6263">
                  <c:v>4.3499999999999997E-2</c:v>
                </c:pt>
                <c:pt idx="6264">
                  <c:v>4.3499999999999997E-2</c:v>
                </c:pt>
                <c:pt idx="6265">
                  <c:v>4.3499999999999997E-2</c:v>
                </c:pt>
                <c:pt idx="6266">
                  <c:v>4.3499999999999997E-2</c:v>
                </c:pt>
                <c:pt idx="6267">
                  <c:v>4.3499999999999997E-2</c:v>
                </c:pt>
                <c:pt idx="6268">
                  <c:v>4.3499999999999997E-2</c:v>
                </c:pt>
                <c:pt idx="6269">
                  <c:v>4.3499999999999997E-2</c:v>
                </c:pt>
                <c:pt idx="6270">
                  <c:v>4.3499999999999997E-2</c:v>
                </c:pt>
                <c:pt idx="6271">
                  <c:v>4.3499999999999997E-2</c:v>
                </c:pt>
                <c:pt idx="6272">
                  <c:v>4.3499999999999997E-2</c:v>
                </c:pt>
                <c:pt idx="6273">
                  <c:v>4.3499999999999997E-2</c:v>
                </c:pt>
                <c:pt idx="6274">
                  <c:v>4.3499999999999997E-2</c:v>
                </c:pt>
                <c:pt idx="6275">
                  <c:v>4.3499999999999997E-2</c:v>
                </c:pt>
                <c:pt idx="6276">
                  <c:v>4.3499999999999997E-2</c:v>
                </c:pt>
                <c:pt idx="6277">
                  <c:v>4.3499999999999997E-2</c:v>
                </c:pt>
                <c:pt idx="6278">
                  <c:v>4.3499999999999997E-2</c:v>
                </c:pt>
                <c:pt idx="6279">
                  <c:v>4.3499999999999997E-2</c:v>
                </c:pt>
                <c:pt idx="6280">
                  <c:v>4.3499999999999997E-2</c:v>
                </c:pt>
                <c:pt idx="6281">
                  <c:v>4.3499999999999997E-2</c:v>
                </c:pt>
                <c:pt idx="6282">
                  <c:v>4.3499999999999997E-2</c:v>
                </c:pt>
                <c:pt idx="6283">
                  <c:v>4.3499999999999997E-2</c:v>
                </c:pt>
                <c:pt idx="6284">
                  <c:v>4.3499999999999997E-2</c:v>
                </c:pt>
                <c:pt idx="6285">
                  <c:v>4.3499999999999997E-2</c:v>
                </c:pt>
                <c:pt idx="6286">
                  <c:v>4.3499999999999997E-2</c:v>
                </c:pt>
                <c:pt idx="6287">
                  <c:v>4.3499999999999997E-2</c:v>
                </c:pt>
                <c:pt idx="6288">
                  <c:v>4.3499999999999997E-2</c:v>
                </c:pt>
                <c:pt idx="6289">
                  <c:v>4.3499999999999997E-2</c:v>
                </c:pt>
                <c:pt idx="6290">
                  <c:v>4.3499999999999997E-2</c:v>
                </c:pt>
                <c:pt idx="6291">
                  <c:v>4.3499999999999997E-2</c:v>
                </c:pt>
                <c:pt idx="6292">
                  <c:v>4.3499999999999997E-2</c:v>
                </c:pt>
                <c:pt idx="6293">
                  <c:v>4.3499999999999997E-2</c:v>
                </c:pt>
                <c:pt idx="6294">
                  <c:v>4.3499999999999997E-2</c:v>
                </c:pt>
                <c:pt idx="6295">
                  <c:v>4.3499999999999997E-2</c:v>
                </c:pt>
                <c:pt idx="6296">
                  <c:v>4.3499999999999997E-2</c:v>
                </c:pt>
                <c:pt idx="6297">
                  <c:v>4.3499999999999997E-2</c:v>
                </c:pt>
                <c:pt idx="6298">
                  <c:v>4.3499999999999997E-2</c:v>
                </c:pt>
                <c:pt idx="6299">
                  <c:v>4.3499999999999997E-2</c:v>
                </c:pt>
                <c:pt idx="6300">
                  <c:v>4.3499999999999997E-2</c:v>
                </c:pt>
                <c:pt idx="6301">
                  <c:v>4.3499999999999997E-2</c:v>
                </c:pt>
                <c:pt idx="6302">
                  <c:v>4.3499999999999997E-2</c:v>
                </c:pt>
                <c:pt idx="6303">
                  <c:v>4.3499999999999997E-2</c:v>
                </c:pt>
                <c:pt idx="6304">
                  <c:v>4.3499999999999997E-2</c:v>
                </c:pt>
                <c:pt idx="6305">
                  <c:v>4.3499999999999997E-2</c:v>
                </c:pt>
                <c:pt idx="6306">
                  <c:v>4.3499999999999997E-2</c:v>
                </c:pt>
                <c:pt idx="6307">
                  <c:v>4.3499999999999997E-2</c:v>
                </c:pt>
                <c:pt idx="6308">
                  <c:v>4.3499999999999997E-2</c:v>
                </c:pt>
                <c:pt idx="6309">
                  <c:v>4.3499999999999997E-2</c:v>
                </c:pt>
                <c:pt idx="6310">
                  <c:v>4.3499999999999997E-2</c:v>
                </c:pt>
                <c:pt idx="6311">
                  <c:v>4.3499999999999997E-2</c:v>
                </c:pt>
                <c:pt idx="6312">
                  <c:v>4.3499999999999997E-2</c:v>
                </c:pt>
                <c:pt idx="6313">
                  <c:v>4.3499999999999997E-2</c:v>
                </c:pt>
                <c:pt idx="6314">
                  <c:v>4.3499999999999997E-2</c:v>
                </c:pt>
                <c:pt idx="6315">
                  <c:v>4.3499999999999997E-2</c:v>
                </c:pt>
                <c:pt idx="6316">
                  <c:v>4.3499999999999997E-2</c:v>
                </c:pt>
                <c:pt idx="6317">
                  <c:v>4.3499999999999997E-2</c:v>
                </c:pt>
                <c:pt idx="6318">
                  <c:v>4.3499999999999997E-2</c:v>
                </c:pt>
                <c:pt idx="6319">
                  <c:v>4.3499999999999997E-2</c:v>
                </c:pt>
                <c:pt idx="6320">
                  <c:v>4.3499999999999997E-2</c:v>
                </c:pt>
                <c:pt idx="6321">
                  <c:v>4.3499999999999997E-2</c:v>
                </c:pt>
                <c:pt idx="6322">
                  <c:v>4.3499999999999997E-2</c:v>
                </c:pt>
                <c:pt idx="6323">
                  <c:v>4.3499999999999997E-2</c:v>
                </c:pt>
                <c:pt idx="6324">
                  <c:v>4.3499999999999997E-2</c:v>
                </c:pt>
                <c:pt idx="6325">
                  <c:v>4.3499999999999997E-2</c:v>
                </c:pt>
                <c:pt idx="6326">
                  <c:v>4.3499999999999997E-2</c:v>
                </c:pt>
                <c:pt idx="6327">
                  <c:v>4.3499999999999997E-2</c:v>
                </c:pt>
                <c:pt idx="6328">
                  <c:v>4.3499999999999997E-2</c:v>
                </c:pt>
                <c:pt idx="6329">
                  <c:v>4.3499999999999997E-2</c:v>
                </c:pt>
                <c:pt idx="6330">
                  <c:v>4.3499999999999997E-2</c:v>
                </c:pt>
                <c:pt idx="6331">
                  <c:v>4.3499999999999997E-2</c:v>
                </c:pt>
                <c:pt idx="6332">
                  <c:v>4.3499999999999997E-2</c:v>
                </c:pt>
                <c:pt idx="6333">
                  <c:v>4.3499999999999997E-2</c:v>
                </c:pt>
                <c:pt idx="6334">
                  <c:v>4.3499999999999997E-2</c:v>
                </c:pt>
                <c:pt idx="6335">
                  <c:v>4.3499999999999997E-2</c:v>
                </c:pt>
                <c:pt idx="6336">
                  <c:v>4.3499999999999997E-2</c:v>
                </c:pt>
                <c:pt idx="6337">
                  <c:v>4.3499999999999997E-2</c:v>
                </c:pt>
                <c:pt idx="6338">
                  <c:v>4.3499999999999997E-2</c:v>
                </c:pt>
                <c:pt idx="6339">
                  <c:v>4.3499999999999997E-2</c:v>
                </c:pt>
                <c:pt idx="6340">
                  <c:v>4.3499999999999997E-2</c:v>
                </c:pt>
                <c:pt idx="6341">
                  <c:v>4.3499999999999997E-2</c:v>
                </c:pt>
                <c:pt idx="6342">
                  <c:v>4.3499999999999997E-2</c:v>
                </c:pt>
                <c:pt idx="6343">
                  <c:v>4.3499999999999997E-2</c:v>
                </c:pt>
                <c:pt idx="6344">
                  <c:v>4.3499999999999997E-2</c:v>
                </c:pt>
                <c:pt idx="6345">
                  <c:v>4.3499999999999997E-2</c:v>
                </c:pt>
                <c:pt idx="6346">
                  <c:v>4.3499999999999997E-2</c:v>
                </c:pt>
                <c:pt idx="6347">
                  <c:v>4.3499999999999997E-2</c:v>
                </c:pt>
                <c:pt idx="6348">
                  <c:v>4.3499999999999997E-2</c:v>
                </c:pt>
                <c:pt idx="6349">
                  <c:v>4.3499999999999997E-2</c:v>
                </c:pt>
                <c:pt idx="6350">
                  <c:v>4.3499999999999997E-2</c:v>
                </c:pt>
                <c:pt idx="6351">
                  <c:v>4.3499999999999997E-2</c:v>
                </c:pt>
                <c:pt idx="6352">
                  <c:v>4.3499999999999997E-2</c:v>
                </c:pt>
                <c:pt idx="6353">
                  <c:v>4.3499999999999997E-2</c:v>
                </c:pt>
                <c:pt idx="6354">
                  <c:v>4.3499999999999997E-2</c:v>
                </c:pt>
                <c:pt idx="6355">
                  <c:v>4.3499999999999997E-2</c:v>
                </c:pt>
                <c:pt idx="6356">
                  <c:v>4.3499999999999997E-2</c:v>
                </c:pt>
                <c:pt idx="6357">
                  <c:v>4.3499999999999997E-2</c:v>
                </c:pt>
                <c:pt idx="6358">
                  <c:v>4.3499999999999997E-2</c:v>
                </c:pt>
                <c:pt idx="6359">
                  <c:v>4.3499999999999997E-2</c:v>
                </c:pt>
                <c:pt idx="6360">
                  <c:v>4.3499999999999997E-2</c:v>
                </c:pt>
                <c:pt idx="6361">
                  <c:v>4.3499999999999997E-2</c:v>
                </c:pt>
                <c:pt idx="6362">
                  <c:v>4.3499999999999997E-2</c:v>
                </c:pt>
                <c:pt idx="6363">
                  <c:v>4.3499999999999997E-2</c:v>
                </c:pt>
                <c:pt idx="6364">
                  <c:v>4.3499999999999997E-2</c:v>
                </c:pt>
                <c:pt idx="6365">
                  <c:v>4.3499999999999997E-2</c:v>
                </c:pt>
                <c:pt idx="6366">
                  <c:v>4.3499999999999997E-2</c:v>
                </c:pt>
                <c:pt idx="6367">
                  <c:v>4.3499999999999997E-2</c:v>
                </c:pt>
                <c:pt idx="6368">
                  <c:v>4.3499999999999997E-2</c:v>
                </c:pt>
                <c:pt idx="6369">
                  <c:v>4.3499999999999997E-2</c:v>
                </c:pt>
                <c:pt idx="6370">
                  <c:v>4.3499999999999997E-2</c:v>
                </c:pt>
                <c:pt idx="6371">
                  <c:v>4.3499999999999997E-2</c:v>
                </c:pt>
                <c:pt idx="6372">
                  <c:v>4.3499999999999997E-2</c:v>
                </c:pt>
                <c:pt idx="6373">
                  <c:v>4.3499999999999997E-2</c:v>
                </c:pt>
                <c:pt idx="6374">
                  <c:v>4.3499999999999997E-2</c:v>
                </c:pt>
                <c:pt idx="6375">
                  <c:v>4.3499999999999997E-2</c:v>
                </c:pt>
                <c:pt idx="6376">
                  <c:v>4.3499999999999997E-2</c:v>
                </c:pt>
                <c:pt idx="6377">
                  <c:v>4.3499999999999997E-2</c:v>
                </c:pt>
                <c:pt idx="6378">
                  <c:v>4.3499999999999997E-2</c:v>
                </c:pt>
                <c:pt idx="6379">
                  <c:v>4.3499999999999997E-2</c:v>
                </c:pt>
                <c:pt idx="6380">
                  <c:v>4.3499999999999997E-2</c:v>
                </c:pt>
                <c:pt idx="6381">
                  <c:v>4.3499999999999997E-2</c:v>
                </c:pt>
                <c:pt idx="6382">
                  <c:v>4.3499999999999997E-2</c:v>
                </c:pt>
                <c:pt idx="6383">
                  <c:v>4.3499999999999997E-2</c:v>
                </c:pt>
                <c:pt idx="6384">
                  <c:v>4.3499999999999997E-2</c:v>
                </c:pt>
                <c:pt idx="6385">
                  <c:v>4.3499999999999997E-2</c:v>
                </c:pt>
                <c:pt idx="6386">
                  <c:v>4.3499999999999997E-2</c:v>
                </c:pt>
                <c:pt idx="6387">
                  <c:v>4.3499999999999997E-2</c:v>
                </c:pt>
                <c:pt idx="6388">
                  <c:v>4.3499999999999997E-2</c:v>
                </c:pt>
                <c:pt idx="6389">
                  <c:v>4.3499999999999997E-2</c:v>
                </c:pt>
                <c:pt idx="6390">
                  <c:v>4.3499999999999997E-2</c:v>
                </c:pt>
                <c:pt idx="6391">
                  <c:v>4.3499999999999997E-2</c:v>
                </c:pt>
                <c:pt idx="6392">
                  <c:v>4.3499999999999997E-2</c:v>
                </c:pt>
                <c:pt idx="6393">
                  <c:v>4.3499999999999997E-2</c:v>
                </c:pt>
                <c:pt idx="6394">
                  <c:v>4.3499999999999997E-2</c:v>
                </c:pt>
                <c:pt idx="6395">
                  <c:v>4.3499999999999997E-2</c:v>
                </c:pt>
                <c:pt idx="6396">
                  <c:v>4.3499999999999997E-2</c:v>
                </c:pt>
                <c:pt idx="6397">
                  <c:v>4.3499999999999997E-2</c:v>
                </c:pt>
                <c:pt idx="6398">
                  <c:v>4.3499999999999997E-2</c:v>
                </c:pt>
                <c:pt idx="6399">
                  <c:v>4.3499999999999997E-2</c:v>
                </c:pt>
                <c:pt idx="6400">
                  <c:v>4.3499999999999997E-2</c:v>
                </c:pt>
                <c:pt idx="6401">
                  <c:v>4.3499999999999997E-2</c:v>
                </c:pt>
                <c:pt idx="6402">
                  <c:v>4.3499999999999997E-2</c:v>
                </c:pt>
                <c:pt idx="6403">
                  <c:v>4.3499999999999997E-2</c:v>
                </c:pt>
                <c:pt idx="6404">
                  <c:v>4.3499999999999997E-2</c:v>
                </c:pt>
                <c:pt idx="6405">
                  <c:v>4.3499999999999997E-2</c:v>
                </c:pt>
                <c:pt idx="6406">
                  <c:v>4.3499999999999997E-2</c:v>
                </c:pt>
                <c:pt idx="6407">
                  <c:v>4.3499999999999997E-2</c:v>
                </c:pt>
                <c:pt idx="6408">
                  <c:v>4.3499999999999997E-2</c:v>
                </c:pt>
                <c:pt idx="6409">
                  <c:v>4.3499999999999997E-2</c:v>
                </c:pt>
                <c:pt idx="6410">
                  <c:v>4.3499999999999997E-2</c:v>
                </c:pt>
                <c:pt idx="6411">
                  <c:v>4.3499999999999997E-2</c:v>
                </c:pt>
                <c:pt idx="6412">
                  <c:v>4.3499999999999997E-2</c:v>
                </c:pt>
                <c:pt idx="6413">
                  <c:v>4.3499999999999997E-2</c:v>
                </c:pt>
                <c:pt idx="6414">
                  <c:v>4.3499999999999997E-2</c:v>
                </c:pt>
                <c:pt idx="6415">
                  <c:v>4.3499999999999997E-2</c:v>
                </c:pt>
                <c:pt idx="6416">
                  <c:v>4.3499999999999997E-2</c:v>
                </c:pt>
                <c:pt idx="6417">
                  <c:v>4.3499999999999997E-2</c:v>
                </c:pt>
                <c:pt idx="6418">
                  <c:v>4.3499999999999997E-2</c:v>
                </c:pt>
                <c:pt idx="6419">
                  <c:v>4.3499999999999997E-2</c:v>
                </c:pt>
                <c:pt idx="6420">
                  <c:v>4.3499999999999997E-2</c:v>
                </c:pt>
                <c:pt idx="6421">
                  <c:v>4.3499999999999997E-2</c:v>
                </c:pt>
                <c:pt idx="6422">
                  <c:v>4.3499999999999997E-2</c:v>
                </c:pt>
                <c:pt idx="6423">
                  <c:v>4.3499999999999997E-2</c:v>
                </c:pt>
                <c:pt idx="6424">
                  <c:v>4.3499999999999997E-2</c:v>
                </c:pt>
                <c:pt idx="6425">
                  <c:v>4.3499999999999997E-2</c:v>
                </c:pt>
                <c:pt idx="6426">
                  <c:v>4.3499999999999997E-2</c:v>
                </c:pt>
                <c:pt idx="6427">
                  <c:v>4.3499999999999997E-2</c:v>
                </c:pt>
                <c:pt idx="6428">
                  <c:v>4.3499999999999997E-2</c:v>
                </c:pt>
                <c:pt idx="6429">
                  <c:v>4.3499999999999997E-2</c:v>
                </c:pt>
                <c:pt idx="6430">
                  <c:v>4.3499999999999997E-2</c:v>
                </c:pt>
                <c:pt idx="6431">
                  <c:v>4.3499999999999997E-2</c:v>
                </c:pt>
                <c:pt idx="6432">
                  <c:v>4.3499999999999997E-2</c:v>
                </c:pt>
                <c:pt idx="6433">
                  <c:v>4.3499999999999997E-2</c:v>
                </c:pt>
                <c:pt idx="6434">
                  <c:v>4.3499999999999997E-2</c:v>
                </c:pt>
                <c:pt idx="6435">
                  <c:v>4.3499999999999997E-2</c:v>
                </c:pt>
                <c:pt idx="6436">
                  <c:v>4.3499999999999997E-2</c:v>
                </c:pt>
                <c:pt idx="6437">
                  <c:v>4.3499999999999997E-2</c:v>
                </c:pt>
                <c:pt idx="6438">
                  <c:v>4.3499999999999997E-2</c:v>
                </c:pt>
                <c:pt idx="6439">
                  <c:v>4.3499999999999997E-2</c:v>
                </c:pt>
                <c:pt idx="6440">
                  <c:v>4.3499999999999997E-2</c:v>
                </c:pt>
                <c:pt idx="6441">
                  <c:v>4.3499999999999997E-2</c:v>
                </c:pt>
                <c:pt idx="6442">
                  <c:v>4.3499999999999997E-2</c:v>
                </c:pt>
                <c:pt idx="6443">
                  <c:v>4.3499999999999997E-2</c:v>
                </c:pt>
                <c:pt idx="6444">
                  <c:v>4.3499999999999997E-2</c:v>
                </c:pt>
                <c:pt idx="6445">
                  <c:v>4.3499999999999997E-2</c:v>
                </c:pt>
                <c:pt idx="6446">
                  <c:v>4.3499999999999997E-2</c:v>
                </c:pt>
                <c:pt idx="6447">
                  <c:v>4.3499999999999997E-2</c:v>
                </c:pt>
                <c:pt idx="6448">
                  <c:v>4.3499999999999997E-2</c:v>
                </c:pt>
                <c:pt idx="6449">
                  <c:v>4.3499999999999997E-2</c:v>
                </c:pt>
                <c:pt idx="6450">
                  <c:v>4.3499999999999997E-2</c:v>
                </c:pt>
                <c:pt idx="6451">
                  <c:v>4.3499999999999997E-2</c:v>
                </c:pt>
                <c:pt idx="6452">
                  <c:v>4.3499999999999997E-2</c:v>
                </c:pt>
                <c:pt idx="6453">
                  <c:v>4.3499999999999997E-2</c:v>
                </c:pt>
                <c:pt idx="6454">
                  <c:v>4.3499999999999997E-2</c:v>
                </c:pt>
                <c:pt idx="6455">
                  <c:v>4.3499999999999997E-2</c:v>
                </c:pt>
                <c:pt idx="6456">
                  <c:v>4.3499999999999997E-2</c:v>
                </c:pt>
                <c:pt idx="6457">
                  <c:v>4.3499999999999997E-2</c:v>
                </c:pt>
                <c:pt idx="6458">
                  <c:v>4.3499999999999997E-2</c:v>
                </c:pt>
                <c:pt idx="6459">
                  <c:v>4.3499999999999997E-2</c:v>
                </c:pt>
                <c:pt idx="6460">
                  <c:v>4.3499999999999997E-2</c:v>
                </c:pt>
                <c:pt idx="6461">
                  <c:v>4.3499999999999997E-2</c:v>
                </c:pt>
                <c:pt idx="6462">
                  <c:v>4.3499999999999997E-2</c:v>
                </c:pt>
                <c:pt idx="6463">
                  <c:v>4.3499999999999997E-2</c:v>
                </c:pt>
                <c:pt idx="6464">
                  <c:v>4.3499999999999997E-2</c:v>
                </c:pt>
                <c:pt idx="6465">
                  <c:v>4.3499999999999997E-2</c:v>
                </c:pt>
                <c:pt idx="6466">
                  <c:v>4.3499999999999997E-2</c:v>
                </c:pt>
                <c:pt idx="6467">
                  <c:v>4.3499999999999997E-2</c:v>
                </c:pt>
                <c:pt idx="6468">
                  <c:v>4.3499999999999997E-2</c:v>
                </c:pt>
                <c:pt idx="6469">
                  <c:v>4.3499999999999997E-2</c:v>
                </c:pt>
                <c:pt idx="6470">
                  <c:v>4.3499999999999997E-2</c:v>
                </c:pt>
                <c:pt idx="6471">
                  <c:v>4.3499999999999997E-2</c:v>
                </c:pt>
                <c:pt idx="6472">
                  <c:v>4.3499999999999997E-2</c:v>
                </c:pt>
                <c:pt idx="6473">
                  <c:v>4.3499999999999997E-2</c:v>
                </c:pt>
                <c:pt idx="6474">
                  <c:v>4.3499999999999997E-2</c:v>
                </c:pt>
                <c:pt idx="6475">
                  <c:v>4.3499999999999997E-2</c:v>
                </c:pt>
                <c:pt idx="6476">
                  <c:v>4.3499999999999997E-2</c:v>
                </c:pt>
                <c:pt idx="6477">
                  <c:v>4.3499999999999997E-2</c:v>
                </c:pt>
                <c:pt idx="6478">
                  <c:v>4.3499999999999997E-2</c:v>
                </c:pt>
                <c:pt idx="6479">
                  <c:v>4.3499999999999997E-2</c:v>
                </c:pt>
                <c:pt idx="6480">
                  <c:v>4.3499999999999997E-2</c:v>
                </c:pt>
                <c:pt idx="6481">
                  <c:v>4.3499999999999997E-2</c:v>
                </c:pt>
                <c:pt idx="6482">
                  <c:v>4.3499999999999997E-2</c:v>
                </c:pt>
                <c:pt idx="6483">
                  <c:v>4.3499999999999997E-2</c:v>
                </c:pt>
                <c:pt idx="6484">
                  <c:v>4.3499999999999997E-2</c:v>
                </c:pt>
                <c:pt idx="6485">
                  <c:v>4.3499999999999997E-2</c:v>
                </c:pt>
                <c:pt idx="6486">
                  <c:v>4.3499999999999997E-2</c:v>
                </c:pt>
                <c:pt idx="6487">
                  <c:v>4.3499999999999997E-2</c:v>
                </c:pt>
                <c:pt idx="6488">
                  <c:v>4.3499999999999997E-2</c:v>
                </c:pt>
                <c:pt idx="6489">
                  <c:v>4.3499999999999997E-2</c:v>
                </c:pt>
                <c:pt idx="6490">
                  <c:v>4.3499999999999997E-2</c:v>
                </c:pt>
                <c:pt idx="6491">
                  <c:v>4.3499999999999997E-2</c:v>
                </c:pt>
                <c:pt idx="6492">
                  <c:v>4.3499999999999997E-2</c:v>
                </c:pt>
                <c:pt idx="6493">
                  <c:v>4.3499999999999997E-2</c:v>
                </c:pt>
                <c:pt idx="6494">
                  <c:v>4.3499999999999997E-2</c:v>
                </c:pt>
                <c:pt idx="6495">
                  <c:v>4.3499999999999997E-2</c:v>
                </c:pt>
                <c:pt idx="6496">
                  <c:v>4.3499999999999997E-2</c:v>
                </c:pt>
                <c:pt idx="6497">
                  <c:v>4.3499999999999997E-2</c:v>
                </c:pt>
                <c:pt idx="6498">
                  <c:v>4.3499999999999997E-2</c:v>
                </c:pt>
                <c:pt idx="6499">
                  <c:v>4.3499999999999997E-2</c:v>
                </c:pt>
                <c:pt idx="6500">
                  <c:v>4.3499999999999997E-2</c:v>
                </c:pt>
                <c:pt idx="6501">
                  <c:v>4.3499999999999997E-2</c:v>
                </c:pt>
                <c:pt idx="6502">
                  <c:v>4.3499999999999997E-2</c:v>
                </c:pt>
                <c:pt idx="6503">
                  <c:v>4.3499999999999997E-2</c:v>
                </c:pt>
                <c:pt idx="6504">
                  <c:v>4.3499999999999997E-2</c:v>
                </c:pt>
                <c:pt idx="6505">
                  <c:v>4.3499999999999997E-2</c:v>
                </c:pt>
                <c:pt idx="6506">
                  <c:v>4.3499999999999997E-2</c:v>
                </c:pt>
                <c:pt idx="6507">
                  <c:v>4.3499999999999997E-2</c:v>
                </c:pt>
                <c:pt idx="6508">
                  <c:v>4.3499999999999997E-2</c:v>
                </c:pt>
                <c:pt idx="6509">
                  <c:v>4.3499999999999997E-2</c:v>
                </c:pt>
                <c:pt idx="6510">
                  <c:v>4.3499999999999997E-2</c:v>
                </c:pt>
                <c:pt idx="6511">
                  <c:v>4.3499999999999997E-2</c:v>
                </c:pt>
                <c:pt idx="6512">
                  <c:v>4.3499999999999997E-2</c:v>
                </c:pt>
                <c:pt idx="6513">
                  <c:v>4.3499999999999997E-2</c:v>
                </c:pt>
                <c:pt idx="6514">
                  <c:v>4.3499999999999997E-2</c:v>
                </c:pt>
                <c:pt idx="6515">
                  <c:v>4.3499999999999997E-2</c:v>
                </c:pt>
                <c:pt idx="6516">
                  <c:v>4.3499999999999997E-2</c:v>
                </c:pt>
                <c:pt idx="6517">
                  <c:v>4.3499999999999997E-2</c:v>
                </c:pt>
                <c:pt idx="6518">
                  <c:v>4.3499999999999997E-2</c:v>
                </c:pt>
                <c:pt idx="6519">
                  <c:v>4.3499999999999997E-2</c:v>
                </c:pt>
                <c:pt idx="6520">
                  <c:v>4.3499999999999997E-2</c:v>
                </c:pt>
                <c:pt idx="6521">
                  <c:v>4.3499999999999997E-2</c:v>
                </c:pt>
                <c:pt idx="6522">
                  <c:v>4.3499999999999997E-2</c:v>
                </c:pt>
                <c:pt idx="6523">
                  <c:v>4.3499999999999997E-2</c:v>
                </c:pt>
                <c:pt idx="6524">
                  <c:v>4.3499999999999997E-2</c:v>
                </c:pt>
                <c:pt idx="6525">
                  <c:v>4.3499999999999997E-2</c:v>
                </c:pt>
                <c:pt idx="6526">
                  <c:v>4.3499999999999997E-2</c:v>
                </c:pt>
                <c:pt idx="6527">
                  <c:v>4.3499999999999997E-2</c:v>
                </c:pt>
                <c:pt idx="6528">
                  <c:v>4.3499999999999997E-2</c:v>
                </c:pt>
                <c:pt idx="6529">
                  <c:v>4.3499999999999997E-2</c:v>
                </c:pt>
                <c:pt idx="6530">
                  <c:v>4.3499999999999997E-2</c:v>
                </c:pt>
                <c:pt idx="6531">
                  <c:v>4.3499999999999997E-2</c:v>
                </c:pt>
                <c:pt idx="6532">
                  <c:v>4.3499999999999997E-2</c:v>
                </c:pt>
                <c:pt idx="6533">
                  <c:v>4.3499999999999997E-2</c:v>
                </c:pt>
                <c:pt idx="6534">
                  <c:v>4.3499999999999997E-2</c:v>
                </c:pt>
                <c:pt idx="6535">
                  <c:v>4.3499999999999997E-2</c:v>
                </c:pt>
                <c:pt idx="6536">
                  <c:v>4.3499999999999997E-2</c:v>
                </c:pt>
                <c:pt idx="6537">
                  <c:v>4.3499999999999997E-2</c:v>
                </c:pt>
                <c:pt idx="6538">
                  <c:v>4.3499999999999997E-2</c:v>
                </c:pt>
                <c:pt idx="6539">
                  <c:v>4.3499999999999997E-2</c:v>
                </c:pt>
                <c:pt idx="6540">
                  <c:v>4.3499999999999997E-2</c:v>
                </c:pt>
                <c:pt idx="6541">
                  <c:v>4.3499999999999997E-2</c:v>
                </c:pt>
                <c:pt idx="6542">
                  <c:v>4.3499999999999997E-2</c:v>
                </c:pt>
                <c:pt idx="6543">
                  <c:v>4.3499999999999997E-2</c:v>
                </c:pt>
                <c:pt idx="6544">
                  <c:v>4.3499999999999997E-2</c:v>
                </c:pt>
                <c:pt idx="6545">
                  <c:v>4.3499999999999997E-2</c:v>
                </c:pt>
                <c:pt idx="6546">
                  <c:v>4.3499999999999997E-2</c:v>
                </c:pt>
                <c:pt idx="6547">
                  <c:v>4.3499999999999997E-2</c:v>
                </c:pt>
                <c:pt idx="6548">
                  <c:v>4.3499999999999997E-2</c:v>
                </c:pt>
                <c:pt idx="6549">
                  <c:v>4.3499999999999997E-2</c:v>
                </c:pt>
                <c:pt idx="6550">
                  <c:v>4.3499999999999997E-2</c:v>
                </c:pt>
                <c:pt idx="6551">
                  <c:v>4.3499999999999997E-2</c:v>
                </c:pt>
                <c:pt idx="6552">
                  <c:v>4.3499999999999997E-2</c:v>
                </c:pt>
                <c:pt idx="6553">
                  <c:v>4.3499999999999997E-2</c:v>
                </c:pt>
                <c:pt idx="6554">
                  <c:v>4.3499999999999997E-2</c:v>
                </c:pt>
                <c:pt idx="6555">
                  <c:v>4.3499999999999997E-2</c:v>
                </c:pt>
                <c:pt idx="6556">
                  <c:v>4.3499999999999997E-2</c:v>
                </c:pt>
                <c:pt idx="6557">
                  <c:v>4.3499999999999997E-2</c:v>
                </c:pt>
                <c:pt idx="6558">
                  <c:v>4.3499999999999997E-2</c:v>
                </c:pt>
                <c:pt idx="6559">
                  <c:v>4.3499999999999997E-2</c:v>
                </c:pt>
                <c:pt idx="6560">
                  <c:v>4.3499999999999997E-2</c:v>
                </c:pt>
                <c:pt idx="6561">
                  <c:v>4.3499999999999997E-2</c:v>
                </c:pt>
                <c:pt idx="6562">
                  <c:v>4.3499999999999997E-2</c:v>
                </c:pt>
                <c:pt idx="6563">
                  <c:v>4.3499999999999997E-2</c:v>
                </c:pt>
                <c:pt idx="6564">
                  <c:v>4.3499999999999997E-2</c:v>
                </c:pt>
                <c:pt idx="6565">
                  <c:v>4.3499999999999997E-2</c:v>
                </c:pt>
                <c:pt idx="6566">
                  <c:v>4.3499999999999997E-2</c:v>
                </c:pt>
                <c:pt idx="6567">
                  <c:v>4.3499999999999997E-2</c:v>
                </c:pt>
                <c:pt idx="6568">
                  <c:v>4.3499999999999997E-2</c:v>
                </c:pt>
                <c:pt idx="6569">
                  <c:v>4.3499999999999997E-2</c:v>
                </c:pt>
                <c:pt idx="6570">
                  <c:v>4.3499999999999997E-2</c:v>
                </c:pt>
                <c:pt idx="6571">
                  <c:v>4.3499999999999997E-2</c:v>
                </c:pt>
                <c:pt idx="6572">
                  <c:v>4.3499999999999997E-2</c:v>
                </c:pt>
                <c:pt idx="6573">
                  <c:v>4.3499999999999997E-2</c:v>
                </c:pt>
                <c:pt idx="6574">
                  <c:v>4.3499999999999997E-2</c:v>
                </c:pt>
                <c:pt idx="6575">
                  <c:v>4.3499999999999997E-2</c:v>
                </c:pt>
                <c:pt idx="6576">
                  <c:v>4.3499999999999997E-2</c:v>
                </c:pt>
                <c:pt idx="6577">
                  <c:v>4.3499999999999997E-2</c:v>
                </c:pt>
                <c:pt idx="6578">
                  <c:v>4.3499999999999997E-2</c:v>
                </c:pt>
                <c:pt idx="6579">
                  <c:v>4.3499999999999997E-2</c:v>
                </c:pt>
                <c:pt idx="6580">
                  <c:v>4.3499999999999997E-2</c:v>
                </c:pt>
                <c:pt idx="6581">
                  <c:v>4.3499999999999997E-2</c:v>
                </c:pt>
                <c:pt idx="6582">
                  <c:v>4.3499999999999997E-2</c:v>
                </c:pt>
                <c:pt idx="6583">
                  <c:v>4.3499999999999997E-2</c:v>
                </c:pt>
                <c:pt idx="6584">
                  <c:v>4.3499999999999997E-2</c:v>
                </c:pt>
                <c:pt idx="6585">
                  <c:v>4.3499999999999997E-2</c:v>
                </c:pt>
                <c:pt idx="6586">
                  <c:v>4.3499999999999997E-2</c:v>
                </c:pt>
                <c:pt idx="6587">
                  <c:v>4.3499999999999997E-2</c:v>
                </c:pt>
                <c:pt idx="6588">
                  <c:v>4.3499999999999997E-2</c:v>
                </c:pt>
                <c:pt idx="6589">
                  <c:v>4.3499999999999997E-2</c:v>
                </c:pt>
                <c:pt idx="6590">
                  <c:v>4.3499999999999997E-2</c:v>
                </c:pt>
                <c:pt idx="6591">
                  <c:v>4.3499999999999997E-2</c:v>
                </c:pt>
                <c:pt idx="6592">
                  <c:v>4.3499999999999997E-2</c:v>
                </c:pt>
                <c:pt idx="6593">
                  <c:v>4.3499999999999997E-2</c:v>
                </c:pt>
                <c:pt idx="6594">
                  <c:v>4.3499999999999997E-2</c:v>
                </c:pt>
                <c:pt idx="6595">
                  <c:v>4.3499999999999997E-2</c:v>
                </c:pt>
                <c:pt idx="6596">
                  <c:v>4.3499999999999997E-2</c:v>
                </c:pt>
                <c:pt idx="6597">
                  <c:v>4.3499999999999997E-2</c:v>
                </c:pt>
                <c:pt idx="6598">
                  <c:v>4.3499999999999997E-2</c:v>
                </c:pt>
                <c:pt idx="6599">
                  <c:v>4.3499999999999997E-2</c:v>
                </c:pt>
                <c:pt idx="6600">
                  <c:v>4.3499999999999997E-2</c:v>
                </c:pt>
                <c:pt idx="6601">
                  <c:v>4.3499999999999997E-2</c:v>
                </c:pt>
                <c:pt idx="6602">
                  <c:v>4.3499999999999997E-2</c:v>
                </c:pt>
                <c:pt idx="6603">
                  <c:v>4.3499999999999997E-2</c:v>
                </c:pt>
                <c:pt idx="6604">
                  <c:v>4.3499999999999997E-2</c:v>
                </c:pt>
                <c:pt idx="6605">
                  <c:v>4.3499999999999997E-2</c:v>
                </c:pt>
                <c:pt idx="6606">
                  <c:v>4.3499999999999997E-2</c:v>
                </c:pt>
                <c:pt idx="6607">
                  <c:v>4.3499999999999997E-2</c:v>
                </c:pt>
                <c:pt idx="6608">
                  <c:v>4.3499999999999997E-2</c:v>
                </c:pt>
                <c:pt idx="6609">
                  <c:v>4.3499999999999997E-2</c:v>
                </c:pt>
                <c:pt idx="6610">
                  <c:v>4.3499999999999997E-2</c:v>
                </c:pt>
                <c:pt idx="6611">
                  <c:v>4.3499999999999997E-2</c:v>
                </c:pt>
                <c:pt idx="6612">
                  <c:v>4.3499999999999997E-2</c:v>
                </c:pt>
                <c:pt idx="6613">
                  <c:v>4.3499999999999997E-2</c:v>
                </c:pt>
                <c:pt idx="6614">
                  <c:v>4.3499999999999997E-2</c:v>
                </c:pt>
                <c:pt idx="6615">
                  <c:v>4.3499999999999997E-2</c:v>
                </c:pt>
                <c:pt idx="6616">
                  <c:v>4.3499999999999997E-2</c:v>
                </c:pt>
                <c:pt idx="6617">
                  <c:v>4.3499999999999997E-2</c:v>
                </c:pt>
                <c:pt idx="6618">
                  <c:v>4.3499999999999997E-2</c:v>
                </c:pt>
                <c:pt idx="6619">
                  <c:v>4.3499999999999997E-2</c:v>
                </c:pt>
                <c:pt idx="6620">
                  <c:v>4.3499999999999997E-2</c:v>
                </c:pt>
                <c:pt idx="6621">
                  <c:v>4.3499999999999997E-2</c:v>
                </c:pt>
                <c:pt idx="6622">
                  <c:v>4.3499999999999997E-2</c:v>
                </c:pt>
                <c:pt idx="6623">
                  <c:v>4.3499999999999997E-2</c:v>
                </c:pt>
                <c:pt idx="6624">
                  <c:v>4.3499999999999997E-2</c:v>
                </c:pt>
                <c:pt idx="6625">
                  <c:v>4.3499999999999997E-2</c:v>
                </c:pt>
                <c:pt idx="6626">
                  <c:v>4.3499999999999997E-2</c:v>
                </c:pt>
                <c:pt idx="6627">
                  <c:v>4.3499999999999997E-2</c:v>
                </c:pt>
                <c:pt idx="6628">
                  <c:v>4.3499999999999997E-2</c:v>
                </c:pt>
                <c:pt idx="6629">
                  <c:v>4.3499999999999997E-2</c:v>
                </c:pt>
                <c:pt idx="6630">
                  <c:v>4.3499999999999997E-2</c:v>
                </c:pt>
                <c:pt idx="6631">
                  <c:v>4.3499999999999997E-2</c:v>
                </c:pt>
                <c:pt idx="6632">
                  <c:v>4.3499999999999997E-2</c:v>
                </c:pt>
                <c:pt idx="6633">
                  <c:v>4.3499999999999997E-2</c:v>
                </c:pt>
                <c:pt idx="6634">
                  <c:v>4.3499999999999997E-2</c:v>
                </c:pt>
                <c:pt idx="6635">
                  <c:v>4.3499999999999997E-2</c:v>
                </c:pt>
                <c:pt idx="6636">
                  <c:v>4.3499999999999997E-2</c:v>
                </c:pt>
                <c:pt idx="6637">
                  <c:v>4.3499999999999997E-2</c:v>
                </c:pt>
                <c:pt idx="6638">
                  <c:v>4.3499999999999997E-2</c:v>
                </c:pt>
                <c:pt idx="6639">
                  <c:v>4.3499999999999997E-2</c:v>
                </c:pt>
                <c:pt idx="6640">
                  <c:v>4.3499999999999997E-2</c:v>
                </c:pt>
                <c:pt idx="6641">
                  <c:v>4.3499999999999997E-2</c:v>
                </c:pt>
                <c:pt idx="6642">
                  <c:v>4.3499999999999997E-2</c:v>
                </c:pt>
                <c:pt idx="6643">
                  <c:v>4.3499999999999997E-2</c:v>
                </c:pt>
                <c:pt idx="6644">
                  <c:v>4.3499999999999997E-2</c:v>
                </c:pt>
                <c:pt idx="6645">
                  <c:v>4.3499999999999997E-2</c:v>
                </c:pt>
                <c:pt idx="6646">
                  <c:v>4.3499999999999997E-2</c:v>
                </c:pt>
                <c:pt idx="6647">
                  <c:v>4.3499999999999997E-2</c:v>
                </c:pt>
                <c:pt idx="6648">
                  <c:v>4.3499999999999997E-2</c:v>
                </c:pt>
                <c:pt idx="6649">
                  <c:v>4.3499999999999997E-2</c:v>
                </c:pt>
                <c:pt idx="6650">
                  <c:v>4.3499999999999997E-2</c:v>
                </c:pt>
                <c:pt idx="6651">
                  <c:v>4.3499999999999997E-2</c:v>
                </c:pt>
                <c:pt idx="6652">
                  <c:v>4.3499999999999997E-2</c:v>
                </c:pt>
                <c:pt idx="6653">
                  <c:v>4.3499999999999997E-2</c:v>
                </c:pt>
                <c:pt idx="6654">
                  <c:v>4.3499999999999997E-2</c:v>
                </c:pt>
                <c:pt idx="6655">
                  <c:v>4.3499999999999997E-2</c:v>
                </c:pt>
                <c:pt idx="6656">
                  <c:v>4.3499999999999997E-2</c:v>
                </c:pt>
                <c:pt idx="6657">
                  <c:v>4.3499999999999997E-2</c:v>
                </c:pt>
                <c:pt idx="6658">
                  <c:v>4.3499999999999997E-2</c:v>
                </c:pt>
                <c:pt idx="6659">
                  <c:v>4.3499999999999997E-2</c:v>
                </c:pt>
                <c:pt idx="6660">
                  <c:v>4.3499999999999997E-2</c:v>
                </c:pt>
                <c:pt idx="6661">
                  <c:v>4.3499999999999997E-2</c:v>
                </c:pt>
                <c:pt idx="6662">
                  <c:v>4.3499999999999997E-2</c:v>
                </c:pt>
                <c:pt idx="6663">
                  <c:v>4.3499999999999997E-2</c:v>
                </c:pt>
                <c:pt idx="6664">
                  <c:v>4.3499999999999997E-2</c:v>
                </c:pt>
                <c:pt idx="6665">
                  <c:v>4.3499999999999997E-2</c:v>
                </c:pt>
                <c:pt idx="6666">
                  <c:v>4.3499999999999997E-2</c:v>
                </c:pt>
                <c:pt idx="6667">
                  <c:v>4.3499999999999997E-2</c:v>
                </c:pt>
                <c:pt idx="6668">
                  <c:v>4.3499999999999997E-2</c:v>
                </c:pt>
                <c:pt idx="6669">
                  <c:v>4.3499999999999997E-2</c:v>
                </c:pt>
                <c:pt idx="6670">
                  <c:v>4.3499999999999997E-2</c:v>
                </c:pt>
                <c:pt idx="6671">
                  <c:v>4.3499999999999997E-2</c:v>
                </c:pt>
                <c:pt idx="6672">
                  <c:v>4.3499999999999997E-2</c:v>
                </c:pt>
                <c:pt idx="6673">
                  <c:v>4.3499999999999997E-2</c:v>
                </c:pt>
                <c:pt idx="6674">
                  <c:v>4.3499999999999997E-2</c:v>
                </c:pt>
                <c:pt idx="6675">
                  <c:v>4.3499999999999997E-2</c:v>
                </c:pt>
                <c:pt idx="6676">
                  <c:v>4.3499999999999997E-2</c:v>
                </c:pt>
                <c:pt idx="6677">
                  <c:v>4.3499999999999997E-2</c:v>
                </c:pt>
                <c:pt idx="6678">
                  <c:v>4.3499999999999997E-2</c:v>
                </c:pt>
                <c:pt idx="6679">
                  <c:v>4.3499999999999997E-2</c:v>
                </c:pt>
                <c:pt idx="6680">
                  <c:v>4.3499999999999997E-2</c:v>
                </c:pt>
                <c:pt idx="6681">
                  <c:v>4.3499999999999997E-2</c:v>
                </c:pt>
                <c:pt idx="6682">
                  <c:v>4.3499999999999997E-2</c:v>
                </c:pt>
                <c:pt idx="6683">
                  <c:v>4.3499999999999997E-2</c:v>
                </c:pt>
                <c:pt idx="6684">
                  <c:v>4.3499999999999997E-2</c:v>
                </c:pt>
                <c:pt idx="6685">
                  <c:v>4.3499999999999997E-2</c:v>
                </c:pt>
                <c:pt idx="6686">
                  <c:v>4.3499999999999997E-2</c:v>
                </c:pt>
                <c:pt idx="6687">
                  <c:v>4.3499999999999997E-2</c:v>
                </c:pt>
                <c:pt idx="6688">
                  <c:v>4.3499999999999997E-2</c:v>
                </c:pt>
                <c:pt idx="6689">
                  <c:v>4.3499999999999997E-2</c:v>
                </c:pt>
                <c:pt idx="6690">
                  <c:v>4.3499999999999997E-2</c:v>
                </c:pt>
                <c:pt idx="6691">
                  <c:v>4.3499999999999997E-2</c:v>
                </c:pt>
                <c:pt idx="6692">
                  <c:v>4.3499999999999997E-2</c:v>
                </c:pt>
                <c:pt idx="6693">
                  <c:v>4.3499999999999997E-2</c:v>
                </c:pt>
                <c:pt idx="6694">
                  <c:v>4.3499999999999997E-2</c:v>
                </c:pt>
                <c:pt idx="6695">
                  <c:v>4.3499999999999997E-2</c:v>
                </c:pt>
                <c:pt idx="6696">
                  <c:v>4.3499999999999997E-2</c:v>
                </c:pt>
                <c:pt idx="6697">
                  <c:v>4.3499999999999997E-2</c:v>
                </c:pt>
                <c:pt idx="6698">
                  <c:v>4.3499999999999997E-2</c:v>
                </c:pt>
                <c:pt idx="6699">
                  <c:v>4.3499999999999997E-2</c:v>
                </c:pt>
                <c:pt idx="6700">
                  <c:v>4.3499999999999997E-2</c:v>
                </c:pt>
                <c:pt idx="6701">
                  <c:v>4.3499999999999997E-2</c:v>
                </c:pt>
                <c:pt idx="6702">
                  <c:v>4.3499999999999997E-2</c:v>
                </c:pt>
                <c:pt idx="6703">
                  <c:v>4.3499999999999997E-2</c:v>
                </c:pt>
                <c:pt idx="6704">
                  <c:v>4.3499999999999997E-2</c:v>
                </c:pt>
                <c:pt idx="6705">
                  <c:v>4.3499999999999997E-2</c:v>
                </c:pt>
                <c:pt idx="6706">
                  <c:v>4.3499999999999997E-2</c:v>
                </c:pt>
                <c:pt idx="6707">
                  <c:v>4.3499999999999997E-2</c:v>
                </c:pt>
                <c:pt idx="6708">
                  <c:v>4.3499999999999997E-2</c:v>
                </c:pt>
                <c:pt idx="6709">
                  <c:v>4.3499999999999997E-2</c:v>
                </c:pt>
                <c:pt idx="6710">
                  <c:v>4.3499999999999997E-2</c:v>
                </c:pt>
                <c:pt idx="6711">
                  <c:v>4.3499999999999997E-2</c:v>
                </c:pt>
                <c:pt idx="6712">
                  <c:v>4.3499999999999997E-2</c:v>
                </c:pt>
                <c:pt idx="6713">
                  <c:v>4.3499999999999997E-2</c:v>
                </c:pt>
                <c:pt idx="6714">
                  <c:v>4.3499999999999997E-2</c:v>
                </c:pt>
                <c:pt idx="6715">
                  <c:v>4.3499999999999997E-2</c:v>
                </c:pt>
                <c:pt idx="6716">
                  <c:v>4.3499999999999997E-2</c:v>
                </c:pt>
                <c:pt idx="6717">
                  <c:v>4.3499999999999997E-2</c:v>
                </c:pt>
                <c:pt idx="6718">
                  <c:v>4.3499999999999997E-2</c:v>
                </c:pt>
                <c:pt idx="6719">
                  <c:v>4.3499999999999997E-2</c:v>
                </c:pt>
                <c:pt idx="6720">
                  <c:v>4.3499999999999997E-2</c:v>
                </c:pt>
                <c:pt idx="6721">
                  <c:v>4.3499999999999997E-2</c:v>
                </c:pt>
                <c:pt idx="6722">
                  <c:v>4.3499999999999997E-2</c:v>
                </c:pt>
                <c:pt idx="6723">
                  <c:v>4.3499999999999997E-2</c:v>
                </c:pt>
                <c:pt idx="6724">
                  <c:v>4.3499999999999997E-2</c:v>
                </c:pt>
                <c:pt idx="6725">
                  <c:v>4.3499999999999997E-2</c:v>
                </c:pt>
                <c:pt idx="6726">
                  <c:v>4.3499999999999997E-2</c:v>
                </c:pt>
                <c:pt idx="6727">
                  <c:v>4.3499999999999997E-2</c:v>
                </c:pt>
                <c:pt idx="6728">
                  <c:v>4.3499999999999997E-2</c:v>
                </c:pt>
                <c:pt idx="6729">
                  <c:v>4.3499999999999997E-2</c:v>
                </c:pt>
                <c:pt idx="6730">
                  <c:v>4.3499999999999997E-2</c:v>
                </c:pt>
                <c:pt idx="6731">
                  <c:v>4.3499999999999997E-2</c:v>
                </c:pt>
                <c:pt idx="6732">
                  <c:v>4.3499999999999997E-2</c:v>
                </c:pt>
                <c:pt idx="6733">
                  <c:v>4.3499999999999997E-2</c:v>
                </c:pt>
                <c:pt idx="6734">
                  <c:v>4.3499999999999997E-2</c:v>
                </c:pt>
                <c:pt idx="6735">
                  <c:v>4.3499999999999997E-2</c:v>
                </c:pt>
                <c:pt idx="6736">
                  <c:v>4.3499999999999997E-2</c:v>
                </c:pt>
                <c:pt idx="6737">
                  <c:v>4.3499999999999997E-2</c:v>
                </c:pt>
                <c:pt idx="6738">
                  <c:v>4.3499999999999997E-2</c:v>
                </c:pt>
                <c:pt idx="6739">
                  <c:v>4.3499999999999997E-2</c:v>
                </c:pt>
                <c:pt idx="6740">
                  <c:v>4.3499999999999997E-2</c:v>
                </c:pt>
                <c:pt idx="6741">
                  <c:v>4.3499999999999997E-2</c:v>
                </c:pt>
                <c:pt idx="6742">
                  <c:v>4.3499999999999997E-2</c:v>
                </c:pt>
                <c:pt idx="6743">
                  <c:v>4.3499999999999997E-2</c:v>
                </c:pt>
                <c:pt idx="6744">
                  <c:v>4.3499999999999997E-2</c:v>
                </c:pt>
                <c:pt idx="6745">
                  <c:v>4.3499999999999997E-2</c:v>
                </c:pt>
                <c:pt idx="6746">
                  <c:v>4.3499999999999997E-2</c:v>
                </c:pt>
                <c:pt idx="6747">
                  <c:v>4.3499999999999997E-2</c:v>
                </c:pt>
                <c:pt idx="6748">
                  <c:v>4.3499999999999997E-2</c:v>
                </c:pt>
                <c:pt idx="6749">
                  <c:v>4.3499999999999997E-2</c:v>
                </c:pt>
                <c:pt idx="6750">
                  <c:v>4.3499999999999997E-2</c:v>
                </c:pt>
                <c:pt idx="6751">
                  <c:v>4.3499999999999997E-2</c:v>
                </c:pt>
                <c:pt idx="6752">
                  <c:v>4.3499999999999997E-2</c:v>
                </c:pt>
                <c:pt idx="6753">
                  <c:v>4.3499999999999997E-2</c:v>
                </c:pt>
                <c:pt idx="6754">
                  <c:v>4.3499999999999997E-2</c:v>
                </c:pt>
                <c:pt idx="6755">
                  <c:v>4.3499999999999997E-2</c:v>
                </c:pt>
                <c:pt idx="6756">
                  <c:v>4.3499999999999997E-2</c:v>
                </c:pt>
                <c:pt idx="6757">
                  <c:v>4.3499999999999997E-2</c:v>
                </c:pt>
                <c:pt idx="6758">
                  <c:v>4.3499999999999997E-2</c:v>
                </c:pt>
                <c:pt idx="6759">
                  <c:v>4.3499999999999997E-2</c:v>
                </c:pt>
                <c:pt idx="6760">
                  <c:v>4.3499999999999997E-2</c:v>
                </c:pt>
                <c:pt idx="6761">
                  <c:v>4.3499999999999997E-2</c:v>
                </c:pt>
                <c:pt idx="6762">
                  <c:v>4.3499999999999997E-2</c:v>
                </c:pt>
                <c:pt idx="6763">
                  <c:v>4.3499999999999997E-2</c:v>
                </c:pt>
                <c:pt idx="6764">
                  <c:v>4.3499999999999997E-2</c:v>
                </c:pt>
                <c:pt idx="6765">
                  <c:v>4.3499999999999997E-2</c:v>
                </c:pt>
                <c:pt idx="6766">
                  <c:v>4.3499999999999997E-2</c:v>
                </c:pt>
                <c:pt idx="6767">
                  <c:v>4.3499999999999997E-2</c:v>
                </c:pt>
                <c:pt idx="6768">
                  <c:v>4.3499999999999997E-2</c:v>
                </c:pt>
                <c:pt idx="6769">
                  <c:v>4.3499999999999997E-2</c:v>
                </c:pt>
                <c:pt idx="6770">
                  <c:v>4.3499999999999997E-2</c:v>
                </c:pt>
                <c:pt idx="6771">
                  <c:v>4.3499999999999997E-2</c:v>
                </c:pt>
                <c:pt idx="6772">
                  <c:v>4.3499999999999997E-2</c:v>
                </c:pt>
                <c:pt idx="6773">
                  <c:v>4.3499999999999997E-2</c:v>
                </c:pt>
                <c:pt idx="6774">
                  <c:v>4.3499999999999997E-2</c:v>
                </c:pt>
                <c:pt idx="6775">
                  <c:v>4.3499999999999997E-2</c:v>
                </c:pt>
                <c:pt idx="6776">
                  <c:v>4.3499999999999997E-2</c:v>
                </c:pt>
                <c:pt idx="6777">
                  <c:v>4.3499999999999997E-2</c:v>
                </c:pt>
                <c:pt idx="6778">
                  <c:v>4.3499999999999997E-2</c:v>
                </c:pt>
                <c:pt idx="6779">
                  <c:v>4.3499999999999997E-2</c:v>
                </c:pt>
                <c:pt idx="6780">
                  <c:v>4.3499999999999997E-2</c:v>
                </c:pt>
                <c:pt idx="6781">
                  <c:v>4.3499999999999997E-2</c:v>
                </c:pt>
                <c:pt idx="6782">
                  <c:v>4.3499999999999997E-2</c:v>
                </c:pt>
                <c:pt idx="6783">
                  <c:v>4.3499999999999997E-2</c:v>
                </c:pt>
                <c:pt idx="6784">
                  <c:v>4.3499999999999997E-2</c:v>
                </c:pt>
                <c:pt idx="6785">
                  <c:v>4.3499999999999997E-2</c:v>
                </c:pt>
                <c:pt idx="6786">
                  <c:v>4.3499999999999997E-2</c:v>
                </c:pt>
                <c:pt idx="6787">
                  <c:v>4.3499999999999997E-2</c:v>
                </c:pt>
                <c:pt idx="6788">
                  <c:v>4.3499999999999997E-2</c:v>
                </c:pt>
                <c:pt idx="6789">
                  <c:v>4.3499999999999997E-2</c:v>
                </c:pt>
                <c:pt idx="6790">
                  <c:v>4.3499999999999997E-2</c:v>
                </c:pt>
                <c:pt idx="6791">
                  <c:v>4.3499999999999997E-2</c:v>
                </c:pt>
                <c:pt idx="6792">
                  <c:v>4.3499999999999997E-2</c:v>
                </c:pt>
                <c:pt idx="6793">
                  <c:v>4.3499999999999997E-2</c:v>
                </c:pt>
                <c:pt idx="6794">
                  <c:v>4.3499999999999997E-2</c:v>
                </c:pt>
                <c:pt idx="6795">
                  <c:v>4.3499999999999997E-2</c:v>
                </c:pt>
                <c:pt idx="6796">
                  <c:v>4.3499999999999997E-2</c:v>
                </c:pt>
                <c:pt idx="6797">
                  <c:v>4.3499999999999997E-2</c:v>
                </c:pt>
                <c:pt idx="6798">
                  <c:v>4.3499999999999997E-2</c:v>
                </c:pt>
                <c:pt idx="6799">
                  <c:v>4.3499999999999997E-2</c:v>
                </c:pt>
                <c:pt idx="6800">
                  <c:v>4.3499999999999997E-2</c:v>
                </c:pt>
                <c:pt idx="6801">
                  <c:v>4.3499999999999997E-2</c:v>
                </c:pt>
                <c:pt idx="6802">
                  <c:v>4.3499999999999997E-2</c:v>
                </c:pt>
                <c:pt idx="6803">
                  <c:v>4.3499999999999997E-2</c:v>
                </c:pt>
                <c:pt idx="6804">
                  <c:v>4.3499999999999997E-2</c:v>
                </c:pt>
                <c:pt idx="6805">
                  <c:v>4.3499999999999997E-2</c:v>
                </c:pt>
                <c:pt idx="6806">
                  <c:v>4.3499999999999997E-2</c:v>
                </c:pt>
                <c:pt idx="6807">
                  <c:v>4.3499999999999997E-2</c:v>
                </c:pt>
                <c:pt idx="6808">
                  <c:v>4.3499999999999997E-2</c:v>
                </c:pt>
                <c:pt idx="6809">
                  <c:v>4.3499999999999997E-2</c:v>
                </c:pt>
                <c:pt idx="6810">
                  <c:v>4.3499999999999997E-2</c:v>
                </c:pt>
                <c:pt idx="6811">
                  <c:v>4.3499999999999997E-2</c:v>
                </c:pt>
                <c:pt idx="6812">
                  <c:v>4.3499999999999997E-2</c:v>
                </c:pt>
                <c:pt idx="6813">
                  <c:v>4.3499999999999997E-2</c:v>
                </c:pt>
                <c:pt idx="6814">
                  <c:v>4.3499999999999997E-2</c:v>
                </c:pt>
                <c:pt idx="6815">
                  <c:v>4.3499999999999997E-2</c:v>
                </c:pt>
                <c:pt idx="6816">
                  <c:v>4.3499999999999997E-2</c:v>
                </c:pt>
                <c:pt idx="6817">
                  <c:v>4.3499999999999997E-2</c:v>
                </c:pt>
                <c:pt idx="6818">
                  <c:v>4.3499999999999997E-2</c:v>
                </c:pt>
                <c:pt idx="6819">
                  <c:v>4.3499999999999997E-2</c:v>
                </c:pt>
                <c:pt idx="6820">
                  <c:v>4.3499999999999997E-2</c:v>
                </c:pt>
                <c:pt idx="6821">
                  <c:v>4.3499999999999997E-2</c:v>
                </c:pt>
                <c:pt idx="6822">
                  <c:v>4.3499999999999997E-2</c:v>
                </c:pt>
                <c:pt idx="6823">
                  <c:v>4.3499999999999997E-2</c:v>
                </c:pt>
                <c:pt idx="6824">
                  <c:v>4.3499999999999997E-2</c:v>
                </c:pt>
                <c:pt idx="6825">
                  <c:v>4.3499999999999997E-2</c:v>
                </c:pt>
                <c:pt idx="6826">
                  <c:v>4.3499999999999997E-2</c:v>
                </c:pt>
                <c:pt idx="6827">
                  <c:v>4.3499999999999997E-2</c:v>
                </c:pt>
                <c:pt idx="6828">
                  <c:v>4.3499999999999997E-2</c:v>
                </c:pt>
                <c:pt idx="6829">
                  <c:v>4.3499999999999997E-2</c:v>
                </c:pt>
                <c:pt idx="6830">
                  <c:v>4.3499999999999997E-2</c:v>
                </c:pt>
                <c:pt idx="6831">
                  <c:v>4.3499999999999997E-2</c:v>
                </c:pt>
                <c:pt idx="6832">
                  <c:v>4.3499999999999997E-2</c:v>
                </c:pt>
                <c:pt idx="6833">
                  <c:v>4.3499999999999997E-2</c:v>
                </c:pt>
                <c:pt idx="6834">
                  <c:v>4.3499999999999997E-2</c:v>
                </c:pt>
                <c:pt idx="6835">
                  <c:v>4.3499999999999997E-2</c:v>
                </c:pt>
                <c:pt idx="6836">
                  <c:v>4.3499999999999997E-2</c:v>
                </c:pt>
                <c:pt idx="6837">
                  <c:v>4.3499999999999997E-2</c:v>
                </c:pt>
                <c:pt idx="6838">
                  <c:v>4.3499999999999997E-2</c:v>
                </c:pt>
                <c:pt idx="6839">
                  <c:v>4.3499999999999997E-2</c:v>
                </c:pt>
                <c:pt idx="6840">
                  <c:v>4.3499999999999997E-2</c:v>
                </c:pt>
                <c:pt idx="6841">
                  <c:v>4.3499999999999997E-2</c:v>
                </c:pt>
                <c:pt idx="6842">
                  <c:v>4.3499999999999997E-2</c:v>
                </c:pt>
                <c:pt idx="6843">
                  <c:v>4.3499999999999997E-2</c:v>
                </c:pt>
                <c:pt idx="6844">
                  <c:v>4.3499999999999997E-2</c:v>
                </c:pt>
                <c:pt idx="6845">
                  <c:v>4.3499999999999997E-2</c:v>
                </c:pt>
                <c:pt idx="6846">
                  <c:v>4.3499999999999997E-2</c:v>
                </c:pt>
                <c:pt idx="6847">
                  <c:v>4.3499999999999997E-2</c:v>
                </c:pt>
                <c:pt idx="6848">
                  <c:v>4.3499999999999997E-2</c:v>
                </c:pt>
                <c:pt idx="6849">
                  <c:v>4.3499999999999997E-2</c:v>
                </c:pt>
                <c:pt idx="6850">
                  <c:v>4.3499999999999997E-2</c:v>
                </c:pt>
                <c:pt idx="6851">
                  <c:v>4.3499999999999997E-2</c:v>
                </c:pt>
                <c:pt idx="6852">
                  <c:v>4.3499999999999997E-2</c:v>
                </c:pt>
                <c:pt idx="6853">
                  <c:v>4.3499999999999997E-2</c:v>
                </c:pt>
                <c:pt idx="6854">
                  <c:v>4.3499999999999997E-2</c:v>
                </c:pt>
                <c:pt idx="6855">
                  <c:v>4.3499999999999997E-2</c:v>
                </c:pt>
                <c:pt idx="6856">
                  <c:v>4.3499999999999997E-2</c:v>
                </c:pt>
                <c:pt idx="6857">
                  <c:v>4.3499999999999997E-2</c:v>
                </c:pt>
                <c:pt idx="6858">
                  <c:v>4.3499999999999997E-2</c:v>
                </c:pt>
                <c:pt idx="6859">
                  <c:v>4.3499999999999997E-2</c:v>
                </c:pt>
                <c:pt idx="6860">
                  <c:v>4.3499999999999997E-2</c:v>
                </c:pt>
                <c:pt idx="6861">
                  <c:v>4.3499999999999997E-2</c:v>
                </c:pt>
                <c:pt idx="6862">
                  <c:v>4.3499999999999997E-2</c:v>
                </c:pt>
                <c:pt idx="6863">
                  <c:v>4.3499999999999997E-2</c:v>
                </c:pt>
                <c:pt idx="6864">
                  <c:v>4.3499999999999997E-2</c:v>
                </c:pt>
                <c:pt idx="6865">
                  <c:v>4.3499999999999997E-2</c:v>
                </c:pt>
                <c:pt idx="6866">
                  <c:v>4.3499999999999997E-2</c:v>
                </c:pt>
                <c:pt idx="6867">
                  <c:v>4.3499999999999997E-2</c:v>
                </c:pt>
                <c:pt idx="6868">
                  <c:v>4.3499999999999997E-2</c:v>
                </c:pt>
                <c:pt idx="6869">
                  <c:v>4.3499999999999997E-2</c:v>
                </c:pt>
                <c:pt idx="6870">
                  <c:v>4.3499999999999997E-2</c:v>
                </c:pt>
                <c:pt idx="6871">
                  <c:v>4.3499999999999997E-2</c:v>
                </c:pt>
                <c:pt idx="6872">
                  <c:v>4.3499999999999997E-2</c:v>
                </c:pt>
                <c:pt idx="6873">
                  <c:v>4.3499999999999997E-2</c:v>
                </c:pt>
                <c:pt idx="6874">
                  <c:v>4.3499999999999997E-2</c:v>
                </c:pt>
                <c:pt idx="6875">
                  <c:v>4.3499999999999997E-2</c:v>
                </c:pt>
                <c:pt idx="6876">
                  <c:v>4.3499999999999997E-2</c:v>
                </c:pt>
                <c:pt idx="6877">
                  <c:v>4.3499999999999997E-2</c:v>
                </c:pt>
                <c:pt idx="6878">
                  <c:v>4.3499999999999997E-2</c:v>
                </c:pt>
                <c:pt idx="6879">
                  <c:v>4.3499999999999997E-2</c:v>
                </c:pt>
                <c:pt idx="6880">
                  <c:v>4.3499999999999997E-2</c:v>
                </c:pt>
                <c:pt idx="6881">
                  <c:v>4.3499999999999997E-2</c:v>
                </c:pt>
                <c:pt idx="6882">
                  <c:v>4.3499999999999997E-2</c:v>
                </c:pt>
                <c:pt idx="6883">
                  <c:v>4.3499999999999997E-2</c:v>
                </c:pt>
                <c:pt idx="6884">
                  <c:v>4.3499999999999997E-2</c:v>
                </c:pt>
                <c:pt idx="6885">
                  <c:v>4.3499999999999997E-2</c:v>
                </c:pt>
                <c:pt idx="6886">
                  <c:v>4.3499999999999997E-2</c:v>
                </c:pt>
                <c:pt idx="6887">
                  <c:v>4.3499999999999997E-2</c:v>
                </c:pt>
                <c:pt idx="6888">
                  <c:v>4.3499999999999997E-2</c:v>
                </c:pt>
                <c:pt idx="6889">
                  <c:v>4.3499999999999997E-2</c:v>
                </c:pt>
                <c:pt idx="6890">
                  <c:v>4.3499999999999997E-2</c:v>
                </c:pt>
                <c:pt idx="6891">
                  <c:v>4.3499999999999997E-2</c:v>
                </c:pt>
                <c:pt idx="6892">
                  <c:v>4.3499999999999997E-2</c:v>
                </c:pt>
                <c:pt idx="6893">
                  <c:v>4.3499999999999997E-2</c:v>
                </c:pt>
                <c:pt idx="6894">
                  <c:v>4.3499999999999997E-2</c:v>
                </c:pt>
                <c:pt idx="6895">
                  <c:v>4.3499999999999997E-2</c:v>
                </c:pt>
                <c:pt idx="6896">
                  <c:v>4.3499999999999997E-2</c:v>
                </c:pt>
                <c:pt idx="6897">
                  <c:v>4.3499999999999997E-2</c:v>
                </c:pt>
                <c:pt idx="6898">
                  <c:v>4.3499999999999997E-2</c:v>
                </c:pt>
                <c:pt idx="6899">
                  <c:v>4.3499999999999997E-2</c:v>
                </c:pt>
                <c:pt idx="6900">
                  <c:v>4.3499999999999997E-2</c:v>
                </c:pt>
                <c:pt idx="6901">
                  <c:v>4.3499999999999997E-2</c:v>
                </c:pt>
                <c:pt idx="6902">
                  <c:v>4.3499999999999997E-2</c:v>
                </c:pt>
                <c:pt idx="6903">
                  <c:v>4.3499999999999997E-2</c:v>
                </c:pt>
                <c:pt idx="6904">
                  <c:v>4.3499999999999997E-2</c:v>
                </c:pt>
                <c:pt idx="6905">
                  <c:v>4.3499999999999997E-2</c:v>
                </c:pt>
                <c:pt idx="6906">
                  <c:v>4.3499999999999997E-2</c:v>
                </c:pt>
                <c:pt idx="6907">
                  <c:v>4.3499999999999997E-2</c:v>
                </c:pt>
                <c:pt idx="6908">
                  <c:v>4.3499999999999997E-2</c:v>
                </c:pt>
                <c:pt idx="6909">
                  <c:v>4.3499999999999997E-2</c:v>
                </c:pt>
                <c:pt idx="6910">
                  <c:v>4.3499999999999997E-2</c:v>
                </c:pt>
                <c:pt idx="6911">
                  <c:v>4.3499999999999997E-2</c:v>
                </c:pt>
                <c:pt idx="6912">
                  <c:v>4.3499999999999997E-2</c:v>
                </c:pt>
                <c:pt idx="6913">
                  <c:v>4.3499999999999997E-2</c:v>
                </c:pt>
                <c:pt idx="6914">
                  <c:v>4.3499999999999997E-2</c:v>
                </c:pt>
                <c:pt idx="6915">
                  <c:v>4.3499999999999997E-2</c:v>
                </c:pt>
                <c:pt idx="6916">
                  <c:v>4.3499999999999997E-2</c:v>
                </c:pt>
                <c:pt idx="6917">
                  <c:v>4.3499999999999997E-2</c:v>
                </c:pt>
                <c:pt idx="6918">
                  <c:v>4.3499999999999997E-2</c:v>
                </c:pt>
                <c:pt idx="6919">
                  <c:v>4.3499999999999997E-2</c:v>
                </c:pt>
                <c:pt idx="6920">
                  <c:v>4.3499999999999997E-2</c:v>
                </c:pt>
                <c:pt idx="6921">
                  <c:v>4.3499999999999997E-2</c:v>
                </c:pt>
                <c:pt idx="6922">
                  <c:v>4.3499999999999997E-2</c:v>
                </c:pt>
                <c:pt idx="6923">
                  <c:v>4.3499999999999997E-2</c:v>
                </c:pt>
                <c:pt idx="6924">
                  <c:v>4.3499999999999997E-2</c:v>
                </c:pt>
                <c:pt idx="6925">
                  <c:v>4.3499999999999997E-2</c:v>
                </c:pt>
                <c:pt idx="6926">
                  <c:v>4.3499999999999997E-2</c:v>
                </c:pt>
                <c:pt idx="6927">
                  <c:v>4.3499999999999997E-2</c:v>
                </c:pt>
                <c:pt idx="6928">
                  <c:v>4.3499999999999997E-2</c:v>
                </c:pt>
                <c:pt idx="6929">
                  <c:v>4.3499999999999997E-2</c:v>
                </c:pt>
                <c:pt idx="6930">
                  <c:v>4.3499999999999997E-2</c:v>
                </c:pt>
                <c:pt idx="6931">
                  <c:v>4.3499999999999997E-2</c:v>
                </c:pt>
                <c:pt idx="6932">
                  <c:v>4.3499999999999997E-2</c:v>
                </c:pt>
                <c:pt idx="6933">
                  <c:v>4.3499999999999997E-2</c:v>
                </c:pt>
                <c:pt idx="6934">
                  <c:v>4.3499999999999997E-2</c:v>
                </c:pt>
                <c:pt idx="6935">
                  <c:v>4.3499999999999997E-2</c:v>
                </c:pt>
                <c:pt idx="6936">
                  <c:v>4.3499999999999997E-2</c:v>
                </c:pt>
                <c:pt idx="6937">
                  <c:v>4.3499999999999997E-2</c:v>
                </c:pt>
                <c:pt idx="6938">
                  <c:v>4.3499999999999997E-2</c:v>
                </c:pt>
                <c:pt idx="6939">
                  <c:v>4.3499999999999997E-2</c:v>
                </c:pt>
                <c:pt idx="6940">
                  <c:v>4.3499999999999997E-2</c:v>
                </c:pt>
                <c:pt idx="6941">
                  <c:v>4.3499999999999997E-2</c:v>
                </c:pt>
                <c:pt idx="6942">
                  <c:v>4.3499999999999997E-2</c:v>
                </c:pt>
                <c:pt idx="6943">
                  <c:v>4.3499999999999997E-2</c:v>
                </c:pt>
                <c:pt idx="6944">
                  <c:v>4.3499999999999997E-2</c:v>
                </c:pt>
                <c:pt idx="6945">
                  <c:v>4.3499999999999997E-2</c:v>
                </c:pt>
                <c:pt idx="6946">
                  <c:v>4.3499999999999997E-2</c:v>
                </c:pt>
                <c:pt idx="6947">
                  <c:v>4.3499999999999997E-2</c:v>
                </c:pt>
                <c:pt idx="6948">
                  <c:v>4.3499999999999997E-2</c:v>
                </c:pt>
                <c:pt idx="6949">
                  <c:v>4.3499999999999997E-2</c:v>
                </c:pt>
                <c:pt idx="6950">
                  <c:v>4.3499999999999997E-2</c:v>
                </c:pt>
                <c:pt idx="6951">
                  <c:v>4.3499999999999997E-2</c:v>
                </c:pt>
                <c:pt idx="6952">
                  <c:v>4.3499999999999997E-2</c:v>
                </c:pt>
                <c:pt idx="6953">
                  <c:v>4.3499999999999997E-2</c:v>
                </c:pt>
                <c:pt idx="6954">
                  <c:v>4.3499999999999997E-2</c:v>
                </c:pt>
                <c:pt idx="6955">
                  <c:v>4.3499999999999997E-2</c:v>
                </c:pt>
                <c:pt idx="6956">
                  <c:v>4.3499999999999997E-2</c:v>
                </c:pt>
                <c:pt idx="6957">
                  <c:v>4.3499999999999997E-2</c:v>
                </c:pt>
                <c:pt idx="6958">
                  <c:v>4.3499999999999997E-2</c:v>
                </c:pt>
                <c:pt idx="6959">
                  <c:v>4.3499999999999997E-2</c:v>
                </c:pt>
                <c:pt idx="6960">
                  <c:v>4.3499999999999997E-2</c:v>
                </c:pt>
                <c:pt idx="6961">
                  <c:v>4.3499999999999997E-2</c:v>
                </c:pt>
                <c:pt idx="6962">
                  <c:v>4.3499999999999997E-2</c:v>
                </c:pt>
                <c:pt idx="6963">
                  <c:v>4.3499999999999997E-2</c:v>
                </c:pt>
                <c:pt idx="6964">
                  <c:v>4.3499999999999997E-2</c:v>
                </c:pt>
                <c:pt idx="6965">
                  <c:v>4.3499999999999997E-2</c:v>
                </c:pt>
                <c:pt idx="6966">
                  <c:v>4.3499999999999997E-2</c:v>
                </c:pt>
                <c:pt idx="6967">
                  <c:v>4.3499999999999997E-2</c:v>
                </c:pt>
                <c:pt idx="6968">
                  <c:v>4.3499999999999997E-2</c:v>
                </c:pt>
                <c:pt idx="6969">
                  <c:v>4.3499999999999997E-2</c:v>
                </c:pt>
                <c:pt idx="6970">
                  <c:v>4.3499999999999997E-2</c:v>
                </c:pt>
                <c:pt idx="6971">
                  <c:v>4.3499999999999997E-2</c:v>
                </c:pt>
                <c:pt idx="6972">
                  <c:v>4.3499999999999997E-2</c:v>
                </c:pt>
                <c:pt idx="6973">
                  <c:v>4.3499999999999997E-2</c:v>
                </c:pt>
                <c:pt idx="6974">
                  <c:v>4.3499999999999997E-2</c:v>
                </c:pt>
                <c:pt idx="6975">
                  <c:v>4.3499999999999997E-2</c:v>
                </c:pt>
                <c:pt idx="6976">
                  <c:v>4.3499999999999997E-2</c:v>
                </c:pt>
                <c:pt idx="6977">
                  <c:v>4.3499999999999997E-2</c:v>
                </c:pt>
                <c:pt idx="6978">
                  <c:v>4.3499999999999997E-2</c:v>
                </c:pt>
                <c:pt idx="6979">
                  <c:v>4.3499999999999997E-2</c:v>
                </c:pt>
                <c:pt idx="6980">
                  <c:v>4.3499999999999997E-2</c:v>
                </c:pt>
                <c:pt idx="6981">
                  <c:v>4.3499999999999997E-2</c:v>
                </c:pt>
                <c:pt idx="6982">
                  <c:v>4.3499999999999997E-2</c:v>
                </c:pt>
                <c:pt idx="6983">
                  <c:v>4.3499999999999997E-2</c:v>
                </c:pt>
                <c:pt idx="6984">
                  <c:v>4.3499999999999997E-2</c:v>
                </c:pt>
                <c:pt idx="6985">
                  <c:v>4.3499999999999997E-2</c:v>
                </c:pt>
                <c:pt idx="6986">
                  <c:v>4.3499999999999997E-2</c:v>
                </c:pt>
                <c:pt idx="6987">
                  <c:v>4.3499999999999997E-2</c:v>
                </c:pt>
                <c:pt idx="6988">
                  <c:v>4.3499999999999997E-2</c:v>
                </c:pt>
                <c:pt idx="6989">
                  <c:v>4.3499999999999997E-2</c:v>
                </c:pt>
                <c:pt idx="6990">
                  <c:v>4.3499999999999997E-2</c:v>
                </c:pt>
                <c:pt idx="6991">
                  <c:v>4.3499999999999997E-2</c:v>
                </c:pt>
                <c:pt idx="6992">
                  <c:v>4.3499999999999997E-2</c:v>
                </c:pt>
                <c:pt idx="6993">
                  <c:v>4.3499999999999997E-2</c:v>
                </c:pt>
                <c:pt idx="6994">
                  <c:v>4.3499999999999997E-2</c:v>
                </c:pt>
                <c:pt idx="6995">
                  <c:v>4.3499999999999997E-2</c:v>
                </c:pt>
                <c:pt idx="6996">
                  <c:v>4.3499999999999997E-2</c:v>
                </c:pt>
                <c:pt idx="6997">
                  <c:v>4.3499999999999997E-2</c:v>
                </c:pt>
                <c:pt idx="6998">
                  <c:v>4.3499999999999997E-2</c:v>
                </c:pt>
                <c:pt idx="6999">
                  <c:v>4.3499999999999997E-2</c:v>
                </c:pt>
                <c:pt idx="7000">
                  <c:v>4.3499999999999997E-2</c:v>
                </c:pt>
                <c:pt idx="7001">
                  <c:v>4.3499999999999997E-2</c:v>
                </c:pt>
                <c:pt idx="7002">
                  <c:v>4.3499999999999997E-2</c:v>
                </c:pt>
                <c:pt idx="7003">
                  <c:v>4.3499999999999997E-2</c:v>
                </c:pt>
                <c:pt idx="7004">
                  <c:v>4.3499999999999997E-2</c:v>
                </c:pt>
                <c:pt idx="7005">
                  <c:v>4.3499999999999997E-2</c:v>
                </c:pt>
                <c:pt idx="7006">
                  <c:v>4.3499999999999997E-2</c:v>
                </c:pt>
                <c:pt idx="7007">
                  <c:v>4.3499999999999997E-2</c:v>
                </c:pt>
                <c:pt idx="7008">
                  <c:v>4.3499999999999997E-2</c:v>
                </c:pt>
                <c:pt idx="7009">
                  <c:v>4.3499999999999997E-2</c:v>
                </c:pt>
                <c:pt idx="7010">
                  <c:v>4.3499999999999997E-2</c:v>
                </c:pt>
                <c:pt idx="7011">
                  <c:v>4.3499999999999997E-2</c:v>
                </c:pt>
                <c:pt idx="7012">
                  <c:v>4.3499999999999997E-2</c:v>
                </c:pt>
                <c:pt idx="7013">
                  <c:v>4.3499999999999997E-2</c:v>
                </c:pt>
                <c:pt idx="7014">
                  <c:v>4.3499999999999997E-2</c:v>
                </c:pt>
                <c:pt idx="7015">
                  <c:v>4.3499999999999997E-2</c:v>
                </c:pt>
                <c:pt idx="7016">
                  <c:v>4.3499999999999997E-2</c:v>
                </c:pt>
                <c:pt idx="7017">
                  <c:v>4.3499999999999997E-2</c:v>
                </c:pt>
                <c:pt idx="7018">
                  <c:v>4.3499999999999997E-2</c:v>
                </c:pt>
                <c:pt idx="7019">
                  <c:v>4.3499999999999997E-2</c:v>
                </c:pt>
                <c:pt idx="7020">
                  <c:v>4.3499999999999997E-2</c:v>
                </c:pt>
                <c:pt idx="7021">
                  <c:v>4.3499999999999997E-2</c:v>
                </c:pt>
                <c:pt idx="7022">
                  <c:v>4.3499999999999997E-2</c:v>
                </c:pt>
                <c:pt idx="7023">
                  <c:v>4.3499999999999997E-2</c:v>
                </c:pt>
                <c:pt idx="7024">
                  <c:v>4.3499999999999997E-2</c:v>
                </c:pt>
                <c:pt idx="7025">
                  <c:v>4.3499999999999997E-2</c:v>
                </c:pt>
                <c:pt idx="7026">
                  <c:v>4.3499999999999997E-2</c:v>
                </c:pt>
                <c:pt idx="7027">
                  <c:v>4.3499999999999997E-2</c:v>
                </c:pt>
                <c:pt idx="7028">
                  <c:v>4.3499999999999997E-2</c:v>
                </c:pt>
                <c:pt idx="7029">
                  <c:v>4.3499999999999997E-2</c:v>
                </c:pt>
                <c:pt idx="7030">
                  <c:v>4.3499999999999997E-2</c:v>
                </c:pt>
                <c:pt idx="7031">
                  <c:v>4.3499999999999997E-2</c:v>
                </c:pt>
                <c:pt idx="7032">
                  <c:v>4.3499999999999997E-2</c:v>
                </c:pt>
                <c:pt idx="7033">
                  <c:v>4.3499999999999997E-2</c:v>
                </c:pt>
                <c:pt idx="7034">
                  <c:v>4.3499999999999997E-2</c:v>
                </c:pt>
                <c:pt idx="7035">
                  <c:v>4.3499999999999997E-2</c:v>
                </c:pt>
                <c:pt idx="7036">
                  <c:v>4.3499999999999997E-2</c:v>
                </c:pt>
                <c:pt idx="7037">
                  <c:v>4.3499999999999997E-2</c:v>
                </c:pt>
                <c:pt idx="7038">
                  <c:v>4.3499999999999997E-2</c:v>
                </c:pt>
                <c:pt idx="7039">
                  <c:v>4.3499999999999997E-2</c:v>
                </c:pt>
                <c:pt idx="7040">
                  <c:v>4.3499999999999997E-2</c:v>
                </c:pt>
                <c:pt idx="7041">
                  <c:v>4.3499999999999997E-2</c:v>
                </c:pt>
                <c:pt idx="7042">
                  <c:v>4.3499999999999997E-2</c:v>
                </c:pt>
                <c:pt idx="7043">
                  <c:v>4.3499999999999997E-2</c:v>
                </c:pt>
                <c:pt idx="7044">
                  <c:v>4.3499999999999997E-2</c:v>
                </c:pt>
                <c:pt idx="7045">
                  <c:v>4.3499999999999997E-2</c:v>
                </c:pt>
                <c:pt idx="7046">
                  <c:v>4.3499999999999997E-2</c:v>
                </c:pt>
                <c:pt idx="7047">
                  <c:v>4.3499999999999997E-2</c:v>
                </c:pt>
                <c:pt idx="7048">
                  <c:v>4.3499999999999997E-2</c:v>
                </c:pt>
                <c:pt idx="7049">
                  <c:v>4.3499999999999997E-2</c:v>
                </c:pt>
                <c:pt idx="7050">
                  <c:v>4.3499999999999997E-2</c:v>
                </c:pt>
                <c:pt idx="7051">
                  <c:v>4.3499999999999997E-2</c:v>
                </c:pt>
                <c:pt idx="7052">
                  <c:v>4.3499999999999997E-2</c:v>
                </c:pt>
                <c:pt idx="7053">
                  <c:v>4.3499999999999997E-2</c:v>
                </c:pt>
                <c:pt idx="7054">
                  <c:v>4.3499999999999997E-2</c:v>
                </c:pt>
                <c:pt idx="7055">
                  <c:v>4.3499999999999997E-2</c:v>
                </c:pt>
                <c:pt idx="7056">
                  <c:v>4.3499999999999997E-2</c:v>
                </c:pt>
                <c:pt idx="7057">
                  <c:v>4.3499999999999997E-2</c:v>
                </c:pt>
                <c:pt idx="7058">
                  <c:v>4.3499999999999997E-2</c:v>
                </c:pt>
                <c:pt idx="7059">
                  <c:v>4.3499999999999997E-2</c:v>
                </c:pt>
                <c:pt idx="7060">
                  <c:v>4.3499999999999997E-2</c:v>
                </c:pt>
                <c:pt idx="7061">
                  <c:v>4.3499999999999997E-2</c:v>
                </c:pt>
                <c:pt idx="7062">
                  <c:v>4.3499999999999997E-2</c:v>
                </c:pt>
                <c:pt idx="7063">
                  <c:v>4.3499999999999997E-2</c:v>
                </c:pt>
                <c:pt idx="7064">
                  <c:v>4.3499999999999997E-2</c:v>
                </c:pt>
                <c:pt idx="7065">
                  <c:v>4.3499999999999997E-2</c:v>
                </c:pt>
                <c:pt idx="7066">
                  <c:v>4.3499999999999997E-2</c:v>
                </c:pt>
                <c:pt idx="7067">
                  <c:v>4.3499999999999997E-2</c:v>
                </c:pt>
                <c:pt idx="7068">
                  <c:v>4.3499999999999997E-2</c:v>
                </c:pt>
                <c:pt idx="7069">
                  <c:v>4.3499999999999997E-2</c:v>
                </c:pt>
                <c:pt idx="7070">
                  <c:v>4.3499999999999997E-2</c:v>
                </c:pt>
                <c:pt idx="7071">
                  <c:v>4.3499999999999997E-2</c:v>
                </c:pt>
                <c:pt idx="7072">
                  <c:v>4.3499999999999997E-2</c:v>
                </c:pt>
                <c:pt idx="7073">
                  <c:v>4.3499999999999997E-2</c:v>
                </c:pt>
                <c:pt idx="7074">
                  <c:v>4.3499999999999997E-2</c:v>
                </c:pt>
                <c:pt idx="7075">
                  <c:v>4.3499999999999997E-2</c:v>
                </c:pt>
                <c:pt idx="7076">
                  <c:v>4.3499999999999997E-2</c:v>
                </c:pt>
                <c:pt idx="7077">
                  <c:v>4.3499999999999997E-2</c:v>
                </c:pt>
                <c:pt idx="7078">
                  <c:v>4.3499999999999997E-2</c:v>
                </c:pt>
                <c:pt idx="7079">
                  <c:v>4.3499999999999997E-2</c:v>
                </c:pt>
                <c:pt idx="7080">
                  <c:v>4.3499999999999997E-2</c:v>
                </c:pt>
                <c:pt idx="7081">
                  <c:v>4.3499999999999997E-2</c:v>
                </c:pt>
                <c:pt idx="7082">
                  <c:v>4.3499999999999997E-2</c:v>
                </c:pt>
                <c:pt idx="7083">
                  <c:v>4.3499999999999997E-2</c:v>
                </c:pt>
                <c:pt idx="7084">
                  <c:v>4.3499999999999997E-2</c:v>
                </c:pt>
                <c:pt idx="7085">
                  <c:v>4.3499999999999997E-2</c:v>
                </c:pt>
                <c:pt idx="7086">
                  <c:v>4.3499999999999997E-2</c:v>
                </c:pt>
                <c:pt idx="7087">
                  <c:v>4.3499999999999997E-2</c:v>
                </c:pt>
                <c:pt idx="7088">
                  <c:v>4.3499999999999997E-2</c:v>
                </c:pt>
                <c:pt idx="7089">
                  <c:v>4.3499999999999997E-2</c:v>
                </c:pt>
                <c:pt idx="7090">
                  <c:v>4.3499999999999997E-2</c:v>
                </c:pt>
                <c:pt idx="7091">
                  <c:v>4.3499999999999997E-2</c:v>
                </c:pt>
                <c:pt idx="7092">
                  <c:v>4.3499999999999997E-2</c:v>
                </c:pt>
                <c:pt idx="7093">
                  <c:v>4.3499999999999997E-2</c:v>
                </c:pt>
                <c:pt idx="7094">
                  <c:v>4.3499999999999997E-2</c:v>
                </c:pt>
                <c:pt idx="7095">
                  <c:v>4.3499999999999997E-2</c:v>
                </c:pt>
                <c:pt idx="7096">
                  <c:v>4.3499999999999997E-2</c:v>
                </c:pt>
                <c:pt idx="7097">
                  <c:v>4.3499999999999997E-2</c:v>
                </c:pt>
                <c:pt idx="7098">
                  <c:v>4.3499999999999997E-2</c:v>
                </c:pt>
                <c:pt idx="7099">
                  <c:v>4.3499999999999997E-2</c:v>
                </c:pt>
                <c:pt idx="7100">
                  <c:v>4.3499999999999997E-2</c:v>
                </c:pt>
                <c:pt idx="7101">
                  <c:v>4.3499999999999997E-2</c:v>
                </c:pt>
                <c:pt idx="7102">
                  <c:v>4.3499999999999997E-2</c:v>
                </c:pt>
                <c:pt idx="7103">
                  <c:v>4.3499999999999997E-2</c:v>
                </c:pt>
                <c:pt idx="7104">
                  <c:v>4.3499999999999997E-2</c:v>
                </c:pt>
                <c:pt idx="7105">
                  <c:v>4.3499999999999997E-2</c:v>
                </c:pt>
                <c:pt idx="7106">
                  <c:v>4.3499999999999997E-2</c:v>
                </c:pt>
                <c:pt idx="7107">
                  <c:v>4.3499999999999997E-2</c:v>
                </c:pt>
                <c:pt idx="7108">
                  <c:v>4.3499999999999997E-2</c:v>
                </c:pt>
                <c:pt idx="7109">
                  <c:v>4.3499999999999997E-2</c:v>
                </c:pt>
                <c:pt idx="7110">
                  <c:v>4.3499999999999997E-2</c:v>
                </c:pt>
                <c:pt idx="7111">
                  <c:v>4.3499999999999997E-2</c:v>
                </c:pt>
                <c:pt idx="7112">
                  <c:v>4.3499999999999997E-2</c:v>
                </c:pt>
                <c:pt idx="7113">
                  <c:v>4.3499999999999997E-2</c:v>
                </c:pt>
                <c:pt idx="7114">
                  <c:v>4.3499999999999997E-2</c:v>
                </c:pt>
                <c:pt idx="7115">
                  <c:v>4.3499999999999997E-2</c:v>
                </c:pt>
                <c:pt idx="7116">
                  <c:v>4.3499999999999997E-2</c:v>
                </c:pt>
                <c:pt idx="7117">
                  <c:v>4.3499999999999997E-2</c:v>
                </c:pt>
                <c:pt idx="7118">
                  <c:v>4.3499999999999997E-2</c:v>
                </c:pt>
                <c:pt idx="7119">
                  <c:v>4.3499999999999997E-2</c:v>
                </c:pt>
                <c:pt idx="7120">
                  <c:v>4.3499999999999997E-2</c:v>
                </c:pt>
                <c:pt idx="7121">
                  <c:v>4.3499999999999997E-2</c:v>
                </c:pt>
                <c:pt idx="7122">
                  <c:v>4.3499999999999997E-2</c:v>
                </c:pt>
                <c:pt idx="7123">
                  <c:v>4.3499999999999997E-2</c:v>
                </c:pt>
                <c:pt idx="7124">
                  <c:v>4.3499999999999997E-2</c:v>
                </c:pt>
                <c:pt idx="7125">
                  <c:v>4.3499999999999997E-2</c:v>
                </c:pt>
                <c:pt idx="7126">
                  <c:v>4.3499999999999997E-2</c:v>
                </c:pt>
                <c:pt idx="7127">
                  <c:v>4.3499999999999997E-2</c:v>
                </c:pt>
                <c:pt idx="7128">
                  <c:v>4.3499999999999997E-2</c:v>
                </c:pt>
                <c:pt idx="7129">
                  <c:v>4.3499999999999997E-2</c:v>
                </c:pt>
                <c:pt idx="7130">
                  <c:v>4.3499999999999997E-2</c:v>
                </c:pt>
                <c:pt idx="7131">
                  <c:v>4.3499999999999997E-2</c:v>
                </c:pt>
                <c:pt idx="7132">
                  <c:v>4.3499999999999997E-2</c:v>
                </c:pt>
                <c:pt idx="7133">
                  <c:v>4.3499999999999997E-2</c:v>
                </c:pt>
                <c:pt idx="7134">
                  <c:v>4.3499999999999997E-2</c:v>
                </c:pt>
                <c:pt idx="7135">
                  <c:v>4.3499999999999997E-2</c:v>
                </c:pt>
                <c:pt idx="7136">
                  <c:v>4.3499999999999997E-2</c:v>
                </c:pt>
                <c:pt idx="7137">
                  <c:v>4.3499999999999997E-2</c:v>
                </c:pt>
                <c:pt idx="7138">
                  <c:v>4.3499999999999997E-2</c:v>
                </c:pt>
                <c:pt idx="7139">
                  <c:v>4.3499999999999997E-2</c:v>
                </c:pt>
                <c:pt idx="7140">
                  <c:v>4.3499999999999997E-2</c:v>
                </c:pt>
                <c:pt idx="7141">
                  <c:v>4.3499999999999997E-2</c:v>
                </c:pt>
                <c:pt idx="7142">
                  <c:v>4.3499999999999997E-2</c:v>
                </c:pt>
                <c:pt idx="7143">
                  <c:v>4.3499999999999997E-2</c:v>
                </c:pt>
                <c:pt idx="7144">
                  <c:v>4.3499999999999997E-2</c:v>
                </c:pt>
                <c:pt idx="7145">
                  <c:v>4.3499999999999997E-2</c:v>
                </c:pt>
                <c:pt idx="7146">
                  <c:v>4.3499999999999997E-2</c:v>
                </c:pt>
                <c:pt idx="7147">
                  <c:v>4.3499999999999997E-2</c:v>
                </c:pt>
                <c:pt idx="7148">
                  <c:v>4.3499999999999997E-2</c:v>
                </c:pt>
                <c:pt idx="7149">
                  <c:v>4.3499999999999997E-2</c:v>
                </c:pt>
                <c:pt idx="7150">
                  <c:v>4.3499999999999997E-2</c:v>
                </c:pt>
                <c:pt idx="7151">
                  <c:v>4.3499999999999997E-2</c:v>
                </c:pt>
                <c:pt idx="7152">
                  <c:v>4.3499999999999997E-2</c:v>
                </c:pt>
                <c:pt idx="7153">
                  <c:v>4.3499999999999997E-2</c:v>
                </c:pt>
                <c:pt idx="7154">
                  <c:v>4.3499999999999997E-2</c:v>
                </c:pt>
                <c:pt idx="7155">
                  <c:v>4.3499999999999997E-2</c:v>
                </c:pt>
                <c:pt idx="7156">
                  <c:v>4.3499999999999997E-2</c:v>
                </c:pt>
                <c:pt idx="7157">
                  <c:v>4.3499999999999997E-2</c:v>
                </c:pt>
                <c:pt idx="7158">
                  <c:v>4.3499999999999997E-2</c:v>
                </c:pt>
                <c:pt idx="7159">
                  <c:v>4.3499999999999997E-2</c:v>
                </c:pt>
                <c:pt idx="7160">
                  <c:v>4.3499999999999997E-2</c:v>
                </c:pt>
                <c:pt idx="7161">
                  <c:v>4.3499999999999997E-2</c:v>
                </c:pt>
                <c:pt idx="7162">
                  <c:v>4.3499999999999997E-2</c:v>
                </c:pt>
                <c:pt idx="7163">
                  <c:v>4.3499999999999997E-2</c:v>
                </c:pt>
                <c:pt idx="7164">
                  <c:v>4.3499999999999997E-2</c:v>
                </c:pt>
                <c:pt idx="7165">
                  <c:v>4.3499999999999997E-2</c:v>
                </c:pt>
                <c:pt idx="7166">
                  <c:v>4.3499999999999997E-2</c:v>
                </c:pt>
                <c:pt idx="7167">
                  <c:v>4.3499999999999997E-2</c:v>
                </c:pt>
                <c:pt idx="7168">
                  <c:v>4.3499999999999997E-2</c:v>
                </c:pt>
                <c:pt idx="7169">
                  <c:v>4.3499999999999997E-2</c:v>
                </c:pt>
                <c:pt idx="7170">
                  <c:v>4.3499999999999997E-2</c:v>
                </c:pt>
                <c:pt idx="7171">
                  <c:v>4.3499999999999997E-2</c:v>
                </c:pt>
                <c:pt idx="7172">
                  <c:v>4.3499999999999997E-2</c:v>
                </c:pt>
                <c:pt idx="7173">
                  <c:v>4.3499999999999997E-2</c:v>
                </c:pt>
                <c:pt idx="7174">
                  <c:v>4.3499999999999997E-2</c:v>
                </c:pt>
                <c:pt idx="7175">
                  <c:v>4.3499999999999997E-2</c:v>
                </c:pt>
                <c:pt idx="7176">
                  <c:v>4.3499999999999997E-2</c:v>
                </c:pt>
                <c:pt idx="7177">
                  <c:v>4.3499999999999997E-2</c:v>
                </c:pt>
                <c:pt idx="7178">
                  <c:v>4.3499999999999997E-2</c:v>
                </c:pt>
                <c:pt idx="7179">
                  <c:v>4.3499999999999997E-2</c:v>
                </c:pt>
                <c:pt idx="7180">
                  <c:v>4.3499999999999997E-2</c:v>
                </c:pt>
                <c:pt idx="7181">
                  <c:v>4.3499999999999997E-2</c:v>
                </c:pt>
                <c:pt idx="7182">
                  <c:v>4.3499999999999997E-2</c:v>
                </c:pt>
                <c:pt idx="7183">
                  <c:v>4.3499999999999997E-2</c:v>
                </c:pt>
                <c:pt idx="7184">
                  <c:v>4.3499999999999997E-2</c:v>
                </c:pt>
                <c:pt idx="7185">
                  <c:v>4.3499999999999997E-2</c:v>
                </c:pt>
                <c:pt idx="7186">
                  <c:v>4.3499999999999997E-2</c:v>
                </c:pt>
                <c:pt idx="7187">
                  <c:v>4.3499999999999997E-2</c:v>
                </c:pt>
                <c:pt idx="7188">
                  <c:v>4.3499999999999997E-2</c:v>
                </c:pt>
                <c:pt idx="7189">
                  <c:v>4.3499999999999997E-2</c:v>
                </c:pt>
                <c:pt idx="7190">
                  <c:v>4.3499999999999997E-2</c:v>
                </c:pt>
                <c:pt idx="7191">
                  <c:v>4.3499999999999997E-2</c:v>
                </c:pt>
                <c:pt idx="7192">
                  <c:v>4.3499999999999997E-2</c:v>
                </c:pt>
                <c:pt idx="7193">
                  <c:v>4.3499999999999997E-2</c:v>
                </c:pt>
                <c:pt idx="7194">
                  <c:v>4.3499999999999997E-2</c:v>
                </c:pt>
                <c:pt idx="7195">
                  <c:v>4.3499999999999997E-2</c:v>
                </c:pt>
                <c:pt idx="7196">
                  <c:v>4.3499999999999997E-2</c:v>
                </c:pt>
                <c:pt idx="7197">
                  <c:v>4.3499999999999997E-2</c:v>
                </c:pt>
                <c:pt idx="7198">
                  <c:v>4.3499999999999997E-2</c:v>
                </c:pt>
                <c:pt idx="7199">
                  <c:v>4.3499999999999997E-2</c:v>
                </c:pt>
                <c:pt idx="7200">
                  <c:v>4.3499999999999997E-2</c:v>
                </c:pt>
                <c:pt idx="7201">
                  <c:v>4.3499999999999997E-2</c:v>
                </c:pt>
                <c:pt idx="7202">
                  <c:v>4.3499999999999997E-2</c:v>
                </c:pt>
                <c:pt idx="7203">
                  <c:v>4.3499999999999997E-2</c:v>
                </c:pt>
                <c:pt idx="7204">
                  <c:v>4.3499999999999997E-2</c:v>
                </c:pt>
                <c:pt idx="7205">
                  <c:v>4.3499999999999997E-2</c:v>
                </c:pt>
                <c:pt idx="7206">
                  <c:v>4.3499999999999997E-2</c:v>
                </c:pt>
                <c:pt idx="7207">
                  <c:v>4.3499999999999997E-2</c:v>
                </c:pt>
                <c:pt idx="7208">
                  <c:v>4.3499999999999997E-2</c:v>
                </c:pt>
                <c:pt idx="7209">
                  <c:v>4.3499999999999997E-2</c:v>
                </c:pt>
                <c:pt idx="7210">
                  <c:v>4.3499999999999997E-2</c:v>
                </c:pt>
                <c:pt idx="7211">
                  <c:v>4.3499999999999997E-2</c:v>
                </c:pt>
                <c:pt idx="7212">
                  <c:v>4.3499999999999997E-2</c:v>
                </c:pt>
                <c:pt idx="7213">
                  <c:v>4.3499999999999997E-2</c:v>
                </c:pt>
                <c:pt idx="7214">
                  <c:v>4.3499999999999997E-2</c:v>
                </c:pt>
                <c:pt idx="7215">
                  <c:v>4.3499999999999997E-2</c:v>
                </c:pt>
                <c:pt idx="7216">
                  <c:v>4.3499999999999997E-2</c:v>
                </c:pt>
                <c:pt idx="7217">
                  <c:v>4.3499999999999997E-2</c:v>
                </c:pt>
                <c:pt idx="7218">
                  <c:v>4.3499999999999997E-2</c:v>
                </c:pt>
                <c:pt idx="7219">
                  <c:v>4.3499999999999997E-2</c:v>
                </c:pt>
                <c:pt idx="7220">
                  <c:v>4.3499999999999997E-2</c:v>
                </c:pt>
                <c:pt idx="7221">
                  <c:v>4.3499999999999997E-2</c:v>
                </c:pt>
                <c:pt idx="7222">
                  <c:v>4.3499999999999997E-2</c:v>
                </c:pt>
                <c:pt idx="7223">
                  <c:v>4.3499999999999997E-2</c:v>
                </c:pt>
                <c:pt idx="7224">
                  <c:v>4.3499999999999997E-2</c:v>
                </c:pt>
                <c:pt idx="7225">
                  <c:v>4.3499999999999997E-2</c:v>
                </c:pt>
                <c:pt idx="7226">
                  <c:v>4.3499999999999997E-2</c:v>
                </c:pt>
                <c:pt idx="7227">
                  <c:v>4.3499999999999997E-2</c:v>
                </c:pt>
                <c:pt idx="7228">
                  <c:v>4.3499999999999997E-2</c:v>
                </c:pt>
                <c:pt idx="7229">
                  <c:v>4.3499999999999997E-2</c:v>
                </c:pt>
                <c:pt idx="7230">
                  <c:v>4.3499999999999997E-2</c:v>
                </c:pt>
                <c:pt idx="7231">
                  <c:v>4.3499999999999997E-2</c:v>
                </c:pt>
                <c:pt idx="7232">
                  <c:v>4.3499999999999997E-2</c:v>
                </c:pt>
                <c:pt idx="7233">
                  <c:v>4.3499999999999997E-2</c:v>
                </c:pt>
                <c:pt idx="7234">
                  <c:v>4.3499999999999997E-2</c:v>
                </c:pt>
                <c:pt idx="7235">
                  <c:v>4.3499999999999997E-2</c:v>
                </c:pt>
                <c:pt idx="7236">
                  <c:v>4.3499999999999997E-2</c:v>
                </c:pt>
                <c:pt idx="7237">
                  <c:v>4.3499999999999997E-2</c:v>
                </c:pt>
                <c:pt idx="7238">
                  <c:v>4.3499999999999997E-2</c:v>
                </c:pt>
                <c:pt idx="7239">
                  <c:v>4.3499999999999997E-2</c:v>
                </c:pt>
                <c:pt idx="7240">
                  <c:v>4.3499999999999997E-2</c:v>
                </c:pt>
                <c:pt idx="7241">
                  <c:v>4.3499999999999997E-2</c:v>
                </c:pt>
                <c:pt idx="7242">
                  <c:v>4.3499999999999997E-2</c:v>
                </c:pt>
                <c:pt idx="7243">
                  <c:v>4.3499999999999997E-2</c:v>
                </c:pt>
                <c:pt idx="7244">
                  <c:v>4.3499999999999997E-2</c:v>
                </c:pt>
                <c:pt idx="7245">
                  <c:v>4.3499999999999997E-2</c:v>
                </c:pt>
                <c:pt idx="7246">
                  <c:v>4.3499999999999997E-2</c:v>
                </c:pt>
                <c:pt idx="7247">
                  <c:v>4.3499999999999997E-2</c:v>
                </c:pt>
                <c:pt idx="7248">
                  <c:v>4.3499999999999997E-2</c:v>
                </c:pt>
                <c:pt idx="7249">
                  <c:v>4.3499999999999997E-2</c:v>
                </c:pt>
                <c:pt idx="7250">
                  <c:v>4.3499999999999997E-2</c:v>
                </c:pt>
                <c:pt idx="7251">
                  <c:v>4.3499999999999997E-2</c:v>
                </c:pt>
                <c:pt idx="7252">
                  <c:v>4.3499999999999997E-2</c:v>
                </c:pt>
                <c:pt idx="7253">
                  <c:v>4.3499999999999997E-2</c:v>
                </c:pt>
                <c:pt idx="7254">
                  <c:v>4.3499999999999997E-2</c:v>
                </c:pt>
                <c:pt idx="7255">
                  <c:v>4.3499999999999997E-2</c:v>
                </c:pt>
                <c:pt idx="7256">
                  <c:v>4.3499999999999997E-2</c:v>
                </c:pt>
                <c:pt idx="7257">
                  <c:v>4.3499999999999997E-2</c:v>
                </c:pt>
                <c:pt idx="7258">
                  <c:v>4.3499999999999997E-2</c:v>
                </c:pt>
                <c:pt idx="7259">
                  <c:v>4.3499999999999997E-2</c:v>
                </c:pt>
                <c:pt idx="7260">
                  <c:v>4.3499999999999997E-2</c:v>
                </c:pt>
                <c:pt idx="7261">
                  <c:v>4.3499999999999997E-2</c:v>
                </c:pt>
                <c:pt idx="7262">
                  <c:v>4.3499999999999997E-2</c:v>
                </c:pt>
                <c:pt idx="7263">
                  <c:v>4.3499999999999997E-2</c:v>
                </c:pt>
                <c:pt idx="7264">
                  <c:v>4.3499999999999997E-2</c:v>
                </c:pt>
                <c:pt idx="7265">
                  <c:v>4.3499999999999997E-2</c:v>
                </c:pt>
                <c:pt idx="7266">
                  <c:v>4.3499999999999997E-2</c:v>
                </c:pt>
                <c:pt idx="7267">
                  <c:v>4.3499999999999997E-2</c:v>
                </c:pt>
                <c:pt idx="7268">
                  <c:v>4.3499999999999997E-2</c:v>
                </c:pt>
                <c:pt idx="7269">
                  <c:v>4.3499999999999997E-2</c:v>
                </c:pt>
                <c:pt idx="7270">
                  <c:v>4.3499999999999997E-2</c:v>
                </c:pt>
                <c:pt idx="7271">
                  <c:v>4.3499999999999997E-2</c:v>
                </c:pt>
                <c:pt idx="7272">
                  <c:v>4.3499999999999997E-2</c:v>
                </c:pt>
                <c:pt idx="7273">
                  <c:v>4.3499999999999997E-2</c:v>
                </c:pt>
                <c:pt idx="7274">
                  <c:v>4.3499999999999997E-2</c:v>
                </c:pt>
                <c:pt idx="7275">
                  <c:v>4.3499999999999997E-2</c:v>
                </c:pt>
                <c:pt idx="7276">
                  <c:v>4.3499999999999997E-2</c:v>
                </c:pt>
                <c:pt idx="7277">
                  <c:v>4.3499999999999997E-2</c:v>
                </c:pt>
                <c:pt idx="7278">
                  <c:v>4.3499999999999997E-2</c:v>
                </c:pt>
                <c:pt idx="7279">
                  <c:v>4.3499999999999997E-2</c:v>
                </c:pt>
                <c:pt idx="7280">
                  <c:v>4.3499999999999997E-2</c:v>
                </c:pt>
                <c:pt idx="7281">
                  <c:v>4.3499999999999997E-2</c:v>
                </c:pt>
                <c:pt idx="7282">
                  <c:v>4.3499999999999997E-2</c:v>
                </c:pt>
                <c:pt idx="7283">
                  <c:v>4.3499999999999997E-2</c:v>
                </c:pt>
                <c:pt idx="7284">
                  <c:v>4.3499999999999997E-2</c:v>
                </c:pt>
                <c:pt idx="7285">
                  <c:v>4.3499999999999997E-2</c:v>
                </c:pt>
                <c:pt idx="7286">
                  <c:v>4.3499999999999997E-2</c:v>
                </c:pt>
                <c:pt idx="7287">
                  <c:v>4.3499999999999997E-2</c:v>
                </c:pt>
                <c:pt idx="7288">
                  <c:v>4.3499999999999997E-2</c:v>
                </c:pt>
                <c:pt idx="7289">
                  <c:v>4.3499999999999997E-2</c:v>
                </c:pt>
                <c:pt idx="7290">
                  <c:v>4.3499999999999997E-2</c:v>
                </c:pt>
                <c:pt idx="7291">
                  <c:v>4.3499999999999997E-2</c:v>
                </c:pt>
                <c:pt idx="7292">
                  <c:v>4.3499999999999997E-2</c:v>
                </c:pt>
                <c:pt idx="7293">
                  <c:v>4.3499999999999997E-2</c:v>
                </c:pt>
                <c:pt idx="7294">
                  <c:v>4.3499999999999997E-2</c:v>
                </c:pt>
                <c:pt idx="7295">
                  <c:v>4.3499999999999997E-2</c:v>
                </c:pt>
                <c:pt idx="7296">
                  <c:v>4.3499999999999997E-2</c:v>
                </c:pt>
                <c:pt idx="7297">
                  <c:v>4.3499999999999997E-2</c:v>
                </c:pt>
                <c:pt idx="7298">
                  <c:v>4.3499999999999997E-2</c:v>
                </c:pt>
                <c:pt idx="7299">
                  <c:v>4.3499999999999997E-2</c:v>
                </c:pt>
                <c:pt idx="7300">
                  <c:v>4.3499999999999997E-2</c:v>
                </c:pt>
                <c:pt idx="7301">
                  <c:v>4.3499999999999997E-2</c:v>
                </c:pt>
                <c:pt idx="7302">
                  <c:v>4.3499999999999997E-2</c:v>
                </c:pt>
                <c:pt idx="7303">
                  <c:v>4.3499999999999997E-2</c:v>
                </c:pt>
                <c:pt idx="7304">
                  <c:v>4.3499999999999997E-2</c:v>
                </c:pt>
                <c:pt idx="7305">
                  <c:v>4.3499999999999997E-2</c:v>
                </c:pt>
                <c:pt idx="7306">
                  <c:v>4.3499999999999997E-2</c:v>
                </c:pt>
                <c:pt idx="7307">
                  <c:v>4.3499999999999997E-2</c:v>
                </c:pt>
                <c:pt idx="7308">
                  <c:v>4.3499999999999997E-2</c:v>
                </c:pt>
                <c:pt idx="7309">
                  <c:v>4.3499999999999997E-2</c:v>
                </c:pt>
                <c:pt idx="7310">
                  <c:v>4.3499999999999997E-2</c:v>
                </c:pt>
                <c:pt idx="7311">
                  <c:v>4.3499999999999997E-2</c:v>
                </c:pt>
                <c:pt idx="7312">
                  <c:v>4.3499999999999997E-2</c:v>
                </c:pt>
                <c:pt idx="7313">
                  <c:v>4.3499999999999997E-2</c:v>
                </c:pt>
                <c:pt idx="7314">
                  <c:v>4.3499999999999997E-2</c:v>
                </c:pt>
                <c:pt idx="7315">
                  <c:v>4.3499999999999997E-2</c:v>
                </c:pt>
                <c:pt idx="7316">
                  <c:v>4.3499999999999997E-2</c:v>
                </c:pt>
                <c:pt idx="7317">
                  <c:v>4.3499999999999997E-2</c:v>
                </c:pt>
                <c:pt idx="7318">
                  <c:v>4.3499999999999997E-2</c:v>
                </c:pt>
                <c:pt idx="7319">
                  <c:v>4.3499999999999997E-2</c:v>
                </c:pt>
                <c:pt idx="7320">
                  <c:v>4.3499999999999997E-2</c:v>
                </c:pt>
                <c:pt idx="7321">
                  <c:v>4.3499999999999997E-2</c:v>
                </c:pt>
                <c:pt idx="7322">
                  <c:v>4.3499999999999997E-2</c:v>
                </c:pt>
                <c:pt idx="7323">
                  <c:v>4.3499999999999997E-2</c:v>
                </c:pt>
                <c:pt idx="7324">
                  <c:v>4.3499999999999997E-2</c:v>
                </c:pt>
                <c:pt idx="7325">
                  <c:v>4.3499999999999997E-2</c:v>
                </c:pt>
                <c:pt idx="7326">
                  <c:v>4.3499999999999997E-2</c:v>
                </c:pt>
                <c:pt idx="7327">
                  <c:v>4.3499999999999997E-2</c:v>
                </c:pt>
                <c:pt idx="7328">
                  <c:v>4.3499999999999997E-2</c:v>
                </c:pt>
                <c:pt idx="7329">
                  <c:v>4.3499999999999997E-2</c:v>
                </c:pt>
                <c:pt idx="7330">
                  <c:v>4.3499999999999997E-2</c:v>
                </c:pt>
                <c:pt idx="7331">
                  <c:v>4.3499999999999997E-2</c:v>
                </c:pt>
                <c:pt idx="7332">
                  <c:v>4.3499999999999997E-2</c:v>
                </c:pt>
                <c:pt idx="7333">
                  <c:v>4.3499999999999997E-2</c:v>
                </c:pt>
                <c:pt idx="7334">
                  <c:v>4.3499999999999997E-2</c:v>
                </c:pt>
                <c:pt idx="7335">
                  <c:v>4.3499999999999997E-2</c:v>
                </c:pt>
                <c:pt idx="7336">
                  <c:v>4.3499999999999997E-2</c:v>
                </c:pt>
                <c:pt idx="7337">
                  <c:v>4.3499999999999997E-2</c:v>
                </c:pt>
                <c:pt idx="7338">
                  <c:v>4.3499999999999997E-2</c:v>
                </c:pt>
                <c:pt idx="7339">
                  <c:v>4.3499999999999997E-2</c:v>
                </c:pt>
                <c:pt idx="7340">
                  <c:v>4.3499999999999997E-2</c:v>
                </c:pt>
                <c:pt idx="7341">
                  <c:v>4.3499999999999997E-2</c:v>
                </c:pt>
                <c:pt idx="7342">
                  <c:v>4.3499999999999997E-2</c:v>
                </c:pt>
                <c:pt idx="7343">
                  <c:v>4.3499999999999997E-2</c:v>
                </c:pt>
                <c:pt idx="7344">
                  <c:v>4.3499999999999997E-2</c:v>
                </c:pt>
                <c:pt idx="7345">
                  <c:v>4.3499999999999997E-2</c:v>
                </c:pt>
                <c:pt idx="7346">
                  <c:v>4.3499999999999997E-2</c:v>
                </c:pt>
                <c:pt idx="7347">
                  <c:v>4.3499999999999997E-2</c:v>
                </c:pt>
                <c:pt idx="7348">
                  <c:v>4.3499999999999997E-2</c:v>
                </c:pt>
                <c:pt idx="7349">
                  <c:v>4.3499999999999997E-2</c:v>
                </c:pt>
                <c:pt idx="7350">
                  <c:v>4.3499999999999997E-2</c:v>
                </c:pt>
                <c:pt idx="7351">
                  <c:v>4.3499999999999997E-2</c:v>
                </c:pt>
                <c:pt idx="7352">
                  <c:v>4.3499999999999997E-2</c:v>
                </c:pt>
                <c:pt idx="7353">
                  <c:v>4.3499999999999997E-2</c:v>
                </c:pt>
                <c:pt idx="7354">
                  <c:v>4.3499999999999997E-2</c:v>
                </c:pt>
                <c:pt idx="7355">
                  <c:v>4.3499999999999997E-2</c:v>
                </c:pt>
                <c:pt idx="7356">
                  <c:v>4.3499999999999997E-2</c:v>
                </c:pt>
                <c:pt idx="7357">
                  <c:v>4.3499999999999997E-2</c:v>
                </c:pt>
                <c:pt idx="7358">
                  <c:v>4.3499999999999997E-2</c:v>
                </c:pt>
                <c:pt idx="7359">
                  <c:v>4.3499999999999997E-2</c:v>
                </c:pt>
                <c:pt idx="7360">
                  <c:v>4.3499999999999997E-2</c:v>
                </c:pt>
                <c:pt idx="7361">
                  <c:v>4.3499999999999997E-2</c:v>
                </c:pt>
                <c:pt idx="7362">
                  <c:v>4.3499999999999997E-2</c:v>
                </c:pt>
                <c:pt idx="7363">
                  <c:v>4.3499999999999997E-2</c:v>
                </c:pt>
                <c:pt idx="7364">
                  <c:v>4.3499999999999997E-2</c:v>
                </c:pt>
                <c:pt idx="7365">
                  <c:v>4.3499999999999997E-2</c:v>
                </c:pt>
                <c:pt idx="7366">
                  <c:v>4.3499999999999997E-2</c:v>
                </c:pt>
                <c:pt idx="7367">
                  <c:v>4.3499999999999997E-2</c:v>
                </c:pt>
                <c:pt idx="7368">
                  <c:v>4.3499999999999997E-2</c:v>
                </c:pt>
                <c:pt idx="7369">
                  <c:v>4.3499999999999997E-2</c:v>
                </c:pt>
                <c:pt idx="7370">
                  <c:v>4.3499999999999997E-2</c:v>
                </c:pt>
                <c:pt idx="7371">
                  <c:v>4.3499999999999997E-2</c:v>
                </c:pt>
                <c:pt idx="7372">
                  <c:v>4.3499999999999997E-2</c:v>
                </c:pt>
                <c:pt idx="7373">
                  <c:v>4.3499999999999997E-2</c:v>
                </c:pt>
                <c:pt idx="7374">
                  <c:v>4.3499999999999997E-2</c:v>
                </c:pt>
                <c:pt idx="7375">
                  <c:v>4.3499999999999997E-2</c:v>
                </c:pt>
                <c:pt idx="7376">
                  <c:v>4.3499999999999997E-2</c:v>
                </c:pt>
                <c:pt idx="7377">
                  <c:v>4.3499999999999997E-2</c:v>
                </c:pt>
                <c:pt idx="7378">
                  <c:v>4.3499999999999997E-2</c:v>
                </c:pt>
                <c:pt idx="7379">
                  <c:v>4.3499999999999997E-2</c:v>
                </c:pt>
                <c:pt idx="7380">
                  <c:v>4.3499999999999997E-2</c:v>
                </c:pt>
                <c:pt idx="7381">
                  <c:v>4.3499999999999997E-2</c:v>
                </c:pt>
                <c:pt idx="7382">
                  <c:v>4.3499999999999997E-2</c:v>
                </c:pt>
                <c:pt idx="7383">
                  <c:v>4.3499999999999997E-2</c:v>
                </c:pt>
                <c:pt idx="7384">
                  <c:v>4.3499999999999997E-2</c:v>
                </c:pt>
                <c:pt idx="7385">
                  <c:v>4.3499999999999997E-2</c:v>
                </c:pt>
                <c:pt idx="7386">
                  <c:v>4.3499999999999997E-2</c:v>
                </c:pt>
                <c:pt idx="7387">
                  <c:v>4.3499999999999997E-2</c:v>
                </c:pt>
                <c:pt idx="7388">
                  <c:v>4.3499999999999997E-2</c:v>
                </c:pt>
                <c:pt idx="7389">
                  <c:v>4.3499999999999997E-2</c:v>
                </c:pt>
                <c:pt idx="7390">
                  <c:v>4.3499999999999997E-2</c:v>
                </c:pt>
                <c:pt idx="7391">
                  <c:v>4.3499999999999997E-2</c:v>
                </c:pt>
                <c:pt idx="7392">
                  <c:v>4.3499999999999997E-2</c:v>
                </c:pt>
                <c:pt idx="7393">
                  <c:v>4.3499999999999997E-2</c:v>
                </c:pt>
                <c:pt idx="7394">
                  <c:v>4.3499999999999997E-2</c:v>
                </c:pt>
                <c:pt idx="7395">
                  <c:v>4.3499999999999997E-2</c:v>
                </c:pt>
                <c:pt idx="7396">
                  <c:v>4.3499999999999997E-2</c:v>
                </c:pt>
                <c:pt idx="7397">
                  <c:v>4.3499999999999997E-2</c:v>
                </c:pt>
                <c:pt idx="7398">
                  <c:v>4.3499999999999997E-2</c:v>
                </c:pt>
                <c:pt idx="7399">
                  <c:v>4.3499999999999997E-2</c:v>
                </c:pt>
                <c:pt idx="7400">
                  <c:v>4.3499999999999997E-2</c:v>
                </c:pt>
                <c:pt idx="7401">
                  <c:v>4.3499999999999997E-2</c:v>
                </c:pt>
                <c:pt idx="7402">
                  <c:v>4.3499999999999997E-2</c:v>
                </c:pt>
                <c:pt idx="7403">
                  <c:v>4.3499999999999997E-2</c:v>
                </c:pt>
                <c:pt idx="7404">
                  <c:v>4.3499999999999997E-2</c:v>
                </c:pt>
                <c:pt idx="7405">
                  <c:v>4.3499999999999997E-2</c:v>
                </c:pt>
                <c:pt idx="7406">
                  <c:v>4.3499999999999997E-2</c:v>
                </c:pt>
                <c:pt idx="7407">
                  <c:v>4.3499999999999997E-2</c:v>
                </c:pt>
                <c:pt idx="7408">
                  <c:v>4.3499999999999997E-2</c:v>
                </c:pt>
                <c:pt idx="7409">
                  <c:v>4.3499999999999997E-2</c:v>
                </c:pt>
                <c:pt idx="7410">
                  <c:v>4.3499999999999997E-2</c:v>
                </c:pt>
                <c:pt idx="7411">
                  <c:v>4.3499999999999997E-2</c:v>
                </c:pt>
                <c:pt idx="7412">
                  <c:v>4.3499999999999997E-2</c:v>
                </c:pt>
                <c:pt idx="7413">
                  <c:v>4.3499999999999997E-2</c:v>
                </c:pt>
                <c:pt idx="7414">
                  <c:v>4.3499999999999997E-2</c:v>
                </c:pt>
                <c:pt idx="7415">
                  <c:v>4.3499999999999997E-2</c:v>
                </c:pt>
                <c:pt idx="7416">
                  <c:v>4.3499999999999997E-2</c:v>
                </c:pt>
                <c:pt idx="7417">
                  <c:v>4.3499999999999997E-2</c:v>
                </c:pt>
                <c:pt idx="7418">
                  <c:v>4.3499999999999997E-2</c:v>
                </c:pt>
                <c:pt idx="7419">
                  <c:v>4.3499999999999997E-2</c:v>
                </c:pt>
                <c:pt idx="7420">
                  <c:v>4.3499999999999997E-2</c:v>
                </c:pt>
                <c:pt idx="7421">
                  <c:v>4.3499999999999997E-2</c:v>
                </c:pt>
                <c:pt idx="7422">
                  <c:v>4.3499999999999997E-2</c:v>
                </c:pt>
                <c:pt idx="7423">
                  <c:v>4.3499999999999997E-2</c:v>
                </c:pt>
                <c:pt idx="7424">
                  <c:v>4.3499999999999997E-2</c:v>
                </c:pt>
                <c:pt idx="7425">
                  <c:v>4.3499999999999997E-2</c:v>
                </c:pt>
                <c:pt idx="7426">
                  <c:v>4.3499999999999997E-2</c:v>
                </c:pt>
                <c:pt idx="7427">
                  <c:v>4.3499999999999997E-2</c:v>
                </c:pt>
                <c:pt idx="7428">
                  <c:v>4.3499999999999997E-2</c:v>
                </c:pt>
                <c:pt idx="7429">
                  <c:v>4.3499999999999997E-2</c:v>
                </c:pt>
                <c:pt idx="7430">
                  <c:v>4.3499999999999997E-2</c:v>
                </c:pt>
                <c:pt idx="7431">
                  <c:v>4.3499999999999997E-2</c:v>
                </c:pt>
                <c:pt idx="7432">
                  <c:v>4.3499999999999997E-2</c:v>
                </c:pt>
                <c:pt idx="7433">
                  <c:v>4.3499999999999997E-2</c:v>
                </c:pt>
                <c:pt idx="7434">
                  <c:v>4.3499999999999997E-2</c:v>
                </c:pt>
                <c:pt idx="7435">
                  <c:v>4.3499999999999997E-2</c:v>
                </c:pt>
                <c:pt idx="7436">
                  <c:v>4.3499999999999997E-2</c:v>
                </c:pt>
                <c:pt idx="7437">
                  <c:v>4.3499999999999997E-2</c:v>
                </c:pt>
                <c:pt idx="7438">
                  <c:v>4.3499999999999997E-2</c:v>
                </c:pt>
                <c:pt idx="7439">
                  <c:v>4.3499999999999997E-2</c:v>
                </c:pt>
                <c:pt idx="7440">
                  <c:v>4.3499999999999997E-2</c:v>
                </c:pt>
                <c:pt idx="7441">
                  <c:v>4.3499999999999997E-2</c:v>
                </c:pt>
                <c:pt idx="7442">
                  <c:v>4.3499999999999997E-2</c:v>
                </c:pt>
                <c:pt idx="7443">
                  <c:v>4.3499999999999997E-2</c:v>
                </c:pt>
                <c:pt idx="7444">
                  <c:v>4.3499999999999997E-2</c:v>
                </c:pt>
                <c:pt idx="7445">
                  <c:v>4.3499999999999997E-2</c:v>
                </c:pt>
                <c:pt idx="7446">
                  <c:v>4.3499999999999997E-2</c:v>
                </c:pt>
                <c:pt idx="7447">
                  <c:v>4.3499999999999997E-2</c:v>
                </c:pt>
                <c:pt idx="7448">
                  <c:v>4.3499999999999997E-2</c:v>
                </c:pt>
                <c:pt idx="7449">
                  <c:v>4.3499999999999997E-2</c:v>
                </c:pt>
                <c:pt idx="7450">
                  <c:v>4.3499999999999997E-2</c:v>
                </c:pt>
                <c:pt idx="7451">
                  <c:v>4.3499999999999997E-2</c:v>
                </c:pt>
                <c:pt idx="7452">
                  <c:v>4.3499999999999997E-2</c:v>
                </c:pt>
                <c:pt idx="7453">
                  <c:v>4.3499999999999997E-2</c:v>
                </c:pt>
                <c:pt idx="7454">
                  <c:v>4.3499999999999997E-2</c:v>
                </c:pt>
                <c:pt idx="7455">
                  <c:v>4.3499999999999997E-2</c:v>
                </c:pt>
                <c:pt idx="7456">
                  <c:v>4.3499999999999997E-2</c:v>
                </c:pt>
                <c:pt idx="7457">
                  <c:v>4.3499999999999997E-2</c:v>
                </c:pt>
                <c:pt idx="7458">
                  <c:v>4.3499999999999997E-2</c:v>
                </c:pt>
                <c:pt idx="7459">
                  <c:v>4.3499999999999997E-2</c:v>
                </c:pt>
                <c:pt idx="7460">
                  <c:v>4.3499999999999997E-2</c:v>
                </c:pt>
                <c:pt idx="7461">
                  <c:v>4.3499999999999997E-2</c:v>
                </c:pt>
                <c:pt idx="7462">
                  <c:v>4.3499999999999997E-2</c:v>
                </c:pt>
                <c:pt idx="7463">
                  <c:v>4.3499999999999997E-2</c:v>
                </c:pt>
                <c:pt idx="7464">
                  <c:v>4.3499999999999997E-2</c:v>
                </c:pt>
                <c:pt idx="7465">
                  <c:v>4.3499999999999997E-2</c:v>
                </c:pt>
                <c:pt idx="7466">
                  <c:v>4.3499999999999997E-2</c:v>
                </c:pt>
                <c:pt idx="7467">
                  <c:v>4.3499999999999997E-2</c:v>
                </c:pt>
                <c:pt idx="7468">
                  <c:v>4.3499999999999997E-2</c:v>
                </c:pt>
                <c:pt idx="7469">
                  <c:v>4.3499999999999997E-2</c:v>
                </c:pt>
                <c:pt idx="7470">
                  <c:v>4.3499999999999997E-2</c:v>
                </c:pt>
                <c:pt idx="7471">
                  <c:v>4.3499999999999997E-2</c:v>
                </c:pt>
                <c:pt idx="7472">
                  <c:v>4.3499999999999997E-2</c:v>
                </c:pt>
                <c:pt idx="7473">
                  <c:v>4.3499999999999997E-2</c:v>
                </c:pt>
                <c:pt idx="7474">
                  <c:v>4.3499999999999997E-2</c:v>
                </c:pt>
                <c:pt idx="7475">
                  <c:v>4.3499999999999997E-2</c:v>
                </c:pt>
                <c:pt idx="7476">
                  <c:v>4.3499999999999997E-2</c:v>
                </c:pt>
                <c:pt idx="7477">
                  <c:v>4.3499999999999997E-2</c:v>
                </c:pt>
                <c:pt idx="7478">
                  <c:v>4.3499999999999997E-2</c:v>
                </c:pt>
                <c:pt idx="7479">
                  <c:v>4.3499999999999997E-2</c:v>
                </c:pt>
                <c:pt idx="7480">
                  <c:v>4.3499999999999997E-2</c:v>
                </c:pt>
                <c:pt idx="7481">
                  <c:v>4.3499999999999997E-2</c:v>
                </c:pt>
                <c:pt idx="7482">
                  <c:v>4.3499999999999997E-2</c:v>
                </c:pt>
                <c:pt idx="7483">
                  <c:v>4.3499999999999997E-2</c:v>
                </c:pt>
                <c:pt idx="7484">
                  <c:v>4.3499999999999997E-2</c:v>
                </c:pt>
                <c:pt idx="7485">
                  <c:v>4.3499999999999997E-2</c:v>
                </c:pt>
                <c:pt idx="7486">
                  <c:v>4.3499999999999997E-2</c:v>
                </c:pt>
                <c:pt idx="7487">
                  <c:v>4.3499999999999997E-2</c:v>
                </c:pt>
                <c:pt idx="7488">
                  <c:v>4.3499999999999997E-2</c:v>
                </c:pt>
                <c:pt idx="7489">
                  <c:v>4.3499999999999997E-2</c:v>
                </c:pt>
                <c:pt idx="7490">
                  <c:v>4.3499999999999997E-2</c:v>
                </c:pt>
                <c:pt idx="7491">
                  <c:v>4.3499999999999997E-2</c:v>
                </c:pt>
                <c:pt idx="7492">
                  <c:v>4.3499999999999997E-2</c:v>
                </c:pt>
                <c:pt idx="7493">
                  <c:v>4.3499999999999997E-2</c:v>
                </c:pt>
                <c:pt idx="7494">
                  <c:v>4.3499999999999997E-2</c:v>
                </c:pt>
                <c:pt idx="7495">
                  <c:v>4.3499999999999997E-2</c:v>
                </c:pt>
                <c:pt idx="7496">
                  <c:v>4.3499999999999997E-2</c:v>
                </c:pt>
                <c:pt idx="7497">
                  <c:v>4.3499999999999997E-2</c:v>
                </c:pt>
                <c:pt idx="7498">
                  <c:v>4.3499999999999997E-2</c:v>
                </c:pt>
                <c:pt idx="7499">
                  <c:v>4.3499999999999997E-2</c:v>
                </c:pt>
                <c:pt idx="7500">
                  <c:v>4.3499999999999997E-2</c:v>
                </c:pt>
                <c:pt idx="7501">
                  <c:v>4.3499999999999997E-2</c:v>
                </c:pt>
                <c:pt idx="7502">
                  <c:v>4.3499999999999997E-2</c:v>
                </c:pt>
                <c:pt idx="7503">
                  <c:v>4.3499999999999997E-2</c:v>
                </c:pt>
                <c:pt idx="7504">
                  <c:v>4.3499999999999997E-2</c:v>
                </c:pt>
                <c:pt idx="7505">
                  <c:v>4.3499999999999997E-2</c:v>
                </c:pt>
                <c:pt idx="7506">
                  <c:v>4.3499999999999997E-2</c:v>
                </c:pt>
                <c:pt idx="7507">
                  <c:v>4.3499999999999997E-2</c:v>
                </c:pt>
                <c:pt idx="7508">
                  <c:v>4.3499999999999997E-2</c:v>
                </c:pt>
                <c:pt idx="7509">
                  <c:v>4.3499999999999997E-2</c:v>
                </c:pt>
                <c:pt idx="7510">
                  <c:v>4.3499999999999997E-2</c:v>
                </c:pt>
                <c:pt idx="7511">
                  <c:v>4.3499999999999997E-2</c:v>
                </c:pt>
                <c:pt idx="7512">
                  <c:v>4.3499999999999997E-2</c:v>
                </c:pt>
                <c:pt idx="7513">
                  <c:v>4.3499999999999997E-2</c:v>
                </c:pt>
                <c:pt idx="7514">
                  <c:v>4.3499999999999997E-2</c:v>
                </c:pt>
                <c:pt idx="7515">
                  <c:v>4.3499999999999997E-2</c:v>
                </c:pt>
                <c:pt idx="7516">
                  <c:v>4.3499999999999997E-2</c:v>
                </c:pt>
                <c:pt idx="7517">
                  <c:v>4.3499999999999997E-2</c:v>
                </c:pt>
                <c:pt idx="7518">
                  <c:v>4.3499999999999997E-2</c:v>
                </c:pt>
                <c:pt idx="7519">
                  <c:v>4.3499999999999997E-2</c:v>
                </c:pt>
                <c:pt idx="7520">
                  <c:v>4.3499999999999997E-2</c:v>
                </c:pt>
                <c:pt idx="7521">
                  <c:v>4.3499999999999997E-2</c:v>
                </c:pt>
                <c:pt idx="7522">
                  <c:v>4.3499999999999997E-2</c:v>
                </c:pt>
                <c:pt idx="7523">
                  <c:v>4.3499999999999997E-2</c:v>
                </c:pt>
                <c:pt idx="7524">
                  <c:v>4.3499999999999997E-2</c:v>
                </c:pt>
                <c:pt idx="7525">
                  <c:v>4.3499999999999997E-2</c:v>
                </c:pt>
                <c:pt idx="7526">
                  <c:v>4.3499999999999997E-2</c:v>
                </c:pt>
                <c:pt idx="7527">
                  <c:v>4.3499999999999997E-2</c:v>
                </c:pt>
                <c:pt idx="7528">
                  <c:v>4.3499999999999997E-2</c:v>
                </c:pt>
                <c:pt idx="7529">
                  <c:v>4.3499999999999997E-2</c:v>
                </c:pt>
                <c:pt idx="7530">
                  <c:v>4.3499999999999997E-2</c:v>
                </c:pt>
                <c:pt idx="7531">
                  <c:v>4.3499999999999997E-2</c:v>
                </c:pt>
                <c:pt idx="7532">
                  <c:v>4.3499999999999997E-2</c:v>
                </c:pt>
                <c:pt idx="7533">
                  <c:v>4.3499999999999997E-2</c:v>
                </c:pt>
                <c:pt idx="7534">
                  <c:v>4.3499999999999997E-2</c:v>
                </c:pt>
                <c:pt idx="7535">
                  <c:v>4.3499999999999997E-2</c:v>
                </c:pt>
                <c:pt idx="7536">
                  <c:v>4.3499999999999997E-2</c:v>
                </c:pt>
                <c:pt idx="7537">
                  <c:v>4.3499999999999997E-2</c:v>
                </c:pt>
                <c:pt idx="7538">
                  <c:v>4.3499999999999997E-2</c:v>
                </c:pt>
                <c:pt idx="7539">
                  <c:v>4.3499999999999997E-2</c:v>
                </c:pt>
                <c:pt idx="7540">
                  <c:v>4.3499999999999997E-2</c:v>
                </c:pt>
                <c:pt idx="7541">
                  <c:v>4.3499999999999997E-2</c:v>
                </c:pt>
                <c:pt idx="7542">
                  <c:v>4.3499999999999997E-2</c:v>
                </c:pt>
                <c:pt idx="7543">
                  <c:v>4.3499999999999997E-2</c:v>
                </c:pt>
                <c:pt idx="7544">
                  <c:v>4.3499999999999997E-2</c:v>
                </c:pt>
                <c:pt idx="7545">
                  <c:v>4.3499999999999997E-2</c:v>
                </c:pt>
                <c:pt idx="7546">
                  <c:v>4.3499999999999997E-2</c:v>
                </c:pt>
                <c:pt idx="7547">
                  <c:v>4.3499999999999997E-2</c:v>
                </c:pt>
                <c:pt idx="7548">
                  <c:v>4.3499999999999997E-2</c:v>
                </c:pt>
                <c:pt idx="7549">
                  <c:v>4.3499999999999997E-2</c:v>
                </c:pt>
                <c:pt idx="7550">
                  <c:v>4.3499999999999997E-2</c:v>
                </c:pt>
                <c:pt idx="7551">
                  <c:v>4.3499999999999997E-2</c:v>
                </c:pt>
                <c:pt idx="7552">
                  <c:v>4.3499999999999997E-2</c:v>
                </c:pt>
                <c:pt idx="7553">
                  <c:v>4.3499999999999997E-2</c:v>
                </c:pt>
                <c:pt idx="7554">
                  <c:v>4.3499999999999997E-2</c:v>
                </c:pt>
                <c:pt idx="7555">
                  <c:v>4.3499999999999997E-2</c:v>
                </c:pt>
                <c:pt idx="7556">
                  <c:v>4.3499999999999997E-2</c:v>
                </c:pt>
                <c:pt idx="7557">
                  <c:v>4.3499999999999997E-2</c:v>
                </c:pt>
                <c:pt idx="7558">
                  <c:v>4.3499999999999997E-2</c:v>
                </c:pt>
                <c:pt idx="7559">
                  <c:v>4.3499999999999997E-2</c:v>
                </c:pt>
                <c:pt idx="7560">
                  <c:v>4.3499999999999997E-2</c:v>
                </c:pt>
                <c:pt idx="7561">
                  <c:v>4.3499999999999997E-2</c:v>
                </c:pt>
                <c:pt idx="7562">
                  <c:v>4.3499999999999997E-2</c:v>
                </c:pt>
                <c:pt idx="7563">
                  <c:v>4.3499999999999997E-2</c:v>
                </c:pt>
                <c:pt idx="7564">
                  <c:v>4.3499999999999997E-2</c:v>
                </c:pt>
                <c:pt idx="7565">
                  <c:v>4.3499999999999997E-2</c:v>
                </c:pt>
                <c:pt idx="7566">
                  <c:v>4.3499999999999997E-2</c:v>
                </c:pt>
                <c:pt idx="7567">
                  <c:v>4.3499999999999997E-2</c:v>
                </c:pt>
                <c:pt idx="7568">
                  <c:v>4.3499999999999997E-2</c:v>
                </c:pt>
                <c:pt idx="7569">
                  <c:v>4.3499999999999997E-2</c:v>
                </c:pt>
                <c:pt idx="7570">
                  <c:v>4.3499999999999997E-2</c:v>
                </c:pt>
                <c:pt idx="7571">
                  <c:v>4.3499999999999997E-2</c:v>
                </c:pt>
                <c:pt idx="7572">
                  <c:v>4.3499999999999997E-2</c:v>
                </c:pt>
                <c:pt idx="7573">
                  <c:v>4.3499999999999997E-2</c:v>
                </c:pt>
                <c:pt idx="7574">
                  <c:v>4.3499999999999997E-2</c:v>
                </c:pt>
                <c:pt idx="7575">
                  <c:v>4.3499999999999997E-2</c:v>
                </c:pt>
                <c:pt idx="7576">
                  <c:v>4.3499999999999997E-2</c:v>
                </c:pt>
                <c:pt idx="7577">
                  <c:v>4.3499999999999997E-2</c:v>
                </c:pt>
                <c:pt idx="7578">
                  <c:v>4.3499999999999997E-2</c:v>
                </c:pt>
                <c:pt idx="7579">
                  <c:v>4.3499999999999997E-2</c:v>
                </c:pt>
                <c:pt idx="7580">
                  <c:v>4.3499999999999997E-2</c:v>
                </c:pt>
                <c:pt idx="7581">
                  <c:v>4.3499999999999997E-2</c:v>
                </c:pt>
                <c:pt idx="7582">
                  <c:v>4.3499999999999997E-2</c:v>
                </c:pt>
                <c:pt idx="7583">
                  <c:v>4.3499999999999997E-2</c:v>
                </c:pt>
                <c:pt idx="7584">
                  <c:v>4.3499999999999997E-2</c:v>
                </c:pt>
                <c:pt idx="7585">
                  <c:v>4.3499999999999997E-2</c:v>
                </c:pt>
                <c:pt idx="7586">
                  <c:v>4.3499999999999997E-2</c:v>
                </c:pt>
                <c:pt idx="7587">
                  <c:v>4.3499999999999997E-2</c:v>
                </c:pt>
                <c:pt idx="7588">
                  <c:v>4.3499999999999997E-2</c:v>
                </c:pt>
                <c:pt idx="7589">
                  <c:v>4.3499999999999997E-2</c:v>
                </c:pt>
                <c:pt idx="7590">
                  <c:v>4.3499999999999997E-2</c:v>
                </c:pt>
                <c:pt idx="7591">
                  <c:v>4.3499999999999997E-2</c:v>
                </c:pt>
                <c:pt idx="7592">
                  <c:v>4.3499999999999997E-2</c:v>
                </c:pt>
                <c:pt idx="7593">
                  <c:v>4.3499999999999997E-2</c:v>
                </c:pt>
                <c:pt idx="7594">
                  <c:v>4.3499999999999997E-2</c:v>
                </c:pt>
                <c:pt idx="7595">
                  <c:v>4.3499999999999997E-2</c:v>
                </c:pt>
                <c:pt idx="7596">
                  <c:v>4.3499999999999997E-2</c:v>
                </c:pt>
                <c:pt idx="7597">
                  <c:v>4.3499999999999997E-2</c:v>
                </c:pt>
                <c:pt idx="7598">
                  <c:v>4.3499999999999997E-2</c:v>
                </c:pt>
                <c:pt idx="7599">
                  <c:v>4.3499999999999997E-2</c:v>
                </c:pt>
                <c:pt idx="7600">
                  <c:v>4.3499999999999997E-2</c:v>
                </c:pt>
                <c:pt idx="7601">
                  <c:v>4.3499999999999997E-2</c:v>
                </c:pt>
                <c:pt idx="7602">
                  <c:v>4.3499999999999997E-2</c:v>
                </c:pt>
                <c:pt idx="7603">
                  <c:v>4.3499999999999997E-2</c:v>
                </c:pt>
                <c:pt idx="7604">
                  <c:v>4.3499999999999997E-2</c:v>
                </c:pt>
                <c:pt idx="7605">
                  <c:v>4.3499999999999997E-2</c:v>
                </c:pt>
                <c:pt idx="7606">
                  <c:v>4.3499999999999997E-2</c:v>
                </c:pt>
                <c:pt idx="7607">
                  <c:v>4.3499999999999997E-2</c:v>
                </c:pt>
                <c:pt idx="7608">
                  <c:v>4.3499999999999997E-2</c:v>
                </c:pt>
                <c:pt idx="7609">
                  <c:v>4.3499999999999997E-2</c:v>
                </c:pt>
                <c:pt idx="7610">
                  <c:v>4.3499999999999997E-2</c:v>
                </c:pt>
                <c:pt idx="7611">
                  <c:v>4.3499999999999997E-2</c:v>
                </c:pt>
                <c:pt idx="7612">
                  <c:v>4.3499999999999997E-2</c:v>
                </c:pt>
                <c:pt idx="7613">
                  <c:v>4.3499999999999997E-2</c:v>
                </c:pt>
                <c:pt idx="7614">
                  <c:v>4.3499999999999997E-2</c:v>
                </c:pt>
                <c:pt idx="7615">
                  <c:v>4.3499999999999997E-2</c:v>
                </c:pt>
                <c:pt idx="7616">
                  <c:v>4.3499999999999997E-2</c:v>
                </c:pt>
                <c:pt idx="7617">
                  <c:v>4.3499999999999997E-2</c:v>
                </c:pt>
                <c:pt idx="7618">
                  <c:v>4.3499999999999997E-2</c:v>
                </c:pt>
                <c:pt idx="7619">
                  <c:v>4.3499999999999997E-2</c:v>
                </c:pt>
                <c:pt idx="7620">
                  <c:v>4.3499999999999997E-2</c:v>
                </c:pt>
                <c:pt idx="7621">
                  <c:v>4.3499999999999997E-2</c:v>
                </c:pt>
                <c:pt idx="7622">
                  <c:v>4.3499999999999997E-2</c:v>
                </c:pt>
                <c:pt idx="7623">
                  <c:v>4.3499999999999997E-2</c:v>
                </c:pt>
                <c:pt idx="7624">
                  <c:v>4.3499999999999997E-2</c:v>
                </c:pt>
                <c:pt idx="7625">
                  <c:v>4.3499999999999997E-2</c:v>
                </c:pt>
                <c:pt idx="7626">
                  <c:v>4.3499999999999997E-2</c:v>
                </c:pt>
                <c:pt idx="7627">
                  <c:v>4.3499999999999997E-2</c:v>
                </c:pt>
                <c:pt idx="7628">
                  <c:v>4.3499999999999997E-2</c:v>
                </c:pt>
                <c:pt idx="7629">
                  <c:v>4.3499999999999997E-2</c:v>
                </c:pt>
                <c:pt idx="7630">
                  <c:v>4.3499999999999997E-2</c:v>
                </c:pt>
                <c:pt idx="7631">
                  <c:v>4.3499999999999997E-2</c:v>
                </c:pt>
                <c:pt idx="7632">
                  <c:v>4.3499999999999997E-2</c:v>
                </c:pt>
                <c:pt idx="7633">
                  <c:v>4.3499999999999997E-2</c:v>
                </c:pt>
                <c:pt idx="7634">
                  <c:v>4.3499999999999997E-2</c:v>
                </c:pt>
                <c:pt idx="7635">
                  <c:v>4.3499999999999997E-2</c:v>
                </c:pt>
                <c:pt idx="7636">
                  <c:v>4.3499999999999997E-2</c:v>
                </c:pt>
                <c:pt idx="7637">
                  <c:v>4.3499999999999997E-2</c:v>
                </c:pt>
                <c:pt idx="7638">
                  <c:v>4.3499999999999997E-2</c:v>
                </c:pt>
                <c:pt idx="7639">
                  <c:v>4.3499999999999997E-2</c:v>
                </c:pt>
                <c:pt idx="7640">
                  <c:v>4.3499999999999997E-2</c:v>
                </c:pt>
                <c:pt idx="7641">
                  <c:v>4.3499999999999997E-2</c:v>
                </c:pt>
                <c:pt idx="7642">
                  <c:v>4.3499999999999997E-2</c:v>
                </c:pt>
                <c:pt idx="7643">
                  <c:v>4.3499999999999997E-2</c:v>
                </c:pt>
                <c:pt idx="7644">
                  <c:v>4.3499999999999997E-2</c:v>
                </c:pt>
                <c:pt idx="7645">
                  <c:v>4.3499999999999997E-2</c:v>
                </c:pt>
                <c:pt idx="7646">
                  <c:v>4.3499999999999997E-2</c:v>
                </c:pt>
                <c:pt idx="7647">
                  <c:v>4.3499999999999997E-2</c:v>
                </c:pt>
                <c:pt idx="7648">
                  <c:v>4.3499999999999997E-2</c:v>
                </c:pt>
                <c:pt idx="7649">
                  <c:v>4.3499999999999997E-2</c:v>
                </c:pt>
                <c:pt idx="7650">
                  <c:v>4.3499999999999997E-2</c:v>
                </c:pt>
                <c:pt idx="7651">
                  <c:v>4.3499999999999997E-2</c:v>
                </c:pt>
                <c:pt idx="7652">
                  <c:v>4.3499999999999997E-2</c:v>
                </c:pt>
                <c:pt idx="7653">
                  <c:v>4.3499999999999997E-2</c:v>
                </c:pt>
                <c:pt idx="7654">
                  <c:v>4.3499999999999997E-2</c:v>
                </c:pt>
                <c:pt idx="7655">
                  <c:v>4.3499999999999997E-2</c:v>
                </c:pt>
                <c:pt idx="7656">
                  <c:v>4.3499999999999997E-2</c:v>
                </c:pt>
                <c:pt idx="7657">
                  <c:v>4.3499999999999997E-2</c:v>
                </c:pt>
                <c:pt idx="7658">
                  <c:v>4.3499999999999997E-2</c:v>
                </c:pt>
                <c:pt idx="7659">
                  <c:v>4.3499999999999997E-2</c:v>
                </c:pt>
                <c:pt idx="7660">
                  <c:v>4.3499999999999997E-2</c:v>
                </c:pt>
                <c:pt idx="7661">
                  <c:v>4.3499999999999997E-2</c:v>
                </c:pt>
                <c:pt idx="7662">
                  <c:v>4.3499999999999997E-2</c:v>
                </c:pt>
                <c:pt idx="7663">
                  <c:v>4.3499999999999997E-2</c:v>
                </c:pt>
                <c:pt idx="7664">
                  <c:v>4.3499999999999997E-2</c:v>
                </c:pt>
                <c:pt idx="7665">
                  <c:v>4.3499999999999997E-2</c:v>
                </c:pt>
                <c:pt idx="7666">
                  <c:v>4.3499999999999997E-2</c:v>
                </c:pt>
                <c:pt idx="7667">
                  <c:v>4.3499999999999997E-2</c:v>
                </c:pt>
                <c:pt idx="7668">
                  <c:v>4.3499999999999997E-2</c:v>
                </c:pt>
                <c:pt idx="7669">
                  <c:v>4.3499999999999997E-2</c:v>
                </c:pt>
                <c:pt idx="7670">
                  <c:v>4.3499999999999997E-2</c:v>
                </c:pt>
                <c:pt idx="7671">
                  <c:v>4.3499999999999997E-2</c:v>
                </c:pt>
                <c:pt idx="7672">
                  <c:v>4.3499999999999997E-2</c:v>
                </c:pt>
                <c:pt idx="7673">
                  <c:v>4.3499999999999997E-2</c:v>
                </c:pt>
                <c:pt idx="7674">
                  <c:v>4.3499999999999997E-2</c:v>
                </c:pt>
                <c:pt idx="7675">
                  <c:v>4.3499999999999997E-2</c:v>
                </c:pt>
                <c:pt idx="7676">
                  <c:v>4.3499999999999997E-2</c:v>
                </c:pt>
                <c:pt idx="7677">
                  <c:v>4.3499999999999997E-2</c:v>
                </c:pt>
                <c:pt idx="7678">
                  <c:v>4.3499999999999997E-2</c:v>
                </c:pt>
                <c:pt idx="7679">
                  <c:v>4.3499999999999997E-2</c:v>
                </c:pt>
                <c:pt idx="7680">
                  <c:v>4.3499999999999997E-2</c:v>
                </c:pt>
                <c:pt idx="7681">
                  <c:v>4.3499999999999997E-2</c:v>
                </c:pt>
                <c:pt idx="7682">
                  <c:v>4.3499999999999997E-2</c:v>
                </c:pt>
                <c:pt idx="7683">
                  <c:v>4.3499999999999997E-2</c:v>
                </c:pt>
                <c:pt idx="7684">
                  <c:v>4.3499999999999997E-2</c:v>
                </c:pt>
                <c:pt idx="7685">
                  <c:v>4.3499999999999997E-2</c:v>
                </c:pt>
                <c:pt idx="7686">
                  <c:v>4.3499999999999997E-2</c:v>
                </c:pt>
                <c:pt idx="7687">
                  <c:v>4.3499999999999997E-2</c:v>
                </c:pt>
                <c:pt idx="7688">
                  <c:v>4.3499999999999997E-2</c:v>
                </c:pt>
                <c:pt idx="7689">
                  <c:v>4.3499999999999997E-2</c:v>
                </c:pt>
                <c:pt idx="7690">
                  <c:v>4.3499999999999997E-2</c:v>
                </c:pt>
                <c:pt idx="7691">
                  <c:v>4.3499999999999997E-2</c:v>
                </c:pt>
                <c:pt idx="7692">
                  <c:v>4.3499999999999997E-2</c:v>
                </c:pt>
                <c:pt idx="7693">
                  <c:v>4.3499999999999997E-2</c:v>
                </c:pt>
                <c:pt idx="7694">
                  <c:v>4.3499999999999997E-2</c:v>
                </c:pt>
                <c:pt idx="7695">
                  <c:v>4.3499999999999997E-2</c:v>
                </c:pt>
                <c:pt idx="7696">
                  <c:v>4.3499999999999997E-2</c:v>
                </c:pt>
                <c:pt idx="7697">
                  <c:v>4.3499999999999997E-2</c:v>
                </c:pt>
                <c:pt idx="7698">
                  <c:v>4.3499999999999997E-2</c:v>
                </c:pt>
                <c:pt idx="7699">
                  <c:v>4.3499999999999997E-2</c:v>
                </c:pt>
                <c:pt idx="7700">
                  <c:v>4.3499999999999997E-2</c:v>
                </c:pt>
                <c:pt idx="7701">
                  <c:v>4.3499999999999997E-2</c:v>
                </c:pt>
                <c:pt idx="7702">
                  <c:v>4.3499999999999997E-2</c:v>
                </c:pt>
                <c:pt idx="7703">
                  <c:v>4.3499999999999997E-2</c:v>
                </c:pt>
                <c:pt idx="7704">
                  <c:v>4.3499999999999997E-2</c:v>
                </c:pt>
                <c:pt idx="7705">
                  <c:v>4.3499999999999997E-2</c:v>
                </c:pt>
                <c:pt idx="7706">
                  <c:v>4.3499999999999997E-2</c:v>
                </c:pt>
                <c:pt idx="7707">
                  <c:v>4.3499999999999997E-2</c:v>
                </c:pt>
                <c:pt idx="7708">
                  <c:v>4.3499999999999997E-2</c:v>
                </c:pt>
                <c:pt idx="7709">
                  <c:v>4.3499999999999997E-2</c:v>
                </c:pt>
                <c:pt idx="7710">
                  <c:v>4.3499999999999997E-2</c:v>
                </c:pt>
                <c:pt idx="7711">
                  <c:v>4.3499999999999997E-2</c:v>
                </c:pt>
                <c:pt idx="7712">
                  <c:v>4.3499999999999997E-2</c:v>
                </c:pt>
                <c:pt idx="7713">
                  <c:v>4.3499999999999997E-2</c:v>
                </c:pt>
                <c:pt idx="7714">
                  <c:v>4.3499999999999997E-2</c:v>
                </c:pt>
                <c:pt idx="7715">
                  <c:v>4.3499999999999997E-2</c:v>
                </c:pt>
                <c:pt idx="7716">
                  <c:v>4.3499999999999997E-2</c:v>
                </c:pt>
                <c:pt idx="7717">
                  <c:v>4.3499999999999997E-2</c:v>
                </c:pt>
                <c:pt idx="7718">
                  <c:v>4.3499999999999997E-2</c:v>
                </c:pt>
                <c:pt idx="7719">
                  <c:v>4.3499999999999997E-2</c:v>
                </c:pt>
                <c:pt idx="7720">
                  <c:v>4.3499999999999997E-2</c:v>
                </c:pt>
                <c:pt idx="7721">
                  <c:v>4.3499999999999997E-2</c:v>
                </c:pt>
                <c:pt idx="7722">
                  <c:v>4.3499999999999997E-2</c:v>
                </c:pt>
                <c:pt idx="7723">
                  <c:v>4.3499999999999997E-2</c:v>
                </c:pt>
                <c:pt idx="7724">
                  <c:v>4.3499999999999997E-2</c:v>
                </c:pt>
                <c:pt idx="7725">
                  <c:v>4.3499999999999997E-2</c:v>
                </c:pt>
                <c:pt idx="7726">
                  <c:v>4.3499999999999997E-2</c:v>
                </c:pt>
                <c:pt idx="7727">
                  <c:v>4.3499999999999997E-2</c:v>
                </c:pt>
                <c:pt idx="7728">
                  <c:v>4.3499999999999997E-2</c:v>
                </c:pt>
                <c:pt idx="7729">
                  <c:v>4.3499999999999997E-2</c:v>
                </c:pt>
                <c:pt idx="7730">
                  <c:v>4.3499999999999997E-2</c:v>
                </c:pt>
                <c:pt idx="7731">
                  <c:v>4.3499999999999997E-2</c:v>
                </c:pt>
                <c:pt idx="7732">
                  <c:v>4.3499999999999997E-2</c:v>
                </c:pt>
                <c:pt idx="7733">
                  <c:v>4.3499999999999997E-2</c:v>
                </c:pt>
                <c:pt idx="7734">
                  <c:v>4.3499999999999997E-2</c:v>
                </c:pt>
                <c:pt idx="7735">
                  <c:v>4.3499999999999997E-2</c:v>
                </c:pt>
                <c:pt idx="7736">
                  <c:v>4.3499999999999997E-2</c:v>
                </c:pt>
                <c:pt idx="7737">
                  <c:v>4.3499999999999997E-2</c:v>
                </c:pt>
                <c:pt idx="7738">
                  <c:v>4.3499999999999997E-2</c:v>
                </c:pt>
                <c:pt idx="7739">
                  <c:v>4.3499999999999997E-2</c:v>
                </c:pt>
                <c:pt idx="7740">
                  <c:v>4.3499999999999997E-2</c:v>
                </c:pt>
                <c:pt idx="7741">
                  <c:v>4.3499999999999997E-2</c:v>
                </c:pt>
                <c:pt idx="7742">
                  <c:v>4.3499999999999997E-2</c:v>
                </c:pt>
                <c:pt idx="7743">
                  <c:v>4.3499999999999997E-2</c:v>
                </c:pt>
                <c:pt idx="7744">
                  <c:v>4.3499999999999997E-2</c:v>
                </c:pt>
                <c:pt idx="7745">
                  <c:v>4.3499999999999997E-2</c:v>
                </c:pt>
                <c:pt idx="7746">
                  <c:v>4.3499999999999997E-2</c:v>
                </c:pt>
                <c:pt idx="7747">
                  <c:v>4.3499999999999997E-2</c:v>
                </c:pt>
                <c:pt idx="7748">
                  <c:v>4.3499999999999997E-2</c:v>
                </c:pt>
                <c:pt idx="7749">
                  <c:v>4.3499999999999997E-2</c:v>
                </c:pt>
                <c:pt idx="7750">
                  <c:v>4.3499999999999997E-2</c:v>
                </c:pt>
                <c:pt idx="7751">
                  <c:v>4.3499999999999997E-2</c:v>
                </c:pt>
                <c:pt idx="7752">
                  <c:v>4.3499999999999997E-2</c:v>
                </c:pt>
                <c:pt idx="7753">
                  <c:v>4.3499999999999997E-2</c:v>
                </c:pt>
                <c:pt idx="7754">
                  <c:v>4.3499999999999997E-2</c:v>
                </c:pt>
                <c:pt idx="7755">
                  <c:v>4.3499999999999997E-2</c:v>
                </c:pt>
                <c:pt idx="7756">
                  <c:v>4.3499999999999997E-2</c:v>
                </c:pt>
                <c:pt idx="7757">
                  <c:v>4.3499999999999997E-2</c:v>
                </c:pt>
                <c:pt idx="7758">
                  <c:v>4.3499999999999997E-2</c:v>
                </c:pt>
                <c:pt idx="7759">
                  <c:v>4.3499999999999997E-2</c:v>
                </c:pt>
                <c:pt idx="7760">
                  <c:v>4.3499999999999997E-2</c:v>
                </c:pt>
                <c:pt idx="7761">
                  <c:v>4.3499999999999997E-2</c:v>
                </c:pt>
                <c:pt idx="7762">
                  <c:v>4.3499999999999997E-2</c:v>
                </c:pt>
                <c:pt idx="7763">
                  <c:v>4.3499999999999997E-2</c:v>
                </c:pt>
                <c:pt idx="7764">
                  <c:v>4.3499999999999997E-2</c:v>
                </c:pt>
                <c:pt idx="7765">
                  <c:v>4.3499999999999997E-2</c:v>
                </c:pt>
                <c:pt idx="7766">
                  <c:v>4.3499999999999997E-2</c:v>
                </c:pt>
                <c:pt idx="7767">
                  <c:v>4.3499999999999997E-2</c:v>
                </c:pt>
                <c:pt idx="7768">
                  <c:v>4.3499999999999997E-2</c:v>
                </c:pt>
                <c:pt idx="7769">
                  <c:v>4.3499999999999997E-2</c:v>
                </c:pt>
                <c:pt idx="7770">
                  <c:v>4.3499999999999997E-2</c:v>
                </c:pt>
                <c:pt idx="7771">
                  <c:v>4.3499999999999997E-2</c:v>
                </c:pt>
                <c:pt idx="7772">
                  <c:v>4.3499999999999997E-2</c:v>
                </c:pt>
                <c:pt idx="7773">
                  <c:v>4.3499999999999997E-2</c:v>
                </c:pt>
                <c:pt idx="7774">
                  <c:v>4.3499999999999997E-2</c:v>
                </c:pt>
                <c:pt idx="7775">
                  <c:v>4.3499999999999997E-2</c:v>
                </c:pt>
                <c:pt idx="7776">
                  <c:v>4.3499999999999997E-2</c:v>
                </c:pt>
                <c:pt idx="7777">
                  <c:v>4.3499999999999997E-2</c:v>
                </c:pt>
                <c:pt idx="7778">
                  <c:v>4.3499999999999997E-2</c:v>
                </c:pt>
                <c:pt idx="7779">
                  <c:v>4.3499999999999997E-2</c:v>
                </c:pt>
                <c:pt idx="7780">
                  <c:v>4.3499999999999997E-2</c:v>
                </c:pt>
                <c:pt idx="7781">
                  <c:v>4.3499999999999997E-2</c:v>
                </c:pt>
                <c:pt idx="7782">
                  <c:v>4.3499999999999997E-2</c:v>
                </c:pt>
                <c:pt idx="7783">
                  <c:v>4.3499999999999997E-2</c:v>
                </c:pt>
                <c:pt idx="7784">
                  <c:v>4.3499999999999997E-2</c:v>
                </c:pt>
                <c:pt idx="7785">
                  <c:v>4.3499999999999997E-2</c:v>
                </c:pt>
                <c:pt idx="7786">
                  <c:v>4.3499999999999997E-2</c:v>
                </c:pt>
                <c:pt idx="7787">
                  <c:v>4.3499999999999997E-2</c:v>
                </c:pt>
                <c:pt idx="7788">
                  <c:v>4.3499999999999997E-2</c:v>
                </c:pt>
                <c:pt idx="7789">
                  <c:v>4.3499999999999997E-2</c:v>
                </c:pt>
                <c:pt idx="7790">
                  <c:v>4.3499999999999997E-2</c:v>
                </c:pt>
                <c:pt idx="7791">
                  <c:v>4.3499999999999997E-2</c:v>
                </c:pt>
                <c:pt idx="7792">
                  <c:v>4.3499999999999997E-2</c:v>
                </c:pt>
                <c:pt idx="7793">
                  <c:v>4.3499999999999997E-2</c:v>
                </c:pt>
                <c:pt idx="7794">
                  <c:v>4.3499999999999997E-2</c:v>
                </c:pt>
                <c:pt idx="7795">
                  <c:v>4.3499999999999997E-2</c:v>
                </c:pt>
                <c:pt idx="7796">
                  <c:v>4.3499999999999997E-2</c:v>
                </c:pt>
                <c:pt idx="7797">
                  <c:v>4.3499999999999997E-2</c:v>
                </c:pt>
                <c:pt idx="7798">
                  <c:v>4.3499999999999997E-2</c:v>
                </c:pt>
                <c:pt idx="7799">
                  <c:v>4.3499999999999997E-2</c:v>
                </c:pt>
                <c:pt idx="7800">
                  <c:v>4.3499999999999997E-2</c:v>
                </c:pt>
                <c:pt idx="7801">
                  <c:v>4.3499999999999997E-2</c:v>
                </c:pt>
                <c:pt idx="7802">
                  <c:v>4.3499999999999997E-2</c:v>
                </c:pt>
                <c:pt idx="7803">
                  <c:v>4.3499999999999997E-2</c:v>
                </c:pt>
                <c:pt idx="7804">
                  <c:v>4.3499999999999997E-2</c:v>
                </c:pt>
                <c:pt idx="7805">
                  <c:v>4.3499999999999997E-2</c:v>
                </c:pt>
                <c:pt idx="7806">
                  <c:v>4.3499999999999997E-2</c:v>
                </c:pt>
                <c:pt idx="7807">
                  <c:v>4.3499999999999997E-2</c:v>
                </c:pt>
                <c:pt idx="7808">
                  <c:v>4.3499999999999997E-2</c:v>
                </c:pt>
                <c:pt idx="7809">
                  <c:v>4.3499999999999997E-2</c:v>
                </c:pt>
                <c:pt idx="7810">
                  <c:v>4.3499999999999997E-2</c:v>
                </c:pt>
                <c:pt idx="7811">
                  <c:v>4.3499999999999997E-2</c:v>
                </c:pt>
                <c:pt idx="7812">
                  <c:v>4.3499999999999997E-2</c:v>
                </c:pt>
                <c:pt idx="7813">
                  <c:v>4.3499999999999997E-2</c:v>
                </c:pt>
                <c:pt idx="7814">
                  <c:v>4.3499999999999997E-2</c:v>
                </c:pt>
                <c:pt idx="7815">
                  <c:v>4.3499999999999997E-2</c:v>
                </c:pt>
                <c:pt idx="7816">
                  <c:v>4.3499999999999997E-2</c:v>
                </c:pt>
                <c:pt idx="7817">
                  <c:v>4.3499999999999997E-2</c:v>
                </c:pt>
                <c:pt idx="7818">
                  <c:v>4.3499999999999997E-2</c:v>
                </c:pt>
                <c:pt idx="7819">
                  <c:v>4.3499999999999997E-2</c:v>
                </c:pt>
                <c:pt idx="7820">
                  <c:v>4.3499999999999997E-2</c:v>
                </c:pt>
                <c:pt idx="7821">
                  <c:v>4.3499999999999997E-2</c:v>
                </c:pt>
                <c:pt idx="7822">
                  <c:v>4.3499999999999997E-2</c:v>
                </c:pt>
                <c:pt idx="7823">
                  <c:v>4.3499999999999997E-2</c:v>
                </c:pt>
                <c:pt idx="7824">
                  <c:v>4.3499999999999997E-2</c:v>
                </c:pt>
                <c:pt idx="7825">
                  <c:v>4.3499999999999997E-2</c:v>
                </c:pt>
                <c:pt idx="7826">
                  <c:v>4.3499999999999997E-2</c:v>
                </c:pt>
                <c:pt idx="7827">
                  <c:v>4.3499999999999997E-2</c:v>
                </c:pt>
                <c:pt idx="7828">
                  <c:v>4.3499999999999997E-2</c:v>
                </c:pt>
                <c:pt idx="7829">
                  <c:v>4.3499999999999997E-2</c:v>
                </c:pt>
                <c:pt idx="7830">
                  <c:v>4.3499999999999997E-2</c:v>
                </c:pt>
                <c:pt idx="7831">
                  <c:v>4.3499999999999997E-2</c:v>
                </c:pt>
                <c:pt idx="7832">
                  <c:v>4.3499999999999997E-2</c:v>
                </c:pt>
                <c:pt idx="7833">
                  <c:v>4.3499999999999997E-2</c:v>
                </c:pt>
                <c:pt idx="7834">
                  <c:v>4.3499999999999997E-2</c:v>
                </c:pt>
                <c:pt idx="7835">
                  <c:v>4.3499999999999997E-2</c:v>
                </c:pt>
                <c:pt idx="7836">
                  <c:v>4.3499999999999997E-2</c:v>
                </c:pt>
                <c:pt idx="7837">
                  <c:v>4.3499999999999997E-2</c:v>
                </c:pt>
                <c:pt idx="7838">
                  <c:v>4.3499999999999997E-2</c:v>
                </c:pt>
                <c:pt idx="7839">
                  <c:v>4.3499999999999997E-2</c:v>
                </c:pt>
                <c:pt idx="7840">
                  <c:v>4.3499999999999997E-2</c:v>
                </c:pt>
                <c:pt idx="7841">
                  <c:v>4.3499999999999997E-2</c:v>
                </c:pt>
                <c:pt idx="7842">
                  <c:v>4.3499999999999997E-2</c:v>
                </c:pt>
                <c:pt idx="7843">
                  <c:v>4.3499999999999997E-2</c:v>
                </c:pt>
                <c:pt idx="7844">
                  <c:v>4.3499999999999997E-2</c:v>
                </c:pt>
                <c:pt idx="7845">
                  <c:v>4.3499999999999997E-2</c:v>
                </c:pt>
                <c:pt idx="7846">
                  <c:v>4.3499999999999997E-2</c:v>
                </c:pt>
                <c:pt idx="7847">
                  <c:v>4.3499999999999997E-2</c:v>
                </c:pt>
                <c:pt idx="7848">
                  <c:v>4.3499999999999997E-2</c:v>
                </c:pt>
                <c:pt idx="7849">
                  <c:v>4.3499999999999997E-2</c:v>
                </c:pt>
                <c:pt idx="7850">
                  <c:v>4.3499999999999997E-2</c:v>
                </c:pt>
                <c:pt idx="7851">
                  <c:v>4.3499999999999997E-2</c:v>
                </c:pt>
                <c:pt idx="7852">
                  <c:v>4.3499999999999997E-2</c:v>
                </c:pt>
                <c:pt idx="7853">
                  <c:v>4.3499999999999997E-2</c:v>
                </c:pt>
                <c:pt idx="7854">
                  <c:v>4.3499999999999997E-2</c:v>
                </c:pt>
                <c:pt idx="7855">
                  <c:v>4.3499999999999997E-2</c:v>
                </c:pt>
                <c:pt idx="7856">
                  <c:v>4.3499999999999997E-2</c:v>
                </c:pt>
                <c:pt idx="7857">
                  <c:v>4.3499999999999997E-2</c:v>
                </c:pt>
                <c:pt idx="7858">
                  <c:v>4.3499999999999997E-2</c:v>
                </c:pt>
                <c:pt idx="7859">
                  <c:v>4.3499999999999997E-2</c:v>
                </c:pt>
                <c:pt idx="7860">
                  <c:v>4.3499999999999997E-2</c:v>
                </c:pt>
                <c:pt idx="7861">
                  <c:v>4.3499999999999997E-2</c:v>
                </c:pt>
                <c:pt idx="7862">
                  <c:v>4.3499999999999997E-2</c:v>
                </c:pt>
                <c:pt idx="7863">
                  <c:v>4.3499999999999997E-2</c:v>
                </c:pt>
                <c:pt idx="7864">
                  <c:v>4.3499999999999997E-2</c:v>
                </c:pt>
                <c:pt idx="7865">
                  <c:v>4.3499999999999997E-2</c:v>
                </c:pt>
                <c:pt idx="7866">
                  <c:v>4.3499999999999997E-2</c:v>
                </c:pt>
                <c:pt idx="7867">
                  <c:v>4.3499999999999997E-2</c:v>
                </c:pt>
                <c:pt idx="7868">
                  <c:v>4.3499999999999997E-2</c:v>
                </c:pt>
                <c:pt idx="7869">
                  <c:v>4.3499999999999997E-2</c:v>
                </c:pt>
                <c:pt idx="7870">
                  <c:v>4.3499999999999997E-2</c:v>
                </c:pt>
                <c:pt idx="7871">
                  <c:v>4.3499999999999997E-2</c:v>
                </c:pt>
                <c:pt idx="7872">
                  <c:v>4.3499999999999997E-2</c:v>
                </c:pt>
                <c:pt idx="7873">
                  <c:v>4.3499999999999997E-2</c:v>
                </c:pt>
                <c:pt idx="7874">
                  <c:v>4.3499999999999997E-2</c:v>
                </c:pt>
                <c:pt idx="7875">
                  <c:v>4.3499999999999997E-2</c:v>
                </c:pt>
                <c:pt idx="7876">
                  <c:v>4.3499999999999997E-2</c:v>
                </c:pt>
                <c:pt idx="7877">
                  <c:v>4.3499999999999997E-2</c:v>
                </c:pt>
                <c:pt idx="7878">
                  <c:v>4.3499999999999997E-2</c:v>
                </c:pt>
                <c:pt idx="7879">
                  <c:v>4.3499999999999997E-2</c:v>
                </c:pt>
                <c:pt idx="7880">
                  <c:v>4.3499999999999997E-2</c:v>
                </c:pt>
                <c:pt idx="7881">
                  <c:v>4.3499999999999997E-2</c:v>
                </c:pt>
                <c:pt idx="7882">
                  <c:v>4.3499999999999997E-2</c:v>
                </c:pt>
                <c:pt idx="7883">
                  <c:v>4.3499999999999997E-2</c:v>
                </c:pt>
                <c:pt idx="7884">
                  <c:v>4.3499999999999997E-2</c:v>
                </c:pt>
                <c:pt idx="7885">
                  <c:v>4.3499999999999997E-2</c:v>
                </c:pt>
                <c:pt idx="7886">
                  <c:v>4.3499999999999997E-2</c:v>
                </c:pt>
                <c:pt idx="7887">
                  <c:v>4.3499999999999997E-2</c:v>
                </c:pt>
                <c:pt idx="7888">
                  <c:v>4.3499999999999997E-2</c:v>
                </c:pt>
                <c:pt idx="7889">
                  <c:v>4.3499999999999997E-2</c:v>
                </c:pt>
                <c:pt idx="7890">
                  <c:v>4.3499999999999997E-2</c:v>
                </c:pt>
                <c:pt idx="7891">
                  <c:v>4.3499999999999997E-2</c:v>
                </c:pt>
                <c:pt idx="7892">
                  <c:v>4.3499999999999997E-2</c:v>
                </c:pt>
                <c:pt idx="7893">
                  <c:v>4.3499999999999997E-2</c:v>
                </c:pt>
                <c:pt idx="7894">
                  <c:v>4.3499999999999997E-2</c:v>
                </c:pt>
                <c:pt idx="7895">
                  <c:v>4.3499999999999997E-2</c:v>
                </c:pt>
                <c:pt idx="7896">
                  <c:v>4.3499999999999997E-2</c:v>
                </c:pt>
                <c:pt idx="7897">
                  <c:v>4.3499999999999997E-2</c:v>
                </c:pt>
                <c:pt idx="7898">
                  <c:v>4.3499999999999997E-2</c:v>
                </c:pt>
                <c:pt idx="7899">
                  <c:v>4.3499999999999997E-2</c:v>
                </c:pt>
                <c:pt idx="7900">
                  <c:v>4.3499999999999997E-2</c:v>
                </c:pt>
                <c:pt idx="7901">
                  <c:v>4.3499999999999997E-2</c:v>
                </c:pt>
                <c:pt idx="7902">
                  <c:v>4.3499999999999997E-2</c:v>
                </c:pt>
                <c:pt idx="7903">
                  <c:v>4.3499999999999997E-2</c:v>
                </c:pt>
                <c:pt idx="7904">
                  <c:v>4.3499999999999997E-2</c:v>
                </c:pt>
                <c:pt idx="7905">
                  <c:v>4.3499999999999997E-2</c:v>
                </c:pt>
                <c:pt idx="7906">
                  <c:v>4.3499999999999997E-2</c:v>
                </c:pt>
                <c:pt idx="7907">
                  <c:v>4.3499999999999997E-2</c:v>
                </c:pt>
                <c:pt idx="7908">
                  <c:v>4.3499999999999997E-2</c:v>
                </c:pt>
                <c:pt idx="7909">
                  <c:v>4.3499999999999997E-2</c:v>
                </c:pt>
                <c:pt idx="7910">
                  <c:v>4.3499999999999997E-2</c:v>
                </c:pt>
                <c:pt idx="7911">
                  <c:v>4.3499999999999997E-2</c:v>
                </c:pt>
                <c:pt idx="7912">
                  <c:v>4.3499999999999997E-2</c:v>
                </c:pt>
                <c:pt idx="7913">
                  <c:v>4.3499999999999997E-2</c:v>
                </c:pt>
                <c:pt idx="7914">
                  <c:v>4.3499999999999997E-2</c:v>
                </c:pt>
                <c:pt idx="7915">
                  <c:v>4.3499999999999997E-2</c:v>
                </c:pt>
                <c:pt idx="7916">
                  <c:v>4.3499999999999997E-2</c:v>
                </c:pt>
                <c:pt idx="7917">
                  <c:v>4.3499999999999997E-2</c:v>
                </c:pt>
                <c:pt idx="7918">
                  <c:v>4.3499999999999997E-2</c:v>
                </c:pt>
                <c:pt idx="7919">
                  <c:v>4.3499999999999997E-2</c:v>
                </c:pt>
                <c:pt idx="7920">
                  <c:v>4.3499999999999997E-2</c:v>
                </c:pt>
                <c:pt idx="7921">
                  <c:v>4.3499999999999997E-2</c:v>
                </c:pt>
                <c:pt idx="7922">
                  <c:v>4.3499999999999997E-2</c:v>
                </c:pt>
                <c:pt idx="7923">
                  <c:v>4.3499999999999997E-2</c:v>
                </c:pt>
                <c:pt idx="7924">
                  <c:v>4.3499999999999997E-2</c:v>
                </c:pt>
                <c:pt idx="7925">
                  <c:v>4.3499999999999997E-2</c:v>
                </c:pt>
                <c:pt idx="7926">
                  <c:v>4.3499999999999997E-2</c:v>
                </c:pt>
                <c:pt idx="7927">
                  <c:v>4.3499999999999997E-2</c:v>
                </c:pt>
                <c:pt idx="7928">
                  <c:v>4.3499999999999997E-2</c:v>
                </c:pt>
                <c:pt idx="7929">
                  <c:v>4.3499999999999997E-2</c:v>
                </c:pt>
                <c:pt idx="7930">
                  <c:v>4.3499999999999997E-2</c:v>
                </c:pt>
                <c:pt idx="7931">
                  <c:v>4.3499999999999997E-2</c:v>
                </c:pt>
                <c:pt idx="7932">
                  <c:v>4.3499999999999997E-2</c:v>
                </c:pt>
                <c:pt idx="7933">
                  <c:v>4.3499999999999997E-2</c:v>
                </c:pt>
                <c:pt idx="7934">
                  <c:v>4.3499999999999997E-2</c:v>
                </c:pt>
                <c:pt idx="7935">
                  <c:v>4.3499999999999997E-2</c:v>
                </c:pt>
                <c:pt idx="7936">
                  <c:v>4.3499999999999997E-2</c:v>
                </c:pt>
                <c:pt idx="7937">
                  <c:v>4.3499999999999997E-2</c:v>
                </c:pt>
                <c:pt idx="7938">
                  <c:v>4.3499999999999997E-2</c:v>
                </c:pt>
                <c:pt idx="7939">
                  <c:v>4.3499999999999997E-2</c:v>
                </c:pt>
                <c:pt idx="7940">
                  <c:v>4.3499999999999997E-2</c:v>
                </c:pt>
                <c:pt idx="7941">
                  <c:v>4.3499999999999997E-2</c:v>
                </c:pt>
                <c:pt idx="7942">
                  <c:v>4.3499999999999997E-2</c:v>
                </c:pt>
                <c:pt idx="7943">
                  <c:v>4.3499999999999997E-2</c:v>
                </c:pt>
                <c:pt idx="7944">
                  <c:v>4.3499999999999997E-2</c:v>
                </c:pt>
                <c:pt idx="7945">
                  <c:v>4.3499999999999997E-2</c:v>
                </c:pt>
                <c:pt idx="7946">
                  <c:v>4.3499999999999997E-2</c:v>
                </c:pt>
                <c:pt idx="7947">
                  <c:v>4.3499999999999997E-2</c:v>
                </c:pt>
                <c:pt idx="7948">
                  <c:v>4.3499999999999997E-2</c:v>
                </c:pt>
                <c:pt idx="7949">
                  <c:v>4.3499999999999997E-2</c:v>
                </c:pt>
                <c:pt idx="7950">
                  <c:v>4.3499999999999997E-2</c:v>
                </c:pt>
                <c:pt idx="7951">
                  <c:v>4.3499999999999997E-2</c:v>
                </c:pt>
                <c:pt idx="7952">
                  <c:v>4.3499999999999997E-2</c:v>
                </c:pt>
                <c:pt idx="7953">
                  <c:v>4.3499999999999997E-2</c:v>
                </c:pt>
                <c:pt idx="7954">
                  <c:v>4.3499999999999997E-2</c:v>
                </c:pt>
                <c:pt idx="7955">
                  <c:v>4.3499999999999997E-2</c:v>
                </c:pt>
                <c:pt idx="7956">
                  <c:v>4.3499999999999997E-2</c:v>
                </c:pt>
                <c:pt idx="7957">
                  <c:v>4.3499999999999997E-2</c:v>
                </c:pt>
                <c:pt idx="7958">
                  <c:v>4.3499999999999997E-2</c:v>
                </c:pt>
                <c:pt idx="7959">
                  <c:v>4.3499999999999997E-2</c:v>
                </c:pt>
                <c:pt idx="7960">
                  <c:v>4.3499999999999997E-2</c:v>
                </c:pt>
                <c:pt idx="7961">
                  <c:v>4.3499999999999997E-2</c:v>
                </c:pt>
                <c:pt idx="7962">
                  <c:v>4.3499999999999997E-2</c:v>
                </c:pt>
                <c:pt idx="7963">
                  <c:v>4.3499999999999997E-2</c:v>
                </c:pt>
                <c:pt idx="7964">
                  <c:v>4.3499999999999997E-2</c:v>
                </c:pt>
                <c:pt idx="7965">
                  <c:v>4.3499999999999997E-2</c:v>
                </c:pt>
                <c:pt idx="7966">
                  <c:v>4.3499999999999997E-2</c:v>
                </c:pt>
                <c:pt idx="7967">
                  <c:v>4.3499999999999997E-2</c:v>
                </c:pt>
                <c:pt idx="7968">
                  <c:v>4.3499999999999997E-2</c:v>
                </c:pt>
                <c:pt idx="7969">
                  <c:v>4.3499999999999997E-2</c:v>
                </c:pt>
                <c:pt idx="7970">
                  <c:v>4.3499999999999997E-2</c:v>
                </c:pt>
                <c:pt idx="7971">
                  <c:v>4.3499999999999997E-2</c:v>
                </c:pt>
                <c:pt idx="7972">
                  <c:v>4.3499999999999997E-2</c:v>
                </c:pt>
                <c:pt idx="7973">
                  <c:v>4.3499999999999997E-2</c:v>
                </c:pt>
                <c:pt idx="7974">
                  <c:v>4.3499999999999997E-2</c:v>
                </c:pt>
                <c:pt idx="7975">
                  <c:v>4.3499999999999997E-2</c:v>
                </c:pt>
                <c:pt idx="7976">
                  <c:v>4.3499999999999997E-2</c:v>
                </c:pt>
                <c:pt idx="7977">
                  <c:v>4.3499999999999997E-2</c:v>
                </c:pt>
                <c:pt idx="7978">
                  <c:v>4.3499999999999997E-2</c:v>
                </c:pt>
                <c:pt idx="7979">
                  <c:v>4.3499999999999997E-2</c:v>
                </c:pt>
                <c:pt idx="7980">
                  <c:v>4.3499999999999997E-2</c:v>
                </c:pt>
                <c:pt idx="7981">
                  <c:v>4.3499999999999997E-2</c:v>
                </c:pt>
                <c:pt idx="7982">
                  <c:v>4.3499999999999997E-2</c:v>
                </c:pt>
                <c:pt idx="7983">
                  <c:v>4.3499999999999997E-2</c:v>
                </c:pt>
                <c:pt idx="7984">
                  <c:v>4.3499999999999997E-2</c:v>
                </c:pt>
                <c:pt idx="7985">
                  <c:v>4.3499999999999997E-2</c:v>
                </c:pt>
                <c:pt idx="7986">
                  <c:v>4.3499999999999997E-2</c:v>
                </c:pt>
                <c:pt idx="7987">
                  <c:v>4.3499999999999997E-2</c:v>
                </c:pt>
                <c:pt idx="7988">
                  <c:v>4.3499999999999997E-2</c:v>
                </c:pt>
                <c:pt idx="7989">
                  <c:v>4.3499999999999997E-2</c:v>
                </c:pt>
                <c:pt idx="7990">
                  <c:v>4.3499999999999997E-2</c:v>
                </c:pt>
                <c:pt idx="7991">
                  <c:v>4.3499999999999997E-2</c:v>
                </c:pt>
                <c:pt idx="7992">
                  <c:v>4.3499999999999997E-2</c:v>
                </c:pt>
                <c:pt idx="7993">
                  <c:v>4.3499999999999997E-2</c:v>
                </c:pt>
                <c:pt idx="7994">
                  <c:v>4.3499999999999997E-2</c:v>
                </c:pt>
                <c:pt idx="7995">
                  <c:v>4.3499999999999997E-2</c:v>
                </c:pt>
                <c:pt idx="7996">
                  <c:v>4.3499999999999997E-2</c:v>
                </c:pt>
                <c:pt idx="7997">
                  <c:v>4.3499999999999997E-2</c:v>
                </c:pt>
                <c:pt idx="7998">
                  <c:v>4.3499999999999997E-2</c:v>
                </c:pt>
                <c:pt idx="7999">
                  <c:v>4.3499999999999997E-2</c:v>
                </c:pt>
                <c:pt idx="8000">
                  <c:v>4.3499999999999997E-2</c:v>
                </c:pt>
                <c:pt idx="8001">
                  <c:v>4.3499999999999997E-2</c:v>
                </c:pt>
                <c:pt idx="8002">
                  <c:v>4.3499999999999997E-2</c:v>
                </c:pt>
                <c:pt idx="8003">
                  <c:v>4.3499999999999997E-2</c:v>
                </c:pt>
                <c:pt idx="8004">
                  <c:v>4.3499999999999997E-2</c:v>
                </c:pt>
                <c:pt idx="8005">
                  <c:v>4.3499999999999997E-2</c:v>
                </c:pt>
                <c:pt idx="8006">
                  <c:v>4.3499999999999997E-2</c:v>
                </c:pt>
                <c:pt idx="8007">
                  <c:v>4.3499999999999997E-2</c:v>
                </c:pt>
                <c:pt idx="8008">
                  <c:v>4.3499999999999997E-2</c:v>
                </c:pt>
                <c:pt idx="8009">
                  <c:v>4.3499999999999997E-2</c:v>
                </c:pt>
                <c:pt idx="8010">
                  <c:v>4.3499999999999997E-2</c:v>
                </c:pt>
                <c:pt idx="8011">
                  <c:v>4.3499999999999997E-2</c:v>
                </c:pt>
                <c:pt idx="8012">
                  <c:v>4.3499999999999997E-2</c:v>
                </c:pt>
                <c:pt idx="8013">
                  <c:v>4.3499999999999997E-2</c:v>
                </c:pt>
                <c:pt idx="8014">
                  <c:v>4.3499999999999997E-2</c:v>
                </c:pt>
                <c:pt idx="8015">
                  <c:v>4.3499999999999997E-2</c:v>
                </c:pt>
                <c:pt idx="8016">
                  <c:v>4.3499999999999997E-2</c:v>
                </c:pt>
                <c:pt idx="8017">
                  <c:v>4.3499999999999997E-2</c:v>
                </c:pt>
                <c:pt idx="8018">
                  <c:v>4.3499999999999997E-2</c:v>
                </c:pt>
                <c:pt idx="8019">
                  <c:v>4.3499999999999997E-2</c:v>
                </c:pt>
                <c:pt idx="8020">
                  <c:v>4.3499999999999997E-2</c:v>
                </c:pt>
                <c:pt idx="8021">
                  <c:v>4.3499999999999997E-2</c:v>
                </c:pt>
                <c:pt idx="8022">
                  <c:v>4.3499999999999997E-2</c:v>
                </c:pt>
                <c:pt idx="8023">
                  <c:v>4.3499999999999997E-2</c:v>
                </c:pt>
                <c:pt idx="8024">
                  <c:v>4.3499999999999997E-2</c:v>
                </c:pt>
                <c:pt idx="8025">
                  <c:v>4.3499999999999997E-2</c:v>
                </c:pt>
                <c:pt idx="8026">
                  <c:v>4.3499999999999997E-2</c:v>
                </c:pt>
                <c:pt idx="8027">
                  <c:v>4.3499999999999997E-2</c:v>
                </c:pt>
                <c:pt idx="8028">
                  <c:v>4.3499999999999997E-2</c:v>
                </c:pt>
                <c:pt idx="8029">
                  <c:v>4.3499999999999997E-2</c:v>
                </c:pt>
                <c:pt idx="8030">
                  <c:v>4.3499999999999997E-2</c:v>
                </c:pt>
                <c:pt idx="8031">
                  <c:v>4.3499999999999997E-2</c:v>
                </c:pt>
                <c:pt idx="8032">
                  <c:v>4.3499999999999997E-2</c:v>
                </c:pt>
                <c:pt idx="8033">
                  <c:v>4.3499999999999997E-2</c:v>
                </c:pt>
                <c:pt idx="8034">
                  <c:v>4.3499999999999997E-2</c:v>
                </c:pt>
                <c:pt idx="8035">
                  <c:v>4.3499999999999997E-2</c:v>
                </c:pt>
                <c:pt idx="8036">
                  <c:v>4.3499999999999997E-2</c:v>
                </c:pt>
                <c:pt idx="8037">
                  <c:v>4.3499999999999997E-2</c:v>
                </c:pt>
                <c:pt idx="8038">
                  <c:v>4.3499999999999997E-2</c:v>
                </c:pt>
                <c:pt idx="8039">
                  <c:v>4.3499999999999997E-2</c:v>
                </c:pt>
                <c:pt idx="8040">
                  <c:v>4.3499999999999997E-2</c:v>
                </c:pt>
                <c:pt idx="8041">
                  <c:v>4.3499999999999997E-2</c:v>
                </c:pt>
                <c:pt idx="8042">
                  <c:v>4.3499999999999997E-2</c:v>
                </c:pt>
                <c:pt idx="8043">
                  <c:v>4.3499999999999997E-2</c:v>
                </c:pt>
                <c:pt idx="8044">
                  <c:v>4.3499999999999997E-2</c:v>
                </c:pt>
                <c:pt idx="8045">
                  <c:v>4.3499999999999997E-2</c:v>
                </c:pt>
                <c:pt idx="8046">
                  <c:v>4.3499999999999997E-2</c:v>
                </c:pt>
                <c:pt idx="8047">
                  <c:v>4.3499999999999997E-2</c:v>
                </c:pt>
                <c:pt idx="8048">
                  <c:v>4.3499999999999997E-2</c:v>
                </c:pt>
                <c:pt idx="8049">
                  <c:v>4.3499999999999997E-2</c:v>
                </c:pt>
                <c:pt idx="8050">
                  <c:v>4.3499999999999997E-2</c:v>
                </c:pt>
                <c:pt idx="8051">
                  <c:v>4.3499999999999997E-2</c:v>
                </c:pt>
                <c:pt idx="8052">
                  <c:v>4.3499999999999997E-2</c:v>
                </c:pt>
                <c:pt idx="8053">
                  <c:v>4.3499999999999997E-2</c:v>
                </c:pt>
                <c:pt idx="8054">
                  <c:v>4.3499999999999997E-2</c:v>
                </c:pt>
                <c:pt idx="8055">
                  <c:v>4.3499999999999997E-2</c:v>
                </c:pt>
                <c:pt idx="8056">
                  <c:v>4.3499999999999997E-2</c:v>
                </c:pt>
                <c:pt idx="8057">
                  <c:v>4.3499999999999997E-2</c:v>
                </c:pt>
                <c:pt idx="8058">
                  <c:v>4.3499999999999997E-2</c:v>
                </c:pt>
                <c:pt idx="8059">
                  <c:v>4.3499999999999997E-2</c:v>
                </c:pt>
                <c:pt idx="8060">
                  <c:v>4.3499999999999997E-2</c:v>
                </c:pt>
                <c:pt idx="8061">
                  <c:v>4.3499999999999997E-2</c:v>
                </c:pt>
                <c:pt idx="8062">
                  <c:v>4.3499999999999997E-2</c:v>
                </c:pt>
                <c:pt idx="8063">
                  <c:v>4.3499999999999997E-2</c:v>
                </c:pt>
                <c:pt idx="8064">
                  <c:v>4.3499999999999997E-2</c:v>
                </c:pt>
                <c:pt idx="8065">
                  <c:v>4.3499999999999997E-2</c:v>
                </c:pt>
                <c:pt idx="8066">
                  <c:v>4.3499999999999997E-2</c:v>
                </c:pt>
                <c:pt idx="8067">
                  <c:v>4.3499999999999997E-2</c:v>
                </c:pt>
                <c:pt idx="8068">
                  <c:v>4.3499999999999997E-2</c:v>
                </c:pt>
                <c:pt idx="8069">
                  <c:v>4.3499999999999997E-2</c:v>
                </c:pt>
                <c:pt idx="8070">
                  <c:v>4.3499999999999997E-2</c:v>
                </c:pt>
                <c:pt idx="8071">
                  <c:v>4.3499999999999997E-2</c:v>
                </c:pt>
                <c:pt idx="8072">
                  <c:v>4.3499999999999997E-2</c:v>
                </c:pt>
                <c:pt idx="8073">
                  <c:v>4.3499999999999997E-2</c:v>
                </c:pt>
                <c:pt idx="8074">
                  <c:v>4.3499999999999997E-2</c:v>
                </c:pt>
                <c:pt idx="8075">
                  <c:v>4.3499999999999997E-2</c:v>
                </c:pt>
                <c:pt idx="8076">
                  <c:v>4.3499999999999997E-2</c:v>
                </c:pt>
                <c:pt idx="8077">
                  <c:v>4.3499999999999997E-2</c:v>
                </c:pt>
                <c:pt idx="8078">
                  <c:v>4.3499999999999997E-2</c:v>
                </c:pt>
                <c:pt idx="8079">
                  <c:v>4.3499999999999997E-2</c:v>
                </c:pt>
                <c:pt idx="8080">
                  <c:v>4.3499999999999997E-2</c:v>
                </c:pt>
                <c:pt idx="8081">
                  <c:v>4.3499999999999997E-2</c:v>
                </c:pt>
                <c:pt idx="8082">
                  <c:v>4.3499999999999997E-2</c:v>
                </c:pt>
                <c:pt idx="8083">
                  <c:v>4.3499999999999997E-2</c:v>
                </c:pt>
                <c:pt idx="8084">
                  <c:v>4.3499999999999997E-2</c:v>
                </c:pt>
                <c:pt idx="8085">
                  <c:v>4.3499999999999997E-2</c:v>
                </c:pt>
                <c:pt idx="8086">
                  <c:v>4.3499999999999997E-2</c:v>
                </c:pt>
                <c:pt idx="8087">
                  <c:v>4.3499999999999997E-2</c:v>
                </c:pt>
                <c:pt idx="8088">
                  <c:v>4.3499999999999997E-2</c:v>
                </c:pt>
                <c:pt idx="8089">
                  <c:v>4.3499999999999997E-2</c:v>
                </c:pt>
                <c:pt idx="8090">
                  <c:v>4.3499999999999997E-2</c:v>
                </c:pt>
                <c:pt idx="8091">
                  <c:v>4.3499999999999997E-2</c:v>
                </c:pt>
                <c:pt idx="8092">
                  <c:v>4.3499999999999997E-2</c:v>
                </c:pt>
                <c:pt idx="8093">
                  <c:v>4.3499999999999997E-2</c:v>
                </c:pt>
                <c:pt idx="8094">
                  <c:v>4.3499999999999997E-2</c:v>
                </c:pt>
                <c:pt idx="8095">
                  <c:v>4.3499999999999997E-2</c:v>
                </c:pt>
                <c:pt idx="8096">
                  <c:v>4.3499999999999997E-2</c:v>
                </c:pt>
                <c:pt idx="8097">
                  <c:v>4.3499999999999997E-2</c:v>
                </c:pt>
                <c:pt idx="8098">
                  <c:v>4.3499999999999997E-2</c:v>
                </c:pt>
                <c:pt idx="8099">
                  <c:v>4.3499999999999997E-2</c:v>
                </c:pt>
                <c:pt idx="8100">
                  <c:v>4.3499999999999997E-2</c:v>
                </c:pt>
                <c:pt idx="8101">
                  <c:v>4.3499999999999997E-2</c:v>
                </c:pt>
                <c:pt idx="8102">
                  <c:v>4.3499999999999997E-2</c:v>
                </c:pt>
                <c:pt idx="8103">
                  <c:v>4.3499999999999997E-2</c:v>
                </c:pt>
                <c:pt idx="8104">
                  <c:v>4.3499999999999997E-2</c:v>
                </c:pt>
                <c:pt idx="8105">
                  <c:v>4.3499999999999997E-2</c:v>
                </c:pt>
                <c:pt idx="8106">
                  <c:v>4.3499999999999997E-2</c:v>
                </c:pt>
                <c:pt idx="8107">
                  <c:v>4.3499999999999997E-2</c:v>
                </c:pt>
                <c:pt idx="8108">
                  <c:v>4.3499999999999997E-2</c:v>
                </c:pt>
                <c:pt idx="8109">
                  <c:v>4.3499999999999997E-2</c:v>
                </c:pt>
                <c:pt idx="8110">
                  <c:v>4.3499999999999997E-2</c:v>
                </c:pt>
                <c:pt idx="8111">
                  <c:v>4.3499999999999997E-2</c:v>
                </c:pt>
                <c:pt idx="8112">
                  <c:v>4.3499999999999997E-2</c:v>
                </c:pt>
                <c:pt idx="8113">
                  <c:v>4.3499999999999997E-2</c:v>
                </c:pt>
                <c:pt idx="8114">
                  <c:v>4.3499999999999997E-2</c:v>
                </c:pt>
                <c:pt idx="8115">
                  <c:v>4.3499999999999997E-2</c:v>
                </c:pt>
                <c:pt idx="8116">
                  <c:v>4.3499999999999997E-2</c:v>
                </c:pt>
                <c:pt idx="8117">
                  <c:v>4.3499999999999997E-2</c:v>
                </c:pt>
                <c:pt idx="8118">
                  <c:v>4.3499999999999997E-2</c:v>
                </c:pt>
                <c:pt idx="8119">
                  <c:v>4.3499999999999997E-2</c:v>
                </c:pt>
                <c:pt idx="8120">
                  <c:v>4.3499999999999997E-2</c:v>
                </c:pt>
                <c:pt idx="8121">
                  <c:v>4.3499999999999997E-2</c:v>
                </c:pt>
                <c:pt idx="8122">
                  <c:v>4.3499999999999997E-2</c:v>
                </c:pt>
                <c:pt idx="8123">
                  <c:v>4.3499999999999997E-2</c:v>
                </c:pt>
                <c:pt idx="8124">
                  <c:v>4.3499999999999997E-2</c:v>
                </c:pt>
                <c:pt idx="8125">
                  <c:v>4.3499999999999997E-2</c:v>
                </c:pt>
                <c:pt idx="8126">
                  <c:v>4.3499999999999997E-2</c:v>
                </c:pt>
                <c:pt idx="8127">
                  <c:v>4.3499999999999997E-2</c:v>
                </c:pt>
                <c:pt idx="8128">
                  <c:v>4.3499999999999997E-2</c:v>
                </c:pt>
                <c:pt idx="8129">
                  <c:v>4.3499999999999997E-2</c:v>
                </c:pt>
                <c:pt idx="8130">
                  <c:v>4.3499999999999997E-2</c:v>
                </c:pt>
                <c:pt idx="8131">
                  <c:v>4.3499999999999997E-2</c:v>
                </c:pt>
                <c:pt idx="8132">
                  <c:v>4.3499999999999997E-2</c:v>
                </c:pt>
                <c:pt idx="8133">
                  <c:v>4.3499999999999997E-2</c:v>
                </c:pt>
                <c:pt idx="8134">
                  <c:v>4.3499999999999997E-2</c:v>
                </c:pt>
                <c:pt idx="8135">
                  <c:v>4.3499999999999997E-2</c:v>
                </c:pt>
                <c:pt idx="8136">
                  <c:v>4.3499999999999997E-2</c:v>
                </c:pt>
                <c:pt idx="8137">
                  <c:v>4.3499999999999997E-2</c:v>
                </c:pt>
                <c:pt idx="8138">
                  <c:v>4.3499999999999997E-2</c:v>
                </c:pt>
                <c:pt idx="8139">
                  <c:v>4.3499999999999997E-2</c:v>
                </c:pt>
                <c:pt idx="8140">
                  <c:v>4.3499999999999997E-2</c:v>
                </c:pt>
                <c:pt idx="8141">
                  <c:v>4.3499999999999997E-2</c:v>
                </c:pt>
                <c:pt idx="8142">
                  <c:v>4.3499999999999997E-2</c:v>
                </c:pt>
                <c:pt idx="8143">
                  <c:v>4.3499999999999997E-2</c:v>
                </c:pt>
                <c:pt idx="8144">
                  <c:v>4.3499999999999997E-2</c:v>
                </c:pt>
                <c:pt idx="8145">
                  <c:v>4.3499999999999997E-2</c:v>
                </c:pt>
                <c:pt idx="8146">
                  <c:v>4.3499999999999997E-2</c:v>
                </c:pt>
                <c:pt idx="8147">
                  <c:v>4.3499999999999997E-2</c:v>
                </c:pt>
                <c:pt idx="8148">
                  <c:v>4.3499999999999997E-2</c:v>
                </c:pt>
                <c:pt idx="8149">
                  <c:v>4.3499999999999997E-2</c:v>
                </c:pt>
                <c:pt idx="8150">
                  <c:v>4.3499999999999997E-2</c:v>
                </c:pt>
                <c:pt idx="8151">
                  <c:v>4.3499999999999997E-2</c:v>
                </c:pt>
                <c:pt idx="8152">
                  <c:v>4.3499999999999997E-2</c:v>
                </c:pt>
                <c:pt idx="8153">
                  <c:v>4.3499999999999997E-2</c:v>
                </c:pt>
                <c:pt idx="8154">
                  <c:v>4.3499999999999997E-2</c:v>
                </c:pt>
                <c:pt idx="8155">
                  <c:v>4.3499999999999997E-2</c:v>
                </c:pt>
                <c:pt idx="8156">
                  <c:v>4.3499999999999997E-2</c:v>
                </c:pt>
                <c:pt idx="8157">
                  <c:v>4.3499999999999997E-2</c:v>
                </c:pt>
                <c:pt idx="8158">
                  <c:v>4.3499999999999997E-2</c:v>
                </c:pt>
                <c:pt idx="8159">
                  <c:v>4.3499999999999997E-2</c:v>
                </c:pt>
                <c:pt idx="8160">
                  <c:v>4.3499999999999997E-2</c:v>
                </c:pt>
                <c:pt idx="8161">
                  <c:v>4.3499999999999997E-2</c:v>
                </c:pt>
                <c:pt idx="8162">
                  <c:v>4.3499999999999997E-2</c:v>
                </c:pt>
                <c:pt idx="8163">
                  <c:v>4.3499999999999997E-2</c:v>
                </c:pt>
                <c:pt idx="8164">
                  <c:v>4.3499999999999997E-2</c:v>
                </c:pt>
                <c:pt idx="8165">
                  <c:v>4.3499999999999997E-2</c:v>
                </c:pt>
                <c:pt idx="8166">
                  <c:v>4.3499999999999997E-2</c:v>
                </c:pt>
                <c:pt idx="8167">
                  <c:v>4.3499999999999997E-2</c:v>
                </c:pt>
                <c:pt idx="8168">
                  <c:v>4.3499999999999997E-2</c:v>
                </c:pt>
                <c:pt idx="8169">
                  <c:v>4.3499999999999997E-2</c:v>
                </c:pt>
                <c:pt idx="8170">
                  <c:v>4.3499999999999997E-2</c:v>
                </c:pt>
                <c:pt idx="8171">
                  <c:v>4.3499999999999997E-2</c:v>
                </c:pt>
                <c:pt idx="8172">
                  <c:v>4.3499999999999997E-2</c:v>
                </c:pt>
                <c:pt idx="8173">
                  <c:v>4.3499999999999997E-2</c:v>
                </c:pt>
                <c:pt idx="8174">
                  <c:v>4.3499999999999997E-2</c:v>
                </c:pt>
                <c:pt idx="8175">
                  <c:v>4.3499999999999997E-2</c:v>
                </c:pt>
                <c:pt idx="8176">
                  <c:v>4.3499999999999997E-2</c:v>
                </c:pt>
                <c:pt idx="8177">
                  <c:v>4.3499999999999997E-2</c:v>
                </c:pt>
                <c:pt idx="8178">
                  <c:v>4.3499999999999997E-2</c:v>
                </c:pt>
                <c:pt idx="8179">
                  <c:v>4.3499999999999997E-2</c:v>
                </c:pt>
                <c:pt idx="8180">
                  <c:v>4.3499999999999997E-2</c:v>
                </c:pt>
                <c:pt idx="8181">
                  <c:v>4.3499999999999997E-2</c:v>
                </c:pt>
                <c:pt idx="8182">
                  <c:v>4.3499999999999997E-2</c:v>
                </c:pt>
                <c:pt idx="8183">
                  <c:v>4.3499999999999997E-2</c:v>
                </c:pt>
                <c:pt idx="8184">
                  <c:v>4.3499999999999997E-2</c:v>
                </c:pt>
                <c:pt idx="8185">
                  <c:v>4.3499999999999997E-2</c:v>
                </c:pt>
                <c:pt idx="8186">
                  <c:v>4.3499999999999997E-2</c:v>
                </c:pt>
                <c:pt idx="8187">
                  <c:v>4.3499999999999997E-2</c:v>
                </c:pt>
                <c:pt idx="8188">
                  <c:v>4.3499999999999997E-2</c:v>
                </c:pt>
                <c:pt idx="8189">
                  <c:v>4.3499999999999997E-2</c:v>
                </c:pt>
                <c:pt idx="8190">
                  <c:v>4.3499999999999997E-2</c:v>
                </c:pt>
                <c:pt idx="8191">
                  <c:v>4.3499999999999997E-2</c:v>
                </c:pt>
                <c:pt idx="8192">
                  <c:v>4.3499999999999997E-2</c:v>
                </c:pt>
                <c:pt idx="8193">
                  <c:v>4.3499999999999997E-2</c:v>
                </c:pt>
                <c:pt idx="8194">
                  <c:v>4.3499999999999997E-2</c:v>
                </c:pt>
                <c:pt idx="8195">
                  <c:v>4.3499999999999997E-2</c:v>
                </c:pt>
                <c:pt idx="8196">
                  <c:v>4.3499999999999997E-2</c:v>
                </c:pt>
                <c:pt idx="8197">
                  <c:v>4.3499999999999997E-2</c:v>
                </c:pt>
                <c:pt idx="8198">
                  <c:v>4.3499999999999997E-2</c:v>
                </c:pt>
                <c:pt idx="8199">
                  <c:v>4.3499999999999997E-2</c:v>
                </c:pt>
                <c:pt idx="8200">
                  <c:v>4.3499999999999997E-2</c:v>
                </c:pt>
                <c:pt idx="8201">
                  <c:v>4.3499999999999997E-2</c:v>
                </c:pt>
                <c:pt idx="8202">
                  <c:v>4.3499999999999997E-2</c:v>
                </c:pt>
                <c:pt idx="8203">
                  <c:v>4.3499999999999997E-2</c:v>
                </c:pt>
                <c:pt idx="8204">
                  <c:v>4.3499999999999997E-2</c:v>
                </c:pt>
                <c:pt idx="8205">
                  <c:v>4.3499999999999997E-2</c:v>
                </c:pt>
                <c:pt idx="8206">
                  <c:v>4.3499999999999997E-2</c:v>
                </c:pt>
                <c:pt idx="8207">
                  <c:v>4.3499999999999997E-2</c:v>
                </c:pt>
                <c:pt idx="8208">
                  <c:v>4.3499999999999997E-2</c:v>
                </c:pt>
                <c:pt idx="8209">
                  <c:v>4.3499999999999997E-2</c:v>
                </c:pt>
                <c:pt idx="8210">
                  <c:v>4.3499999999999997E-2</c:v>
                </c:pt>
                <c:pt idx="8211">
                  <c:v>4.3499999999999997E-2</c:v>
                </c:pt>
                <c:pt idx="8212">
                  <c:v>4.3499999999999997E-2</c:v>
                </c:pt>
                <c:pt idx="8213">
                  <c:v>4.3499999999999997E-2</c:v>
                </c:pt>
                <c:pt idx="8214">
                  <c:v>4.3499999999999997E-2</c:v>
                </c:pt>
                <c:pt idx="8215">
                  <c:v>4.3499999999999997E-2</c:v>
                </c:pt>
                <c:pt idx="8216">
                  <c:v>4.3499999999999997E-2</c:v>
                </c:pt>
                <c:pt idx="8217">
                  <c:v>4.3499999999999997E-2</c:v>
                </c:pt>
                <c:pt idx="8218">
                  <c:v>4.3499999999999997E-2</c:v>
                </c:pt>
                <c:pt idx="8219">
                  <c:v>4.3499999999999997E-2</c:v>
                </c:pt>
                <c:pt idx="8220">
                  <c:v>4.3499999999999997E-2</c:v>
                </c:pt>
                <c:pt idx="8221">
                  <c:v>4.3499999999999997E-2</c:v>
                </c:pt>
                <c:pt idx="8222">
                  <c:v>4.3499999999999997E-2</c:v>
                </c:pt>
                <c:pt idx="8223">
                  <c:v>4.3499999999999997E-2</c:v>
                </c:pt>
                <c:pt idx="8224">
                  <c:v>4.3499999999999997E-2</c:v>
                </c:pt>
                <c:pt idx="8225">
                  <c:v>4.3499999999999997E-2</c:v>
                </c:pt>
                <c:pt idx="8226">
                  <c:v>4.3499999999999997E-2</c:v>
                </c:pt>
                <c:pt idx="8227">
                  <c:v>4.3499999999999997E-2</c:v>
                </c:pt>
                <c:pt idx="8228">
                  <c:v>4.3499999999999997E-2</c:v>
                </c:pt>
                <c:pt idx="8229">
                  <c:v>4.3499999999999997E-2</c:v>
                </c:pt>
                <c:pt idx="8230">
                  <c:v>4.3499999999999997E-2</c:v>
                </c:pt>
                <c:pt idx="8231">
                  <c:v>4.3499999999999997E-2</c:v>
                </c:pt>
                <c:pt idx="8232">
                  <c:v>4.3499999999999997E-2</c:v>
                </c:pt>
                <c:pt idx="8233">
                  <c:v>4.3499999999999997E-2</c:v>
                </c:pt>
                <c:pt idx="8234">
                  <c:v>4.3499999999999997E-2</c:v>
                </c:pt>
                <c:pt idx="8235">
                  <c:v>4.3499999999999997E-2</c:v>
                </c:pt>
                <c:pt idx="8236">
                  <c:v>4.3499999999999997E-2</c:v>
                </c:pt>
                <c:pt idx="8237">
                  <c:v>4.3499999999999997E-2</c:v>
                </c:pt>
                <c:pt idx="8238">
                  <c:v>4.3499999999999997E-2</c:v>
                </c:pt>
                <c:pt idx="8239">
                  <c:v>4.3499999999999997E-2</c:v>
                </c:pt>
                <c:pt idx="8240">
                  <c:v>4.3499999999999997E-2</c:v>
                </c:pt>
                <c:pt idx="8241">
                  <c:v>4.3499999999999997E-2</c:v>
                </c:pt>
                <c:pt idx="8242">
                  <c:v>4.3499999999999997E-2</c:v>
                </c:pt>
                <c:pt idx="8243">
                  <c:v>4.3499999999999997E-2</c:v>
                </c:pt>
                <c:pt idx="8244">
                  <c:v>4.3499999999999997E-2</c:v>
                </c:pt>
                <c:pt idx="8245">
                  <c:v>4.3499999999999997E-2</c:v>
                </c:pt>
                <c:pt idx="8246">
                  <c:v>4.3499999999999997E-2</c:v>
                </c:pt>
                <c:pt idx="8247">
                  <c:v>4.3499999999999997E-2</c:v>
                </c:pt>
                <c:pt idx="8248">
                  <c:v>4.3499999999999997E-2</c:v>
                </c:pt>
                <c:pt idx="8249">
                  <c:v>4.3499999999999997E-2</c:v>
                </c:pt>
                <c:pt idx="8250">
                  <c:v>4.3499999999999997E-2</c:v>
                </c:pt>
                <c:pt idx="8251">
                  <c:v>4.3499999999999997E-2</c:v>
                </c:pt>
                <c:pt idx="8252">
                  <c:v>4.3499999999999997E-2</c:v>
                </c:pt>
                <c:pt idx="8253">
                  <c:v>4.3499999999999997E-2</c:v>
                </c:pt>
                <c:pt idx="8254">
                  <c:v>4.3499999999999997E-2</c:v>
                </c:pt>
                <c:pt idx="8255">
                  <c:v>4.3499999999999997E-2</c:v>
                </c:pt>
                <c:pt idx="8256">
                  <c:v>4.3499999999999997E-2</c:v>
                </c:pt>
                <c:pt idx="8257">
                  <c:v>4.3499999999999997E-2</c:v>
                </c:pt>
                <c:pt idx="8258">
                  <c:v>4.3499999999999997E-2</c:v>
                </c:pt>
                <c:pt idx="8259">
                  <c:v>4.3499999999999997E-2</c:v>
                </c:pt>
                <c:pt idx="8260">
                  <c:v>4.3499999999999997E-2</c:v>
                </c:pt>
                <c:pt idx="8261">
                  <c:v>4.3499999999999997E-2</c:v>
                </c:pt>
                <c:pt idx="8262">
                  <c:v>4.3499999999999997E-2</c:v>
                </c:pt>
                <c:pt idx="8263">
                  <c:v>4.3499999999999997E-2</c:v>
                </c:pt>
                <c:pt idx="8264">
                  <c:v>4.3499999999999997E-2</c:v>
                </c:pt>
                <c:pt idx="8265">
                  <c:v>4.3499999999999997E-2</c:v>
                </c:pt>
                <c:pt idx="8266">
                  <c:v>4.3499999999999997E-2</c:v>
                </c:pt>
                <c:pt idx="8267">
                  <c:v>4.3499999999999997E-2</c:v>
                </c:pt>
                <c:pt idx="8268">
                  <c:v>4.3499999999999997E-2</c:v>
                </c:pt>
                <c:pt idx="8269">
                  <c:v>4.3499999999999997E-2</c:v>
                </c:pt>
                <c:pt idx="8270">
                  <c:v>4.3499999999999997E-2</c:v>
                </c:pt>
                <c:pt idx="8271">
                  <c:v>4.3499999999999997E-2</c:v>
                </c:pt>
                <c:pt idx="8272">
                  <c:v>4.3499999999999997E-2</c:v>
                </c:pt>
                <c:pt idx="8273">
                  <c:v>4.3499999999999997E-2</c:v>
                </c:pt>
                <c:pt idx="8274">
                  <c:v>4.3499999999999997E-2</c:v>
                </c:pt>
                <c:pt idx="8275">
                  <c:v>4.3499999999999997E-2</c:v>
                </c:pt>
                <c:pt idx="8276">
                  <c:v>4.3499999999999997E-2</c:v>
                </c:pt>
                <c:pt idx="8277">
                  <c:v>4.3499999999999997E-2</c:v>
                </c:pt>
                <c:pt idx="8278">
                  <c:v>4.3499999999999997E-2</c:v>
                </c:pt>
                <c:pt idx="8279">
                  <c:v>4.3499999999999997E-2</c:v>
                </c:pt>
                <c:pt idx="8280">
                  <c:v>4.3499999999999997E-2</c:v>
                </c:pt>
                <c:pt idx="8281">
                  <c:v>4.3499999999999997E-2</c:v>
                </c:pt>
                <c:pt idx="8282">
                  <c:v>4.3499999999999997E-2</c:v>
                </c:pt>
                <c:pt idx="8283">
                  <c:v>4.3499999999999997E-2</c:v>
                </c:pt>
                <c:pt idx="8284">
                  <c:v>4.3499999999999997E-2</c:v>
                </c:pt>
                <c:pt idx="8285">
                  <c:v>4.3499999999999997E-2</c:v>
                </c:pt>
                <c:pt idx="8286">
                  <c:v>4.3499999999999997E-2</c:v>
                </c:pt>
                <c:pt idx="8287">
                  <c:v>4.3499999999999997E-2</c:v>
                </c:pt>
                <c:pt idx="8288">
                  <c:v>4.3499999999999997E-2</c:v>
                </c:pt>
                <c:pt idx="8289">
                  <c:v>4.3499999999999997E-2</c:v>
                </c:pt>
                <c:pt idx="8290">
                  <c:v>4.3499999999999997E-2</c:v>
                </c:pt>
                <c:pt idx="8291">
                  <c:v>4.3499999999999997E-2</c:v>
                </c:pt>
                <c:pt idx="8292">
                  <c:v>4.3499999999999997E-2</c:v>
                </c:pt>
                <c:pt idx="8293">
                  <c:v>4.3499999999999997E-2</c:v>
                </c:pt>
                <c:pt idx="8294">
                  <c:v>4.3499999999999997E-2</c:v>
                </c:pt>
                <c:pt idx="8295">
                  <c:v>4.3499999999999997E-2</c:v>
                </c:pt>
                <c:pt idx="8296">
                  <c:v>4.3499999999999997E-2</c:v>
                </c:pt>
                <c:pt idx="8297">
                  <c:v>4.3499999999999997E-2</c:v>
                </c:pt>
                <c:pt idx="8298">
                  <c:v>4.3499999999999997E-2</c:v>
                </c:pt>
                <c:pt idx="8299">
                  <c:v>4.3499999999999997E-2</c:v>
                </c:pt>
                <c:pt idx="8300">
                  <c:v>4.3499999999999997E-2</c:v>
                </c:pt>
                <c:pt idx="8301">
                  <c:v>4.3499999999999997E-2</c:v>
                </c:pt>
                <c:pt idx="8302">
                  <c:v>4.3499999999999997E-2</c:v>
                </c:pt>
                <c:pt idx="8303">
                  <c:v>4.3499999999999997E-2</c:v>
                </c:pt>
                <c:pt idx="8304">
                  <c:v>4.3499999999999997E-2</c:v>
                </c:pt>
                <c:pt idx="8305">
                  <c:v>4.3499999999999997E-2</c:v>
                </c:pt>
                <c:pt idx="8306">
                  <c:v>4.3499999999999997E-2</c:v>
                </c:pt>
                <c:pt idx="8307">
                  <c:v>4.3499999999999997E-2</c:v>
                </c:pt>
                <c:pt idx="8308">
                  <c:v>4.3499999999999997E-2</c:v>
                </c:pt>
                <c:pt idx="8309">
                  <c:v>4.3499999999999997E-2</c:v>
                </c:pt>
                <c:pt idx="8310">
                  <c:v>4.3499999999999997E-2</c:v>
                </c:pt>
                <c:pt idx="8311">
                  <c:v>4.3499999999999997E-2</c:v>
                </c:pt>
                <c:pt idx="8312">
                  <c:v>4.3499999999999997E-2</c:v>
                </c:pt>
                <c:pt idx="8313">
                  <c:v>4.3499999999999997E-2</c:v>
                </c:pt>
                <c:pt idx="8314">
                  <c:v>4.3499999999999997E-2</c:v>
                </c:pt>
                <c:pt idx="8315">
                  <c:v>4.3499999999999997E-2</c:v>
                </c:pt>
                <c:pt idx="8316">
                  <c:v>4.3499999999999997E-2</c:v>
                </c:pt>
                <c:pt idx="8317">
                  <c:v>4.3499999999999997E-2</c:v>
                </c:pt>
                <c:pt idx="8318">
                  <c:v>4.3499999999999997E-2</c:v>
                </c:pt>
                <c:pt idx="8319">
                  <c:v>4.3499999999999997E-2</c:v>
                </c:pt>
                <c:pt idx="8320">
                  <c:v>4.3499999999999997E-2</c:v>
                </c:pt>
                <c:pt idx="8321">
                  <c:v>4.3499999999999997E-2</c:v>
                </c:pt>
                <c:pt idx="8322">
                  <c:v>4.3499999999999997E-2</c:v>
                </c:pt>
                <c:pt idx="8323">
                  <c:v>4.3499999999999997E-2</c:v>
                </c:pt>
                <c:pt idx="8324">
                  <c:v>4.3499999999999997E-2</c:v>
                </c:pt>
                <c:pt idx="8325">
                  <c:v>4.3499999999999997E-2</c:v>
                </c:pt>
                <c:pt idx="8326">
                  <c:v>4.3499999999999997E-2</c:v>
                </c:pt>
                <c:pt idx="8327">
                  <c:v>4.3499999999999997E-2</c:v>
                </c:pt>
                <c:pt idx="8328">
                  <c:v>4.3499999999999997E-2</c:v>
                </c:pt>
                <c:pt idx="8329">
                  <c:v>4.3499999999999997E-2</c:v>
                </c:pt>
                <c:pt idx="8330">
                  <c:v>4.3499999999999997E-2</c:v>
                </c:pt>
                <c:pt idx="8331">
                  <c:v>4.3499999999999997E-2</c:v>
                </c:pt>
                <c:pt idx="8332">
                  <c:v>4.3499999999999997E-2</c:v>
                </c:pt>
                <c:pt idx="8333">
                  <c:v>4.3499999999999997E-2</c:v>
                </c:pt>
                <c:pt idx="8334">
                  <c:v>4.3499999999999997E-2</c:v>
                </c:pt>
                <c:pt idx="8335">
                  <c:v>4.3499999999999997E-2</c:v>
                </c:pt>
                <c:pt idx="8336">
                  <c:v>4.3499999999999997E-2</c:v>
                </c:pt>
                <c:pt idx="8337">
                  <c:v>4.3499999999999997E-2</c:v>
                </c:pt>
                <c:pt idx="8338">
                  <c:v>4.3499999999999997E-2</c:v>
                </c:pt>
                <c:pt idx="8339">
                  <c:v>4.3499999999999997E-2</c:v>
                </c:pt>
                <c:pt idx="8340">
                  <c:v>4.3499999999999997E-2</c:v>
                </c:pt>
                <c:pt idx="8341">
                  <c:v>4.3499999999999997E-2</c:v>
                </c:pt>
                <c:pt idx="8342">
                  <c:v>4.3499999999999997E-2</c:v>
                </c:pt>
                <c:pt idx="8343">
                  <c:v>4.3499999999999997E-2</c:v>
                </c:pt>
                <c:pt idx="8344">
                  <c:v>4.3499999999999997E-2</c:v>
                </c:pt>
                <c:pt idx="8345">
                  <c:v>4.3499999999999997E-2</c:v>
                </c:pt>
                <c:pt idx="8346">
                  <c:v>4.3499999999999997E-2</c:v>
                </c:pt>
                <c:pt idx="8347">
                  <c:v>4.3499999999999997E-2</c:v>
                </c:pt>
                <c:pt idx="8348">
                  <c:v>4.3499999999999997E-2</c:v>
                </c:pt>
                <c:pt idx="8349">
                  <c:v>4.3499999999999997E-2</c:v>
                </c:pt>
                <c:pt idx="8350">
                  <c:v>4.3499999999999997E-2</c:v>
                </c:pt>
                <c:pt idx="8351">
                  <c:v>4.3499999999999997E-2</c:v>
                </c:pt>
                <c:pt idx="8352">
                  <c:v>4.3499999999999997E-2</c:v>
                </c:pt>
                <c:pt idx="8353">
                  <c:v>4.3499999999999997E-2</c:v>
                </c:pt>
                <c:pt idx="8354">
                  <c:v>4.3499999999999997E-2</c:v>
                </c:pt>
                <c:pt idx="8355">
                  <c:v>4.3499999999999997E-2</c:v>
                </c:pt>
                <c:pt idx="8356">
                  <c:v>4.3499999999999997E-2</c:v>
                </c:pt>
                <c:pt idx="8357">
                  <c:v>4.3499999999999997E-2</c:v>
                </c:pt>
                <c:pt idx="8358">
                  <c:v>4.3499999999999997E-2</c:v>
                </c:pt>
                <c:pt idx="8359">
                  <c:v>4.3499999999999997E-2</c:v>
                </c:pt>
                <c:pt idx="8360">
                  <c:v>4.3499999999999997E-2</c:v>
                </c:pt>
                <c:pt idx="8361">
                  <c:v>4.3499999999999997E-2</c:v>
                </c:pt>
                <c:pt idx="8362">
                  <c:v>4.3499999999999997E-2</c:v>
                </c:pt>
                <c:pt idx="8363">
                  <c:v>4.3499999999999997E-2</c:v>
                </c:pt>
                <c:pt idx="8364">
                  <c:v>4.3499999999999997E-2</c:v>
                </c:pt>
                <c:pt idx="8365">
                  <c:v>4.3499999999999997E-2</c:v>
                </c:pt>
                <c:pt idx="8366">
                  <c:v>4.3499999999999997E-2</c:v>
                </c:pt>
                <c:pt idx="8367">
                  <c:v>4.3499999999999997E-2</c:v>
                </c:pt>
                <c:pt idx="8368">
                  <c:v>4.3499999999999997E-2</c:v>
                </c:pt>
                <c:pt idx="8369">
                  <c:v>4.3499999999999997E-2</c:v>
                </c:pt>
                <c:pt idx="8370">
                  <c:v>4.3499999999999997E-2</c:v>
                </c:pt>
                <c:pt idx="8371">
                  <c:v>4.3499999999999997E-2</c:v>
                </c:pt>
                <c:pt idx="8372">
                  <c:v>4.3499999999999997E-2</c:v>
                </c:pt>
                <c:pt idx="8373">
                  <c:v>4.3499999999999997E-2</c:v>
                </c:pt>
                <c:pt idx="8374">
                  <c:v>4.3499999999999997E-2</c:v>
                </c:pt>
                <c:pt idx="8375">
                  <c:v>4.3499999999999997E-2</c:v>
                </c:pt>
                <c:pt idx="8376">
                  <c:v>4.3499999999999997E-2</c:v>
                </c:pt>
                <c:pt idx="8377">
                  <c:v>4.3499999999999997E-2</c:v>
                </c:pt>
                <c:pt idx="8378">
                  <c:v>4.3499999999999997E-2</c:v>
                </c:pt>
                <c:pt idx="8379">
                  <c:v>4.3499999999999997E-2</c:v>
                </c:pt>
                <c:pt idx="8380">
                  <c:v>4.3499999999999997E-2</c:v>
                </c:pt>
                <c:pt idx="8381">
                  <c:v>4.3499999999999997E-2</c:v>
                </c:pt>
                <c:pt idx="8382">
                  <c:v>4.3499999999999997E-2</c:v>
                </c:pt>
                <c:pt idx="8383">
                  <c:v>4.3499999999999997E-2</c:v>
                </c:pt>
                <c:pt idx="8384">
                  <c:v>4.3499999999999997E-2</c:v>
                </c:pt>
                <c:pt idx="8385">
                  <c:v>4.3499999999999997E-2</c:v>
                </c:pt>
                <c:pt idx="8386">
                  <c:v>4.3499999999999997E-2</c:v>
                </c:pt>
                <c:pt idx="8387">
                  <c:v>4.3499999999999997E-2</c:v>
                </c:pt>
                <c:pt idx="8388">
                  <c:v>4.3499999999999997E-2</c:v>
                </c:pt>
                <c:pt idx="8389">
                  <c:v>4.3499999999999997E-2</c:v>
                </c:pt>
                <c:pt idx="8390">
                  <c:v>4.3499999999999997E-2</c:v>
                </c:pt>
                <c:pt idx="8391">
                  <c:v>4.3499999999999997E-2</c:v>
                </c:pt>
                <c:pt idx="8392">
                  <c:v>4.3499999999999997E-2</c:v>
                </c:pt>
                <c:pt idx="8393">
                  <c:v>4.3499999999999997E-2</c:v>
                </c:pt>
                <c:pt idx="8394">
                  <c:v>4.3499999999999997E-2</c:v>
                </c:pt>
                <c:pt idx="8395">
                  <c:v>4.3499999999999997E-2</c:v>
                </c:pt>
                <c:pt idx="8396">
                  <c:v>4.3499999999999997E-2</c:v>
                </c:pt>
                <c:pt idx="8397">
                  <c:v>4.3499999999999997E-2</c:v>
                </c:pt>
                <c:pt idx="8398">
                  <c:v>4.3499999999999997E-2</c:v>
                </c:pt>
                <c:pt idx="8399">
                  <c:v>4.3499999999999997E-2</c:v>
                </c:pt>
                <c:pt idx="8400">
                  <c:v>4.3499999999999997E-2</c:v>
                </c:pt>
                <c:pt idx="8401">
                  <c:v>4.3499999999999997E-2</c:v>
                </c:pt>
                <c:pt idx="8402">
                  <c:v>4.3499999999999997E-2</c:v>
                </c:pt>
                <c:pt idx="8403">
                  <c:v>4.3499999999999997E-2</c:v>
                </c:pt>
                <c:pt idx="8404">
                  <c:v>4.3499999999999997E-2</c:v>
                </c:pt>
                <c:pt idx="8405">
                  <c:v>4.3499999999999997E-2</c:v>
                </c:pt>
                <c:pt idx="8406">
                  <c:v>4.3499999999999997E-2</c:v>
                </c:pt>
                <c:pt idx="8407">
                  <c:v>4.3499999999999997E-2</c:v>
                </c:pt>
                <c:pt idx="8408">
                  <c:v>4.3499999999999997E-2</c:v>
                </c:pt>
                <c:pt idx="8409">
                  <c:v>4.3499999999999997E-2</c:v>
                </c:pt>
                <c:pt idx="8410">
                  <c:v>4.3499999999999997E-2</c:v>
                </c:pt>
                <c:pt idx="8411">
                  <c:v>4.3499999999999997E-2</c:v>
                </c:pt>
                <c:pt idx="8412">
                  <c:v>4.3499999999999997E-2</c:v>
                </c:pt>
                <c:pt idx="8413">
                  <c:v>4.3499999999999997E-2</c:v>
                </c:pt>
                <c:pt idx="8414">
                  <c:v>4.3499999999999997E-2</c:v>
                </c:pt>
                <c:pt idx="8415">
                  <c:v>4.3499999999999997E-2</c:v>
                </c:pt>
                <c:pt idx="8416">
                  <c:v>4.3499999999999997E-2</c:v>
                </c:pt>
                <c:pt idx="8417">
                  <c:v>4.3499999999999997E-2</c:v>
                </c:pt>
                <c:pt idx="8418">
                  <c:v>4.3499999999999997E-2</c:v>
                </c:pt>
                <c:pt idx="8419">
                  <c:v>4.3499999999999997E-2</c:v>
                </c:pt>
                <c:pt idx="8420">
                  <c:v>4.3499999999999997E-2</c:v>
                </c:pt>
                <c:pt idx="8421">
                  <c:v>4.3499999999999997E-2</c:v>
                </c:pt>
                <c:pt idx="8422">
                  <c:v>4.3499999999999997E-2</c:v>
                </c:pt>
                <c:pt idx="8423">
                  <c:v>4.3499999999999997E-2</c:v>
                </c:pt>
                <c:pt idx="8424">
                  <c:v>4.3499999999999997E-2</c:v>
                </c:pt>
                <c:pt idx="8425">
                  <c:v>4.3499999999999997E-2</c:v>
                </c:pt>
                <c:pt idx="8426">
                  <c:v>4.3499999999999997E-2</c:v>
                </c:pt>
                <c:pt idx="8427">
                  <c:v>4.3499999999999997E-2</c:v>
                </c:pt>
                <c:pt idx="8428">
                  <c:v>4.3499999999999997E-2</c:v>
                </c:pt>
                <c:pt idx="8429">
                  <c:v>4.3499999999999997E-2</c:v>
                </c:pt>
                <c:pt idx="8430">
                  <c:v>4.3499999999999997E-2</c:v>
                </c:pt>
                <c:pt idx="8431">
                  <c:v>4.3499999999999997E-2</c:v>
                </c:pt>
                <c:pt idx="8432">
                  <c:v>4.3499999999999997E-2</c:v>
                </c:pt>
                <c:pt idx="8433">
                  <c:v>4.3499999999999997E-2</c:v>
                </c:pt>
                <c:pt idx="8434">
                  <c:v>4.3499999999999997E-2</c:v>
                </c:pt>
                <c:pt idx="8435">
                  <c:v>4.3499999999999997E-2</c:v>
                </c:pt>
                <c:pt idx="8436">
                  <c:v>4.3499999999999997E-2</c:v>
                </c:pt>
                <c:pt idx="8437">
                  <c:v>4.3499999999999997E-2</c:v>
                </c:pt>
                <c:pt idx="8438">
                  <c:v>4.3499999999999997E-2</c:v>
                </c:pt>
                <c:pt idx="8439">
                  <c:v>4.3499999999999997E-2</c:v>
                </c:pt>
                <c:pt idx="8440">
                  <c:v>4.3499999999999997E-2</c:v>
                </c:pt>
                <c:pt idx="8441">
                  <c:v>4.3499999999999997E-2</c:v>
                </c:pt>
                <c:pt idx="8442">
                  <c:v>4.3499999999999997E-2</c:v>
                </c:pt>
                <c:pt idx="8443">
                  <c:v>4.3499999999999997E-2</c:v>
                </c:pt>
                <c:pt idx="8444">
                  <c:v>4.3499999999999997E-2</c:v>
                </c:pt>
                <c:pt idx="8445">
                  <c:v>4.3499999999999997E-2</c:v>
                </c:pt>
                <c:pt idx="8446">
                  <c:v>4.3499999999999997E-2</c:v>
                </c:pt>
                <c:pt idx="8447">
                  <c:v>4.3499999999999997E-2</c:v>
                </c:pt>
                <c:pt idx="8448">
                  <c:v>4.3499999999999997E-2</c:v>
                </c:pt>
                <c:pt idx="8449">
                  <c:v>4.3499999999999997E-2</c:v>
                </c:pt>
                <c:pt idx="8450">
                  <c:v>4.3499999999999997E-2</c:v>
                </c:pt>
                <c:pt idx="8451">
                  <c:v>4.3499999999999997E-2</c:v>
                </c:pt>
                <c:pt idx="8452">
                  <c:v>4.3499999999999997E-2</c:v>
                </c:pt>
                <c:pt idx="8453">
                  <c:v>4.3499999999999997E-2</c:v>
                </c:pt>
                <c:pt idx="8454">
                  <c:v>4.3499999999999997E-2</c:v>
                </c:pt>
                <c:pt idx="8455">
                  <c:v>4.3499999999999997E-2</c:v>
                </c:pt>
                <c:pt idx="8456">
                  <c:v>4.3499999999999997E-2</c:v>
                </c:pt>
                <c:pt idx="8457">
                  <c:v>4.3499999999999997E-2</c:v>
                </c:pt>
                <c:pt idx="8458">
                  <c:v>4.3499999999999997E-2</c:v>
                </c:pt>
                <c:pt idx="8459">
                  <c:v>4.3499999999999997E-2</c:v>
                </c:pt>
                <c:pt idx="8460">
                  <c:v>4.3499999999999997E-2</c:v>
                </c:pt>
                <c:pt idx="8461">
                  <c:v>4.3499999999999997E-2</c:v>
                </c:pt>
                <c:pt idx="8462">
                  <c:v>4.3499999999999997E-2</c:v>
                </c:pt>
                <c:pt idx="8463">
                  <c:v>4.3499999999999997E-2</c:v>
                </c:pt>
                <c:pt idx="8464">
                  <c:v>4.3499999999999997E-2</c:v>
                </c:pt>
                <c:pt idx="8465">
                  <c:v>4.3499999999999997E-2</c:v>
                </c:pt>
                <c:pt idx="8466">
                  <c:v>4.3499999999999997E-2</c:v>
                </c:pt>
                <c:pt idx="8467">
                  <c:v>4.3499999999999997E-2</c:v>
                </c:pt>
                <c:pt idx="8468">
                  <c:v>4.3499999999999997E-2</c:v>
                </c:pt>
                <c:pt idx="8469">
                  <c:v>4.3499999999999997E-2</c:v>
                </c:pt>
                <c:pt idx="8470">
                  <c:v>4.3499999999999997E-2</c:v>
                </c:pt>
                <c:pt idx="8471">
                  <c:v>4.3499999999999997E-2</c:v>
                </c:pt>
                <c:pt idx="8472">
                  <c:v>4.3499999999999997E-2</c:v>
                </c:pt>
                <c:pt idx="8473">
                  <c:v>4.3499999999999997E-2</c:v>
                </c:pt>
                <c:pt idx="8474">
                  <c:v>4.3499999999999997E-2</c:v>
                </c:pt>
                <c:pt idx="8475">
                  <c:v>4.3499999999999997E-2</c:v>
                </c:pt>
                <c:pt idx="8476">
                  <c:v>4.3499999999999997E-2</c:v>
                </c:pt>
                <c:pt idx="8477">
                  <c:v>4.3499999999999997E-2</c:v>
                </c:pt>
                <c:pt idx="8478">
                  <c:v>4.3499999999999997E-2</c:v>
                </c:pt>
                <c:pt idx="8479">
                  <c:v>4.3499999999999997E-2</c:v>
                </c:pt>
                <c:pt idx="8480">
                  <c:v>4.3499999999999997E-2</c:v>
                </c:pt>
                <c:pt idx="8481">
                  <c:v>4.3499999999999997E-2</c:v>
                </c:pt>
                <c:pt idx="8482">
                  <c:v>4.3499999999999997E-2</c:v>
                </c:pt>
                <c:pt idx="8483">
                  <c:v>4.3499999999999997E-2</c:v>
                </c:pt>
                <c:pt idx="8484">
                  <c:v>4.3499999999999997E-2</c:v>
                </c:pt>
                <c:pt idx="8485">
                  <c:v>4.3499999999999997E-2</c:v>
                </c:pt>
                <c:pt idx="8486">
                  <c:v>4.3499999999999997E-2</c:v>
                </c:pt>
                <c:pt idx="8487">
                  <c:v>4.3499999999999997E-2</c:v>
                </c:pt>
                <c:pt idx="8488">
                  <c:v>4.3499999999999997E-2</c:v>
                </c:pt>
                <c:pt idx="8489">
                  <c:v>4.3499999999999997E-2</c:v>
                </c:pt>
                <c:pt idx="8490">
                  <c:v>4.3499999999999997E-2</c:v>
                </c:pt>
                <c:pt idx="8491">
                  <c:v>4.3499999999999997E-2</c:v>
                </c:pt>
                <c:pt idx="8492">
                  <c:v>4.3499999999999997E-2</c:v>
                </c:pt>
                <c:pt idx="8493">
                  <c:v>4.3499999999999997E-2</c:v>
                </c:pt>
                <c:pt idx="8494">
                  <c:v>4.3499999999999997E-2</c:v>
                </c:pt>
                <c:pt idx="8495">
                  <c:v>4.3499999999999997E-2</c:v>
                </c:pt>
                <c:pt idx="8496">
                  <c:v>4.3499999999999997E-2</c:v>
                </c:pt>
                <c:pt idx="8497">
                  <c:v>4.3499999999999997E-2</c:v>
                </c:pt>
                <c:pt idx="8498">
                  <c:v>4.3499999999999997E-2</c:v>
                </c:pt>
                <c:pt idx="8499">
                  <c:v>4.3499999999999997E-2</c:v>
                </c:pt>
                <c:pt idx="8500">
                  <c:v>4.3499999999999997E-2</c:v>
                </c:pt>
                <c:pt idx="8501">
                  <c:v>4.3499999999999997E-2</c:v>
                </c:pt>
                <c:pt idx="8502">
                  <c:v>4.3499999999999997E-2</c:v>
                </c:pt>
                <c:pt idx="8503">
                  <c:v>4.3499999999999997E-2</c:v>
                </c:pt>
                <c:pt idx="8504">
                  <c:v>4.3499999999999997E-2</c:v>
                </c:pt>
                <c:pt idx="8505">
                  <c:v>4.3499999999999997E-2</c:v>
                </c:pt>
                <c:pt idx="8506">
                  <c:v>4.3499999999999997E-2</c:v>
                </c:pt>
                <c:pt idx="8507">
                  <c:v>4.3499999999999997E-2</c:v>
                </c:pt>
                <c:pt idx="8508">
                  <c:v>4.3499999999999997E-2</c:v>
                </c:pt>
                <c:pt idx="8509">
                  <c:v>4.3499999999999997E-2</c:v>
                </c:pt>
                <c:pt idx="8510">
                  <c:v>4.3499999999999997E-2</c:v>
                </c:pt>
                <c:pt idx="8511">
                  <c:v>4.3499999999999997E-2</c:v>
                </c:pt>
                <c:pt idx="8512">
                  <c:v>4.3499999999999997E-2</c:v>
                </c:pt>
                <c:pt idx="8513">
                  <c:v>4.3499999999999997E-2</c:v>
                </c:pt>
                <c:pt idx="8514">
                  <c:v>4.3499999999999997E-2</c:v>
                </c:pt>
                <c:pt idx="8515">
                  <c:v>4.3499999999999997E-2</c:v>
                </c:pt>
                <c:pt idx="8516">
                  <c:v>4.3499999999999997E-2</c:v>
                </c:pt>
                <c:pt idx="8517">
                  <c:v>4.3499999999999997E-2</c:v>
                </c:pt>
                <c:pt idx="8518">
                  <c:v>4.3499999999999997E-2</c:v>
                </c:pt>
                <c:pt idx="8519">
                  <c:v>4.3499999999999997E-2</c:v>
                </c:pt>
                <c:pt idx="8520">
                  <c:v>4.3499999999999997E-2</c:v>
                </c:pt>
                <c:pt idx="8521">
                  <c:v>4.3499999999999997E-2</c:v>
                </c:pt>
                <c:pt idx="8522">
                  <c:v>4.3499999999999997E-2</c:v>
                </c:pt>
                <c:pt idx="8523">
                  <c:v>4.3499999999999997E-2</c:v>
                </c:pt>
                <c:pt idx="8524">
                  <c:v>4.3499999999999997E-2</c:v>
                </c:pt>
                <c:pt idx="8525">
                  <c:v>4.3499999999999997E-2</c:v>
                </c:pt>
                <c:pt idx="8526">
                  <c:v>4.3499999999999997E-2</c:v>
                </c:pt>
                <c:pt idx="8527">
                  <c:v>4.3499999999999997E-2</c:v>
                </c:pt>
                <c:pt idx="8528">
                  <c:v>4.3499999999999997E-2</c:v>
                </c:pt>
                <c:pt idx="8529">
                  <c:v>4.3499999999999997E-2</c:v>
                </c:pt>
                <c:pt idx="8530">
                  <c:v>4.3499999999999997E-2</c:v>
                </c:pt>
                <c:pt idx="8531">
                  <c:v>4.3499999999999997E-2</c:v>
                </c:pt>
                <c:pt idx="8532">
                  <c:v>4.3499999999999997E-2</c:v>
                </c:pt>
                <c:pt idx="8533">
                  <c:v>4.3499999999999997E-2</c:v>
                </c:pt>
                <c:pt idx="8534">
                  <c:v>4.3499999999999997E-2</c:v>
                </c:pt>
                <c:pt idx="8535">
                  <c:v>4.3499999999999997E-2</c:v>
                </c:pt>
                <c:pt idx="8536">
                  <c:v>4.3499999999999997E-2</c:v>
                </c:pt>
                <c:pt idx="8537">
                  <c:v>4.3499999999999997E-2</c:v>
                </c:pt>
                <c:pt idx="8538">
                  <c:v>4.3499999999999997E-2</c:v>
                </c:pt>
                <c:pt idx="8539">
                  <c:v>4.3499999999999997E-2</c:v>
                </c:pt>
                <c:pt idx="8540">
                  <c:v>4.3499999999999997E-2</c:v>
                </c:pt>
                <c:pt idx="8541">
                  <c:v>4.3499999999999997E-2</c:v>
                </c:pt>
                <c:pt idx="8542">
                  <c:v>4.3499999999999997E-2</c:v>
                </c:pt>
                <c:pt idx="8543">
                  <c:v>4.3499999999999997E-2</c:v>
                </c:pt>
                <c:pt idx="8544">
                  <c:v>4.3499999999999997E-2</c:v>
                </c:pt>
                <c:pt idx="8545">
                  <c:v>4.3499999999999997E-2</c:v>
                </c:pt>
                <c:pt idx="8546">
                  <c:v>4.3499999999999997E-2</c:v>
                </c:pt>
                <c:pt idx="8547">
                  <c:v>4.3499999999999997E-2</c:v>
                </c:pt>
                <c:pt idx="8548">
                  <c:v>4.3499999999999997E-2</c:v>
                </c:pt>
                <c:pt idx="8549">
                  <c:v>4.3499999999999997E-2</c:v>
                </c:pt>
                <c:pt idx="8550">
                  <c:v>4.3499999999999997E-2</c:v>
                </c:pt>
                <c:pt idx="8551">
                  <c:v>4.3499999999999997E-2</c:v>
                </c:pt>
                <c:pt idx="8552">
                  <c:v>4.3499999999999997E-2</c:v>
                </c:pt>
                <c:pt idx="8553">
                  <c:v>4.3499999999999997E-2</c:v>
                </c:pt>
                <c:pt idx="8554">
                  <c:v>4.3499999999999997E-2</c:v>
                </c:pt>
                <c:pt idx="8555">
                  <c:v>4.3499999999999997E-2</c:v>
                </c:pt>
                <c:pt idx="8556">
                  <c:v>4.3499999999999997E-2</c:v>
                </c:pt>
                <c:pt idx="8557">
                  <c:v>4.3499999999999997E-2</c:v>
                </c:pt>
                <c:pt idx="8558">
                  <c:v>4.3499999999999997E-2</c:v>
                </c:pt>
                <c:pt idx="8559">
                  <c:v>4.3499999999999997E-2</c:v>
                </c:pt>
                <c:pt idx="8560">
                  <c:v>4.3499999999999997E-2</c:v>
                </c:pt>
                <c:pt idx="8561">
                  <c:v>4.3499999999999997E-2</c:v>
                </c:pt>
                <c:pt idx="8562">
                  <c:v>4.3499999999999997E-2</c:v>
                </c:pt>
                <c:pt idx="8563">
                  <c:v>4.3499999999999997E-2</c:v>
                </c:pt>
                <c:pt idx="8564">
                  <c:v>4.3499999999999997E-2</c:v>
                </c:pt>
                <c:pt idx="8565">
                  <c:v>4.3499999999999997E-2</c:v>
                </c:pt>
                <c:pt idx="8566">
                  <c:v>4.3499999999999997E-2</c:v>
                </c:pt>
                <c:pt idx="8567">
                  <c:v>4.3499999999999997E-2</c:v>
                </c:pt>
                <c:pt idx="8568">
                  <c:v>4.3499999999999997E-2</c:v>
                </c:pt>
                <c:pt idx="8569">
                  <c:v>4.3499999999999997E-2</c:v>
                </c:pt>
                <c:pt idx="8570">
                  <c:v>4.3499999999999997E-2</c:v>
                </c:pt>
                <c:pt idx="8571">
                  <c:v>4.3499999999999997E-2</c:v>
                </c:pt>
                <c:pt idx="8572">
                  <c:v>4.3499999999999997E-2</c:v>
                </c:pt>
                <c:pt idx="8573">
                  <c:v>4.3499999999999997E-2</c:v>
                </c:pt>
                <c:pt idx="8574">
                  <c:v>4.3499999999999997E-2</c:v>
                </c:pt>
                <c:pt idx="8575">
                  <c:v>4.3499999999999997E-2</c:v>
                </c:pt>
                <c:pt idx="8576">
                  <c:v>4.3499999999999997E-2</c:v>
                </c:pt>
                <c:pt idx="8577">
                  <c:v>4.3499999999999997E-2</c:v>
                </c:pt>
                <c:pt idx="8578">
                  <c:v>4.3499999999999997E-2</c:v>
                </c:pt>
                <c:pt idx="8579">
                  <c:v>4.3499999999999997E-2</c:v>
                </c:pt>
                <c:pt idx="8580">
                  <c:v>4.3499999999999997E-2</c:v>
                </c:pt>
                <c:pt idx="8581">
                  <c:v>4.3499999999999997E-2</c:v>
                </c:pt>
                <c:pt idx="8582">
                  <c:v>4.3499999999999997E-2</c:v>
                </c:pt>
                <c:pt idx="8583">
                  <c:v>4.3499999999999997E-2</c:v>
                </c:pt>
                <c:pt idx="8584">
                  <c:v>4.3499999999999997E-2</c:v>
                </c:pt>
                <c:pt idx="8585">
                  <c:v>4.3499999999999997E-2</c:v>
                </c:pt>
                <c:pt idx="8586">
                  <c:v>4.3499999999999997E-2</c:v>
                </c:pt>
                <c:pt idx="8587">
                  <c:v>4.3499999999999997E-2</c:v>
                </c:pt>
                <c:pt idx="8588">
                  <c:v>4.3499999999999997E-2</c:v>
                </c:pt>
                <c:pt idx="8589">
                  <c:v>4.3499999999999997E-2</c:v>
                </c:pt>
                <c:pt idx="8590">
                  <c:v>4.3499999999999997E-2</c:v>
                </c:pt>
                <c:pt idx="8591">
                  <c:v>4.3499999999999997E-2</c:v>
                </c:pt>
                <c:pt idx="8592">
                  <c:v>4.3499999999999997E-2</c:v>
                </c:pt>
                <c:pt idx="8593">
                  <c:v>4.3499999999999997E-2</c:v>
                </c:pt>
                <c:pt idx="8594">
                  <c:v>4.3499999999999997E-2</c:v>
                </c:pt>
                <c:pt idx="8595">
                  <c:v>4.3499999999999997E-2</c:v>
                </c:pt>
                <c:pt idx="8596">
                  <c:v>4.3499999999999997E-2</c:v>
                </c:pt>
                <c:pt idx="8597">
                  <c:v>4.3499999999999997E-2</c:v>
                </c:pt>
                <c:pt idx="8598">
                  <c:v>4.3499999999999997E-2</c:v>
                </c:pt>
                <c:pt idx="8599">
                  <c:v>4.3499999999999997E-2</c:v>
                </c:pt>
                <c:pt idx="8600">
                  <c:v>4.3499999999999997E-2</c:v>
                </c:pt>
                <c:pt idx="8601">
                  <c:v>4.3499999999999997E-2</c:v>
                </c:pt>
                <c:pt idx="8602">
                  <c:v>4.3499999999999997E-2</c:v>
                </c:pt>
                <c:pt idx="8603">
                  <c:v>4.3499999999999997E-2</c:v>
                </c:pt>
                <c:pt idx="8604">
                  <c:v>4.3499999999999997E-2</c:v>
                </c:pt>
                <c:pt idx="8605">
                  <c:v>4.3499999999999997E-2</c:v>
                </c:pt>
                <c:pt idx="8606">
                  <c:v>4.3499999999999997E-2</c:v>
                </c:pt>
                <c:pt idx="8607">
                  <c:v>4.3499999999999997E-2</c:v>
                </c:pt>
                <c:pt idx="8608">
                  <c:v>4.3499999999999997E-2</c:v>
                </c:pt>
                <c:pt idx="8609">
                  <c:v>4.3499999999999997E-2</c:v>
                </c:pt>
                <c:pt idx="8610">
                  <c:v>4.3499999999999997E-2</c:v>
                </c:pt>
                <c:pt idx="8611">
                  <c:v>4.3499999999999997E-2</c:v>
                </c:pt>
                <c:pt idx="8612">
                  <c:v>4.3499999999999997E-2</c:v>
                </c:pt>
                <c:pt idx="8613">
                  <c:v>4.3499999999999997E-2</c:v>
                </c:pt>
                <c:pt idx="8614">
                  <c:v>4.3499999999999997E-2</c:v>
                </c:pt>
                <c:pt idx="8615">
                  <c:v>4.3499999999999997E-2</c:v>
                </c:pt>
                <c:pt idx="8616">
                  <c:v>4.3499999999999997E-2</c:v>
                </c:pt>
                <c:pt idx="8617">
                  <c:v>4.3499999999999997E-2</c:v>
                </c:pt>
                <c:pt idx="8618">
                  <c:v>4.3499999999999997E-2</c:v>
                </c:pt>
                <c:pt idx="8619">
                  <c:v>4.3499999999999997E-2</c:v>
                </c:pt>
                <c:pt idx="8620">
                  <c:v>4.3499999999999997E-2</c:v>
                </c:pt>
                <c:pt idx="8621">
                  <c:v>4.3499999999999997E-2</c:v>
                </c:pt>
                <c:pt idx="8622">
                  <c:v>4.3499999999999997E-2</c:v>
                </c:pt>
                <c:pt idx="8623">
                  <c:v>4.3499999999999997E-2</c:v>
                </c:pt>
                <c:pt idx="8624">
                  <c:v>4.3499999999999997E-2</c:v>
                </c:pt>
                <c:pt idx="8625">
                  <c:v>4.3499999999999997E-2</c:v>
                </c:pt>
                <c:pt idx="8626">
                  <c:v>4.3499999999999997E-2</c:v>
                </c:pt>
                <c:pt idx="8627">
                  <c:v>4.3499999999999997E-2</c:v>
                </c:pt>
                <c:pt idx="8628">
                  <c:v>4.3499999999999997E-2</c:v>
                </c:pt>
                <c:pt idx="8629">
                  <c:v>4.3499999999999997E-2</c:v>
                </c:pt>
                <c:pt idx="8630">
                  <c:v>4.3499999999999997E-2</c:v>
                </c:pt>
                <c:pt idx="8631">
                  <c:v>4.3499999999999997E-2</c:v>
                </c:pt>
                <c:pt idx="8632">
                  <c:v>4.3499999999999997E-2</c:v>
                </c:pt>
                <c:pt idx="8633">
                  <c:v>4.3499999999999997E-2</c:v>
                </c:pt>
                <c:pt idx="8634">
                  <c:v>4.3499999999999997E-2</c:v>
                </c:pt>
                <c:pt idx="8635">
                  <c:v>4.3499999999999997E-2</c:v>
                </c:pt>
                <c:pt idx="8636">
                  <c:v>4.3499999999999997E-2</c:v>
                </c:pt>
                <c:pt idx="8637">
                  <c:v>4.3499999999999997E-2</c:v>
                </c:pt>
                <c:pt idx="8638">
                  <c:v>4.3499999999999997E-2</c:v>
                </c:pt>
                <c:pt idx="8639">
                  <c:v>4.3499999999999997E-2</c:v>
                </c:pt>
                <c:pt idx="8640">
                  <c:v>4.3499999999999997E-2</c:v>
                </c:pt>
                <c:pt idx="8641">
                  <c:v>4.3499999999999997E-2</c:v>
                </c:pt>
                <c:pt idx="8642">
                  <c:v>4.3499999999999997E-2</c:v>
                </c:pt>
                <c:pt idx="8643">
                  <c:v>4.3499999999999997E-2</c:v>
                </c:pt>
                <c:pt idx="8644">
                  <c:v>4.3499999999999997E-2</c:v>
                </c:pt>
                <c:pt idx="8645">
                  <c:v>4.3499999999999997E-2</c:v>
                </c:pt>
                <c:pt idx="8646">
                  <c:v>4.3499999999999997E-2</c:v>
                </c:pt>
                <c:pt idx="8647">
                  <c:v>4.3499999999999997E-2</c:v>
                </c:pt>
                <c:pt idx="8648">
                  <c:v>4.3499999999999997E-2</c:v>
                </c:pt>
                <c:pt idx="8649">
                  <c:v>4.3499999999999997E-2</c:v>
                </c:pt>
                <c:pt idx="8650">
                  <c:v>4.3499999999999997E-2</c:v>
                </c:pt>
                <c:pt idx="8651">
                  <c:v>4.3499999999999997E-2</c:v>
                </c:pt>
                <c:pt idx="8652">
                  <c:v>4.3499999999999997E-2</c:v>
                </c:pt>
                <c:pt idx="8653">
                  <c:v>4.3499999999999997E-2</c:v>
                </c:pt>
                <c:pt idx="8654">
                  <c:v>4.3499999999999997E-2</c:v>
                </c:pt>
                <c:pt idx="8655">
                  <c:v>4.3499999999999997E-2</c:v>
                </c:pt>
                <c:pt idx="8656">
                  <c:v>4.3499999999999997E-2</c:v>
                </c:pt>
                <c:pt idx="8657">
                  <c:v>4.3499999999999997E-2</c:v>
                </c:pt>
                <c:pt idx="8658">
                  <c:v>4.3499999999999997E-2</c:v>
                </c:pt>
                <c:pt idx="8659">
                  <c:v>4.3499999999999997E-2</c:v>
                </c:pt>
                <c:pt idx="8660">
                  <c:v>4.3499999999999997E-2</c:v>
                </c:pt>
                <c:pt idx="8661">
                  <c:v>4.3499999999999997E-2</c:v>
                </c:pt>
                <c:pt idx="8662">
                  <c:v>4.3499999999999997E-2</c:v>
                </c:pt>
                <c:pt idx="8663">
                  <c:v>4.3499999999999997E-2</c:v>
                </c:pt>
                <c:pt idx="8664">
                  <c:v>4.3499999999999997E-2</c:v>
                </c:pt>
                <c:pt idx="8665">
                  <c:v>4.3499999999999997E-2</c:v>
                </c:pt>
                <c:pt idx="8666">
                  <c:v>4.3499999999999997E-2</c:v>
                </c:pt>
                <c:pt idx="8667">
                  <c:v>4.3499999999999997E-2</c:v>
                </c:pt>
                <c:pt idx="8668">
                  <c:v>4.3499999999999997E-2</c:v>
                </c:pt>
                <c:pt idx="8669">
                  <c:v>4.3499999999999997E-2</c:v>
                </c:pt>
                <c:pt idx="8670">
                  <c:v>4.3499999999999997E-2</c:v>
                </c:pt>
                <c:pt idx="8671">
                  <c:v>4.3499999999999997E-2</c:v>
                </c:pt>
                <c:pt idx="8672">
                  <c:v>4.3499999999999997E-2</c:v>
                </c:pt>
                <c:pt idx="8673">
                  <c:v>4.3499999999999997E-2</c:v>
                </c:pt>
                <c:pt idx="8674">
                  <c:v>4.3499999999999997E-2</c:v>
                </c:pt>
                <c:pt idx="8675">
                  <c:v>4.3499999999999997E-2</c:v>
                </c:pt>
                <c:pt idx="8676">
                  <c:v>4.3499999999999997E-2</c:v>
                </c:pt>
                <c:pt idx="8677">
                  <c:v>4.3499999999999997E-2</c:v>
                </c:pt>
                <c:pt idx="8678">
                  <c:v>4.3499999999999997E-2</c:v>
                </c:pt>
                <c:pt idx="8679">
                  <c:v>4.3499999999999997E-2</c:v>
                </c:pt>
                <c:pt idx="8680">
                  <c:v>4.3499999999999997E-2</c:v>
                </c:pt>
                <c:pt idx="8681">
                  <c:v>4.3499999999999997E-2</c:v>
                </c:pt>
                <c:pt idx="8682">
                  <c:v>4.3499999999999997E-2</c:v>
                </c:pt>
                <c:pt idx="8683">
                  <c:v>4.3499999999999997E-2</c:v>
                </c:pt>
                <c:pt idx="8684">
                  <c:v>4.3499999999999997E-2</c:v>
                </c:pt>
                <c:pt idx="8685">
                  <c:v>4.3499999999999997E-2</c:v>
                </c:pt>
                <c:pt idx="8686">
                  <c:v>4.3499999999999997E-2</c:v>
                </c:pt>
                <c:pt idx="8687">
                  <c:v>4.3499999999999997E-2</c:v>
                </c:pt>
                <c:pt idx="8688">
                  <c:v>4.3499999999999997E-2</c:v>
                </c:pt>
                <c:pt idx="8689">
                  <c:v>4.3499999999999997E-2</c:v>
                </c:pt>
                <c:pt idx="8690">
                  <c:v>4.3499999999999997E-2</c:v>
                </c:pt>
                <c:pt idx="8691">
                  <c:v>4.3499999999999997E-2</c:v>
                </c:pt>
                <c:pt idx="8692">
                  <c:v>4.3499999999999997E-2</c:v>
                </c:pt>
                <c:pt idx="8693">
                  <c:v>4.3499999999999997E-2</c:v>
                </c:pt>
                <c:pt idx="8694">
                  <c:v>4.3499999999999997E-2</c:v>
                </c:pt>
                <c:pt idx="8695">
                  <c:v>4.3499999999999997E-2</c:v>
                </c:pt>
                <c:pt idx="8696">
                  <c:v>4.3499999999999997E-2</c:v>
                </c:pt>
                <c:pt idx="8697">
                  <c:v>4.3499999999999997E-2</c:v>
                </c:pt>
                <c:pt idx="8698">
                  <c:v>4.3499999999999997E-2</c:v>
                </c:pt>
                <c:pt idx="8699">
                  <c:v>4.3499999999999997E-2</c:v>
                </c:pt>
                <c:pt idx="8700">
                  <c:v>4.3499999999999997E-2</c:v>
                </c:pt>
                <c:pt idx="8701">
                  <c:v>4.3499999999999997E-2</c:v>
                </c:pt>
                <c:pt idx="8702">
                  <c:v>4.3499999999999997E-2</c:v>
                </c:pt>
                <c:pt idx="8703">
                  <c:v>4.3499999999999997E-2</c:v>
                </c:pt>
                <c:pt idx="8704">
                  <c:v>4.3499999999999997E-2</c:v>
                </c:pt>
                <c:pt idx="8705">
                  <c:v>4.3499999999999997E-2</c:v>
                </c:pt>
                <c:pt idx="8706">
                  <c:v>4.3499999999999997E-2</c:v>
                </c:pt>
                <c:pt idx="8707">
                  <c:v>4.3499999999999997E-2</c:v>
                </c:pt>
                <c:pt idx="8708">
                  <c:v>4.3499999999999997E-2</c:v>
                </c:pt>
                <c:pt idx="8709">
                  <c:v>4.3499999999999997E-2</c:v>
                </c:pt>
                <c:pt idx="8710">
                  <c:v>4.3499999999999997E-2</c:v>
                </c:pt>
                <c:pt idx="8711">
                  <c:v>4.3499999999999997E-2</c:v>
                </c:pt>
                <c:pt idx="8712">
                  <c:v>4.3499999999999997E-2</c:v>
                </c:pt>
                <c:pt idx="8713">
                  <c:v>4.3499999999999997E-2</c:v>
                </c:pt>
                <c:pt idx="8714">
                  <c:v>4.3499999999999997E-2</c:v>
                </c:pt>
                <c:pt idx="8715">
                  <c:v>4.3499999999999997E-2</c:v>
                </c:pt>
                <c:pt idx="8716">
                  <c:v>4.3499999999999997E-2</c:v>
                </c:pt>
                <c:pt idx="8717">
                  <c:v>4.3499999999999997E-2</c:v>
                </c:pt>
                <c:pt idx="8718">
                  <c:v>4.3499999999999997E-2</c:v>
                </c:pt>
                <c:pt idx="8719">
                  <c:v>4.3499999999999997E-2</c:v>
                </c:pt>
                <c:pt idx="8720">
                  <c:v>4.3499999999999997E-2</c:v>
                </c:pt>
                <c:pt idx="8721">
                  <c:v>4.3499999999999997E-2</c:v>
                </c:pt>
                <c:pt idx="8722">
                  <c:v>4.3499999999999997E-2</c:v>
                </c:pt>
                <c:pt idx="8723">
                  <c:v>4.3499999999999997E-2</c:v>
                </c:pt>
                <c:pt idx="8724">
                  <c:v>4.3499999999999997E-2</c:v>
                </c:pt>
                <c:pt idx="8725">
                  <c:v>4.3499999999999997E-2</c:v>
                </c:pt>
                <c:pt idx="8726">
                  <c:v>4.3499999999999997E-2</c:v>
                </c:pt>
                <c:pt idx="8727">
                  <c:v>4.3499999999999997E-2</c:v>
                </c:pt>
                <c:pt idx="8728">
                  <c:v>4.3499999999999997E-2</c:v>
                </c:pt>
                <c:pt idx="8729">
                  <c:v>4.3499999999999997E-2</c:v>
                </c:pt>
                <c:pt idx="8730">
                  <c:v>4.3499999999999997E-2</c:v>
                </c:pt>
                <c:pt idx="8731">
                  <c:v>4.3499999999999997E-2</c:v>
                </c:pt>
                <c:pt idx="8732">
                  <c:v>4.3499999999999997E-2</c:v>
                </c:pt>
                <c:pt idx="8733">
                  <c:v>4.3499999999999997E-2</c:v>
                </c:pt>
                <c:pt idx="8734">
                  <c:v>4.3499999999999997E-2</c:v>
                </c:pt>
                <c:pt idx="8735">
                  <c:v>4.3499999999999997E-2</c:v>
                </c:pt>
                <c:pt idx="8736">
                  <c:v>4.3499999999999997E-2</c:v>
                </c:pt>
                <c:pt idx="8737">
                  <c:v>4.3499999999999997E-2</c:v>
                </c:pt>
                <c:pt idx="8738">
                  <c:v>4.3499999999999997E-2</c:v>
                </c:pt>
                <c:pt idx="8739">
                  <c:v>4.3499999999999997E-2</c:v>
                </c:pt>
                <c:pt idx="8740">
                  <c:v>4.3499999999999997E-2</c:v>
                </c:pt>
                <c:pt idx="8741">
                  <c:v>4.3499999999999997E-2</c:v>
                </c:pt>
                <c:pt idx="8742">
                  <c:v>4.3499999999999997E-2</c:v>
                </c:pt>
                <c:pt idx="8743">
                  <c:v>4.3499999999999997E-2</c:v>
                </c:pt>
                <c:pt idx="8744">
                  <c:v>4.3499999999999997E-2</c:v>
                </c:pt>
                <c:pt idx="8745">
                  <c:v>4.3499999999999997E-2</c:v>
                </c:pt>
                <c:pt idx="8746">
                  <c:v>4.3499999999999997E-2</c:v>
                </c:pt>
                <c:pt idx="8747">
                  <c:v>4.3499999999999997E-2</c:v>
                </c:pt>
                <c:pt idx="8748">
                  <c:v>4.3499999999999997E-2</c:v>
                </c:pt>
                <c:pt idx="8749">
                  <c:v>4.3499999999999997E-2</c:v>
                </c:pt>
                <c:pt idx="8750">
                  <c:v>4.3499999999999997E-2</c:v>
                </c:pt>
                <c:pt idx="8751">
                  <c:v>4.3499999999999997E-2</c:v>
                </c:pt>
                <c:pt idx="8752">
                  <c:v>4.3499999999999997E-2</c:v>
                </c:pt>
                <c:pt idx="8753">
                  <c:v>4.3499999999999997E-2</c:v>
                </c:pt>
                <c:pt idx="8754">
                  <c:v>4.3499999999999997E-2</c:v>
                </c:pt>
                <c:pt idx="8755">
                  <c:v>4.3499999999999997E-2</c:v>
                </c:pt>
                <c:pt idx="8756">
                  <c:v>4.3499999999999997E-2</c:v>
                </c:pt>
                <c:pt idx="8757">
                  <c:v>4.3499999999999997E-2</c:v>
                </c:pt>
                <c:pt idx="8758">
                  <c:v>4.3499999999999997E-2</c:v>
                </c:pt>
                <c:pt idx="8759">
                  <c:v>4.3499999999999997E-2</c:v>
                </c:pt>
                <c:pt idx="8760">
                  <c:v>4.3499999999999997E-2</c:v>
                </c:pt>
                <c:pt idx="8761">
                  <c:v>4.3499999999999997E-2</c:v>
                </c:pt>
                <c:pt idx="8762">
                  <c:v>4.3499999999999997E-2</c:v>
                </c:pt>
                <c:pt idx="8763">
                  <c:v>4.3499999999999997E-2</c:v>
                </c:pt>
                <c:pt idx="8764">
                  <c:v>4.3499999999999997E-2</c:v>
                </c:pt>
                <c:pt idx="8765">
                  <c:v>4.3499999999999997E-2</c:v>
                </c:pt>
                <c:pt idx="8766">
                  <c:v>4.3499999999999997E-2</c:v>
                </c:pt>
                <c:pt idx="8767">
                  <c:v>4.3499999999999997E-2</c:v>
                </c:pt>
                <c:pt idx="8768">
                  <c:v>4.3499999999999997E-2</c:v>
                </c:pt>
                <c:pt idx="8769">
                  <c:v>4.3499999999999997E-2</c:v>
                </c:pt>
                <c:pt idx="8770">
                  <c:v>4.3499999999999997E-2</c:v>
                </c:pt>
                <c:pt idx="8771">
                  <c:v>4.3499999999999997E-2</c:v>
                </c:pt>
                <c:pt idx="8772">
                  <c:v>4.3499999999999997E-2</c:v>
                </c:pt>
                <c:pt idx="8773">
                  <c:v>4.3499999999999997E-2</c:v>
                </c:pt>
                <c:pt idx="8774">
                  <c:v>4.3499999999999997E-2</c:v>
                </c:pt>
                <c:pt idx="8775">
                  <c:v>4.3499999999999997E-2</c:v>
                </c:pt>
                <c:pt idx="8776">
                  <c:v>4.3499999999999997E-2</c:v>
                </c:pt>
                <c:pt idx="8777">
                  <c:v>4.3499999999999997E-2</c:v>
                </c:pt>
                <c:pt idx="8778">
                  <c:v>4.3499999999999997E-2</c:v>
                </c:pt>
                <c:pt idx="8779">
                  <c:v>4.3499999999999997E-2</c:v>
                </c:pt>
                <c:pt idx="8780">
                  <c:v>4.3499999999999997E-2</c:v>
                </c:pt>
                <c:pt idx="8781">
                  <c:v>4.3499999999999997E-2</c:v>
                </c:pt>
                <c:pt idx="8782">
                  <c:v>4.3499999999999997E-2</c:v>
                </c:pt>
                <c:pt idx="8783">
                  <c:v>4.3499999999999997E-2</c:v>
                </c:pt>
                <c:pt idx="8784">
                  <c:v>4.3499999999999997E-2</c:v>
                </c:pt>
                <c:pt idx="8785">
                  <c:v>4.3499999999999997E-2</c:v>
                </c:pt>
                <c:pt idx="8786">
                  <c:v>4.3499999999999997E-2</c:v>
                </c:pt>
                <c:pt idx="8787">
                  <c:v>4.3499999999999997E-2</c:v>
                </c:pt>
                <c:pt idx="8788">
                  <c:v>4.3499999999999997E-2</c:v>
                </c:pt>
                <c:pt idx="8789">
                  <c:v>4.3499999999999997E-2</c:v>
                </c:pt>
                <c:pt idx="8790">
                  <c:v>4.3499999999999997E-2</c:v>
                </c:pt>
                <c:pt idx="8791">
                  <c:v>4.3499999999999997E-2</c:v>
                </c:pt>
                <c:pt idx="8792">
                  <c:v>4.3499999999999997E-2</c:v>
                </c:pt>
                <c:pt idx="8793">
                  <c:v>4.3499999999999997E-2</c:v>
                </c:pt>
                <c:pt idx="8794">
                  <c:v>4.3499999999999997E-2</c:v>
                </c:pt>
                <c:pt idx="8795">
                  <c:v>4.3499999999999997E-2</c:v>
                </c:pt>
                <c:pt idx="8796">
                  <c:v>4.3499999999999997E-2</c:v>
                </c:pt>
                <c:pt idx="8797">
                  <c:v>4.3499999999999997E-2</c:v>
                </c:pt>
                <c:pt idx="8798">
                  <c:v>4.3499999999999997E-2</c:v>
                </c:pt>
                <c:pt idx="8799">
                  <c:v>4.3499999999999997E-2</c:v>
                </c:pt>
                <c:pt idx="8800">
                  <c:v>4.3499999999999997E-2</c:v>
                </c:pt>
                <c:pt idx="8801">
                  <c:v>4.3499999999999997E-2</c:v>
                </c:pt>
                <c:pt idx="8802">
                  <c:v>4.3499999999999997E-2</c:v>
                </c:pt>
                <c:pt idx="8803">
                  <c:v>4.3499999999999997E-2</c:v>
                </c:pt>
                <c:pt idx="8804">
                  <c:v>4.3499999999999997E-2</c:v>
                </c:pt>
                <c:pt idx="8805">
                  <c:v>4.3499999999999997E-2</c:v>
                </c:pt>
                <c:pt idx="8806">
                  <c:v>4.3499999999999997E-2</c:v>
                </c:pt>
                <c:pt idx="8807">
                  <c:v>4.3499999999999997E-2</c:v>
                </c:pt>
                <c:pt idx="8808">
                  <c:v>4.3499999999999997E-2</c:v>
                </c:pt>
                <c:pt idx="8809">
                  <c:v>4.3499999999999997E-2</c:v>
                </c:pt>
                <c:pt idx="8810">
                  <c:v>4.3499999999999997E-2</c:v>
                </c:pt>
                <c:pt idx="8811">
                  <c:v>4.3499999999999997E-2</c:v>
                </c:pt>
                <c:pt idx="8812">
                  <c:v>4.3499999999999997E-2</c:v>
                </c:pt>
                <c:pt idx="8813">
                  <c:v>4.3499999999999997E-2</c:v>
                </c:pt>
                <c:pt idx="8814">
                  <c:v>4.3499999999999997E-2</c:v>
                </c:pt>
                <c:pt idx="8815">
                  <c:v>4.3499999999999997E-2</c:v>
                </c:pt>
                <c:pt idx="8816">
                  <c:v>4.3499999999999997E-2</c:v>
                </c:pt>
                <c:pt idx="8817">
                  <c:v>4.3499999999999997E-2</c:v>
                </c:pt>
                <c:pt idx="8818">
                  <c:v>4.3499999999999997E-2</c:v>
                </c:pt>
                <c:pt idx="8819">
                  <c:v>4.3499999999999997E-2</c:v>
                </c:pt>
                <c:pt idx="8820">
                  <c:v>4.3499999999999997E-2</c:v>
                </c:pt>
                <c:pt idx="8821">
                  <c:v>4.3499999999999997E-2</c:v>
                </c:pt>
                <c:pt idx="8822">
                  <c:v>4.3499999999999997E-2</c:v>
                </c:pt>
                <c:pt idx="8823">
                  <c:v>4.3499999999999997E-2</c:v>
                </c:pt>
                <c:pt idx="8824">
                  <c:v>4.3499999999999997E-2</c:v>
                </c:pt>
                <c:pt idx="8825">
                  <c:v>4.3499999999999997E-2</c:v>
                </c:pt>
                <c:pt idx="8826">
                  <c:v>4.3499999999999997E-2</c:v>
                </c:pt>
                <c:pt idx="8827">
                  <c:v>4.3499999999999997E-2</c:v>
                </c:pt>
                <c:pt idx="8828">
                  <c:v>4.3499999999999997E-2</c:v>
                </c:pt>
                <c:pt idx="8829">
                  <c:v>4.3499999999999997E-2</c:v>
                </c:pt>
                <c:pt idx="8830">
                  <c:v>4.3499999999999997E-2</c:v>
                </c:pt>
                <c:pt idx="8831">
                  <c:v>4.3499999999999997E-2</c:v>
                </c:pt>
                <c:pt idx="8832">
                  <c:v>4.3499999999999997E-2</c:v>
                </c:pt>
                <c:pt idx="8833">
                  <c:v>4.3499999999999997E-2</c:v>
                </c:pt>
                <c:pt idx="8834">
                  <c:v>4.3499999999999997E-2</c:v>
                </c:pt>
                <c:pt idx="8835">
                  <c:v>4.3499999999999997E-2</c:v>
                </c:pt>
                <c:pt idx="8836">
                  <c:v>4.3499999999999997E-2</c:v>
                </c:pt>
                <c:pt idx="8837">
                  <c:v>4.3499999999999997E-2</c:v>
                </c:pt>
                <c:pt idx="8838">
                  <c:v>4.3499999999999997E-2</c:v>
                </c:pt>
                <c:pt idx="8839">
                  <c:v>4.3499999999999997E-2</c:v>
                </c:pt>
                <c:pt idx="8840">
                  <c:v>4.3499999999999997E-2</c:v>
                </c:pt>
                <c:pt idx="8841">
                  <c:v>4.3499999999999997E-2</c:v>
                </c:pt>
                <c:pt idx="8842">
                  <c:v>4.3499999999999997E-2</c:v>
                </c:pt>
                <c:pt idx="8843">
                  <c:v>4.3499999999999997E-2</c:v>
                </c:pt>
                <c:pt idx="8844">
                  <c:v>4.3499999999999997E-2</c:v>
                </c:pt>
                <c:pt idx="8845">
                  <c:v>4.3499999999999997E-2</c:v>
                </c:pt>
                <c:pt idx="8846">
                  <c:v>4.3499999999999997E-2</c:v>
                </c:pt>
                <c:pt idx="8847">
                  <c:v>4.3499999999999997E-2</c:v>
                </c:pt>
                <c:pt idx="8848">
                  <c:v>4.3499999999999997E-2</c:v>
                </c:pt>
                <c:pt idx="8849">
                  <c:v>4.3499999999999997E-2</c:v>
                </c:pt>
                <c:pt idx="8850">
                  <c:v>4.3499999999999997E-2</c:v>
                </c:pt>
                <c:pt idx="8851">
                  <c:v>4.3499999999999997E-2</c:v>
                </c:pt>
                <c:pt idx="8852">
                  <c:v>4.3499999999999997E-2</c:v>
                </c:pt>
                <c:pt idx="8853">
                  <c:v>4.3499999999999997E-2</c:v>
                </c:pt>
                <c:pt idx="8854">
                  <c:v>4.3499999999999997E-2</c:v>
                </c:pt>
                <c:pt idx="8855">
                  <c:v>4.3499999999999997E-2</c:v>
                </c:pt>
                <c:pt idx="8856">
                  <c:v>4.3499999999999997E-2</c:v>
                </c:pt>
                <c:pt idx="8857">
                  <c:v>4.3499999999999997E-2</c:v>
                </c:pt>
                <c:pt idx="8858">
                  <c:v>4.3499999999999997E-2</c:v>
                </c:pt>
                <c:pt idx="8859">
                  <c:v>4.3499999999999997E-2</c:v>
                </c:pt>
                <c:pt idx="8860">
                  <c:v>4.3499999999999997E-2</c:v>
                </c:pt>
                <c:pt idx="8861">
                  <c:v>4.3499999999999997E-2</c:v>
                </c:pt>
                <c:pt idx="8862">
                  <c:v>4.3499999999999997E-2</c:v>
                </c:pt>
                <c:pt idx="8863">
                  <c:v>4.3499999999999997E-2</c:v>
                </c:pt>
                <c:pt idx="8864">
                  <c:v>4.3499999999999997E-2</c:v>
                </c:pt>
                <c:pt idx="8865">
                  <c:v>4.3499999999999997E-2</c:v>
                </c:pt>
                <c:pt idx="8866">
                  <c:v>4.3499999999999997E-2</c:v>
                </c:pt>
                <c:pt idx="8867">
                  <c:v>4.3499999999999997E-2</c:v>
                </c:pt>
                <c:pt idx="8868">
                  <c:v>4.3499999999999997E-2</c:v>
                </c:pt>
                <c:pt idx="8869">
                  <c:v>4.3499999999999997E-2</c:v>
                </c:pt>
                <c:pt idx="8870">
                  <c:v>4.3499999999999997E-2</c:v>
                </c:pt>
                <c:pt idx="8871">
                  <c:v>4.3499999999999997E-2</c:v>
                </c:pt>
                <c:pt idx="8872">
                  <c:v>4.3499999999999997E-2</c:v>
                </c:pt>
                <c:pt idx="8873">
                  <c:v>4.3499999999999997E-2</c:v>
                </c:pt>
                <c:pt idx="8874">
                  <c:v>4.3499999999999997E-2</c:v>
                </c:pt>
                <c:pt idx="8875">
                  <c:v>4.3499999999999997E-2</c:v>
                </c:pt>
                <c:pt idx="8876">
                  <c:v>4.3499999999999997E-2</c:v>
                </c:pt>
                <c:pt idx="8877">
                  <c:v>4.3499999999999997E-2</c:v>
                </c:pt>
                <c:pt idx="8878">
                  <c:v>4.3499999999999997E-2</c:v>
                </c:pt>
                <c:pt idx="8879">
                  <c:v>4.3499999999999997E-2</c:v>
                </c:pt>
                <c:pt idx="8880">
                  <c:v>4.3499999999999997E-2</c:v>
                </c:pt>
                <c:pt idx="8881">
                  <c:v>4.3499999999999997E-2</c:v>
                </c:pt>
                <c:pt idx="8882">
                  <c:v>4.3499999999999997E-2</c:v>
                </c:pt>
                <c:pt idx="8883">
                  <c:v>4.3499999999999997E-2</c:v>
                </c:pt>
                <c:pt idx="8884">
                  <c:v>4.3499999999999997E-2</c:v>
                </c:pt>
                <c:pt idx="8885">
                  <c:v>4.3499999999999997E-2</c:v>
                </c:pt>
                <c:pt idx="8886">
                  <c:v>4.3499999999999997E-2</c:v>
                </c:pt>
                <c:pt idx="8887">
                  <c:v>4.3499999999999997E-2</c:v>
                </c:pt>
                <c:pt idx="8888">
                  <c:v>4.3499999999999997E-2</c:v>
                </c:pt>
                <c:pt idx="8889">
                  <c:v>4.3499999999999997E-2</c:v>
                </c:pt>
                <c:pt idx="8890">
                  <c:v>4.3499999999999997E-2</c:v>
                </c:pt>
                <c:pt idx="8891">
                  <c:v>4.3499999999999997E-2</c:v>
                </c:pt>
                <c:pt idx="8892">
                  <c:v>4.3499999999999997E-2</c:v>
                </c:pt>
                <c:pt idx="8893">
                  <c:v>4.3499999999999997E-2</c:v>
                </c:pt>
                <c:pt idx="8894">
                  <c:v>4.3499999999999997E-2</c:v>
                </c:pt>
                <c:pt idx="8895">
                  <c:v>4.3499999999999997E-2</c:v>
                </c:pt>
                <c:pt idx="8896">
                  <c:v>4.3499999999999997E-2</c:v>
                </c:pt>
                <c:pt idx="8897">
                  <c:v>4.3499999999999997E-2</c:v>
                </c:pt>
                <c:pt idx="8898">
                  <c:v>4.3499999999999997E-2</c:v>
                </c:pt>
                <c:pt idx="8899">
                  <c:v>4.3499999999999997E-2</c:v>
                </c:pt>
                <c:pt idx="8900">
                  <c:v>4.3499999999999997E-2</c:v>
                </c:pt>
                <c:pt idx="8901">
                  <c:v>4.3499999999999997E-2</c:v>
                </c:pt>
                <c:pt idx="8902">
                  <c:v>4.3499999999999997E-2</c:v>
                </c:pt>
                <c:pt idx="8903">
                  <c:v>4.3499999999999997E-2</c:v>
                </c:pt>
                <c:pt idx="8904">
                  <c:v>4.3499999999999997E-2</c:v>
                </c:pt>
                <c:pt idx="8905">
                  <c:v>4.3499999999999997E-2</c:v>
                </c:pt>
                <c:pt idx="8906">
                  <c:v>4.3499999999999997E-2</c:v>
                </c:pt>
                <c:pt idx="8907">
                  <c:v>4.3499999999999997E-2</c:v>
                </c:pt>
                <c:pt idx="8908">
                  <c:v>4.3499999999999997E-2</c:v>
                </c:pt>
                <c:pt idx="8909">
                  <c:v>4.3499999999999997E-2</c:v>
                </c:pt>
                <c:pt idx="8910">
                  <c:v>4.3499999999999997E-2</c:v>
                </c:pt>
                <c:pt idx="8911">
                  <c:v>4.3499999999999997E-2</c:v>
                </c:pt>
                <c:pt idx="8912">
                  <c:v>4.3499999999999997E-2</c:v>
                </c:pt>
                <c:pt idx="8913">
                  <c:v>4.3499999999999997E-2</c:v>
                </c:pt>
                <c:pt idx="8914">
                  <c:v>4.3499999999999997E-2</c:v>
                </c:pt>
                <c:pt idx="8915">
                  <c:v>4.3499999999999997E-2</c:v>
                </c:pt>
                <c:pt idx="8916">
                  <c:v>4.3499999999999997E-2</c:v>
                </c:pt>
                <c:pt idx="8917">
                  <c:v>4.3499999999999997E-2</c:v>
                </c:pt>
                <c:pt idx="8918">
                  <c:v>4.3499999999999997E-2</c:v>
                </c:pt>
                <c:pt idx="8919">
                  <c:v>4.3499999999999997E-2</c:v>
                </c:pt>
                <c:pt idx="8920">
                  <c:v>4.3499999999999997E-2</c:v>
                </c:pt>
                <c:pt idx="8921">
                  <c:v>4.3499999999999997E-2</c:v>
                </c:pt>
                <c:pt idx="8922">
                  <c:v>4.3499999999999997E-2</c:v>
                </c:pt>
                <c:pt idx="8923">
                  <c:v>4.3499999999999997E-2</c:v>
                </c:pt>
                <c:pt idx="8924">
                  <c:v>4.3499999999999997E-2</c:v>
                </c:pt>
                <c:pt idx="8925">
                  <c:v>4.3499999999999997E-2</c:v>
                </c:pt>
                <c:pt idx="8926">
                  <c:v>4.3499999999999997E-2</c:v>
                </c:pt>
                <c:pt idx="8927">
                  <c:v>4.3499999999999997E-2</c:v>
                </c:pt>
                <c:pt idx="8928">
                  <c:v>4.3499999999999997E-2</c:v>
                </c:pt>
                <c:pt idx="8929">
                  <c:v>4.3499999999999997E-2</c:v>
                </c:pt>
                <c:pt idx="8930">
                  <c:v>4.3499999999999997E-2</c:v>
                </c:pt>
                <c:pt idx="8931">
                  <c:v>4.3499999999999997E-2</c:v>
                </c:pt>
                <c:pt idx="8932">
                  <c:v>4.3499999999999997E-2</c:v>
                </c:pt>
                <c:pt idx="8933">
                  <c:v>4.3499999999999997E-2</c:v>
                </c:pt>
                <c:pt idx="8934">
                  <c:v>4.3499999999999997E-2</c:v>
                </c:pt>
                <c:pt idx="8935">
                  <c:v>4.3499999999999997E-2</c:v>
                </c:pt>
                <c:pt idx="8936">
                  <c:v>4.3499999999999997E-2</c:v>
                </c:pt>
                <c:pt idx="8937">
                  <c:v>4.3499999999999997E-2</c:v>
                </c:pt>
                <c:pt idx="8938">
                  <c:v>4.3499999999999997E-2</c:v>
                </c:pt>
                <c:pt idx="8939">
                  <c:v>4.3499999999999997E-2</c:v>
                </c:pt>
                <c:pt idx="8940">
                  <c:v>4.3499999999999997E-2</c:v>
                </c:pt>
                <c:pt idx="8941">
                  <c:v>4.3499999999999997E-2</c:v>
                </c:pt>
                <c:pt idx="8942">
                  <c:v>4.3499999999999997E-2</c:v>
                </c:pt>
                <c:pt idx="8943">
                  <c:v>4.3499999999999997E-2</c:v>
                </c:pt>
                <c:pt idx="8944">
                  <c:v>4.3499999999999997E-2</c:v>
                </c:pt>
                <c:pt idx="8945">
                  <c:v>4.3499999999999997E-2</c:v>
                </c:pt>
                <c:pt idx="8946">
                  <c:v>4.3499999999999997E-2</c:v>
                </c:pt>
                <c:pt idx="8947">
                  <c:v>4.3499999999999997E-2</c:v>
                </c:pt>
              </c:numCache>
            </c:numRef>
          </c:val>
          <c:smooth val="0"/>
          <c:extLst>
            <c:ext xmlns:c16="http://schemas.microsoft.com/office/drawing/2014/chart" uri="{C3380CC4-5D6E-409C-BE32-E72D297353CC}">
              <c16:uniqueId val="{00000003-27D4-4B1C-BABF-80723AC504D7}"/>
            </c:ext>
          </c:extLst>
        </c:ser>
        <c:ser>
          <c:idx val="4"/>
          <c:order val="4"/>
          <c:tx>
            <c:strRef>
              <c:f>Sheet1!$Q$4</c:f>
              <c:strCache>
                <c:ptCount val="1"/>
                <c:pt idx="0">
                  <c:v>Canada</c:v>
                </c:pt>
              </c:strCache>
            </c:strRef>
          </c:tx>
          <c:spPr>
            <a:ln w="25400" cap="rnd" cmpd="sng" algn="ctr">
              <a:solidFill>
                <a:srgbClr val="D2785A"/>
              </a:solidFill>
              <a:prstDash val="solid"/>
              <a:round/>
              <a:headEnd type="none" w="med" len="med"/>
              <a:tailEnd type="none" w="med" len="med"/>
            </a:ln>
          </c:spPr>
          <c:marker>
            <c:symbol val="none"/>
          </c:marker>
          <c:cat>
            <c:numRef>
              <c:f>Sheet1!$L$5:$L$8952</c:f>
              <c:numCache>
                <c:formatCode>m/d/yyyy</c:formatCode>
                <c:ptCount val="8948"/>
                <c:pt idx="0">
                  <c:v>36526</c:v>
                </c:pt>
                <c:pt idx="1">
                  <c:v>36527</c:v>
                </c:pt>
                <c:pt idx="2">
                  <c:v>36528</c:v>
                </c:pt>
                <c:pt idx="3">
                  <c:v>36529</c:v>
                </c:pt>
                <c:pt idx="4">
                  <c:v>36530</c:v>
                </c:pt>
                <c:pt idx="5">
                  <c:v>36531</c:v>
                </c:pt>
                <c:pt idx="6">
                  <c:v>36532</c:v>
                </c:pt>
                <c:pt idx="7">
                  <c:v>36533</c:v>
                </c:pt>
                <c:pt idx="8">
                  <c:v>36534</c:v>
                </c:pt>
                <c:pt idx="9">
                  <c:v>36535</c:v>
                </c:pt>
                <c:pt idx="10">
                  <c:v>36536</c:v>
                </c:pt>
                <c:pt idx="11">
                  <c:v>36537</c:v>
                </c:pt>
                <c:pt idx="12">
                  <c:v>36538</c:v>
                </c:pt>
                <c:pt idx="13">
                  <c:v>36539</c:v>
                </c:pt>
                <c:pt idx="14">
                  <c:v>36540</c:v>
                </c:pt>
                <c:pt idx="15">
                  <c:v>36541</c:v>
                </c:pt>
                <c:pt idx="16">
                  <c:v>36542</c:v>
                </c:pt>
                <c:pt idx="17">
                  <c:v>36543</c:v>
                </c:pt>
                <c:pt idx="18">
                  <c:v>36544</c:v>
                </c:pt>
                <c:pt idx="19">
                  <c:v>36545</c:v>
                </c:pt>
                <c:pt idx="20">
                  <c:v>36546</c:v>
                </c:pt>
                <c:pt idx="21">
                  <c:v>36547</c:v>
                </c:pt>
                <c:pt idx="22">
                  <c:v>36548</c:v>
                </c:pt>
                <c:pt idx="23">
                  <c:v>36549</c:v>
                </c:pt>
                <c:pt idx="24">
                  <c:v>36550</c:v>
                </c:pt>
                <c:pt idx="25">
                  <c:v>36551</c:v>
                </c:pt>
                <c:pt idx="26">
                  <c:v>36552</c:v>
                </c:pt>
                <c:pt idx="27">
                  <c:v>36553</c:v>
                </c:pt>
                <c:pt idx="28">
                  <c:v>36554</c:v>
                </c:pt>
                <c:pt idx="29">
                  <c:v>36555</c:v>
                </c:pt>
                <c:pt idx="30">
                  <c:v>36556</c:v>
                </c:pt>
                <c:pt idx="31">
                  <c:v>36557</c:v>
                </c:pt>
                <c:pt idx="32">
                  <c:v>36558</c:v>
                </c:pt>
                <c:pt idx="33">
                  <c:v>36559</c:v>
                </c:pt>
                <c:pt idx="34">
                  <c:v>36560</c:v>
                </c:pt>
                <c:pt idx="35">
                  <c:v>36561</c:v>
                </c:pt>
                <c:pt idx="36">
                  <c:v>36562</c:v>
                </c:pt>
                <c:pt idx="37">
                  <c:v>36563</c:v>
                </c:pt>
                <c:pt idx="38">
                  <c:v>36564</c:v>
                </c:pt>
                <c:pt idx="39">
                  <c:v>36565</c:v>
                </c:pt>
                <c:pt idx="40">
                  <c:v>36566</c:v>
                </c:pt>
                <c:pt idx="41">
                  <c:v>36567</c:v>
                </c:pt>
                <c:pt idx="42">
                  <c:v>36568</c:v>
                </c:pt>
                <c:pt idx="43">
                  <c:v>36569</c:v>
                </c:pt>
                <c:pt idx="44">
                  <c:v>36570</c:v>
                </c:pt>
                <c:pt idx="45">
                  <c:v>36571</c:v>
                </c:pt>
                <c:pt idx="46">
                  <c:v>36572</c:v>
                </c:pt>
                <c:pt idx="47">
                  <c:v>36573</c:v>
                </c:pt>
                <c:pt idx="48">
                  <c:v>36574</c:v>
                </c:pt>
                <c:pt idx="49">
                  <c:v>36575</c:v>
                </c:pt>
                <c:pt idx="50">
                  <c:v>36576</c:v>
                </c:pt>
                <c:pt idx="51">
                  <c:v>36577</c:v>
                </c:pt>
                <c:pt idx="52">
                  <c:v>36578</c:v>
                </c:pt>
                <c:pt idx="53">
                  <c:v>36579</c:v>
                </c:pt>
                <c:pt idx="54">
                  <c:v>36580</c:v>
                </c:pt>
                <c:pt idx="55">
                  <c:v>36581</c:v>
                </c:pt>
                <c:pt idx="56">
                  <c:v>36582</c:v>
                </c:pt>
                <c:pt idx="57">
                  <c:v>36583</c:v>
                </c:pt>
                <c:pt idx="58">
                  <c:v>36584</c:v>
                </c:pt>
                <c:pt idx="59">
                  <c:v>36585</c:v>
                </c:pt>
                <c:pt idx="60">
                  <c:v>36586</c:v>
                </c:pt>
                <c:pt idx="61">
                  <c:v>36587</c:v>
                </c:pt>
                <c:pt idx="62">
                  <c:v>36588</c:v>
                </c:pt>
                <c:pt idx="63">
                  <c:v>36589</c:v>
                </c:pt>
                <c:pt idx="64">
                  <c:v>36590</c:v>
                </c:pt>
                <c:pt idx="65">
                  <c:v>36591</c:v>
                </c:pt>
                <c:pt idx="66">
                  <c:v>36592</c:v>
                </c:pt>
                <c:pt idx="67">
                  <c:v>36593</c:v>
                </c:pt>
                <c:pt idx="68">
                  <c:v>36594</c:v>
                </c:pt>
                <c:pt idx="69">
                  <c:v>36595</c:v>
                </c:pt>
                <c:pt idx="70">
                  <c:v>36596</c:v>
                </c:pt>
                <c:pt idx="71">
                  <c:v>36597</c:v>
                </c:pt>
                <c:pt idx="72">
                  <c:v>36598</c:v>
                </c:pt>
                <c:pt idx="73">
                  <c:v>36599</c:v>
                </c:pt>
                <c:pt idx="74">
                  <c:v>36600</c:v>
                </c:pt>
                <c:pt idx="75">
                  <c:v>36601</c:v>
                </c:pt>
                <c:pt idx="76">
                  <c:v>36602</c:v>
                </c:pt>
                <c:pt idx="77">
                  <c:v>36603</c:v>
                </c:pt>
                <c:pt idx="78">
                  <c:v>36604</c:v>
                </c:pt>
                <c:pt idx="79">
                  <c:v>36605</c:v>
                </c:pt>
                <c:pt idx="80">
                  <c:v>36606</c:v>
                </c:pt>
                <c:pt idx="81">
                  <c:v>36607</c:v>
                </c:pt>
                <c:pt idx="82">
                  <c:v>36608</c:v>
                </c:pt>
                <c:pt idx="83">
                  <c:v>36609</c:v>
                </c:pt>
                <c:pt idx="84">
                  <c:v>36610</c:v>
                </c:pt>
                <c:pt idx="85">
                  <c:v>36611</c:v>
                </c:pt>
                <c:pt idx="86">
                  <c:v>36612</c:v>
                </c:pt>
                <c:pt idx="87">
                  <c:v>36613</c:v>
                </c:pt>
                <c:pt idx="88">
                  <c:v>36614</c:v>
                </c:pt>
                <c:pt idx="89">
                  <c:v>36615</c:v>
                </c:pt>
                <c:pt idx="90">
                  <c:v>36616</c:v>
                </c:pt>
                <c:pt idx="91">
                  <c:v>36617</c:v>
                </c:pt>
                <c:pt idx="92">
                  <c:v>36618</c:v>
                </c:pt>
                <c:pt idx="93">
                  <c:v>36619</c:v>
                </c:pt>
                <c:pt idx="94">
                  <c:v>36620</c:v>
                </c:pt>
                <c:pt idx="95">
                  <c:v>36621</c:v>
                </c:pt>
                <c:pt idx="96">
                  <c:v>36622</c:v>
                </c:pt>
                <c:pt idx="97">
                  <c:v>36623</c:v>
                </c:pt>
                <c:pt idx="98">
                  <c:v>36624</c:v>
                </c:pt>
                <c:pt idx="99">
                  <c:v>36625</c:v>
                </c:pt>
                <c:pt idx="100">
                  <c:v>36626</c:v>
                </c:pt>
                <c:pt idx="101">
                  <c:v>36627</c:v>
                </c:pt>
                <c:pt idx="102">
                  <c:v>36628</c:v>
                </c:pt>
                <c:pt idx="103">
                  <c:v>36629</c:v>
                </c:pt>
                <c:pt idx="104">
                  <c:v>36630</c:v>
                </c:pt>
                <c:pt idx="105">
                  <c:v>36631</c:v>
                </c:pt>
                <c:pt idx="106">
                  <c:v>36632</c:v>
                </c:pt>
                <c:pt idx="107">
                  <c:v>36633</c:v>
                </c:pt>
                <c:pt idx="108">
                  <c:v>36634</c:v>
                </c:pt>
                <c:pt idx="109">
                  <c:v>36635</c:v>
                </c:pt>
                <c:pt idx="110">
                  <c:v>36636</c:v>
                </c:pt>
                <c:pt idx="111">
                  <c:v>36637</c:v>
                </c:pt>
                <c:pt idx="112">
                  <c:v>36638</c:v>
                </c:pt>
                <c:pt idx="113">
                  <c:v>36639</c:v>
                </c:pt>
                <c:pt idx="114">
                  <c:v>36640</c:v>
                </c:pt>
                <c:pt idx="115">
                  <c:v>36641</c:v>
                </c:pt>
                <c:pt idx="116">
                  <c:v>36642</c:v>
                </c:pt>
                <c:pt idx="117">
                  <c:v>36643</c:v>
                </c:pt>
                <c:pt idx="118">
                  <c:v>36644</c:v>
                </c:pt>
                <c:pt idx="119">
                  <c:v>36645</c:v>
                </c:pt>
                <c:pt idx="120">
                  <c:v>36646</c:v>
                </c:pt>
                <c:pt idx="121">
                  <c:v>36647</c:v>
                </c:pt>
                <c:pt idx="122">
                  <c:v>36648</c:v>
                </c:pt>
                <c:pt idx="123">
                  <c:v>36649</c:v>
                </c:pt>
                <c:pt idx="124">
                  <c:v>36650</c:v>
                </c:pt>
                <c:pt idx="125">
                  <c:v>36651</c:v>
                </c:pt>
                <c:pt idx="126">
                  <c:v>36652</c:v>
                </c:pt>
                <c:pt idx="127">
                  <c:v>36653</c:v>
                </c:pt>
                <c:pt idx="128">
                  <c:v>36654</c:v>
                </c:pt>
                <c:pt idx="129">
                  <c:v>36655</c:v>
                </c:pt>
                <c:pt idx="130">
                  <c:v>36656</c:v>
                </c:pt>
                <c:pt idx="131">
                  <c:v>36657</c:v>
                </c:pt>
                <c:pt idx="132">
                  <c:v>36658</c:v>
                </c:pt>
                <c:pt idx="133">
                  <c:v>36659</c:v>
                </c:pt>
                <c:pt idx="134">
                  <c:v>36660</c:v>
                </c:pt>
                <c:pt idx="135">
                  <c:v>36661</c:v>
                </c:pt>
                <c:pt idx="136">
                  <c:v>36662</c:v>
                </c:pt>
                <c:pt idx="137">
                  <c:v>36663</c:v>
                </c:pt>
                <c:pt idx="138">
                  <c:v>36664</c:v>
                </c:pt>
                <c:pt idx="139">
                  <c:v>36665</c:v>
                </c:pt>
                <c:pt idx="140">
                  <c:v>36666</c:v>
                </c:pt>
                <c:pt idx="141">
                  <c:v>36667</c:v>
                </c:pt>
                <c:pt idx="142">
                  <c:v>36668</c:v>
                </c:pt>
                <c:pt idx="143">
                  <c:v>36669</c:v>
                </c:pt>
                <c:pt idx="144">
                  <c:v>36670</c:v>
                </c:pt>
                <c:pt idx="145">
                  <c:v>36671</c:v>
                </c:pt>
                <c:pt idx="146">
                  <c:v>36672</c:v>
                </c:pt>
                <c:pt idx="147">
                  <c:v>36673</c:v>
                </c:pt>
                <c:pt idx="148">
                  <c:v>36674</c:v>
                </c:pt>
                <c:pt idx="149">
                  <c:v>36675</c:v>
                </c:pt>
                <c:pt idx="150">
                  <c:v>36676</c:v>
                </c:pt>
                <c:pt idx="151">
                  <c:v>36677</c:v>
                </c:pt>
                <c:pt idx="152">
                  <c:v>36678</c:v>
                </c:pt>
                <c:pt idx="153">
                  <c:v>36679</c:v>
                </c:pt>
                <c:pt idx="154">
                  <c:v>36680</c:v>
                </c:pt>
                <c:pt idx="155">
                  <c:v>36681</c:v>
                </c:pt>
                <c:pt idx="156">
                  <c:v>36682</c:v>
                </c:pt>
                <c:pt idx="157">
                  <c:v>36683</c:v>
                </c:pt>
                <c:pt idx="158">
                  <c:v>36684</c:v>
                </c:pt>
                <c:pt idx="159">
                  <c:v>36685</c:v>
                </c:pt>
                <c:pt idx="160">
                  <c:v>36686</c:v>
                </c:pt>
                <c:pt idx="161">
                  <c:v>36687</c:v>
                </c:pt>
                <c:pt idx="162">
                  <c:v>36688</c:v>
                </c:pt>
                <c:pt idx="163">
                  <c:v>36689</c:v>
                </c:pt>
                <c:pt idx="164">
                  <c:v>36690</c:v>
                </c:pt>
                <c:pt idx="165">
                  <c:v>36691</c:v>
                </c:pt>
                <c:pt idx="166">
                  <c:v>36692</c:v>
                </c:pt>
                <c:pt idx="167">
                  <c:v>36693</c:v>
                </c:pt>
                <c:pt idx="168">
                  <c:v>36694</c:v>
                </c:pt>
                <c:pt idx="169">
                  <c:v>36695</c:v>
                </c:pt>
                <c:pt idx="170">
                  <c:v>36696</c:v>
                </c:pt>
                <c:pt idx="171">
                  <c:v>36697</c:v>
                </c:pt>
                <c:pt idx="172">
                  <c:v>36698</c:v>
                </c:pt>
                <c:pt idx="173">
                  <c:v>36699</c:v>
                </c:pt>
                <c:pt idx="174">
                  <c:v>36700</c:v>
                </c:pt>
                <c:pt idx="175">
                  <c:v>36701</c:v>
                </c:pt>
                <c:pt idx="176">
                  <c:v>36702</c:v>
                </c:pt>
                <c:pt idx="177">
                  <c:v>36703</c:v>
                </c:pt>
                <c:pt idx="178">
                  <c:v>36704</c:v>
                </c:pt>
                <c:pt idx="179">
                  <c:v>36705</c:v>
                </c:pt>
                <c:pt idx="180">
                  <c:v>36706</c:v>
                </c:pt>
                <c:pt idx="181">
                  <c:v>36707</c:v>
                </c:pt>
                <c:pt idx="182">
                  <c:v>36708</c:v>
                </c:pt>
                <c:pt idx="183">
                  <c:v>36709</c:v>
                </c:pt>
                <c:pt idx="184">
                  <c:v>36710</c:v>
                </c:pt>
                <c:pt idx="185">
                  <c:v>36711</c:v>
                </c:pt>
                <c:pt idx="186">
                  <c:v>36712</c:v>
                </c:pt>
                <c:pt idx="187">
                  <c:v>36713</c:v>
                </c:pt>
                <c:pt idx="188">
                  <c:v>36714</c:v>
                </c:pt>
                <c:pt idx="189">
                  <c:v>36715</c:v>
                </c:pt>
                <c:pt idx="190">
                  <c:v>36716</c:v>
                </c:pt>
                <c:pt idx="191">
                  <c:v>36717</c:v>
                </c:pt>
                <c:pt idx="192">
                  <c:v>36718</c:v>
                </c:pt>
                <c:pt idx="193">
                  <c:v>36719</c:v>
                </c:pt>
                <c:pt idx="194">
                  <c:v>36720</c:v>
                </c:pt>
                <c:pt idx="195">
                  <c:v>36721</c:v>
                </c:pt>
                <c:pt idx="196">
                  <c:v>36722</c:v>
                </c:pt>
                <c:pt idx="197">
                  <c:v>36723</c:v>
                </c:pt>
                <c:pt idx="198">
                  <c:v>36724</c:v>
                </c:pt>
                <c:pt idx="199">
                  <c:v>36725</c:v>
                </c:pt>
                <c:pt idx="200">
                  <c:v>36726</c:v>
                </c:pt>
                <c:pt idx="201">
                  <c:v>36727</c:v>
                </c:pt>
                <c:pt idx="202">
                  <c:v>36728</c:v>
                </c:pt>
                <c:pt idx="203">
                  <c:v>36729</c:v>
                </c:pt>
                <c:pt idx="204">
                  <c:v>36730</c:v>
                </c:pt>
                <c:pt idx="205">
                  <c:v>36731</c:v>
                </c:pt>
                <c:pt idx="206">
                  <c:v>36732</c:v>
                </c:pt>
                <c:pt idx="207">
                  <c:v>36733</c:v>
                </c:pt>
                <c:pt idx="208">
                  <c:v>36734</c:v>
                </c:pt>
                <c:pt idx="209">
                  <c:v>36735</c:v>
                </c:pt>
                <c:pt idx="210">
                  <c:v>36736</c:v>
                </c:pt>
                <c:pt idx="211">
                  <c:v>36737</c:v>
                </c:pt>
                <c:pt idx="212">
                  <c:v>36738</c:v>
                </c:pt>
                <c:pt idx="213">
                  <c:v>36739</c:v>
                </c:pt>
                <c:pt idx="214">
                  <c:v>36740</c:v>
                </c:pt>
                <c:pt idx="215">
                  <c:v>36741</c:v>
                </c:pt>
                <c:pt idx="216">
                  <c:v>36742</c:v>
                </c:pt>
                <c:pt idx="217">
                  <c:v>36743</c:v>
                </c:pt>
                <c:pt idx="218">
                  <c:v>36744</c:v>
                </c:pt>
                <c:pt idx="219">
                  <c:v>36745</c:v>
                </c:pt>
                <c:pt idx="220">
                  <c:v>36746</c:v>
                </c:pt>
                <c:pt idx="221">
                  <c:v>36747</c:v>
                </c:pt>
                <c:pt idx="222">
                  <c:v>36748</c:v>
                </c:pt>
                <c:pt idx="223">
                  <c:v>36749</c:v>
                </c:pt>
                <c:pt idx="224">
                  <c:v>36750</c:v>
                </c:pt>
                <c:pt idx="225">
                  <c:v>36751</c:v>
                </c:pt>
                <c:pt idx="226">
                  <c:v>36752</c:v>
                </c:pt>
                <c:pt idx="227">
                  <c:v>36753</c:v>
                </c:pt>
                <c:pt idx="228">
                  <c:v>36754</c:v>
                </c:pt>
                <c:pt idx="229">
                  <c:v>36755</c:v>
                </c:pt>
                <c:pt idx="230">
                  <c:v>36756</c:v>
                </c:pt>
                <c:pt idx="231">
                  <c:v>36757</c:v>
                </c:pt>
                <c:pt idx="232">
                  <c:v>36758</c:v>
                </c:pt>
                <c:pt idx="233">
                  <c:v>36759</c:v>
                </c:pt>
                <c:pt idx="234">
                  <c:v>36760</c:v>
                </c:pt>
                <c:pt idx="235">
                  <c:v>36761</c:v>
                </c:pt>
                <c:pt idx="236">
                  <c:v>36762</c:v>
                </c:pt>
                <c:pt idx="237">
                  <c:v>36763</c:v>
                </c:pt>
                <c:pt idx="238">
                  <c:v>36764</c:v>
                </c:pt>
                <c:pt idx="239">
                  <c:v>36765</c:v>
                </c:pt>
                <c:pt idx="240">
                  <c:v>36766</c:v>
                </c:pt>
                <c:pt idx="241">
                  <c:v>36767</c:v>
                </c:pt>
                <c:pt idx="242">
                  <c:v>36768</c:v>
                </c:pt>
                <c:pt idx="243">
                  <c:v>36769</c:v>
                </c:pt>
                <c:pt idx="244">
                  <c:v>36770</c:v>
                </c:pt>
                <c:pt idx="245">
                  <c:v>36771</c:v>
                </c:pt>
                <c:pt idx="246">
                  <c:v>36772</c:v>
                </c:pt>
                <c:pt idx="247">
                  <c:v>36773</c:v>
                </c:pt>
                <c:pt idx="248">
                  <c:v>36774</c:v>
                </c:pt>
                <c:pt idx="249">
                  <c:v>36775</c:v>
                </c:pt>
                <c:pt idx="250">
                  <c:v>36776</c:v>
                </c:pt>
                <c:pt idx="251">
                  <c:v>36777</c:v>
                </c:pt>
                <c:pt idx="252">
                  <c:v>36778</c:v>
                </c:pt>
                <c:pt idx="253">
                  <c:v>36779</c:v>
                </c:pt>
                <c:pt idx="254">
                  <c:v>36780</c:v>
                </c:pt>
                <c:pt idx="255">
                  <c:v>36781</c:v>
                </c:pt>
                <c:pt idx="256">
                  <c:v>36782</c:v>
                </c:pt>
                <c:pt idx="257">
                  <c:v>36783</c:v>
                </c:pt>
                <c:pt idx="258">
                  <c:v>36784</c:v>
                </c:pt>
                <c:pt idx="259">
                  <c:v>36785</c:v>
                </c:pt>
                <c:pt idx="260">
                  <c:v>36786</c:v>
                </c:pt>
                <c:pt idx="261">
                  <c:v>36787</c:v>
                </c:pt>
                <c:pt idx="262">
                  <c:v>36788</c:v>
                </c:pt>
                <c:pt idx="263">
                  <c:v>36789</c:v>
                </c:pt>
                <c:pt idx="264">
                  <c:v>36790</c:v>
                </c:pt>
                <c:pt idx="265">
                  <c:v>36791</c:v>
                </c:pt>
                <c:pt idx="266">
                  <c:v>36792</c:v>
                </c:pt>
                <c:pt idx="267">
                  <c:v>36793</c:v>
                </c:pt>
                <c:pt idx="268">
                  <c:v>36794</c:v>
                </c:pt>
                <c:pt idx="269">
                  <c:v>36795</c:v>
                </c:pt>
                <c:pt idx="270">
                  <c:v>36796</c:v>
                </c:pt>
                <c:pt idx="271">
                  <c:v>36797</c:v>
                </c:pt>
                <c:pt idx="272">
                  <c:v>36798</c:v>
                </c:pt>
                <c:pt idx="273">
                  <c:v>36799</c:v>
                </c:pt>
                <c:pt idx="274">
                  <c:v>36800</c:v>
                </c:pt>
                <c:pt idx="275">
                  <c:v>36801</c:v>
                </c:pt>
                <c:pt idx="276">
                  <c:v>36802</c:v>
                </c:pt>
                <c:pt idx="277">
                  <c:v>36803</c:v>
                </c:pt>
                <c:pt idx="278">
                  <c:v>36804</c:v>
                </c:pt>
                <c:pt idx="279">
                  <c:v>36805</c:v>
                </c:pt>
                <c:pt idx="280">
                  <c:v>36806</c:v>
                </c:pt>
                <c:pt idx="281">
                  <c:v>36807</c:v>
                </c:pt>
                <c:pt idx="282">
                  <c:v>36808</c:v>
                </c:pt>
                <c:pt idx="283">
                  <c:v>36809</c:v>
                </c:pt>
                <c:pt idx="284">
                  <c:v>36810</c:v>
                </c:pt>
                <c:pt idx="285">
                  <c:v>36811</c:v>
                </c:pt>
                <c:pt idx="286">
                  <c:v>36812</c:v>
                </c:pt>
                <c:pt idx="287">
                  <c:v>36813</c:v>
                </c:pt>
                <c:pt idx="288">
                  <c:v>36814</c:v>
                </c:pt>
                <c:pt idx="289">
                  <c:v>36815</c:v>
                </c:pt>
                <c:pt idx="290">
                  <c:v>36816</c:v>
                </c:pt>
                <c:pt idx="291">
                  <c:v>36817</c:v>
                </c:pt>
                <c:pt idx="292">
                  <c:v>36818</c:v>
                </c:pt>
                <c:pt idx="293">
                  <c:v>36819</c:v>
                </c:pt>
                <c:pt idx="294">
                  <c:v>36820</c:v>
                </c:pt>
                <c:pt idx="295">
                  <c:v>36821</c:v>
                </c:pt>
                <c:pt idx="296">
                  <c:v>36822</c:v>
                </c:pt>
                <c:pt idx="297">
                  <c:v>36823</c:v>
                </c:pt>
                <c:pt idx="298">
                  <c:v>36824</c:v>
                </c:pt>
                <c:pt idx="299">
                  <c:v>36825</c:v>
                </c:pt>
                <c:pt idx="300">
                  <c:v>36826</c:v>
                </c:pt>
                <c:pt idx="301">
                  <c:v>36827</c:v>
                </c:pt>
                <c:pt idx="302">
                  <c:v>36828</c:v>
                </c:pt>
                <c:pt idx="303">
                  <c:v>36829</c:v>
                </c:pt>
                <c:pt idx="304">
                  <c:v>36830</c:v>
                </c:pt>
                <c:pt idx="305">
                  <c:v>36831</c:v>
                </c:pt>
                <c:pt idx="306">
                  <c:v>36832</c:v>
                </c:pt>
                <c:pt idx="307">
                  <c:v>36833</c:v>
                </c:pt>
                <c:pt idx="308">
                  <c:v>36834</c:v>
                </c:pt>
                <c:pt idx="309">
                  <c:v>36835</c:v>
                </c:pt>
                <c:pt idx="310">
                  <c:v>36836</c:v>
                </c:pt>
                <c:pt idx="311">
                  <c:v>36837</c:v>
                </c:pt>
                <c:pt idx="312">
                  <c:v>36838</c:v>
                </c:pt>
                <c:pt idx="313">
                  <c:v>36839</c:v>
                </c:pt>
                <c:pt idx="314">
                  <c:v>36840</c:v>
                </c:pt>
                <c:pt idx="315">
                  <c:v>36841</c:v>
                </c:pt>
                <c:pt idx="316">
                  <c:v>36842</c:v>
                </c:pt>
                <c:pt idx="317">
                  <c:v>36843</c:v>
                </c:pt>
                <c:pt idx="318">
                  <c:v>36844</c:v>
                </c:pt>
                <c:pt idx="319">
                  <c:v>36845</c:v>
                </c:pt>
                <c:pt idx="320">
                  <c:v>36846</c:v>
                </c:pt>
                <c:pt idx="321">
                  <c:v>36847</c:v>
                </c:pt>
                <c:pt idx="322">
                  <c:v>36848</c:v>
                </c:pt>
                <c:pt idx="323">
                  <c:v>36849</c:v>
                </c:pt>
                <c:pt idx="324">
                  <c:v>36850</c:v>
                </c:pt>
                <c:pt idx="325">
                  <c:v>36851</c:v>
                </c:pt>
                <c:pt idx="326">
                  <c:v>36852</c:v>
                </c:pt>
                <c:pt idx="327">
                  <c:v>36853</c:v>
                </c:pt>
                <c:pt idx="328">
                  <c:v>36854</c:v>
                </c:pt>
                <c:pt idx="329">
                  <c:v>36855</c:v>
                </c:pt>
                <c:pt idx="330">
                  <c:v>36856</c:v>
                </c:pt>
                <c:pt idx="331">
                  <c:v>36857</c:v>
                </c:pt>
                <c:pt idx="332">
                  <c:v>36858</c:v>
                </c:pt>
                <c:pt idx="333">
                  <c:v>36859</c:v>
                </c:pt>
                <c:pt idx="334">
                  <c:v>36860</c:v>
                </c:pt>
                <c:pt idx="335">
                  <c:v>36861</c:v>
                </c:pt>
                <c:pt idx="336">
                  <c:v>36862</c:v>
                </c:pt>
                <c:pt idx="337">
                  <c:v>36863</c:v>
                </c:pt>
                <c:pt idx="338">
                  <c:v>36864</c:v>
                </c:pt>
                <c:pt idx="339">
                  <c:v>36865</c:v>
                </c:pt>
                <c:pt idx="340">
                  <c:v>36866</c:v>
                </c:pt>
                <c:pt idx="341">
                  <c:v>36867</c:v>
                </c:pt>
                <c:pt idx="342">
                  <c:v>36868</c:v>
                </c:pt>
                <c:pt idx="343">
                  <c:v>36869</c:v>
                </c:pt>
                <c:pt idx="344">
                  <c:v>36870</c:v>
                </c:pt>
                <c:pt idx="345">
                  <c:v>36871</c:v>
                </c:pt>
                <c:pt idx="346">
                  <c:v>36872</c:v>
                </c:pt>
                <c:pt idx="347">
                  <c:v>36873</c:v>
                </c:pt>
                <c:pt idx="348">
                  <c:v>36874</c:v>
                </c:pt>
                <c:pt idx="349">
                  <c:v>36875</c:v>
                </c:pt>
                <c:pt idx="350">
                  <c:v>36876</c:v>
                </c:pt>
                <c:pt idx="351">
                  <c:v>36877</c:v>
                </c:pt>
                <c:pt idx="352">
                  <c:v>36878</c:v>
                </c:pt>
                <c:pt idx="353">
                  <c:v>36879</c:v>
                </c:pt>
                <c:pt idx="354">
                  <c:v>36880</c:v>
                </c:pt>
                <c:pt idx="355">
                  <c:v>36881</c:v>
                </c:pt>
                <c:pt idx="356">
                  <c:v>36882</c:v>
                </c:pt>
                <c:pt idx="357">
                  <c:v>36883</c:v>
                </c:pt>
                <c:pt idx="358">
                  <c:v>36884</c:v>
                </c:pt>
                <c:pt idx="359">
                  <c:v>36885</c:v>
                </c:pt>
                <c:pt idx="360">
                  <c:v>36886</c:v>
                </c:pt>
                <c:pt idx="361">
                  <c:v>36887</c:v>
                </c:pt>
                <c:pt idx="362">
                  <c:v>36888</c:v>
                </c:pt>
                <c:pt idx="363">
                  <c:v>36889</c:v>
                </c:pt>
                <c:pt idx="364">
                  <c:v>36890</c:v>
                </c:pt>
                <c:pt idx="365">
                  <c:v>36891</c:v>
                </c:pt>
                <c:pt idx="366">
                  <c:v>36892</c:v>
                </c:pt>
                <c:pt idx="367">
                  <c:v>36893</c:v>
                </c:pt>
                <c:pt idx="368">
                  <c:v>36894</c:v>
                </c:pt>
                <c:pt idx="369">
                  <c:v>36895</c:v>
                </c:pt>
                <c:pt idx="370">
                  <c:v>36896</c:v>
                </c:pt>
                <c:pt idx="371">
                  <c:v>36897</c:v>
                </c:pt>
                <c:pt idx="372">
                  <c:v>36898</c:v>
                </c:pt>
                <c:pt idx="373">
                  <c:v>36899</c:v>
                </c:pt>
                <c:pt idx="374">
                  <c:v>36900</c:v>
                </c:pt>
                <c:pt idx="375">
                  <c:v>36901</c:v>
                </c:pt>
                <c:pt idx="376">
                  <c:v>36902</c:v>
                </c:pt>
                <c:pt idx="377">
                  <c:v>36903</c:v>
                </c:pt>
                <c:pt idx="378">
                  <c:v>36904</c:v>
                </c:pt>
                <c:pt idx="379">
                  <c:v>36905</c:v>
                </c:pt>
                <c:pt idx="380">
                  <c:v>36906</c:v>
                </c:pt>
                <c:pt idx="381">
                  <c:v>36907</c:v>
                </c:pt>
                <c:pt idx="382">
                  <c:v>36908</c:v>
                </c:pt>
                <c:pt idx="383">
                  <c:v>36909</c:v>
                </c:pt>
                <c:pt idx="384">
                  <c:v>36910</c:v>
                </c:pt>
                <c:pt idx="385">
                  <c:v>36911</c:v>
                </c:pt>
                <c:pt idx="386">
                  <c:v>36912</c:v>
                </c:pt>
                <c:pt idx="387">
                  <c:v>36913</c:v>
                </c:pt>
                <c:pt idx="388">
                  <c:v>36914</c:v>
                </c:pt>
                <c:pt idx="389">
                  <c:v>36915</c:v>
                </c:pt>
                <c:pt idx="390">
                  <c:v>36916</c:v>
                </c:pt>
                <c:pt idx="391">
                  <c:v>36917</c:v>
                </c:pt>
                <c:pt idx="392">
                  <c:v>36918</c:v>
                </c:pt>
                <c:pt idx="393">
                  <c:v>36919</c:v>
                </c:pt>
                <c:pt idx="394">
                  <c:v>36920</c:v>
                </c:pt>
                <c:pt idx="395">
                  <c:v>36921</c:v>
                </c:pt>
                <c:pt idx="396">
                  <c:v>36922</c:v>
                </c:pt>
                <c:pt idx="397">
                  <c:v>36923</c:v>
                </c:pt>
                <c:pt idx="398">
                  <c:v>36924</c:v>
                </c:pt>
                <c:pt idx="399">
                  <c:v>36925</c:v>
                </c:pt>
                <c:pt idx="400">
                  <c:v>36926</c:v>
                </c:pt>
                <c:pt idx="401">
                  <c:v>36927</c:v>
                </c:pt>
                <c:pt idx="402">
                  <c:v>36928</c:v>
                </c:pt>
                <c:pt idx="403">
                  <c:v>36929</c:v>
                </c:pt>
                <c:pt idx="404">
                  <c:v>36930</c:v>
                </c:pt>
                <c:pt idx="405">
                  <c:v>36931</c:v>
                </c:pt>
                <c:pt idx="406">
                  <c:v>36932</c:v>
                </c:pt>
                <c:pt idx="407">
                  <c:v>36933</c:v>
                </c:pt>
                <c:pt idx="408">
                  <c:v>36934</c:v>
                </c:pt>
                <c:pt idx="409">
                  <c:v>36935</c:v>
                </c:pt>
                <c:pt idx="410">
                  <c:v>36936</c:v>
                </c:pt>
                <c:pt idx="411">
                  <c:v>36937</c:v>
                </c:pt>
                <c:pt idx="412">
                  <c:v>36938</c:v>
                </c:pt>
                <c:pt idx="413">
                  <c:v>36939</c:v>
                </c:pt>
                <c:pt idx="414">
                  <c:v>36940</c:v>
                </c:pt>
                <c:pt idx="415">
                  <c:v>36941</c:v>
                </c:pt>
                <c:pt idx="416">
                  <c:v>36942</c:v>
                </c:pt>
                <c:pt idx="417">
                  <c:v>36943</c:v>
                </c:pt>
                <c:pt idx="418">
                  <c:v>36944</c:v>
                </c:pt>
                <c:pt idx="419">
                  <c:v>36945</c:v>
                </c:pt>
                <c:pt idx="420">
                  <c:v>36946</c:v>
                </c:pt>
                <c:pt idx="421">
                  <c:v>36947</c:v>
                </c:pt>
                <c:pt idx="422">
                  <c:v>36948</c:v>
                </c:pt>
                <c:pt idx="423">
                  <c:v>36949</c:v>
                </c:pt>
                <c:pt idx="424">
                  <c:v>36950</c:v>
                </c:pt>
                <c:pt idx="425">
                  <c:v>36951</c:v>
                </c:pt>
                <c:pt idx="426">
                  <c:v>36952</c:v>
                </c:pt>
                <c:pt idx="427">
                  <c:v>36953</c:v>
                </c:pt>
                <c:pt idx="428">
                  <c:v>36954</c:v>
                </c:pt>
                <c:pt idx="429">
                  <c:v>36955</c:v>
                </c:pt>
                <c:pt idx="430">
                  <c:v>36956</c:v>
                </c:pt>
                <c:pt idx="431">
                  <c:v>36957</c:v>
                </c:pt>
                <c:pt idx="432">
                  <c:v>36958</c:v>
                </c:pt>
                <c:pt idx="433">
                  <c:v>36959</c:v>
                </c:pt>
                <c:pt idx="434">
                  <c:v>36960</c:v>
                </c:pt>
                <c:pt idx="435">
                  <c:v>36961</c:v>
                </c:pt>
                <c:pt idx="436">
                  <c:v>36962</c:v>
                </c:pt>
                <c:pt idx="437">
                  <c:v>36963</c:v>
                </c:pt>
                <c:pt idx="438">
                  <c:v>36964</c:v>
                </c:pt>
                <c:pt idx="439">
                  <c:v>36965</c:v>
                </c:pt>
                <c:pt idx="440">
                  <c:v>36966</c:v>
                </c:pt>
                <c:pt idx="441">
                  <c:v>36967</c:v>
                </c:pt>
                <c:pt idx="442">
                  <c:v>36968</c:v>
                </c:pt>
                <c:pt idx="443">
                  <c:v>36969</c:v>
                </c:pt>
                <c:pt idx="444">
                  <c:v>36970</c:v>
                </c:pt>
                <c:pt idx="445">
                  <c:v>36971</c:v>
                </c:pt>
                <c:pt idx="446">
                  <c:v>36972</c:v>
                </c:pt>
                <c:pt idx="447">
                  <c:v>36973</c:v>
                </c:pt>
                <c:pt idx="448">
                  <c:v>36974</c:v>
                </c:pt>
                <c:pt idx="449">
                  <c:v>36975</c:v>
                </c:pt>
                <c:pt idx="450">
                  <c:v>36976</c:v>
                </c:pt>
                <c:pt idx="451">
                  <c:v>36977</c:v>
                </c:pt>
                <c:pt idx="452">
                  <c:v>36978</c:v>
                </c:pt>
                <c:pt idx="453">
                  <c:v>36979</c:v>
                </c:pt>
                <c:pt idx="454">
                  <c:v>36980</c:v>
                </c:pt>
                <c:pt idx="455">
                  <c:v>36981</c:v>
                </c:pt>
                <c:pt idx="456">
                  <c:v>36982</c:v>
                </c:pt>
                <c:pt idx="457">
                  <c:v>36983</c:v>
                </c:pt>
                <c:pt idx="458">
                  <c:v>36984</c:v>
                </c:pt>
                <c:pt idx="459">
                  <c:v>36985</c:v>
                </c:pt>
                <c:pt idx="460">
                  <c:v>36986</c:v>
                </c:pt>
                <c:pt idx="461">
                  <c:v>36987</c:v>
                </c:pt>
                <c:pt idx="462">
                  <c:v>36988</c:v>
                </c:pt>
                <c:pt idx="463">
                  <c:v>36989</c:v>
                </c:pt>
                <c:pt idx="464">
                  <c:v>36990</c:v>
                </c:pt>
                <c:pt idx="465">
                  <c:v>36991</c:v>
                </c:pt>
                <c:pt idx="466">
                  <c:v>36992</c:v>
                </c:pt>
                <c:pt idx="467">
                  <c:v>36993</c:v>
                </c:pt>
                <c:pt idx="468">
                  <c:v>36994</c:v>
                </c:pt>
                <c:pt idx="469">
                  <c:v>36995</c:v>
                </c:pt>
                <c:pt idx="470">
                  <c:v>36996</c:v>
                </c:pt>
                <c:pt idx="471">
                  <c:v>36997</c:v>
                </c:pt>
                <c:pt idx="472">
                  <c:v>36998</c:v>
                </c:pt>
                <c:pt idx="473">
                  <c:v>36999</c:v>
                </c:pt>
                <c:pt idx="474">
                  <c:v>37000</c:v>
                </c:pt>
                <c:pt idx="475">
                  <c:v>37001</c:v>
                </c:pt>
                <c:pt idx="476">
                  <c:v>37002</c:v>
                </c:pt>
                <c:pt idx="477">
                  <c:v>37003</c:v>
                </c:pt>
                <c:pt idx="478">
                  <c:v>37004</c:v>
                </c:pt>
                <c:pt idx="479">
                  <c:v>37005</c:v>
                </c:pt>
                <c:pt idx="480">
                  <c:v>37006</c:v>
                </c:pt>
                <c:pt idx="481">
                  <c:v>37007</c:v>
                </c:pt>
                <c:pt idx="482">
                  <c:v>37008</c:v>
                </c:pt>
                <c:pt idx="483">
                  <c:v>37009</c:v>
                </c:pt>
                <c:pt idx="484">
                  <c:v>37010</c:v>
                </c:pt>
                <c:pt idx="485">
                  <c:v>37011</c:v>
                </c:pt>
                <c:pt idx="486">
                  <c:v>37012</c:v>
                </c:pt>
                <c:pt idx="487">
                  <c:v>37013</c:v>
                </c:pt>
                <c:pt idx="488">
                  <c:v>37014</c:v>
                </c:pt>
                <c:pt idx="489">
                  <c:v>37015</c:v>
                </c:pt>
                <c:pt idx="490">
                  <c:v>37016</c:v>
                </c:pt>
                <c:pt idx="491">
                  <c:v>37017</c:v>
                </c:pt>
                <c:pt idx="492">
                  <c:v>37018</c:v>
                </c:pt>
                <c:pt idx="493">
                  <c:v>37019</c:v>
                </c:pt>
                <c:pt idx="494">
                  <c:v>37020</c:v>
                </c:pt>
                <c:pt idx="495">
                  <c:v>37021</c:v>
                </c:pt>
                <c:pt idx="496">
                  <c:v>37022</c:v>
                </c:pt>
                <c:pt idx="497">
                  <c:v>37023</c:v>
                </c:pt>
                <c:pt idx="498">
                  <c:v>37024</c:v>
                </c:pt>
                <c:pt idx="499">
                  <c:v>37025</c:v>
                </c:pt>
                <c:pt idx="500">
                  <c:v>37026</c:v>
                </c:pt>
                <c:pt idx="501">
                  <c:v>37027</c:v>
                </c:pt>
                <c:pt idx="502">
                  <c:v>37028</c:v>
                </c:pt>
                <c:pt idx="503">
                  <c:v>37029</c:v>
                </c:pt>
                <c:pt idx="504">
                  <c:v>37030</c:v>
                </c:pt>
                <c:pt idx="505">
                  <c:v>37031</c:v>
                </c:pt>
                <c:pt idx="506">
                  <c:v>37032</c:v>
                </c:pt>
                <c:pt idx="507">
                  <c:v>37033</c:v>
                </c:pt>
                <c:pt idx="508">
                  <c:v>37034</c:v>
                </c:pt>
                <c:pt idx="509">
                  <c:v>37035</c:v>
                </c:pt>
                <c:pt idx="510">
                  <c:v>37036</c:v>
                </c:pt>
                <c:pt idx="511">
                  <c:v>37037</c:v>
                </c:pt>
                <c:pt idx="512">
                  <c:v>37038</c:v>
                </c:pt>
                <c:pt idx="513">
                  <c:v>37039</c:v>
                </c:pt>
                <c:pt idx="514">
                  <c:v>37040</c:v>
                </c:pt>
                <c:pt idx="515">
                  <c:v>37041</c:v>
                </c:pt>
                <c:pt idx="516">
                  <c:v>37042</c:v>
                </c:pt>
                <c:pt idx="517">
                  <c:v>37043</c:v>
                </c:pt>
                <c:pt idx="518">
                  <c:v>37044</c:v>
                </c:pt>
                <c:pt idx="519">
                  <c:v>37045</c:v>
                </c:pt>
                <c:pt idx="520">
                  <c:v>37046</c:v>
                </c:pt>
                <c:pt idx="521">
                  <c:v>37047</c:v>
                </c:pt>
                <c:pt idx="522">
                  <c:v>37048</c:v>
                </c:pt>
                <c:pt idx="523">
                  <c:v>37049</c:v>
                </c:pt>
                <c:pt idx="524">
                  <c:v>37050</c:v>
                </c:pt>
                <c:pt idx="525">
                  <c:v>37051</c:v>
                </c:pt>
                <c:pt idx="526">
                  <c:v>37052</c:v>
                </c:pt>
                <c:pt idx="527">
                  <c:v>37053</c:v>
                </c:pt>
                <c:pt idx="528">
                  <c:v>37054</c:v>
                </c:pt>
                <c:pt idx="529">
                  <c:v>37055</c:v>
                </c:pt>
                <c:pt idx="530">
                  <c:v>37056</c:v>
                </c:pt>
                <c:pt idx="531">
                  <c:v>37057</c:v>
                </c:pt>
                <c:pt idx="532">
                  <c:v>37058</c:v>
                </c:pt>
                <c:pt idx="533">
                  <c:v>37059</c:v>
                </c:pt>
                <c:pt idx="534">
                  <c:v>37060</c:v>
                </c:pt>
                <c:pt idx="535">
                  <c:v>37061</c:v>
                </c:pt>
                <c:pt idx="536">
                  <c:v>37062</c:v>
                </c:pt>
                <c:pt idx="537">
                  <c:v>37063</c:v>
                </c:pt>
                <c:pt idx="538">
                  <c:v>37064</c:v>
                </c:pt>
                <c:pt idx="539">
                  <c:v>37065</c:v>
                </c:pt>
                <c:pt idx="540">
                  <c:v>37066</c:v>
                </c:pt>
                <c:pt idx="541">
                  <c:v>37067</c:v>
                </c:pt>
                <c:pt idx="542">
                  <c:v>37068</c:v>
                </c:pt>
                <c:pt idx="543">
                  <c:v>37069</c:v>
                </c:pt>
                <c:pt idx="544">
                  <c:v>37070</c:v>
                </c:pt>
                <c:pt idx="545">
                  <c:v>37071</c:v>
                </c:pt>
                <c:pt idx="546">
                  <c:v>37072</c:v>
                </c:pt>
                <c:pt idx="547">
                  <c:v>37073</c:v>
                </c:pt>
                <c:pt idx="548">
                  <c:v>37074</c:v>
                </c:pt>
                <c:pt idx="549">
                  <c:v>37075</c:v>
                </c:pt>
                <c:pt idx="550">
                  <c:v>37076</c:v>
                </c:pt>
                <c:pt idx="551">
                  <c:v>37077</c:v>
                </c:pt>
                <c:pt idx="552">
                  <c:v>37078</c:v>
                </c:pt>
                <c:pt idx="553">
                  <c:v>37079</c:v>
                </c:pt>
                <c:pt idx="554">
                  <c:v>37080</c:v>
                </c:pt>
                <c:pt idx="555">
                  <c:v>37081</c:v>
                </c:pt>
                <c:pt idx="556">
                  <c:v>37082</c:v>
                </c:pt>
                <c:pt idx="557">
                  <c:v>37083</c:v>
                </c:pt>
                <c:pt idx="558">
                  <c:v>37084</c:v>
                </c:pt>
                <c:pt idx="559">
                  <c:v>37085</c:v>
                </c:pt>
                <c:pt idx="560">
                  <c:v>37086</c:v>
                </c:pt>
                <c:pt idx="561">
                  <c:v>37087</c:v>
                </c:pt>
                <c:pt idx="562">
                  <c:v>37088</c:v>
                </c:pt>
                <c:pt idx="563">
                  <c:v>37089</c:v>
                </c:pt>
                <c:pt idx="564">
                  <c:v>37090</c:v>
                </c:pt>
                <c:pt idx="565">
                  <c:v>37091</c:v>
                </c:pt>
                <c:pt idx="566">
                  <c:v>37092</c:v>
                </c:pt>
                <c:pt idx="567">
                  <c:v>37093</c:v>
                </c:pt>
                <c:pt idx="568">
                  <c:v>37094</c:v>
                </c:pt>
                <c:pt idx="569">
                  <c:v>37095</c:v>
                </c:pt>
                <c:pt idx="570">
                  <c:v>37096</c:v>
                </c:pt>
                <c:pt idx="571">
                  <c:v>37097</c:v>
                </c:pt>
                <c:pt idx="572">
                  <c:v>37098</c:v>
                </c:pt>
                <c:pt idx="573">
                  <c:v>37099</c:v>
                </c:pt>
                <c:pt idx="574">
                  <c:v>37100</c:v>
                </c:pt>
                <c:pt idx="575">
                  <c:v>37101</c:v>
                </c:pt>
                <c:pt idx="576">
                  <c:v>37102</c:v>
                </c:pt>
                <c:pt idx="577">
                  <c:v>37103</c:v>
                </c:pt>
                <c:pt idx="578">
                  <c:v>37104</c:v>
                </c:pt>
                <c:pt idx="579">
                  <c:v>37105</c:v>
                </c:pt>
                <c:pt idx="580">
                  <c:v>37106</c:v>
                </c:pt>
                <c:pt idx="581">
                  <c:v>37107</c:v>
                </c:pt>
                <c:pt idx="582">
                  <c:v>37108</c:v>
                </c:pt>
                <c:pt idx="583">
                  <c:v>37109</c:v>
                </c:pt>
                <c:pt idx="584">
                  <c:v>37110</c:v>
                </c:pt>
                <c:pt idx="585">
                  <c:v>37111</c:v>
                </c:pt>
                <c:pt idx="586">
                  <c:v>37112</c:v>
                </c:pt>
                <c:pt idx="587">
                  <c:v>37113</c:v>
                </c:pt>
                <c:pt idx="588">
                  <c:v>37114</c:v>
                </c:pt>
                <c:pt idx="589">
                  <c:v>37115</c:v>
                </c:pt>
                <c:pt idx="590">
                  <c:v>37116</c:v>
                </c:pt>
                <c:pt idx="591">
                  <c:v>37117</c:v>
                </c:pt>
                <c:pt idx="592">
                  <c:v>37118</c:v>
                </c:pt>
                <c:pt idx="593">
                  <c:v>37119</c:v>
                </c:pt>
                <c:pt idx="594">
                  <c:v>37120</c:v>
                </c:pt>
                <c:pt idx="595">
                  <c:v>37121</c:v>
                </c:pt>
                <c:pt idx="596">
                  <c:v>37122</c:v>
                </c:pt>
                <c:pt idx="597">
                  <c:v>37123</c:v>
                </c:pt>
                <c:pt idx="598">
                  <c:v>37124</c:v>
                </c:pt>
                <c:pt idx="599">
                  <c:v>37125</c:v>
                </c:pt>
                <c:pt idx="600">
                  <c:v>37126</c:v>
                </c:pt>
                <c:pt idx="601">
                  <c:v>37127</c:v>
                </c:pt>
                <c:pt idx="602">
                  <c:v>37128</c:v>
                </c:pt>
                <c:pt idx="603">
                  <c:v>37129</c:v>
                </c:pt>
                <c:pt idx="604">
                  <c:v>37130</c:v>
                </c:pt>
                <c:pt idx="605">
                  <c:v>37131</c:v>
                </c:pt>
                <c:pt idx="606">
                  <c:v>37132</c:v>
                </c:pt>
                <c:pt idx="607">
                  <c:v>37133</c:v>
                </c:pt>
                <c:pt idx="608">
                  <c:v>37134</c:v>
                </c:pt>
                <c:pt idx="609">
                  <c:v>37135</c:v>
                </c:pt>
                <c:pt idx="610">
                  <c:v>37136</c:v>
                </c:pt>
                <c:pt idx="611">
                  <c:v>37137</c:v>
                </c:pt>
                <c:pt idx="612">
                  <c:v>37138</c:v>
                </c:pt>
                <c:pt idx="613">
                  <c:v>37139</c:v>
                </c:pt>
                <c:pt idx="614">
                  <c:v>37140</c:v>
                </c:pt>
                <c:pt idx="615">
                  <c:v>37141</c:v>
                </c:pt>
                <c:pt idx="616">
                  <c:v>37142</c:v>
                </c:pt>
                <c:pt idx="617">
                  <c:v>37143</c:v>
                </c:pt>
                <c:pt idx="618">
                  <c:v>37144</c:v>
                </c:pt>
                <c:pt idx="619">
                  <c:v>37145</c:v>
                </c:pt>
                <c:pt idx="620">
                  <c:v>37146</c:v>
                </c:pt>
                <c:pt idx="621">
                  <c:v>37147</c:v>
                </c:pt>
                <c:pt idx="622">
                  <c:v>37148</c:v>
                </c:pt>
                <c:pt idx="623">
                  <c:v>37149</c:v>
                </c:pt>
                <c:pt idx="624">
                  <c:v>37150</c:v>
                </c:pt>
                <c:pt idx="625">
                  <c:v>37151</c:v>
                </c:pt>
                <c:pt idx="626">
                  <c:v>37152</c:v>
                </c:pt>
                <c:pt idx="627">
                  <c:v>37153</c:v>
                </c:pt>
                <c:pt idx="628">
                  <c:v>37154</c:v>
                </c:pt>
                <c:pt idx="629">
                  <c:v>37155</c:v>
                </c:pt>
                <c:pt idx="630">
                  <c:v>37156</c:v>
                </c:pt>
                <c:pt idx="631">
                  <c:v>37157</c:v>
                </c:pt>
                <c:pt idx="632">
                  <c:v>37158</c:v>
                </c:pt>
                <c:pt idx="633">
                  <c:v>37159</c:v>
                </c:pt>
                <c:pt idx="634">
                  <c:v>37160</c:v>
                </c:pt>
                <c:pt idx="635">
                  <c:v>37161</c:v>
                </c:pt>
                <c:pt idx="636">
                  <c:v>37162</c:v>
                </c:pt>
                <c:pt idx="637">
                  <c:v>37163</c:v>
                </c:pt>
                <c:pt idx="638">
                  <c:v>37164</c:v>
                </c:pt>
                <c:pt idx="639">
                  <c:v>37165</c:v>
                </c:pt>
                <c:pt idx="640">
                  <c:v>37166</c:v>
                </c:pt>
                <c:pt idx="641">
                  <c:v>37167</c:v>
                </c:pt>
                <c:pt idx="642">
                  <c:v>37168</c:v>
                </c:pt>
                <c:pt idx="643">
                  <c:v>37169</c:v>
                </c:pt>
                <c:pt idx="644">
                  <c:v>37170</c:v>
                </c:pt>
                <c:pt idx="645">
                  <c:v>37171</c:v>
                </c:pt>
                <c:pt idx="646">
                  <c:v>37172</c:v>
                </c:pt>
                <c:pt idx="647">
                  <c:v>37173</c:v>
                </c:pt>
                <c:pt idx="648">
                  <c:v>37174</c:v>
                </c:pt>
                <c:pt idx="649">
                  <c:v>37175</c:v>
                </c:pt>
                <c:pt idx="650">
                  <c:v>37176</c:v>
                </c:pt>
                <c:pt idx="651">
                  <c:v>37177</c:v>
                </c:pt>
                <c:pt idx="652">
                  <c:v>37178</c:v>
                </c:pt>
                <c:pt idx="653">
                  <c:v>37179</c:v>
                </c:pt>
                <c:pt idx="654">
                  <c:v>37180</c:v>
                </c:pt>
                <c:pt idx="655">
                  <c:v>37181</c:v>
                </c:pt>
                <c:pt idx="656">
                  <c:v>37182</c:v>
                </c:pt>
                <c:pt idx="657">
                  <c:v>37183</c:v>
                </c:pt>
                <c:pt idx="658">
                  <c:v>37184</c:v>
                </c:pt>
                <c:pt idx="659">
                  <c:v>37185</c:v>
                </c:pt>
                <c:pt idx="660">
                  <c:v>37186</c:v>
                </c:pt>
                <c:pt idx="661">
                  <c:v>37187</c:v>
                </c:pt>
                <c:pt idx="662">
                  <c:v>37188</c:v>
                </c:pt>
                <c:pt idx="663">
                  <c:v>37189</c:v>
                </c:pt>
                <c:pt idx="664">
                  <c:v>37190</c:v>
                </c:pt>
                <c:pt idx="665">
                  <c:v>37191</c:v>
                </c:pt>
                <c:pt idx="666">
                  <c:v>37192</c:v>
                </c:pt>
                <c:pt idx="667">
                  <c:v>37193</c:v>
                </c:pt>
                <c:pt idx="668">
                  <c:v>37194</c:v>
                </c:pt>
                <c:pt idx="669">
                  <c:v>37195</c:v>
                </c:pt>
                <c:pt idx="670">
                  <c:v>37196</c:v>
                </c:pt>
                <c:pt idx="671">
                  <c:v>37197</c:v>
                </c:pt>
                <c:pt idx="672">
                  <c:v>37198</c:v>
                </c:pt>
                <c:pt idx="673">
                  <c:v>37199</c:v>
                </c:pt>
                <c:pt idx="674">
                  <c:v>37200</c:v>
                </c:pt>
                <c:pt idx="675">
                  <c:v>37201</c:v>
                </c:pt>
                <c:pt idx="676">
                  <c:v>37202</c:v>
                </c:pt>
                <c:pt idx="677">
                  <c:v>37203</c:v>
                </c:pt>
                <c:pt idx="678">
                  <c:v>37204</c:v>
                </c:pt>
                <c:pt idx="679">
                  <c:v>37205</c:v>
                </c:pt>
                <c:pt idx="680">
                  <c:v>37206</c:v>
                </c:pt>
                <c:pt idx="681">
                  <c:v>37207</c:v>
                </c:pt>
                <c:pt idx="682">
                  <c:v>37208</c:v>
                </c:pt>
                <c:pt idx="683">
                  <c:v>37209</c:v>
                </c:pt>
                <c:pt idx="684">
                  <c:v>37210</c:v>
                </c:pt>
                <c:pt idx="685">
                  <c:v>37211</c:v>
                </c:pt>
                <c:pt idx="686">
                  <c:v>37212</c:v>
                </c:pt>
                <c:pt idx="687">
                  <c:v>37213</c:v>
                </c:pt>
                <c:pt idx="688">
                  <c:v>37214</c:v>
                </c:pt>
                <c:pt idx="689">
                  <c:v>37215</c:v>
                </c:pt>
                <c:pt idx="690">
                  <c:v>37216</c:v>
                </c:pt>
                <c:pt idx="691">
                  <c:v>37217</c:v>
                </c:pt>
                <c:pt idx="692">
                  <c:v>37218</c:v>
                </c:pt>
                <c:pt idx="693">
                  <c:v>37219</c:v>
                </c:pt>
                <c:pt idx="694">
                  <c:v>37220</c:v>
                </c:pt>
                <c:pt idx="695">
                  <c:v>37221</c:v>
                </c:pt>
                <c:pt idx="696">
                  <c:v>37222</c:v>
                </c:pt>
                <c:pt idx="697">
                  <c:v>37223</c:v>
                </c:pt>
                <c:pt idx="698">
                  <c:v>37224</c:v>
                </c:pt>
                <c:pt idx="699">
                  <c:v>37225</c:v>
                </c:pt>
                <c:pt idx="700">
                  <c:v>37226</c:v>
                </c:pt>
                <c:pt idx="701">
                  <c:v>37227</c:v>
                </c:pt>
                <c:pt idx="702">
                  <c:v>37228</c:v>
                </c:pt>
                <c:pt idx="703">
                  <c:v>37229</c:v>
                </c:pt>
                <c:pt idx="704">
                  <c:v>37230</c:v>
                </c:pt>
                <c:pt idx="705">
                  <c:v>37231</c:v>
                </c:pt>
                <c:pt idx="706">
                  <c:v>37232</c:v>
                </c:pt>
                <c:pt idx="707">
                  <c:v>37233</c:v>
                </c:pt>
                <c:pt idx="708">
                  <c:v>37234</c:v>
                </c:pt>
                <c:pt idx="709">
                  <c:v>37235</c:v>
                </c:pt>
                <c:pt idx="710">
                  <c:v>37236</c:v>
                </c:pt>
                <c:pt idx="711">
                  <c:v>37237</c:v>
                </c:pt>
                <c:pt idx="712">
                  <c:v>37238</c:v>
                </c:pt>
                <c:pt idx="713">
                  <c:v>37239</c:v>
                </c:pt>
                <c:pt idx="714">
                  <c:v>37240</c:v>
                </c:pt>
                <c:pt idx="715">
                  <c:v>37241</c:v>
                </c:pt>
                <c:pt idx="716">
                  <c:v>37242</c:v>
                </c:pt>
                <c:pt idx="717">
                  <c:v>37243</c:v>
                </c:pt>
                <c:pt idx="718">
                  <c:v>37244</c:v>
                </c:pt>
                <c:pt idx="719">
                  <c:v>37245</c:v>
                </c:pt>
                <c:pt idx="720">
                  <c:v>37246</c:v>
                </c:pt>
                <c:pt idx="721">
                  <c:v>37247</c:v>
                </c:pt>
                <c:pt idx="722">
                  <c:v>37248</c:v>
                </c:pt>
                <c:pt idx="723">
                  <c:v>37249</c:v>
                </c:pt>
                <c:pt idx="724">
                  <c:v>37250</c:v>
                </c:pt>
                <c:pt idx="725">
                  <c:v>37251</c:v>
                </c:pt>
                <c:pt idx="726">
                  <c:v>37252</c:v>
                </c:pt>
                <c:pt idx="727">
                  <c:v>37253</c:v>
                </c:pt>
                <c:pt idx="728">
                  <c:v>37254</c:v>
                </c:pt>
                <c:pt idx="729">
                  <c:v>37255</c:v>
                </c:pt>
                <c:pt idx="730">
                  <c:v>37256</c:v>
                </c:pt>
                <c:pt idx="731">
                  <c:v>37257</c:v>
                </c:pt>
                <c:pt idx="732">
                  <c:v>37258</c:v>
                </c:pt>
                <c:pt idx="733">
                  <c:v>37259</c:v>
                </c:pt>
                <c:pt idx="734">
                  <c:v>37260</c:v>
                </c:pt>
                <c:pt idx="735">
                  <c:v>37261</c:v>
                </c:pt>
                <c:pt idx="736">
                  <c:v>37262</c:v>
                </c:pt>
                <c:pt idx="737">
                  <c:v>37263</c:v>
                </c:pt>
                <c:pt idx="738">
                  <c:v>37264</c:v>
                </c:pt>
                <c:pt idx="739">
                  <c:v>37265</c:v>
                </c:pt>
                <c:pt idx="740">
                  <c:v>37266</c:v>
                </c:pt>
                <c:pt idx="741">
                  <c:v>37267</c:v>
                </c:pt>
                <c:pt idx="742">
                  <c:v>37268</c:v>
                </c:pt>
                <c:pt idx="743">
                  <c:v>37269</c:v>
                </c:pt>
                <c:pt idx="744">
                  <c:v>37270</c:v>
                </c:pt>
                <c:pt idx="745">
                  <c:v>37271</c:v>
                </c:pt>
                <c:pt idx="746">
                  <c:v>37272</c:v>
                </c:pt>
                <c:pt idx="747">
                  <c:v>37273</c:v>
                </c:pt>
                <c:pt idx="748">
                  <c:v>37274</c:v>
                </c:pt>
                <c:pt idx="749">
                  <c:v>37275</c:v>
                </c:pt>
                <c:pt idx="750">
                  <c:v>37276</c:v>
                </c:pt>
                <c:pt idx="751">
                  <c:v>37277</c:v>
                </c:pt>
                <c:pt idx="752">
                  <c:v>37278</c:v>
                </c:pt>
                <c:pt idx="753">
                  <c:v>37279</c:v>
                </c:pt>
                <c:pt idx="754">
                  <c:v>37280</c:v>
                </c:pt>
                <c:pt idx="755">
                  <c:v>37281</c:v>
                </c:pt>
                <c:pt idx="756">
                  <c:v>37282</c:v>
                </c:pt>
                <c:pt idx="757">
                  <c:v>37283</c:v>
                </c:pt>
                <c:pt idx="758">
                  <c:v>37284</c:v>
                </c:pt>
                <c:pt idx="759">
                  <c:v>37285</c:v>
                </c:pt>
                <c:pt idx="760">
                  <c:v>37286</c:v>
                </c:pt>
                <c:pt idx="761">
                  <c:v>37287</c:v>
                </c:pt>
                <c:pt idx="762">
                  <c:v>37288</c:v>
                </c:pt>
                <c:pt idx="763">
                  <c:v>37289</c:v>
                </c:pt>
                <c:pt idx="764">
                  <c:v>37290</c:v>
                </c:pt>
                <c:pt idx="765">
                  <c:v>37291</c:v>
                </c:pt>
                <c:pt idx="766">
                  <c:v>37292</c:v>
                </c:pt>
                <c:pt idx="767">
                  <c:v>37293</c:v>
                </c:pt>
                <c:pt idx="768">
                  <c:v>37294</c:v>
                </c:pt>
                <c:pt idx="769">
                  <c:v>37295</c:v>
                </c:pt>
                <c:pt idx="770">
                  <c:v>37296</c:v>
                </c:pt>
                <c:pt idx="771">
                  <c:v>37297</c:v>
                </c:pt>
                <c:pt idx="772">
                  <c:v>37298</c:v>
                </c:pt>
                <c:pt idx="773">
                  <c:v>37299</c:v>
                </c:pt>
                <c:pt idx="774">
                  <c:v>37300</c:v>
                </c:pt>
                <c:pt idx="775">
                  <c:v>37301</c:v>
                </c:pt>
                <c:pt idx="776">
                  <c:v>37302</c:v>
                </c:pt>
                <c:pt idx="777">
                  <c:v>37303</c:v>
                </c:pt>
                <c:pt idx="778">
                  <c:v>37304</c:v>
                </c:pt>
                <c:pt idx="779">
                  <c:v>37305</c:v>
                </c:pt>
                <c:pt idx="780">
                  <c:v>37306</c:v>
                </c:pt>
                <c:pt idx="781">
                  <c:v>37307</c:v>
                </c:pt>
                <c:pt idx="782">
                  <c:v>37308</c:v>
                </c:pt>
                <c:pt idx="783">
                  <c:v>37309</c:v>
                </c:pt>
                <c:pt idx="784">
                  <c:v>37310</c:v>
                </c:pt>
                <c:pt idx="785">
                  <c:v>37311</c:v>
                </c:pt>
                <c:pt idx="786">
                  <c:v>37312</c:v>
                </c:pt>
                <c:pt idx="787">
                  <c:v>37313</c:v>
                </c:pt>
                <c:pt idx="788">
                  <c:v>37314</c:v>
                </c:pt>
                <c:pt idx="789">
                  <c:v>37315</c:v>
                </c:pt>
                <c:pt idx="790">
                  <c:v>37316</c:v>
                </c:pt>
                <c:pt idx="791">
                  <c:v>37317</c:v>
                </c:pt>
                <c:pt idx="792">
                  <c:v>37318</c:v>
                </c:pt>
                <c:pt idx="793">
                  <c:v>37319</c:v>
                </c:pt>
                <c:pt idx="794">
                  <c:v>37320</c:v>
                </c:pt>
                <c:pt idx="795">
                  <c:v>37321</c:v>
                </c:pt>
                <c:pt idx="796">
                  <c:v>37322</c:v>
                </c:pt>
                <c:pt idx="797">
                  <c:v>37323</c:v>
                </c:pt>
                <c:pt idx="798">
                  <c:v>37324</c:v>
                </c:pt>
                <c:pt idx="799">
                  <c:v>37325</c:v>
                </c:pt>
                <c:pt idx="800">
                  <c:v>37326</c:v>
                </c:pt>
                <c:pt idx="801">
                  <c:v>37327</c:v>
                </c:pt>
                <c:pt idx="802">
                  <c:v>37328</c:v>
                </c:pt>
                <c:pt idx="803">
                  <c:v>37329</c:v>
                </c:pt>
                <c:pt idx="804">
                  <c:v>37330</c:v>
                </c:pt>
                <c:pt idx="805">
                  <c:v>37331</c:v>
                </c:pt>
                <c:pt idx="806">
                  <c:v>37332</c:v>
                </c:pt>
                <c:pt idx="807">
                  <c:v>37333</c:v>
                </c:pt>
                <c:pt idx="808">
                  <c:v>37334</c:v>
                </c:pt>
                <c:pt idx="809">
                  <c:v>37335</c:v>
                </c:pt>
                <c:pt idx="810">
                  <c:v>37336</c:v>
                </c:pt>
                <c:pt idx="811">
                  <c:v>37337</c:v>
                </c:pt>
                <c:pt idx="812">
                  <c:v>37338</c:v>
                </c:pt>
                <c:pt idx="813">
                  <c:v>37339</c:v>
                </c:pt>
                <c:pt idx="814">
                  <c:v>37340</c:v>
                </c:pt>
                <c:pt idx="815">
                  <c:v>37341</c:v>
                </c:pt>
                <c:pt idx="816">
                  <c:v>37342</c:v>
                </c:pt>
                <c:pt idx="817">
                  <c:v>37343</c:v>
                </c:pt>
                <c:pt idx="818">
                  <c:v>37344</c:v>
                </c:pt>
                <c:pt idx="819">
                  <c:v>37345</c:v>
                </c:pt>
                <c:pt idx="820">
                  <c:v>37346</c:v>
                </c:pt>
                <c:pt idx="821">
                  <c:v>37347</c:v>
                </c:pt>
                <c:pt idx="822">
                  <c:v>37348</c:v>
                </c:pt>
                <c:pt idx="823">
                  <c:v>37349</c:v>
                </c:pt>
                <c:pt idx="824">
                  <c:v>37350</c:v>
                </c:pt>
                <c:pt idx="825">
                  <c:v>37351</c:v>
                </c:pt>
                <c:pt idx="826">
                  <c:v>37352</c:v>
                </c:pt>
                <c:pt idx="827">
                  <c:v>37353</c:v>
                </c:pt>
                <c:pt idx="828">
                  <c:v>37354</c:v>
                </c:pt>
                <c:pt idx="829">
                  <c:v>37355</c:v>
                </c:pt>
                <c:pt idx="830">
                  <c:v>37356</c:v>
                </c:pt>
                <c:pt idx="831">
                  <c:v>37357</c:v>
                </c:pt>
                <c:pt idx="832">
                  <c:v>37358</c:v>
                </c:pt>
                <c:pt idx="833">
                  <c:v>37359</c:v>
                </c:pt>
                <c:pt idx="834">
                  <c:v>37360</c:v>
                </c:pt>
                <c:pt idx="835">
                  <c:v>37361</c:v>
                </c:pt>
                <c:pt idx="836">
                  <c:v>37362</c:v>
                </c:pt>
                <c:pt idx="837">
                  <c:v>37363</c:v>
                </c:pt>
                <c:pt idx="838">
                  <c:v>37364</c:v>
                </c:pt>
                <c:pt idx="839">
                  <c:v>37365</c:v>
                </c:pt>
                <c:pt idx="840">
                  <c:v>37366</c:v>
                </c:pt>
                <c:pt idx="841">
                  <c:v>37367</c:v>
                </c:pt>
                <c:pt idx="842">
                  <c:v>37368</c:v>
                </c:pt>
                <c:pt idx="843">
                  <c:v>37369</c:v>
                </c:pt>
                <c:pt idx="844">
                  <c:v>37370</c:v>
                </c:pt>
                <c:pt idx="845">
                  <c:v>37371</c:v>
                </c:pt>
                <c:pt idx="846">
                  <c:v>37372</c:v>
                </c:pt>
                <c:pt idx="847">
                  <c:v>37373</c:v>
                </c:pt>
                <c:pt idx="848">
                  <c:v>37374</c:v>
                </c:pt>
                <c:pt idx="849">
                  <c:v>37375</c:v>
                </c:pt>
                <c:pt idx="850">
                  <c:v>37376</c:v>
                </c:pt>
                <c:pt idx="851">
                  <c:v>37377</c:v>
                </c:pt>
                <c:pt idx="852">
                  <c:v>37378</c:v>
                </c:pt>
                <c:pt idx="853">
                  <c:v>37379</c:v>
                </c:pt>
                <c:pt idx="854">
                  <c:v>37380</c:v>
                </c:pt>
                <c:pt idx="855">
                  <c:v>37381</c:v>
                </c:pt>
                <c:pt idx="856">
                  <c:v>37382</c:v>
                </c:pt>
                <c:pt idx="857">
                  <c:v>37383</c:v>
                </c:pt>
                <c:pt idx="858">
                  <c:v>37384</c:v>
                </c:pt>
                <c:pt idx="859">
                  <c:v>37385</c:v>
                </c:pt>
                <c:pt idx="860">
                  <c:v>37386</c:v>
                </c:pt>
                <c:pt idx="861">
                  <c:v>37387</c:v>
                </c:pt>
                <c:pt idx="862">
                  <c:v>37388</c:v>
                </c:pt>
                <c:pt idx="863">
                  <c:v>37389</c:v>
                </c:pt>
                <c:pt idx="864">
                  <c:v>37390</c:v>
                </c:pt>
                <c:pt idx="865">
                  <c:v>37391</c:v>
                </c:pt>
                <c:pt idx="866">
                  <c:v>37392</c:v>
                </c:pt>
                <c:pt idx="867">
                  <c:v>37393</c:v>
                </c:pt>
                <c:pt idx="868">
                  <c:v>37394</c:v>
                </c:pt>
                <c:pt idx="869">
                  <c:v>37395</c:v>
                </c:pt>
                <c:pt idx="870">
                  <c:v>37396</c:v>
                </c:pt>
                <c:pt idx="871">
                  <c:v>37397</c:v>
                </c:pt>
                <c:pt idx="872">
                  <c:v>37398</c:v>
                </c:pt>
                <c:pt idx="873">
                  <c:v>37399</c:v>
                </c:pt>
                <c:pt idx="874">
                  <c:v>37400</c:v>
                </c:pt>
                <c:pt idx="875">
                  <c:v>37401</c:v>
                </c:pt>
                <c:pt idx="876">
                  <c:v>37402</c:v>
                </c:pt>
                <c:pt idx="877">
                  <c:v>37403</c:v>
                </c:pt>
                <c:pt idx="878">
                  <c:v>37404</c:v>
                </c:pt>
                <c:pt idx="879">
                  <c:v>37405</c:v>
                </c:pt>
                <c:pt idx="880">
                  <c:v>37406</c:v>
                </c:pt>
                <c:pt idx="881">
                  <c:v>37407</c:v>
                </c:pt>
                <c:pt idx="882">
                  <c:v>37408</c:v>
                </c:pt>
                <c:pt idx="883">
                  <c:v>37409</c:v>
                </c:pt>
                <c:pt idx="884">
                  <c:v>37410</c:v>
                </c:pt>
                <c:pt idx="885">
                  <c:v>37411</c:v>
                </c:pt>
                <c:pt idx="886">
                  <c:v>37412</c:v>
                </c:pt>
                <c:pt idx="887">
                  <c:v>37413</c:v>
                </c:pt>
                <c:pt idx="888">
                  <c:v>37414</c:v>
                </c:pt>
                <c:pt idx="889">
                  <c:v>37415</c:v>
                </c:pt>
                <c:pt idx="890">
                  <c:v>37416</c:v>
                </c:pt>
                <c:pt idx="891">
                  <c:v>37417</c:v>
                </c:pt>
                <c:pt idx="892">
                  <c:v>37418</c:v>
                </c:pt>
                <c:pt idx="893">
                  <c:v>37419</c:v>
                </c:pt>
                <c:pt idx="894">
                  <c:v>37420</c:v>
                </c:pt>
                <c:pt idx="895">
                  <c:v>37421</c:v>
                </c:pt>
                <c:pt idx="896">
                  <c:v>37422</c:v>
                </c:pt>
                <c:pt idx="897">
                  <c:v>37423</c:v>
                </c:pt>
                <c:pt idx="898">
                  <c:v>37424</c:v>
                </c:pt>
                <c:pt idx="899">
                  <c:v>37425</c:v>
                </c:pt>
                <c:pt idx="900">
                  <c:v>37426</c:v>
                </c:pt>
                <c:pt idx="901">
                  <c:v>37427</c:v>
                </c:pt>
                <c:pt idx="902">
                  <c:v>37428</c:v>
                </c:pt>
                <c:pt idx="903">
                  <c:v>37429</c:v>
                </c:pt>
                <c:pt idx="904">
                  <c:v>37430</c:v>
                </c:pt>
                <c:pt idx="905">
                  <c:v>37431</c:v>
                </c:pt>
                <c:pt idx="906">
                  <c:v>37432</c:v>
                </c:pt>
                <c:pt idx="907">
                  <c:v>37433</c:v>
                </c:pt>
                <c:pt idx="908">
                  <c:v>37434</c:v>
                </c:pt>
                <c:pt idx="909">
                  <c:v>37435</c:v>
                </c:pt>
                <c:pt idx="910">
                  <c:v>37436</c:v>
                </c:pt>
                <c:pt idx="911">
                  <c:v>37437</c:v>
                </c:pt>
                <c:pt idx="912">
                  <c:v>37438</c:v>
                </c:pt>
                <c:pt idx="913">
                  <c:v>37439</c:v>
                </c:pt>
                <c:pt idx="914">
                  <c:v>37440</c:v>
                </c:pt>
                <c:pt idx="915">
                  <c:v>37441</c:v>
                </c:pt>
                <c:pt idx="916">
                  <c:v>37442</c:v>
                </c:pt>
                <c:pt idx="917">
                  <c:v>37443</c:v>
                </c:pt>
                <c:pt idx="918">
                  <c:v>37444</c:v>
                </c:pt>
                <c:pt idx="919">
                  <c:v>37445</c:v>
                </c:pt>
                <c:pt idx="920">
                  <c:v>37446</c:v>
                </c:pt>
                <c:pt idx="921">
                  <c:v>37447</c:v>
                </c:pt>
                <c:pt idx="922">
                  <c:v>37448</c:v>
                </c:pt>
                <c:pt idx="923">
                  <c:v>37449</c:v>
                </c:pt>
                <c:pt idx="924">
                  <c:v>37450</c:v>
                </c:pt>
                <c:pt idx="925">
                  <c:v>37451</c:v>
                </c:pt>
                <c:pt idx="926">
                  <c:v>37452</c:v>
                </c:pt>
                <c:pt idx="927">
                  <c:v>37453</c:v>
                </c:pt>
                <c:pt idx="928">
                  <c:v>37454</c:v>
                </c:pt>
                <c:pt idx="929">
                  <c:v>37455</c:v>
                </c:pt>
                <c:pt idx="930">
                  <c:v>37456</c:v>
                </c:pt>
                <c:pt idx="931">
                  <c:v>37457</c:v>
                </c:pt>
                <c:pt idx="932">
                  <c:v>37458</c:v>
                </c:pt>
                <c:pt idx="933">
                  <c:v>37459</c:v>
                </c:pt>
                <c:pt idx="934">
                  <c:v>37460</c:v>
                </c:pt>
                <c:pt idx="935">
                  <c:v>37461</c:v>
                </c:pt>
                <c:pt idx="936">
                  <c:v>37462</c:v>
                </c:pt>
                <c:pt idx="937">
                  <c:v>37463</c:v>
                </c:pt>
                <c:pt idx="938">
                  <c:v>37464</c:v>
                </c:pt>
                <c:pt idx="939">
                  <c:v>37465</c:v>
                </c:pt>
                <c:pt idx="940">
                  <c:v>37466</c:v>
                </c:pt>
                <c:pt idx="941">
                  <c:v>37467</c:v>
                </c:pt>
                <c:pt idx="942">
                  <c:v>37468</c:v>
                </c:pt>
                <c:pt idx="943">
                  <c:v>37469</c:v>
                </c:pt>
                <c:pt idx="944">
                  <c:v>37470</c:v>
                </c:pt>
                <c:pt idx="945">
                  <c:v>37471</c:v>
                </c:pt>
                <c:pt idx="946">
                  <c:v>37472</c:v>
                </c:pt>
                <c:pt idx="947">
                  <c:v>37473</c:v>
                </c:pt>
                <c:pt idx="948">
                  <c:v>37474</c:v>
                </c:pt>
                <c:pt idx="949">
                  <c:v>37475</c:v>
                </c:pt>
                <c:pt idx="950">
                  <c:v>37476</c:v>
                </c:pt>
                <c:pt idx="951">
                  <c:v>37477</c:v>
                </c:pt>
                <c:pt idx="952">
                  <c:v>37478</c:v>
                </c:pt>
                <c:pt idx="953">
                  <c:v>37479</c:v>
                </c:pt>
                <c:pt idx="954">
                  <c:v>37480</c:v>
                </c:pt>
                <c:pt idx="955">
                  <c:v>37481</c:v>
                </c:pt>
                <c:pt idx="956">
                  <c:v>37482</c:v>
                </c:pt>
                <c:pt idx="957">
                  <c:v>37483</c:v>
                </c:pt>
                <c:pt idx="958">
                  <c:v>37484</c:v>
                </c:pt>
                <c:pt idx="959">
                  <c:v>37485</c:v>
                </c:pt>
                <c:pt idx="960">
                  <c:v>37486</c:v>
                </c:pt>
                <c:pt idx="961">
                  <c:v>37487</c:v>
                </c:pt>
                <c:pt idx="962">
                  <c:v>37488</c:v>
                </c:pt>
                <c:pt idx="963">
                  <c:v>37489</c:v>
                </c:pt>
                <c:pt idx="964">
                  <c:v>37490</c:v>
                </c:pt>
                <c:pt idx="965">
                  <c:v>37491</c:v>
                </c:pt>
                <c:pt idx="966">
                  <c:v>37492</c:v>
                </c:pt>
                <c:pt idx="967">
                  <c:v>37493</c:v>
                </c:pt>
                <c:pt idx="968">
                  <c:v>37494</c:v>
                </c:pt>
                <c:pt idx="969">
                  <c:v>37495</c:v>
                </c:pt>
                <c:pt idx="970">
                  <c:v>37496</c:v>
                </c:pt>
                <c:pt idx="971">
                  <c:v>37497</c:v>
                </c:pt>
                <c:pt idx="972">
                  <c:v>37498</c:v>
                </c:pt>
                <c:pt idx="973">
                  <c:v>37499</c:v>
                </c:pt>
                <c:pt idx="974">
                  <c:v>37500</c:v>
                </c:pt>
                <c:pt idx="975">
                  <c:v>37501</c:v>
                </c:pt>
                <c:pt idx="976">
                  <c:v>37502</c:v>
                </c:pt>
                <c:pt idx="977">
                  <c:v>37503</c:v>
                </c:pt>
                <c:pt idx="978">
                  <c:v>37504</c:v>
                </c:pt>
                <c:pt idx="979">
                  <c:v>37505</c:v>
                </c:pt>
                <c:pt idx="980">
                  <c:v>37506</c:v>
                </c:pt>
                <c:pt idx="981">
                  <c:v>37507</c:v>
                </c:pt>
                <c:pt idx="982">
                  <c:v>37508</c:v>
                </c:pt>
                <c:pt idx="983">
                  <c:v>37509</c:v>
                </c:pt>
                <c:pt idx="984">
                  <c:v>37510</c:v>
                </c:pt>
                <c:pt idx="985">
                  <c:v>37511</c:v>
                </c:pt>
                <c:pt idx="986">
                  <c:v>37512</c:v>
                </c:pt>
                <c:pt idx="987">
                  <c:v>37513</c:v>
                </c:pt>
                <c:pt idx="988">
                  <c:v>37514</c:v>
                </c:pt>
                <c:pt idx="989">
                  <c:v>37515</c:v>
                </c:pt>
                <c:pt idx="990">
                  <c:v>37516</c:v>
                </c:pt>
                <c:pt idx="991">
                  <c:v>37517</c:v>
                </c:pt>
                <c:pt idx="992">
                  <c:v>37518</c:v>
                </c:pt>
                <c:pt idx="993">
                  <c:v>37519</c:v>
                </c:pt>
                <c:pt idx="994">
                  <c:v>37520</c:v>
                </c:pt>
                <c:pt idx="995">
                  <c:v>37521</c:v>
                </c:pt>
                <c:pt idx="996">
                  <c:v>37522</c:v>
                </c:pt>
                <c:pt idx="997">
                  <c:v>37523</c:v>
                </c:pt>
                <c:pt idx="998">
                  <c:v>37524</c:v>
                </c:pt>
                <c:pt idx="999">
                  <c:v>37525</c:v>
                </c:pt>
                <c:pt idx="1000">
                  <c:v>37526</c:v>
                </c:pt>
                <c:pt idx="1001">
                  <c:v>37527</c:v>
                </c:pt>
                <c:pt idx="1002">
                  <c:v>37528</c:v>
                </c:pt>
                <c:pt idx="1003">
                  <c:v>37529</c:v>
                </c:pt>
                <c:pt idx="1004">
                  <c:v>37530</c:v>
                </c:pt>
                <c:pt idx="1005">
                  <c:v>37531</c:v>
                </c:pt>
                <c:pt idx="1006">
                  <c:v>37532</c:v>
                </c:pt>
                <c:pt idx="1007">
                  <c:v>37533</c:v>
                </c:pt>
                <c:pt idx="1008">
                  <c:v>37534</c:v>
                </c:pt>
                <c:pt idx="1009">
                  <c:v>37535</c:v>
                </c:pt>
                <c:pt idx="1010">
                  <c:v>37536</c:v>
                </c:pt>
                <c:pt idx="1011">
                  <c:v>37537</c:v>
                </c:pt>
                <c:pt idx="1012">
                  <c:v>37538</c:v>
                </c:pt>
                <c:pt idx="1013">
                  <c:v>37539</c:v>
                </c:pt>
                <c:pt idx="1014">
                  <c:v>37540</c:v>
                </c:pt>
                <c:pt idx="1015">
                  <c:v>37541</c:v>
                </c:pt>
                <c:pt idx="1016">
                  <c:v>37542</c:v>
                </c:pt>
                <c:pt idx="1017">
                  <c:v>37543</c:v>
                </c:pt>
                <c:pt idx="1018">
                  <c:v>37544</c:v>
                </c:pt>
                <c:pt idx="1019">
                  <c:v>37545</c:v>
                </c:pt>
                <c:pt idx="1020">
                  <c:v>37546</c:v>
                </c:pt>
                <c:pt idx="1021">
                  <c:v>37547</c:v>
                </c:pt>
                <c:pt idx="1022">
                  <c:v>37548</c:v>
                </c:pt>
                <c:pt idx="1023">
                  <c:v>37549</c:v>
                </c:pt>
                <c:pt idx="1024">
                  <c:v>37550</c:v>
                </c:pt>
                <c:pt idx="1025">
                  <c:v>37551</c:v>
                </c:pt>
                <c:pt idx="1026">
                  <c:v>37552</c:v>
                </c:pt>
                <c:pt idx="1027">
                  <c:v>37553</c:v>
                </c:pt>
                <c:pt idx="1028">
                  <c:v>37554</c:v>
                </c:pt>
                <c:pt idx="1029">
                  <c:v>37555</c:v>
                </c:pt>
                <c:pt idx="1030">
                  <c:v>37556</c:v>
                </c:pt>
                <c:pt idx="1031">
                  <c:v>37557</c:v>
                </c:pt>
                <c:pt idx="1032">
                  <c:v>37558</c:v>
                </c:pt>
                <c:pt idx="1033">
                  <c:v>37559</c:v>
                </c:pt>
                <c:pt idx="1034">
                  <c:v>37560</c:v>
                </c:pt>
                <c:pt idx="1035">
                  <c:v>37561</c:v>
                </c:pt>
                <c:pt idx="1036">
                  <c:v>37562</c:v>
                </c:pt>
                <c:pt idx="1037">
                  <c:v>37563</c:v>
                </c:pt>
                <c:pt idx="1038">
                  <c:v>37564</c:v>
                </c:pt>
                <c:pt idx="1039">
                  <c:v>37565</c:v>
                </c:pt>
                <c:pt idx="1040">
                  <c:v>37566</c:v>
                </c:pt>
                <c:pt idx="1041">
                  <c:v>37567</c:v>
                </c:pt>
                <c:pt idx="1042">
                  <c:v>37568</c:v>
                </c:pt>
                <c:pt idx="1043">
                  <c:v>37569</c:v>
                </c:pt>
                <c:pt idx="1044">
                  <c:v>37570</c:v>
                </c:pt>
                <c:pt idx="1045">
                  <c:v>37571</c:v>
                </c:pt>
                <c:pt idx="1046">
                  <c:v>37572</c:v>
                </c:pt>
                <c:pt idx="1047">
                  <c:v>37573</c:v>
                </c:pt>
                <c:pt idx="1048">
                  <c:v>37574</c:v>
                </c:pt>
                <c:pt idx="1049">
                  <c:v>37575</c:v>
                </c:pt>
                <c:pt idx="1050">
                  <c:v>37576</c:v>
                </c:pt>
                <c:pt idx="1051">
                  <c:v>37577</c:v>
                </c:pt>
                <c:pt idx="1052">
                  <c:v>37578</c:v>
                </c:pt>
                <c:pt idx="1053">
                  <c:v>37579</c:v>
                </c:pt>
                <c:pt idx="1054">
                  <c:v>37580</c:v>
                </c:pt>
                <c:pt idx="1055">
                  <c:v>37581</c:v>
                </c:pt>
                <c:pt idx="1056">
                  <c:v>37582</c:v>
                </c:pt>
                <c:pt idx="1057">
                  <c:v>37583</c:v>
                </c:pt>
                <c:pt idx="1058">
                  <c:v>37584</c:v>
                </c:pt>
                <c:pt idx="1059">
                  <c:v>37585</c:v>
                </c:pt>
                <c:pt idx="1060">
                  <c:v>37586</c:v>
                </c:pt>
                <c:pt idx="1061">
                  <c:v>37587</c:v>
                </c:pt>
                <c:pt idx="1062">
                  <c:v>37588</c:v>
                </c:pt>
                <c:pt idx="1063">
                  <c:v>37589</c:v>
                </c:pt>
                <c:pt idx="1064">
                  <c:v>37590</c:v>
                </c:pt>
                <c:pt idx="1065">
                  <c:v>37591</c:v>
                </c:pt>
                <c:pt idx="1066">
                  <c:v>37592</c:v>
                </c:pt>
                <c:pt idx="1067">
                  <c:v>37593</c:v>
                </c:pt>
                <c:pt idx="1068">
                  <c:v>37594</c:v>
                </c:pt>
                <c:pt idx="1069">
                  <c:v>37595</c:v>
                </c:pt>
                <c:pt idx="1070">
                  <c:v>37596</c:v>
                </c:pt>
                <c:pt idx="1071">
                  <c:v>37597</c:v>
                </c:pt>
                <c:pt idx="1072">
                  <c:v>37598</c:v>
                </c:pt>
                <c:pt idx="1073">
                  <c:v>37599</c:v>
                </c:pt>
                <c:pt idx="1074">
                  <c:v>37600</c:v>
                </c:pt>
                <c:pt idx="1075">
                  <c:v>37601</c:v>
                </c:pt>
                <c:pt idx="1076">
                  <c:v>37602</c:v>
                </c:pt>
                <c:pt idx="1077">
                  <c:v>37603</c:v>
                </c:pt>
                <c:pt idx="1078">
                  <c:v>37604</c:v>
                </c:pt>
                <c:pt idx="1079">
                  <c:v>37605</c:v>
                </c:pt>
                <c:pt idx="1080">
                  <c:v>37606</c:v>
                </c:pt>
                <c:pt idx="1081">
                  <c:v>37607</c:v>
                </c:pt>
                <c:pt idx="1082">
                  <c:v>37608</c:v>
                </c:pt>
                <c:pt idx="1083">
                  <c:v>37609</c:v>
                </c:pt>
                <c:pt idx="1084">
                  <c:v>37610</c:v>
                </c:pt>
                <c:pt idx="1085">
                  <c:v>37611</c:v>
                </c:pt>
                <c:pt idx="1086">
                  <c:v>37612</c:v>
                </c:pt>
                <c:pt idx="1087">
                  <c:v>37613</c:v>
                </c:pt>
                <c:pt idx="1088">
                  <c:v>37614</c:v>
                </c:pt>
                <c:pt idx="1089">
                  <c:v>37615</c:v>
                </c:pt>
                <c:pt idx="1090">
                  <c:v>37616</c:v>
                </c:pt>
                <c:pt idx="1091">
                  <c:v>37617</c:v>
                </c:pt>
                <c:pt idx="1092">
                  <c:v>37618</c:v>
                </c:pt>
                <c:pt idx="1093">
                  <c:v>37619</c:v>
                </c:pt>
                <c:pt idx="1094">
                  <c:v>37620</c:v>
                </c:pt>
                <c:pt idx="1095">
                  <c:v>37621</c:v>
                </c:pt>
                <c:pt idx="1096">
                  <c:v>37622</c:v>
                </c:pt>
                <c:pt idx="1097">
                  <c:v>37623</c:v>
                </c:pt>
                <c:pt idx="1098">
                  <c:v>37624</c:v>
                </c:pt>
                <c:pt idx="1099">
                  <c:v>37625</c:v>
                </c:pt>
                <c:pt idx="1100">
                  <c:v>37626</c:v>
                </c:pt>
                <c:pt idx="1101">
                  <c:v>37627</c:v>
                </c:pt>
                <c:pt idx="1102">
                  <c:v>37628</c:v>
                </c:pt>
                <c:pt idx="1103">
                  <c:v>37629</c:v>
                </c:pt>
                <c:pt idx="1104">
                  <c:v>37630</c:v>
                </c:pt>
                <c:pt idx="1105">
                  <c:v>37631</c:v>
                </c:pt>
                <c:pt idx="1106">
                  <c:v>37632</c:v>
                </c:pt>
                <c:pt idx="1107">
                  <c:v>37633</c:v>
                </c:pt>
                <c:pt idx="1108">
                  <c:v>37634</c:v>
                </c:pt>
                <c:pt idx="1109">
                  <c:v>37635</c:v>
                </c:pt>
                <c:pt idx="1110">
                  <c:v>37636</c:v>
                </c:pt>
                <c:pt idx="1111">
                  <c:v>37637</c:v>
                </c:pt>
                <c:pt idx="1112">
                  <c:v>37638</c:v>
                </c:pt>
                <c:pt idx="1113">
                  <c:v>37639</c:v>
                </c:pt>
                <c:pt idx="1114">
                  <c:v>37640</c:v>
                </c:pt>
                <c:pt idx="1115">
                  <c:v>37641</c:v>
                </c:pt>
                <c:pt idx="1116">
                  <c:v>37642</c:v>
                </c:pt>
                <c:pt idx="1117">
                  <c:v>37643</c:v>
                </c:pt>
                <c:pt idx="1118">
                  <c:v>37644</c:v>
                </c:pt>
                <c:pt idx="1119">
                  <c:v>37645</c:v>
                </c:pt>
                <c:pt idx="1120">
                  <c:v>37646</c:v>
                </c:pt>
                <c:pt idx="1121">
                  <c:v>37647</c:v>
                </c:pt>
                <c:pt idx="1122">
                  <c:v>37648</c:v>
                </c:pt>
                <c:pt idx="1123">
                  <c:v>37649</c:v>
                </c:pt>
                <c:pt idx="1124">
                  <c:v>37650</c:v>
                </c:pt>
                <c:pt idx="1125">
                  <c:v>37651</c:v>
                </c:pt>
                <c:pt idx="1126">
                  <c:v>37652</c:v>
                </c:pt>
                <c:pt idx="1127">
                  <c:v>37653</c:v>
                </c:pt>
                <c:pt idx="1128">
                  <c:v>37654</c:v>
                </c:pt>
                <c:pt idx="1129">
                  <c:v>37655</c:v>
                </c:pt>
                <c:pt idx="1130">
                  <c:v>37656</c:v>
                </c:pt>
                <c:pt idx="1131">
                  <c:v>37657</c:v>
                </c:pt>
                <c:pt idx="1132">
                  <c:v>37658</c:v>
                </c:pt>
                <c:pt idx="1133">
                  <c:v>37659</c:v>
                </c:pt>
                <c:pt idx="1134">
                  <c:v>37660</c:v>
                </c:pt>
                <c:pt idx="1135">
                  <c:v>37661</c:v>
                </c:pt>
                <c:pt idx="1136">
                  <c:v>37662</c:v>
                </c:pt>
                <c:pt idx="1137">
                  <c:v>37663</c:v>
                </c:pt>
                <c:pt idx="1138">
                  <c:v>37664</c:v>
                </c:pt>
                <c:pt idx="1139">
                  <c:v>37665</c:v>
                </c:pt>
                <c:pt idx="1140">
                  <c:v>37666</c:v>
                </c:pt>
                <c:pt idx="1141">
                  <c:v>37667</c:v>
                </c:pt>
                <c:pt idx="1142">
                  <c:v>37668</c:v>
                </c:pt>
                <c:pt idx="1143">
                  <c:v>37669</c:v>
                </c:pt>
                <c:pt idx="1144">
                  <c:v>37670</c:v>
                </c:pt>
                <c:pt idx="1145">
                  <c:v>37671</c:v>
                </c:pt>
                <c:pt idx="1146">
                  <c:v>37672</c:v>
                </c:pt>
                <c:pt idx="1147">
                  <c:v>37673</c:v>
                </c:pt>
                <c:pt idx="1148">
                  <c:v>37674</c:v>
                </c:pt>
                <c:pt idx="1149">
                  <c:v>37675</c:v>
                </c:pt>
                <c:pt idx="1150">
                  <c:v>37676</c:v>
                </c:pt>
                <c:pt idx="1151">
                  <c:v>37677</c:v>
                </c:pt>
                <c:pt idx="1152">
                  <c:v>37678</c:v>
                </c:pt>
                <c:pt idx="1153">
                  <c:v>37679</c:v>
                </c:pt>
                <c:pt idx="1154">
                  <c:v>37680</c:v>
                </c:pt>
                <c:pt idx="1155">
                  <c:v>37681</c:v>
                </c:pt>
                <c:pt idx="1156">
                  <c:v>37682</c:v>
                </c:pt>
                <c:pt idx="1157">
                  <c:v>37683</c:v>
                </c:pt>
                <c:pt idx="1158">
                  <c:v>37684</c:v>
                </c:pt>
                <c:pt idx="1159">
                  <c:v>37685</c:v>
                </c:pt>
                <c:pt idx="1160">
                  <c:v>37686</c:v>
                </c:pt>
                <c:pt idx="1161">
                  <c:v>37687</c:v>
                </c:pt>
                <c:pt idx="1162">
                  <c:v>37688</c:v>
                </c:pt>
                <c:pt idx="1163">
                  <c:v>37689</c:v>
                </c:pt>
                <c:pt idx="1164">
                  <c:v>37690</c:v>
                </c:pt>
                <c:pt idx="1165">
                  <c:v>37691</c:v>
                </c:pt>
                <c:pt idx="1166">
                  <c:v>37692</c:v>
                </c:pt>
                <c:pt idx="1167">
                  <c:v>37693</c:v>
                </c:pt>
                <c:pt idx="1168">
                  <c:v>37694</c:v>
                </c:pt>
                <c:pt idx="1169">
                  <c:v>37695</c:v>
                </c:pt>
                <c:pt idx="1170">
                  <c:v>37696</c:v>
                </c:pt>
                <c:pt idx="1171">
                  <c:v>37697</c:v>
                </c:pt>
                <c:pt idx="1172">
                  <c:v>37698</c:v>
                </c:pt>
                <c:pt idx="1173">
                  <c:v>37699</c:v>
                </c:pt>
                <c:pt idx="1174">
                  <c:v>37700</c:v>
                </c:pt>
                <c:pt idx="1175">
                  <c:v>37701</c:v>
                </c:pt>
                <c:pt idx="1176">
                  <c:v>37702</c:v>
                </c:pt>
                <c:pt idx="1177">
                  <c:v>37703</c:v>
                </c:pt>
                <c:pt idx="1178">
                  <c:v>37704</c:v>
                </c:pt>
                <c:pt idx="1179">
                  <c:v>37705</c:v>
                </c:pt>
                <c:pt idx="1180">
                  <c:v>37706</c:v>
                </c:pt>
                <c:pt idx="1181">
                  <c:v>37707</c:v>
                </c:pt>
                <c:pt idx="1182">
                  <c:v>37708</c:v>
                </c:pt>
                <c:pt idx="1183">
                  <c:v>37709</c:v>
                </c:pt>
                <c:pt idx="1184">
                  <c:v>37710</c:v>
                </c:pt>
                <c:pt idx="1185">
                  <c:v>37711</c:v>
                </c:pt>
                <c:pt idx="1186">
                  <c:v>37712</c:v>
                </c:pt>
                <c:pt idx="1187">
                  <c:v>37713</c:v>
                </c:pt>
                <c:pt idx="1188">
                  <c:v>37714</c:v>
                </c:pt>
                <c:pt idx="1189">
                  <c:v>37715</c:v>
                </c:pt>
                <c:pt idx="1190">
                  <c:v>37716</c:v>
                </c:pt>
                <c:pt idx="1191">
                  <c:v>37717</c:v>
                </c:pt>
                <c:pt idx="1192">
                  <c:v>37718</c:v>
                </c:pt>
                <c:pt idx="1193">
                  <c:v>37719</c:v>
                </c:pt>
                <c:pt idx="1194">
                  <c:v>37720</c:v>
                </c:pt>
                <c:pt idx="1195">
                  <c:v>37721</c:v>
                </c:pt>
                <c:pt idx="1196">
                  <c:v>37722</c:v>
                </c:pt>
                <c:pt idx="1197">
                  <c:v>37723</c:v>
                </c:pt>
                <c:pt idx="1198">
                  <c:v>37724</c:v>
                </c:pt>
                <c:pt idx="1199">
                  <c:v>37725</c:v>
                </c:pt>
                <c:pt idx="1200">
                  <c:v>37726</c:v>
                </c:pt>
                <c:pt idx="1201">
                  <c:v>37727</c:v>
                </c:pt>
                <c:pt idx="1202">
                  <c:v>37728</c:v>
                </c:pt>
                <c:pt idx="1203">
                  <c:v>37729</c:v>
                </c:pt>
                <c:pt idx="1204">
                  <c:v>37730</c:v>
                </c:pt>
                <c:pt idx="1205">
                  <c:v>37731</c:v>
                </c:pt>
                <c:pt idx="1206">
                  <c:v>37732</c:v>
                </c:pt>
                <c:pt idx="1207">
                  <c:v>37733</c:v>
                </c:pt>
                <c:pt idx="1208">
                  <c:v>37734</c:v>
                </c:pt>
                <c:pt idx="1209">
                  <c:v>37735</c:v>
                </c:pt>
                <c:pt idx="1210">
                  <c:v>37736</c:v>
                </c:pt>
                <c:pt idx="1211">
                  <c:v>37737</c:v>
                </c:pt>
                <c:pt idx="1212">
                  <c:v>37738</c:v>
                </c:pt>
                <c:pt idx="1213">
                  <c:v>37739</c:v>
                </c:pt>
                <c:pt idx="1214">
                  <c:v>37740</c:v>
                </c:pt>
                <c:pt idx="1215">
                  <c:v>37741</c:v>
                </c:pt>
                <c:pt idx="1216">
                  <c:v>37742</c:v>
                </c:pt>
                <c:pt idx="1217">
                  <c:v>37743</c:v>
                </c:pt>
                <c:pt idx="1218">
                  <c:v>37744</c:v>
                </c:pt>
                <c:pt idx="1219">
                  <c:v>37745</c:v>
                </c:pt>
                <c:pt idx="1220">
                  <c:v>37746</c:v>
                </c:pt>
                <c:pt idx="1221">
                  <c:v>37747</c:v>
                </c:pt>
                <c:pt idx="1222">
                  <c:v>37748</c:v>
                </c:pt>
                <c:pt idx="1223">
                  <c:v>37749</c:v>
                </c:pt>
                <c:pt idx="1224">
                  <c:v>37750</c:v>
                </c:pt>
                <c:pt idx="1225">
                  <c:v>37751</c:v>
                </c:pt>
                <c:pt idx="1226">
                  <c:v>37752</c:v>
                </c:pt>
                <c:pt idx="1227">
                  <c:v>37753</c:v>
                </c:pt>
                <c:pt idx="1228">
                  <c:v>37754</c:v>
                </c:pt>
                <c:pt idx="1229">
                  <c:v>37755</c:v>
                </c:pt>
                <c:pt idx="1230">
                  <c:v>37756</c:v>
                </c:pt>
                <c:pt idx="1231">
                  <c:v>37757</c:v>
                </c:pt>
                <c:pt idx="1232">
                  <c:v>37758</c:v>
                </c:pt>
                <c:pt idx="1233">
                  <c:v>37759</c:v>
                </c:pt>
                <c:pt idx="1234">
                  <c:v>37760</c:v>
                </c:pt>
                <c:pt idx="1235">
                  <c:v>37761</c:v>
                </c:pt>
                <c:pt idx="1236">
                  <c:v>37762</c:v>
                </c:pt>
                <c:pt idx="1237">
                  <c:v>37763</c:v>
                </c:pt>
                <c:pt idx="1238">
                  <c:v>37764</c:v>
                </c:pt>
                <c:pt idx="1239">
                  <c:v>37765</c:v>
                </c:pt>
                <c:pt idx="1240">
                  <c:v>37766</c:v>
                </c:pt>
                <c:pt idx="1241">
                  <c:v>37767</c:v>
                </c:pt>
                <c:pt idx="1242">
                  <c:v>37768</c:v>
                </c:pt>
                <c:pt idx="1243">
                  <c:v>37769</c:v>
                </c:pt>
                <c:pt idx="1244">
                  <c:v>37770</c:v>
                </c:pt>
                <c:pt idx="1245">
                  <c:v>37771</c:v>
                </c:pt>
                <c:pt idx="1246">
                  <c:v>37772</c:v>
                </c:pt>
                <c:pt idx="1247">
                  <c:v>37773</c:v>
                </c:pt>
                <c:pt idx="1248">
                  <c:v>37774</c:v>
                </c:pt>
                <c:pt idx="1249">
                  <c:v>37775</c:v>
                </c:pt>
                <c:pt idx="1250">
                  <c:v>37776</c:v>
                </c:pt>
                <c:pt idx="1251">
                  <c:v>37777</c:v>
                </c:pt>
                <c:pt idx="1252">
                  <c:v>37778</c:v>
                </c:pt>
                <c:pt idx="1253">
                  <c:v>37779</c:v>
                </c:pt>
                <c:pt idx="1254">
                  <c:v>37780</c:v>
                </c:pt>
                <c:pt idx="1255">
                  <c:v>37781</c:v>
                </c:pt>
                <c:pt idx="1256">
                  <c:v>37782</c:v>
                </c:pt>
                <c:pt idx="1257">
                  <c:v>37783</c:v>
                </c:pt>
                <c:pt idx="1258">
                  <c:v>37784</c:v>
                </c:pt>
                <c:pt idx="1259">
                  <c:v>37785</c:v>
                </c:pt>
                <c:pt idx="1260">
                  <c:v>37786</c:v>
                </c:pt>
                <c:pt idx="1261">
                  <c:v>37787</c:v>
                </c:pt>
                <c:pt idx="1262">
                  <c:v>37788</c:v>
                </c:pt>
                <c:pt idx="1263">
                  <c:v>37789</c:v>
                </c:pt>
                <c:pt idx="1264">
                  <c:v>37790</c:v>
                </c:pt>
                <c:pt idx="1265">
                  <c:v>37791</c:v>
                </c:pt>
                <c:pt idx="1266">
                  <c:v>37792</c:v>
                </c:pt>
                <c:pt idx="1267">
                  <c:v>37793</c:v>
                </c:pt>
                <c:pt idx="1268">
                  <c:v>37794</c:v>
                </c:pt>
                <c:pt idx="1269">
                  <c:v>37795</c:v>
                </c:pt>
                <c:pt idx="1270">
                  <c:v>37796</c:v>
                </c:pt>
                <c:pt idx="1271">
                  <c:v>37797</c:v>
                </c:pt>
                <c:pt idx="1272">
                  <c:v>37798</c:v>
                </c:pt>
                <c:pt idx="1273">
                  <c:v>37799</c:v>
                </c:pt>
                <c:pt idx="1274">
                  <c:v>37800</c:v>
                </c:pt>
                <c:pt idx="1275">
                  <c:v>37801</c:v>
                </c:pt>
                <c:pt idx="1276">
                  <c:v>37802</c:v>
                </c:pt>
                <c:pt idx="1277">
                  <c:v>37803</c:v>
                </c:pt>
                <c:pt idx="1278">
                  <c:v>37804</c:v>
                </c:pt>
                <c:pt idx="1279">
                  <c:v>37805</c:v>
                </c:pt>
                <c:pt idx="1280">
                  <c:v>37806</c:v>
                </c:pt>
                <c:pt idx="1281">
                  <c:v>37807</c:v>
                </c:pt>
                <c:pt idx="1282">
                  <c:v>37808</c:v>
                </c:pt>
                <c:pt idx="1283">
                  <c:v>37809</c:v>
                </c:pt>
                <c:pt idx="1284">
                  <c:v>37810</c:v>
                </c:pt>
                <c:pt idx="1285">
                  <c:v>37811</c:v>
                </c:pt>
                <c:pt idx="1286">
                  <c:v>37812</c:v>
                </c:pt>
                <c:pt idx="1287">
                  <c:v>37813</c:v>
                </c:pt>
                <c:pt idx="1288">
                  <c:v>37814</c:v>
                </c:pt>
                <c:pt idx="1289">
                  <c:v>37815</c:v>
                </c:pt>
                <c:pt idx="1290">
                  <c:v>37816</c:v>
                </c:pt>
                <c:pt idx="1291">
                  <c:v>37817</c:v>
                </c:pt>
                <c:pt idx="1292">
                  <c:v>37818</c:v>
                </c:pt>
                <c:pt idx="1293">
                  <c:v>37819</c:v>
                </c:pt>
                <c:pt idx="1294">
                  <c:v>37820</c:v>
                </c:pt>
                <c:pt idx="1295">
                  <c:v>37821</c:v>
                </c:pt>
                <c:pt idx="1296">
                  <c:v>37822</c:v>
                </c:pt>
                <c:pt idx="1297">
                  <c:v>37823</c:v>
                </c:pt>
                <c:pt idx="1298">
                  <c:v>37824</c:v>
                </c:pt>
                <c:pt idx="1299">
                  <c:v>37825</c:v>
                </c:pt>
                <c:pt idx="1300">
                  <c:v>37826</c:v>
                </c:pt>
                <c:pt idx="1301">
                  <c:v>37827</c:v>
                </c:pt>
                <c:pt idx="1302">
                  <c:v>37828</c:v>
                </c:pt>
                <c:pt idx="1303">
                  <c:v>37829</c:v>
                </c:pt>
                <c:pt idx="1304">
                  <c:v>37830</c:v>
                </c:pt>
                <c:pt idx="1305">
                  <c:v>37831</c:v>
                </c:pt>
                <c:pt idx="1306">
                  <c:v>37832</c:v>
                </c:pt>
                <c:pt idx="1307">
                  <c:v>37833</c:v>
                </c:pt>
                <c:pt idx="1308">
                  <c:v>37834</c:v>
                </c:pt>
                <c:pt idx="1309">
                  <c:v>37835</c:v>
                </c:pt>
                <c:pt idx="1310">
                  <c:v>37836</c:v>
                </c:pt>
                <c:pt idx="1311">
                  <c:v>37837</c:v>
                </c:pt>
                <c:pt idx="1312">
                  <c:v>37838</c:v>
                </c:pt>
                <c:pt idx="1313">
                  <c:v>37839</c:v>
                </c:pt>
                <c:pt idx="1314">
                  <c:v>37840</c:v>
                </c:pt>
                <c:pt idx="1315">
                  <c:v>37841</c:v>
                </c:pt>
                <c:pt idx="1316">
                  <c:v>37842</c:v>
                </c:pt>
                <c:pt idx="1317">
                  <c:v>37843</c:v>
                </c:pt>
                <c:pt idx="1318">
                  <c:v>37844</c:v>
                </c:pt>
                <c:pt idx="1319">
                  <c:v>37845</c:v>
                </c:pt>
                <c:pt idx="1320">
                  <c:v>37846</c:v>
                </c:pt>
                <c:pt idx="1321">
                  <c:v>37847</c:v>
                </c:pt>
                <c:pt idx="1322">
                  <c:v>37848</c:v>
                </c:pt>
                <c:pt idx="1323">
                  <c:v>37849</c:v>
                </c:pt>
                <c:pt idx="1324">
                  <c:v>37850</c:v>
                </c:pt>
                <c:pt idx="1325">
                  <c:v>37851</c:v>
                </c:pt>
                <c:pt idx="1326">
                  <c:v>37852</c:v>
                </c:pt>
                <c:pt idx="1327">
                  <c:v>37853</c:v>
                </c:pt>
                <c:pt idx="1328">
                  <c:v>37854</c:v>
                </c:pt>
                <c:pt idx="1329">
                  <c:v>37855</c:v>
                </c:pt>
                <c:pt idx="1330">
                  <c:v>37856</c:v>
                </c:pt>
                <c:pt idx="1331">
                  <c:v>37857</c:v>
                </c:pt>
                <c:pt idx="1332">
                  <c:v>37858</c:v>
                </c:pt>
                <c:pt idx="1333">
                  <c:v>37859</c:v>
                </c:pt>
                <c:pt idx="1334">
                  <c:v>37860</c:v>
                </c:pt>
                <c:pt idx="1335">
                  <c:v>37861</c:v>
                </c:pt>
                <c:pt idx="1336">
                  <c:v>37862</c:v>
                </c:pt>
                <c:pt idx="1337">
                  <c:v>37863</c:v>
                </c:pt>
                <c:pt idx="1338">
                  <c:v>37864</c:v>
                </c:pt>
                <c:pt idx="1339">
                  <c:v>37865</c:v>
                </c:pt>
                <c:pt idx="1340">
                  <c:v>37866</c:v>
                </c:pt>
                <c:pt idx="1341">
                  <c:v>37867</c:v>
                </c:pt>
                <c:pt idx="1342">
                  <c:v>37868</c:v>
                </c:pt>
                <c:pt idx="1343">
                  <c:v>37869</c:v>
                </c:pt>
                <c:pt idx="1344">
                  <c:v>37870</c:v>
                </c:pt>
                <c:pt idx="1345">
                  <c:v>37871</c:v>
                </c:pt>
                <c:pt idx="1346">
                  <c:v>37872</c:v>
                </c:pt>
                <c:pt idx="1347">
                  <c:v>37873</c:v>
                </c:pt>
                <c:pt idx="1348">
                  <c:v>37874</c:v>
                </c:pt>
                <c:pt idx="1349">
                  <c:v>37875</c:v>
                </c:pt>
                <c:pt idx="1350">
                  <c:v>37876</c:v>
                </c:pt>
                <c:pt idx="1351">
                  <c:v>37877</c:v>
                </c:pt>
                <c:pt idx="1352">
                  <c:v>37878</c:v>
                </c:pt>
                <c:pt idx="1353">
                  <c:v>37879</c:v>
                </c:pt>
                <c:pt idx="1354">
                  <c:v>37880</c:v>
                </c:pt>
                <c:pt idx="1355">
                  <c:v>37881</c:v>
                </c:pt>
                <c:pt idx="1356">
                  <c:v>37882</c:v>
                </c:pt>
                <c:pt idx="1357">
                  <c:v>37883</c:v>
                </c:pt>
                <c:pt idx="1358">
                  <c:v>37884</c:v>
                </c:pt>
                <c:pt idx="1359">
                  <c:v>37885</c:v>
                </c:pt>
                <c:pt idx="1360">
                  <c:v>37886</c:v>
                </c:pt>
                <c:pt idx="1361">
                  <c:v>37887</c:v>
                </c:pt>
                <c:pt idx="1362">
                  <c:v>37888</c:v>
                </c:pt>
                <c:pt idx="1363">
                  <c:v>37889</c:v>
                </c:pt>
                <c:pt idx="1364">
                  <c:v>37890</c:v>
                </c:pt>
                <c:pt idx="1365">
                  <c:v>37891</c:v>
                </c:pt>
                <c:pt idx="1366">
                  <c:v>37892</c:v>
                </c:pt>
                <c:pt idx="1367">
                  <c:v>37893</c:v>
                </c:pt>
                <c:pt idx="1368">
                  <c:v>37894</c:v>
                </c:pt>
                <c:pt idx="1369">
                  <c:v>37895</c:v>
                </c:pt>
                <c:pt idx="1370">
                  <c:v>37896</c:v>
                </c:pt>
                <c:pt idx="1371">
                  <c:v>37897</c:v>
                </c:pt>
                <c:pt idx="1372">
                  <c:v>37898</c:v>
                </c:pt>
                <c:pt idx="1373">
                  <c:v>37899</c:v>
                </c:pt>
                <c:pt idx="1374">
                  <c:v>37900</c:v>
                </c:pt>
                <c:pt idx="1375">
                  <c:v>37901</c:v>
                </c:pt>
                <c:pt idx="1376">
                  <c:v>37902</c:v>
                </c:pt>
                <c:pt idx="1377">
                  <c:v>37903</c:v>
                </c:pt>
                <c:pt idx="1378">
                  <c:v>37904</c:v>
                </c:pt>
                <c:pt idx="1379">
                  <c:v>37905</c:v>
                </c:pt>
                <c:pt idx="1380">
                  <c:v>37906</c:v>
                </c:pt>
                <c:pt idx="1381">
                  <c:v>37907</c:v>
                </c:pt>
                <c:pt idx="1382">
                  <c:v>37908</c:v>
                </c:pt>
                <c:pt idx="1383">
                  <c:v>37909</c:v>
                </c:pt>
                <c:pt idx="1384">
                  <c:v>37910</c:v>
                </c:pt>
                <c:pt idx="1385">
                  <c:v>37911</c:v>
                </c:pt>
                <c:pt idx="1386">
                  <c:v>37912</c:v>
                </c:pt>
                <c:pt idx="1387">
                  <c:v>37913</c:v>
                </c:pt>
                <c:pt idx="1388">
                  <c:v>37914</c:v>
                </c:pt>
                <c:pt idx="1389">
                  <c:v>37915</c:v>
                </c:pt>
                <c:pt idx="1390">
                  <c:v>37916</c:v>
                </c:pt>
                <c:pt idx="1391">
                  <c:v>37917</c:v>
                </c:pt>
                <c:pt idx="1392">
                  <c:v>37918</c:v>
                </c:pt>
                <c:pt idx="1393">
                  <c:v>37919</c:v>
                </c:pt>
                <c:pt idx="1394">
                  <c:v>37920</c:v>
                </c:pt>
                <c:pt idx="1395">
                  <c:v>37921</c:v>
                </c:pt>
                <c:pt idx="1396">
                  <c:v>37922</c:v>
                </c:pt>
                <c:pt idx="1397">
                  <c:v>37923</c:v>
                </c:pt>
                <c:pt idx="1398">
                  <c:v>37924</c:v>
                </c:pt>
                <c:pt idx="1399">
                  <c:v>37925</c:v>
                </c:pt>
                <c:pt idx="1400">
                  <c:v>37926</c:v>
                </c:pt>
                <c:pt idx="1401">
                  <c:v>37927</c:v>
                </c:pt>
                <c:pt idx="1402">
                  <c:v>37928</c:v>
                </c:pt>
                <c:pt idx="1403">
                  <c:v>37929</c:v>
                </c:pt>
                <c:pt idx="1404">
                  <c:v>37930</c:v>
                </c:pt>
                <c:pt idx="1405">
                  <c:v>37931</c:v>
                </c:pt>
                <c:pt idx="1406">
                  <c:v>37932</c:v>
                </c:pt>
                <c:pt idx="1407">
                  <c:v>37933</c:v>
                </c:pt>
                <c:pt idx="1408">
                  <c:v>37934</c:v>
                </c:pt>
                <c:pt idx="1409">
                  <c:v>37935</c:v>
                </c:pt>
                <c:pt idx="1410">
                  <c:v>37936</c:v>
                </c:pt>
                <c:pt idx="1411">
                  <c:v>37937</c:v>
                </c:pt>
                <c:pt idx="1412">
                  <c:v>37938</c:v>
                </c:pt>
                <c:pt idx="1413">
                  <c:v>37939</c:v>
                </c:pt>
                <c:pt idx="1414">
                  <c:v>37940</c:v>
                </c:pt>
                <c:pt idx="1415">
                  <c:v>37941</c:v>
                </c:pt>
                <c:pt idx="1416">
                  <c:v>37942</c:v>
                </c:pt>
                <c:pt idx="1417">
                  <c:v>37943</c:v>
                </c:pt>
                <c:pt idx="1418">
                  <c:v>37944</c:v>
                </c:pt>
                <c:pt idx="1419">
                  <c:v>37945</c:v>
                </c:pt>
                <c:pt idx="1420">
                  <c:v>37946</c:v>
                </c:pt>
                <c:pt idx="1421">
                  <c:v>37947</c:v>
                </c:pt>
                <c:pt idx="1422">
                  <c:v>37948</c:v>
                </c:pt>
                <c:pt idx="1423">
                  <c:v>37949</c:v>
                </c:pt>
                <c:pt idx="1424">
                  <c:v>37950</c:v>
                </c:pt>
                <c:pt idx="1425">
                  <c:v>37951</c:v>
                </c:pt>
                <c:pt idx="1426">
                  <c:v>37952</c:v>
                </c:pt>
                <c:pt idx="1427">
                  <c:v>37953</c:v>
                </c:pt>
                <c:pt idx="1428">
                  <c:v>37954</c:v>
                </c:pt>
                <c:pt idx="1429">
                  <c:v>37955</c:v>
                </c:pt>
                <c:pt idx="1430">
                  <c:v>37956</c:v>
                </c:pt>
                <c:pt idx="1431">
                  <c:v>37957</c:v>
                </c:pt>
                <c:pt idx="1432">
                  <c:v>37958</c:v>
                </c:pt>
                <c:pt idx="1433">
                  <c:v>37959</c:v>
                </c:pt>
                <c:pt idx="1434">
                  <c:v>37960</c:v>
                </c:pt>
                <c:pt idx="1435">
                  <c:v>37961</c:v>
                </c:pt>
                <c:pt idx="1436">
                  <c:v>37962</c:v>
                </c:pt>
                <c:pt idx="1437">
                  <c:v>37963</c:v>
                </c:pt>
                <c:pt idx="1438">
                  <c:v>37964</c:v>
                </c:pt>
                <c:pt idx="1439">
                  <c:v>37965</c:v>
                </c:pt>
                <c:pt idx="1440">
                  <c:v>37966</c:v>
                </c:pt>
                <c:pt idx="1441">
                  <c:v>37967</c:v>
                </c:pt>
                <c:pt idx="1442">
                  <c:v>37968</c:v>
                </c:pt>
                <c:pt idx="1443">
                  <c:v>37969</c:v>
                </c:pt>
                <c:pt idx="1444">
                  <c:v>37970</c:v>
                </c:pt>
                <c:pt idx="1445">
                  <c:v>37971</c:v>
                </c:pt>
                <c:pt idx="1446">
                  <c:v>37972</c:v>
                </c:pt>
                <c:pt idx="1447">
                  <c:v>37973</c:v>
                </c:pt>
                <c:pt idx="1448">
                  <c:v>37974</c:v>
                </c:pt>
                <c:pt idx="1449">
                  <c:v>37975</c:v>
                </c:pt>
                <c:pt idx="1450">
                  <c:v>37976</c:v>
                </c:pt>
                <c:pt idx="1451">
                  <c:v>37977</c:v>
                </c:pt>
                <c:pt idx="1452">
                  <c:v>37978</c:v>
                </c:pt>
                <c:pt idx="1453">
                  <c:v>37979</c:v>
                </c:pt>
                <c:pt idx="1454">
                  <c:v>37980</c:v>
                </c:pt>
                <c:pt idx="1455">
                  <c:v>37981</c:v>
                </c:pt>
                <c:pt idx="1456">
                  <c:v>37982</c:v>
                </c:pt>
                <c:pt idx="1457">
                  <c:v>37983</c:v>
                </c:pt>
                <c:pt idx="1458">
                  <c:v>37984</c:v>
                </c:pt>
                <c:pt idx="1459">
                  <c:v>37985</c:v>
                </c:pt>
                <c:pt idx="1460">
                  <c:v>37986</c:v>
                </c:pt>
                <c:pt idx="1461">
                  <c:v>37987</c:v>
                </c:pt>
                <c:pt idx="1462">
                  <c:v>37988</c:v>
                </c:pt>
                <c:pt idx="1463">
                  <c:v>37989</c:v>
                </c:pt>
                <c:pt idx="1464">
                  <c:v>37990</c:v>
                </c:pt>
                <c:pt idx="1465">
                  <c:v>37991</c:v>
                </c:pt>
                <c:pt idx="1466">
                  <c:v>37992</c:v>
                </c:pt>
                <c:pt idx="1467">
                  <c:v>37993</c:v>
                </c:pt>
                <c:pt idx="1468">
                  <c:v>37994</c:v>
                </c:pt>
                <c:pt idx="1469">
                  <c:v>37995</c:v>
                </c:pt>
                <c:pt idx="1470">
                  <c:v>37996</c:v>
                </c:pt>
                <c:pt idx="1471">
                  <c:v>37997</c:v>
                </c:pt>
                <c:pt idx="1472">
                  <c:v>37998</c:v>
                </c:pt>
                <c:pt idx="1473">
                  <c:v>37999</c:v>
                </c:pt>
                <c:pt idx="1474">
                  <c:v>38000</c:v>
                </c:pt>
                <c:pt idx="1475">
                  <c:v>38001</c:v>
                </c:pt>
                <c:pt idx="1476">
                  <c:v>38002</c:v>
                </c:pt>
                <c:pt idx="1477">
                  <c:v>38003</c:v>
                </c:pt>
                <c:pt idx="1478">
                  <c:v>38004</c:v>
                </c:pt>
                <c:pt idx="1479">
                  <c:v>38005</c:v>
                </c:pt>
                <c:pt idx="1480">
                  <c:v>38006</c:v>
                </c:pt>
                <c:pt idx="1481">
                  <c:v>38007</c:v>
                </c:pt>
                <c:pt idx="1482">
                  <c:v>38008</c:v>
                </c:pt>
                <c:pt idx="1483">
                  <c:v>38009</c:v>
                </c:pt>
                <c:pt idx="1484">
                  <c:v>38010</c:v>
                </c:pt>
                <c:pt idx="1485">
                  <c:v>38011</c:v>
                </c:pt>
                <c:pt idx="1486">
                  <c:v>38012</c:v>
                </c:pt>
                <c:pt idx="1487">
                  <c:v>38013</c:v>
                </c:pt>
                <c:pt idx="1488">
                  <c:v>38014</c:v>
                </c:pt>
                <c:pt idx="1489">
                  <c:v>38015</c:v>
                </c:pt>
                <c:pt idx="1490">
                  <c:v>38016</c:v>
                </c:pt>
                <c:pt idx="1491">
                  <c:v>38017</c:v>
                </c:pt>
                <c:pt idx="1492">
                  <c:v>38018</c:v>
                </c:pt>
                <c:pt idx="1493">
                  <c:v>38019</c:v>
                </c:pt>
                <c:pt idx="1494">
                  <c:v>38020</c:v>
                </c:pt>
                <c:pt idx="1495">
                  <c:v>38021</c:v>
                </c:pt>
                <c:pt idx="1496">
                  <c:v>38022</c:v>
                </c:pt>
                <c:pt idx="1497">
                  <c:v>38023</c:v>
                </c:pt>
                <c:pt idx="1498">
                  <c:v>38024</c:v>
                </c:pt>
                <c:pt idx="1499">
                  <c:v>38025</c:v>
                </c:pt>
                <c:pt idx="1500">
                  <c:v>38026</c:v>
                </c:pt>
                <c:pt idx="1501">
                  <c:v>38027</c:v>
                </c:pt>
                <c:pt idx="1502">
                  <c:v>38028</c:v>
                </c:pt>
                <c:pt idx="1503">
                  <c:v>38029</c:v>
                </c:pt>
                <c:pt idx="1504">
                  <c:v>38030</c:v>
                </c:pt>
                <c:pt idx="1505">
                  <c:v>38031</c:v>
                </c:pt>
                <c:pt idx="1506">
                  <c:v>38032</c:v>
                </c:pt>
                <c:pt idx="1507">
                  <c:v>38033</c:v>
                </c:pt>
                <c:pt idx="1508">
                  <c:v>38034</c:v>
                </c:pt>
                <c:pt idx="1509">
                  <c:v>38035</c:v>
                </c:pt>
                <c:pt idx="1510">
                  <c:v>38036</c:v>
                </c:pt>
                <c:pt idx="1511">
                  <c:v>38037</c:v>
                </c:pt>
                <c:pt idx="1512">
                  <c:v>38038</c:v>
                </c:pt>
                <c:pt idx="1513">
                  <c:v>38039</c:v>
                </c:pt>
                <c:pt idx="1514">
                  <c:v>38040</c:v>
                </c:pt>
                <c:pt idx="1515">
                  <c:v>38041</c:v>
                </c:pt>
                <c:pt idx="1516">
                  <c:v>38042</c:v>
                </c:pt>
                <c:pt idx="1517">
                  <c:v>38043</c:v>
                </c:pt>
                <c:pt idx="1518">
                  <c:v>38044</c:v>
                </c:pt>
                <c:pt idx="1519">
                  <c:v>38045</c:v>
                </c:pt>
                <c:pt idx="1520">
                  <c:v>38046</c:v>
                </c:pt>
                <c:pt idx="1521">
                  <c:v>38047</c:v>
                </c:pt>
                <c:pt idx="1522">
                  <c:v>38048</c:v>
                </c:pt>
                <c:pt idx="1523">
                  <c:v>38049</c:v>
                </c:pt>
                <c:pt idx="1524">
                  <c:v>38050</c:v>
                </c:pt>
                <c:pt idx="1525">
                  <c:v>38051</c:v>
                </c:pt>
                <c:pt idx="1526">
                  <c:v>38052</c:v>
                </c:pt>
                <c:pt idx="1527">
                  <c:v>38053</c:v>
                </c:pt>
                <c:pt idx="1528">
                  <c:v>38054</c:v>
                </c:pt>
                <c:pt idx="1529">
                  <c:v>38055</c:v>
                </c:pt>
                <c:pt idx="1530">
                  <c:v>38056</c:v>
                </c:pt>
                <c:pt idx="1531">
                  <c:v>38057</c:v>
                </c:pt>
                <c:pt idx="1532">
                  <c:v>38058</c:v>
                </c:pt>
                <c:pt idx="1533">
                  <c:v>38059</c:v>
                </c:pt>
                <c:pt idx="1534">
                  <c:v>38060</c:v>
                </c:pt>
                <c:pt idx="1535">
                  <c:v>38061</c:v>
                </c:pt>
                <c:pt idx="1536">
                  <c:v>38062</c:v>
                </c:pt>
                <c:pt idx="1537">
                  <c:v>38063</c:v>
                </c:pt>
                <c:pt idx="1538">
                  <c:v>38064</c:v>
                </c:pt>
                <c:pt idx="1539">
                  <c:v>38065</c:v>
                </c:pt>
                <c:pt idx="1540">
                  <c:v>38066</c:v>
                </c:pt>
                <c:pt idx="1541">
                  <c:v>38067</c:v>
                </c:pt>
                <c:pt idx="1542">
                  <c:v>38068</c:v>
                </c:pt>
                <c:pt idx="1543">
                  <c:v>38069</c:v>
                </c:pt>
                <c:pt idx="1544">
                  <c:v>38070</c:v>
                </c:pt>
                <c:pt idx="1545">
                  <c:v>38071</c:v>
                </c:pt>
                <c:pt idx="1546">
                  <c:v>38072</c:v>
                </c:pt>
                <c:pt idx="1547">
                  <c:v>38073</c:v>
                </c:pt>
                <c:pt idx="1548">
                  <c:v>38074</c:v>
                </c:pt>
                <c:pt idx="1549">
                  <c:v>38075</c:v>
                </c:pt>
                <c:pt idx="1550">
                  <c:v>38076</c:v>
                </c:pt>
                <c:pt idx="1551">
                  <c:v>38077</c:v>
                </c:pt>
                <c:pt idx="1552">
                  <c:v>38078</c:v>
                </c:pt>
                <c:pt idx="1553">
                  <c:v>38079</c:v>
                </c:pt>
                <c:pt idx="1554">
                  <c:v>38080</c:v>
                </c:pt>
                <c:pt idx="1555">
                  <c:v>38081</c:v>
                </c:pt>
                <c:pt idx="1556">
                  <c:v>38082</c:v>
                </c:pt>
                <c:pt idx="1557">
                  <c:v>38083</c:v>
                </c:pt>
                <c:pt idx="1558">
                  <c:v>38084</c:v>
                </c:pt>
                <c:pt idx="1559">
                  <c:v>38085</c:v>
                </c:pt>
                <c:pt idx="1560">
                  <c:v>38086</c:v>
                </c:pt>
                <c:pt idx="1561">
                  <c:v>38087</c:v>
                </c:pt>
                <c:pt idx="1562">
                  <c:v>38088</c:v>
                </c:pt>
                <c:pt idx="1563">
                  <c:v>38089</c:v>
                </c:pt>
                <c:pt idx="1564">
                  <c:v>38090</c:v>
                </c:pt>
                <c:pt idx="1565">
                  <c:v>38091</c:v>
                </c:pt>
                <c:pt idx="1566">
                  <c:v>38092</c:v>
                </c:pt>
                <c:pt idx="1567">
                  <c:v>38093</c:v>
                </c:pt>
                <c:pt idx="1568">
                  <c:v>38094</c:v>
                </c:pt>
                <c:pt idx="1569">
                  <c:v>38095</c:v>
                </c:pt>
                <c:pt idx="1570">
                  <c:v>38096</c:v>
                </c:pt>
                <c:pt idx="1571">
                  <c:v>38097</c:v>
                </c:pt>
                <c:pt idx="1572">
                  <c:v>38098</c:v>
                </c:pt>
                <c:pt idx="1573">
                  <c:v>38099</c:v>
                </c:pt>
                <c:pt idx="1574">
                  <c:v>38100</c:v>
                </c:pt>
                <c:pt idx="1575">
                  <c:v>38101</c:v>
                </c:pt>
                <c:pt idx="1576">
                  <c:v>38102</c:v>
                </c:pt>
                <c:pt idx="1577">
                  <c:v>38103</c:v>
                </c:pt>
                <c:pt idx="1578">
                  <c:v>38104</c:v>
                </c:pt>
                <c:pt idx="1579">
                  <c:v>38105</c:v>
                </c:pt>
                <c:pt idx="1580">
                  <c:v>38106</c:v>
                </c:pt>
                <c:pt idx="1581">
                  <c:v>38107</c:v>
                </c:pt>
                <c:pt idx="1582">
                  <c:v>38108</c:v>
                </c:pt>
                <c:pt idx="1583">
                  <c:v>38109</c:v>
                </c:pt>
                <c:pt idx="1584">
                  <c:v>38110</c:v>
                </c:pt>
                <c:pt idx="1585">
                  <c:v>38111</c:v>
                </c:pt>
                <c:pt idx="1586">
                  <c:v>38112</c:v>
                </c:pt>
                <c:pt idx="1587">
                  <c:v>38113</c:v>
                </c:pt>
                <c:pt idx="1588">
                  <c:v>38114</c:v>
                </c:pt>
                <c:pt idx="1589">
                  <c:v>38115</c:v>
                </c:pt>
                <c:pt idx="1590">
                  <c:v>38116</c:v>
                </c:pt>
                <c:pt idx="1591">
                  <c:v>38117</c:v>
                </c:pt>
                <c:pt idx="1592">
                  <c:v>38118</c:v>
                </c:pt>
                <c:pt idx="1593">
                  <c:v>38119</c:v>
                </c:pt>
                <c:pt idx="1594">
                  <c:v>38120</c:v>
                </c:pt>
                <c:pt idx="1595">
                  <c:v>38121</c:v>
                </c:pt>
                <c:pt idx="1596">
                  <c:v>38122</c:v>
                </c:pt>
                <c:pt idx="1597">
                  <c:v>38123</c:v>
                </c:pt>
                <c:pt idx="1598">
                  <c:v>38124</c:v>
                </c:pt>
                <c:pt idx="1599">
                  <c:v>38125</c:v>
                </c:pt>
                <c:pt idx="1600">
                  <c:v>38126</c:v>
                </c:pt>
                <c:pt idx="1601">
                  <c:v>38127</c:v>
                </c:pt>
                <c:pt idx="1602">
                  <c:v>38128</c:v>
                </c:pt>
                <c:pt idx="1603">
                  <c:v>38129</c:v>
                </c:pt>
                <c:pt idx="1604">
                  <c:v>38130</c:v>
                </c:pt>
                <c:pt idx="1605">
                  <c:v>38131</c:v>
                </c:pt>
                <c:pt idx="1606">
                  <c:v>38132</c:v>
                </c:pt>
                <c:pt idx="1607">
                  <c:v>38133</c:v>
                </c:pt>
                <c:pt idx="1608">
                  <c:v>38134</c:v>
                </c:pt>
                <c:pt idx="1609">
                  <c:v>38135</c:v>
                </c:pt>
                <c:pt idx="1610">
                  <c:v>38136</c:v>
                </c:pt>
                <c:pt idx="1611">
                  <c:v>38137</c:v>
                </c:pt>
                <c:pt idx="1612">
                  <c:v>38138</c:v>
                </c:pt>
                <c:pt idx="1613">
                  <c:v>38139</c:v>
                </c:pt>
                <c:pt idx="1614">
                  <c:v>38140</c:v>
                </c:pt>
                <c:pt idx="1615">
                  <c:v>38141</c:v>
                </c:pt>
                <c:pt idx="1616">
                  <c:v>38142</c:v>
                </c:pt>
                <c:pt idx="1617">
                  <c:v>38143</c:v>
                </c:pt>
                <c:pt idx="1618">
                  <c:v>38144</c:v>
                </c:pt>
                <c:pt idx="1619">
                  <c:v>38145</c:v>
                </c:pt>
                <c:pt idx="1620">
                  <c:v>38146</c:v>
                </c:pt>
                <c:pt idx="1621">
                  <c:v>38147</c:v>
                </c:pt>
                <c:pt idx="1622">
                  <c:v>38148</c:v>
                </c:pt>
                <c:pt idx="1623">
                  <c:v>38149</c:v>
                </c:pt>
                <c:pt idx="1624">
                  <c:v>38150</c:v>
                </c:pt>
                <c:pt idx="1625">
                  <c:v>38151</c:v>
                </c:pt>
                <c:pt idx="1626">
                  <c:v>38152</c:v>
                </c:pt>
                <c:pt idx="1627">
                  <c:v>38153</c:v>
                </c:pt>
                <c:pt idx="1628">
                  <c:v>38154</c:v>
                </c:pt>
                <c:pt idx="1629">
                  <c:v>38155</c:v>
                </c:pt>
                <c:pt idx="1630">
                  <c:v>38156</c:v>
                </c:pt>
                <c:pt idx="1631">
                  <c:v>38157</c:v>
                </c:pt>
                <c:pt idx="1632">
                  <c:v>38158</c:v>
                </c:pt>
                <c:pt idx="1633">
                  <c:v>38159</c:v>
                </c:pt>
                <c:pt idx="1634">
                  <c:v>38160</c:v>
                </c:pt>
                <c:pt idx="1635">
                  <c:v>38161</c:v>
                </c:pt>
                <c:pt idx="1636">
                  <c:v>38162</c:v>
                </c:pt>
                <c:pt idx="1637">
                  <c:v>38163</c:v>
                </c:pt>
                <c:pt idx="1638">
                  <c:v>38164</c:v>
                </c:pt>
                <c:pt idx="1639">
                  <c:v>38165</c:v>
                </c:pt>
                <c:pt idx="1640">
                  <c:v>38166</c:v>
                </c:pt>
                <c:pt idx="1641">
                  <c:v>38167</c:v>
                </c:pt>
                <c:pt idx="1642">
                  <c:v>38168</c:v>
                </c:pt>
                <c:pt idx="1643">
                  <c:v>38169</c:v>
                </c:pt>
                <c:pt idx="1644">
                  <c:v>38170</c:v>
                </c:pt>
                <c:pt idx="1645">
                  <c:v>38171</c:v>
                </c:pt>
                <c:pt idx="1646">
                  <c:v>38172</c:v>
                </c:pt>
                <c:pt idx="1647">
                  <c:v>38173</c:v>
                </c:pt>
                <c:pt idx="1648">
                  <c:v>38174</c:v>
                </c:pt>
                <c:pt idx="1649">
                  <c:v>38175</c:v>
                </c:pt>
                <c:pt idx="1650">
                  <c:v>38176</c:v>
                </c:pt>
                <c:pt idx="1651">
                  <c:v>38177</c:v>
                </c:pt>
                <c:pt idx="1652">
                  <c:v>38178</c:v>
                </c:pt>
                <c:pt idx="1653">
                  <c:v>38179</c:v>
                </c:pt>
                <c:pt idx="1654">
                  <c:v>38180</c:v>
                </c:pt>
                <c:pt idx="1655">
                  <c:v>38181</c:v>
                </c:pt>
                <c:pt idx="1656">
                  <c:v>38182</c:v>
                </c:pt>
                <c:pt idx="1657">
                  <c:v>38183</c:v>
                </c:pt>
                <c:pt idx="1658">
                  <c:v>38184</c:v>
                </c:pt>
                <c:pt idx="1659">
                  <c:v>38185</c:v>
                </c:pt>
                <c:pt idx="1660">
                  <c:v>38186</c:v>
                </c:pt>
                <c:pt idx="1661">
                  <c:v>38187</c:v>
                </c:pt>
                <c:pt idx="1662">
                  <c:v>38188</c:v>
                </c:pt>
                <c:pt idx="1663">
                  <c:v>38189</c:v>
                </c:pt>
                <c:pt idx="1664">
                  <c:v>38190</c:v>
                </c:pt>
                <c:pt idx="1665">
                  <c:v>38191</c:v>
                </c:pt>
                <c:pt idx="1666">
                  <c:v>38192</c:v>
                </c:pt>
                <c:pt idx="1667">
                  <c:v>38193</c:v>
                </c:pt>
                <c:pt idx="1668">
                  <c:v>38194</c:v>
                </c:pt>
                <c:pt idx="1669">
                  <c:v>38195</c:v>
                </c:pt>
                <c:pt idx="1670">
                  <c:v>38196</c:v>
                </c:pt>
                <c:pt idx="1671">
                  <c:v>38197</c:v>
                </c:pt>
                <c:pt idx="1672">
                  <c:v>38198</c:v>
                </c:pt>
                <c:pt idx="1673">
                  <c:v>38199</c:v>
                </c:pt>
                <c:pt idx="1674">
                  <c:v>38200</c:v>
                </c:pt>
                <c:pt idx="1675">
                  <c:v>38201</c:v>
                </c:pt>
                <c:pt idx="1676">
                  <c:v>38202</c:v>
                </c:pt>
                <c:pt idx="1677">
                  <c:v>38203</c:v>
                </c:pt>
                <c:pt idx="1678">
                  <c:v>38204</c:v>
                </c:pt>
                <c:pt idx="1679">
                  <c:v>38205</c:v>
                </c:pt>
                <c:pt idx="1680">
                  <c:v>38206</c:v>
                </c:pt>
                <c:pt idx="1681">
                  <c:v>38207</c:v>
                </c:pt>
                <c:pt idx="1682">
                  <c:v>38208</c:v>
                </c:pt>
                <c:pt idx="1683">
                  <c:v>38209</c:v>
                </c:pt>
                <c:pt idx="1684">
                  <c:v>38210</c:v>
                </c:pt>
                <c:pt idx="1685">
                  <c:v>38211</c:v>
                </c:pt>
                <c:pt idx="1686">
                  <c:v>38212</c:v>
                </c:pt>
                <c:pt idx="1687">
                  <c:v>38213</c:v>
                </c:pt>
                <c:pt idx="1688">
                  <c:v>38214</c:v>
                </c:pt>
                <c:pt idx="1689">
                  <c:v>38215</c:v>
                </c:pt>
                <c:pt idx="1690">
                  <c:v>38216</c:v>
                </c:pt>
                <c:pt idx="1691">
                  <c:v>38217</c:v>
                </c:pt>
                <c:pt idx="1692">
                  <c:v>38218</c:v>
                </c:pt>
                <c:pt idx="1693">
                  <c:v>38219</c:v>
                </c:pt>
                <c:pt idx="1694">
                  <c:v>38220</c:v>
                </c:pt>
                <c:pt idx="1695">
                  <c:v>38221</c:v>
                </c:pt>
                <c:pt idx="1696">
                  <c:v>38222</c:v>
                </c:pt>
                <c:pt idx="1697">
                  <c:v>38223</c:v>
                </c:pt>
                <c:pt idx="1698">
                  <c:v>38224</c:v>
                </c:pt>
                <c:pt idx="1699">
                  <c:v>38225</c:v>
                </c:pt>
                <c:pt idx="1700">
                  <c:v>38226</c:v>
                </c:pt>
                <c:pt idx="1701">
                  <c:v>38227</c:v>
                </c:pt>
                <c:pt idx="1702">
                  <c:v>38228</c:v>
                </c:pt>
                <c:pt idx="1703">
                  <c:v>38229</c:v>
                </c:pt>
                <c:pt idx="1704">
                  <c:v>38230</c:v>
                </c:pt>
                <c:pt idx="1705">
                  <c:v>38231</c:v>
                </c:pt>
                <c:pt idx="1706">
                  <c:v>38232</c:v>
                </c:pt>
                <c:pt idx="1707">
                  <c:v>38233</c:v>
                </c:pt>
                <c:pt idx="1708">
                  <c:v>38234</c:v>
                </c:pt>
                <c:pt idx="1709">
                  <c:v>38235</c:v>
                </c:pt>
                <c:pt idx="1710">
                  <c:v>38236</c:v>
                </c:pt>
                <c:pt idx="1711">
                  <c:v>38237</c:v>
                </c:pt>
                <c:pt idx="1712">
                  <c:v>38238</c:v>
                </c:pt>
                <c:pt idx="1713">
                  <c:v>38239</c:v>
                </c:pt>
                <c:pt idx="1714">
                  <c:v>38240</c:v>
                </c:pt>
                <c:pt idx="1715">
                  <c:v>38241</c:v>
                </c:pt>
                <c:pt idx="1716">
                  <c:v>38242</c:v>
                </c:pt>
                <c:pt idx="1717">
                  <c:v>38243</c:v>
                </c:pt>
                <c:pt idx="1718">
                  <c:v>38244</c:v>
                </c:pt>
                <c:pt idx="1719">
                  <c:v>38245</c:v>
                </c:pt>
                <c:pt idx="1720">
                  <c:v>38246</c:v>
                </c:pt>
                <c:pt idx="1721">
                  <c:v>38247</c:v>
                </c:pt>
                <c:pt idx="1722">
                  <c:v>38248</c:v>
                </c:pt>
                <c:pt idx="1723">
                  <c:v>38249</c:v>
                </c:pt>
                <c:pt idx="1724">
                  <c:v>38250</c:v>
                </c:pt>
                <c:pt idx="1725">
                  <c:v>38251</c:v>
                </c:pt>
                <c:pt idx="1726">
                  <c:v>38252</c:v>
                </c:pt>
                <c:pt idx="1727">
                  <c:v>38253</c:v>
                </c:pt>
                <c:pt idx="1728">
                  <c:v>38254</c:v>
                </c:pt>
                <c:pt idx="1729">
                  <c:v>38255</c:v>
                </c:pt>
                <c:pt idx="1730">
                  <c:v>38256</c:v>
                </c:pt>
                <c:pt idx="1731">
                  <c:v>38257</c:v>
                </c:pt>
                <c:pt idx="1732">
                  <c:v>38258</c:v>
                </c:pt>
                <c:pt idx="1733">
                  <c:v>38259</c:v>
                </c:pt>
                <c:pt idx="1734">
                  <c:v>38260</c:v>
                </c:pt>
                <c:pt idx="1735">
                  <c:v>38261</c:v>
                </c:pt>
                <c:pt idx="1736">
                  <c:v>38262</c:v>
                </c:pt>
                <c:pt idx="1737">
                  <c:v>38263</c:v>
                </c:pt>
                <c:pt idx="1738">
                  <c:v>38264</c:v>
                </c:pt>
                <c:pt idx="1739">
                  <c:v>38265</c:v>
                </c:pt>
                <c:pt idx="1740">
                  <c:v>38266</c:v>
                </c:pt>
                <c:pt idx="1741">
                  <c:v>38267</c:v>
                </c:pt>
                <c:pt idx="1742">
                  <c:v>38268</c:v>
                </c:pt>
                <c:pt idx="1743">
                  <c:v>38269</c:v>
                </c:pt>
                <c:pt idx="1744">
                  <c:v>38270</c:v>
                </c:pt>
                <c:pt idx="1745">
                  <c:v>38271</c:v>
                </c:pt>
                <c:pt idx="1746">
                  <c:v>38272</c:v>
                </c:pt>
                <c:pt idx="1747">
                  <c:v>38273</c:v>
                </c:pt>
                <c:pt idx="1748">
                  <c:v>38274</c:v>
                </c:pt>
                <c:pt idx="1749">
                  <c:v>38275</c:v>
                </c:pt>
                <c:pt idx="1750">
                  <c:v>38276</c:v>
                </c:pt>
                <c:pt idx="1751">
                  <c:v>38277</c:v>
                </c:pt>
                <c:pt idx="1752">
                  <c:v>38278</c:v>
                </c:pt>
                <c:pt idx="1753">
                  <c:v>38279</c:v>
                </c:pt>
                <c:pt idx="1754">
                  <c:v>38280</c:v>
                </c:pt>
                <c:pt idx="1755">
                  <c:v>38281</c:v>
                </c:pt>
                <c:pt idx="1756">
                  <c:v>38282</c:v>
                </c:pt>
                <c:pt idx="1757">
                  <c:v>38283</c:v>
                </c:pt>
                <c:pt idx="1758">
                  <c:v>38284</c:v>
                </c:pt>
                <c:pt idx="1759">
                  <c:v>38285</c:v>
                </c:pt>
                <c:pt idx="1760">
                  <c:v>38286</c:v>
                </c:pt>
                <c:pt idx="1761">
                  <c:v>38287</c:v>
                </c:pt>
                <c:pt idx="1762">
                  <c:v>38288</c:v>
                </c:pt>
                <c:pt idx="1763">
                  <c:v>38289</c:v>
                </c:pt>
                <c:pt idx="1764">
                  <c:v>38290</c:v>
                </c:pt>
                <c:pt idx="1765">
                  <c:v>38291</c:v>
                </c:pt>
                <c:pt idx="1766">
                  <c:v>38292</c:v>
                </c:pt>
                <c:pt idx="1767">
                  <c:v>38293</c:v>
                </c:pt>
                <c:pt idx="1768">
                  <c:v>38294</c:v>
                </c:pt>
                <c:pt idx="1769">
                  <c:v>38295</c:v>
                </c:pt>
                <c:pt idx="1770">
                  <c:v>38296</c:v>
                </c:pt>
                <c:pt idx="1771">
                  <c:v>38297</c:v>
                </c:pt>
                <c:pt idx="1772">
                  <c:v>38298</c:v>
                </c:pt>
                <c:pt idx="1773">
                  <c:v>38299</c:v>
                </c:pt>
                <c:pt idx="1774">
                  <c:v>38300</c:v>
                </c:pt>
                <c:pt idx="1775">
                  <c:v>38301</c:v>
                </c:pt>
                <c:pt idx="1776">
                  <c:v>38302</c:v>
                </c:pt>
                <c:pt idx="1777">
                  <c:v>38303</c:v>
                </c:pt>
                <c:pt idx="1778">
                  <c:v>38304</c:v>
                </c:pt>
                <c:pt idx="1779">
                  <c:v>38305</c:v>
                </c:pt>
                <c:pt idx="1780">
                  <c:v>38306</c:v>
                </c:pt>
                <c:pt idx="1781">
                  <c:v>38307</c:v>
                </c:pt>
                <c:pt idx="1782">
                  <c:v>38308</c:v>
                </c:pt>
                <c:pt idx="1783">
                  <c:v>38309</c:v>
                </c:pt>
                <c:pt idx="1784">
                  <c:v>38310</c:v>
                </c:pt>
                <c:pt idx="1785">
                  <c:v>38311</c:v>
                </c:pt>
                <c:pt idx="1786">
                  <c:v>38312</c:v>
                </c:pt>
                <c:pt idx="1787">
                  <c:v>38313</c:v>
                </c:pt>
                <c:pt idx="1788">
                  <c:v>38314</c:v>
                </c:pt>
                <c:pt idx="1789">
                  <c:v>38315</c:v>
                </c:pt>
                <c:pt idx="1790">
                  <c:v>38316</c:v>
                </c:pt>
                <c:pt idx="1791">
                  <c:v>38317</c:v>
                </c:pt>
                <c:pt idx="1792">
                  <c:v>38318</c:v>
                </c:pt>
                <c:pt idx="1793">
                  <c:v>38319</c:v>
                </c:pt>
                <c:pt idx="1794">
                  <c:v>38320</c:v>
                </c:pt>
                <c:pt idx="1795">
                  <c:v>38321</c:v>
                </c:pt>
                <c:pt idx="1796">
                  <c:v>38322</c:v>
                </c:pt>
                <c:pt idx="1797">
                  <c:v>38323</c:v>
                </c:pt>
                <c:pt idx="1798">
                  <c:v>38324</c:v>
                </c:pt>
                <c:pt idx="1799">
                  <c:v>38325</c:v>
                </c:pt>
                <c:pt idx="1800">
                  <c:v>38326</c:v>
                </c:pt>
                <c:pt idx="1801">
                  <c:v>38327</c:v>
                </c:pt>
                <c:pt idx="1802">
                  <c:v>38328</c:v>
                </c:pt>
                <c:pt idx="1803">
                  <c:v>38329</c:v>
                </c:pt>
                <c:pt idx="1804">
                  <c:v>38330</c:v>
                </c:pt>
                <c:pt idx="1805">
                  <c:v>38331</c:v>
                </c:pt>
                <c:pt idx="1806">
                  <c:v>38332</c:v>
                </c:pt>
                <c:pt idx="1807">
                  <c:v>38333</c:v>
                </c:pt>
                <c:pt idx="1808">
                  <c:v>38334</c:v>
                </c:pt>
                <c:pt idx="1809">
                  <c:v>38335</c:v>
                </c:pt>
                <c:pt idx="1810">
                  <c:v>38336</c:v>
                </c:pt>
                <c:pt idx="1811">
                  <c:v>38337</c:v>
                </c:pt>
                <c:pt idx="1812">
                  <c:v>38338</c:v>
                </c:pt>
                <c:pt idx="1813">
                  <c:v>38339</c:v>
                </c:pt>
                <c:pt idx="1814">
                  <c:v>38340</c:v>
                </c:pt>
                <c:pt idx="1815">
                  <c:v>38341</c:v>
                </c:pt>
                <c:pt idx="1816">
                  <c:v>38342</c:v>
                </c:pt>
                <c:pt idx="1817">
                  <c:v>38343</c:v>
                </c:pt>
                <c:pt idx="1818">
                  <c:v>38344</c:v>
                </c:pt>
                <c:pt idx="1819">
                  <c:v>38345</c:v>
                </c:pt>
                <c:pt idx="1820">
                  <c:v>38346</c:v>
                </c:pt>
                <c:pt idx="1821">
                  <c:v>38347</c:v>
                </c:pt>
                <c:pt idx="1822">
                  <c:v>38348</c:v>
                </c:pt>
                <c:pt idx="1823">
                  <c:v>38349</c:v>
                </c:pt>
                <c:pt idx="1824">
                  <c:v>38350</c:v>
                </c:pt>
                <c:pt idx="1825">
                  <c:v>38351</c:v>
                </c:pt>
                <c:pt idx="1826">
                  <c:v>38352</c:v>
                </c:pt>
                <c:pt idx="1827">
                  <c:v>38353</c:v>
                </c:pt>
                <c:pt idx="1828">
                  <c:v>38354</c:v>
                </c:pt>
                <c:pt idx="1829">
                  <c:v>38355</c:v>
                </c:pt>
                <c:pt idx="1830">
                  <c:v>38356</c:v>
                </c:pt>
                <c:pt idx="1831">
                  <c:v>38357</c:v>
                </c:pt>
                <c:pt idx="1832">
                  <c:v>38358</c:v>
                </c:pt>
                <c:pt idx="1833">
                  <c:v>38359</c:v>
                </c:pt>
                <c:pt idx="1834">
                  <c:v>38360</c:v>
                </c:pt>
                <c:pt idx="1835">
                  <c:v>38361</c:v>
                </c:pt>
                <c:pt idx="1836">
                  <c:v>38362</c:v>
                </c:pt>
                <c:pt idx="1837">
                  <c:v>38363</c:v>
                </c:pt>
                <c:pt idx="1838">
                  <c:v>38364</c:v>
                </c:pt>
                <c:pt idx="1839">
                  <c:v>38365</c:v>
                </c:pt>
                <c:pt idx="1840">
                  <c:v>38366</c:v>
                </c:pt>
                <c:pt idx="1841">
                  <c:v>38367</c:v>
                </c:pt>
                <c:pt idx="1842">
                  <c:v>38368</c:v>
                </c:pt>
                <c:pt idx="1843">
                  <c:v>38369</c:v>
                </c:pt>
                <c:pt idx="1844">
                  <c:v>38370</c:v>
                </c:pt>
                <c:pt idx="1845">
                  <c:v>38371</c:v>
                </c:pt>
                <c:pt idx="1846">
                  <c:v>38372</c:v>
                </c:pt>
                <c:pt idx="1847">
                  <c:v>38373</c:v>
                </c:pt>
                <c:pt idx="1848">
                  <c:v>38374</c:v>
                </c:pt>
                <c:pt idx="1849">
                  <c:v>38375</c:v>
                </c:pt>
                <c:pt idx="1850">
                  <c:v>38376</c:v>
                </c:pt>
                <c:pt idx="1851">
                  <c:v>38377</c:v>
                </c:pt>
                <c:pt idx="1852">
                  <c:v>38378</c:v>
                </c:pt>
                <c:pt idx="1853">
                  <c:v>38379</c:v>
                </c:pt>
                <c:pt idx="1854">
                  <c:v>38380</c:v>
                </c:pt>
                <c:pt idx="1855">
                  <c:v>38381</c:v>
                </c:pt>
                <c:pt idx="1856">
                  <c:v>38382</c:v>
                </c:pt>
                <c:pt idx="1857">
                  <c:v>38383</c:v>
                </c:pt>
                <c:pt idx="1858">
                  <c:v>38384</c:v>
                </c:pt>
                <c:pt idx="1859">
                  <c:v>38385</c:v>
                </c:pt>
                <c:pt idx="1860">
                  <c:v>38386</c:v>
                </c:pt>
                <c:pt idx="1861">
                  <c:v>38387</c:v>
                </c:pt>
                <c:pt idx="1862">
                  <c:v>38388</c:v>
                </c:pt>
                <c:pt idx="1863">
                  <c:v>38389</c:v>
                </c:pt>
                <c:pt idx="1864">
                  <c:v>38390</c:v>
                </c:pt>
                <c:pt idx="1865">
                  <c:v>38391</c:v>
                </c:pt>
                <c:pt idx="1866">
                  <c:v>38392</c:v>
                </c:pt>
                <c:pt idx="1867">
                  <c:v>38393</c:v>
                </c:pt>
                <c:pt idx="1868">
                  <c:v>38394</c:v>
                </c:pt>
                <c:pt idx="1869">
                  <c:v>38395</c:v>
                </c:pt>
                <c:pt idx="1870">
                  <c:v>38396</c:v>
                </c:pt>
                <c:pt idx="1871">
                  <c:v>38397</c:v>
                </c:pt>
                <c:pt idx="1872">
                  <c:v>38398</c:v>
                </c:pt>
                <c:pt idx="1873">
                  <c:v>38399</c:v>
                </c:pt>
                <c:pt idx="1874">
                  <c:v>38400</c:v>
                </c:pt>
                <c:pt idx="1875">
                  <c:v>38401</c:v>
                </c:pt>
                <c:pt idx="1876">
                  <c:v>38402</c:v>
                </c:pt>
                <c:pt idx="1877">
                  <c:v>38403</c:v>
                </c:pt>
                <c:pt idx="1878">
                  <c:v>38404</c:v>
                </c:pt>
                <c:pt idx="1879">
                  <c:v>38405</c:v>
                </c:pt>
                <c:pt idx="1880">
                  <c:v>38406</c:v>
                </c:pt>
                <c:pt idx="1881">
                  <c:v>38407</c:v>
                </c:pt>
                <c:pt idx="1882">
                  <c:v>38408</c:v>
                </c:pt>
                <c:pt idx="1883">
                  <c:v>38409</c:v>
                </c:pt>
                <c:pt idx="1884">
                  <c:v>38410</c:v>
                </c:pt>
                <c:pt idx="1885">
                  <c:v>38411</c:v>
                </c:pt>
                <c:pt idx="1886">
                  <c:v>38412</c:v>
                </c:pt>
                <c:pt idx="1887">
                  <c:v>38413</c:v>
                </c:pt>
                <c:pt idx="1888">
                  <c:v>38414</c:v>
                </c:pt>
                <c:pt idx="1889">
                  <c:v>38415</c:v>
                </c:pt>
                <c:pt idx="1890">
                  <c:v>38416</c:v>
                </c:pt>
                <c:pt idx="1891">
                  <c:v>38417</c:v>
                </c:pt>
                <c:pt idx="1892">
                  <c:v>38418</c:v>
                </c:pt>
                <c:pt idx="1893">
                  <c:v>38419</c:v>
                </c:pt>
                <c:pt idx="1894">
                  <c:v>38420</c:v>
                </c:pt>
                <c:pt idx="1895">
                  <c:v>38421</c:v>
                </c:pt>
                <c:pt idx="1896">
                  <c:v>38422</c:v>
                </c:pt>
                <c:pt idx="1897">
                  <c:v>38423</c:v>
                </c:pt>
                <c:pt idx="1898">
                  <c:v>38424</c:v>
                </c:pt>
                <c:pt idx="1899">
                  <c:v>38425</c:v>
                </c:pt>
                <c:pt idx="1900">
                  <c:v>38426</c:v>
                </c:pt>
                <c:pt idx="1901">
                  <c:v>38427</c:v>
                </c:pt>
                <c:pt idx="1902">
                  <c:v>38428</c:v>
                </c:pt>
                <c:pt idx="1903">
                  <c:v>38429</c:v>
                </c:pt>
                <c:pt idx="1904">
                  <c:v>38430</c:v>
                </c:pt>
                <c:pt idx="1905">
                  <c:v>38431</c:v>
                </c:pt>
                <c:pt idx="1906">
                  <c:v>38432</c:v>
                </c:pt>
                <c:pt idx="1907">
                  <c:v>38433</c:v>
                </c:pt>
                <c:pt idx="1908">
                  <c:v>38434</c:v>
                </c:pt>
                <c:pt idx="1909">
                  <c:v>38435</c:v>
                </c:pt>
                <c:pt idx="1910">
                  <c:v>38436</c:v>
                </c:pt>
                <c:pt idx="1911">
                  <c:v>38437</c:v>
                </c:pt>
                <c:pt idx="1912">
                  <c:v>38438</c:v>
                </c:pt>
                <c:pt idx="1913">
                  <c:v>38439</c:v>
                </c:pt>
                <c:pt idx="1914">
                  <c:v>38440</c:v>
                </c:pt>
                <c:pt idx="1915">
                  <c:v>38441</c:v>
                </c:pt>
                <c:pt idx="1916">
                  <c:v>38442</c:v>
                </c:pt>
                <c:pt idx="1917">
                  <c:v>38443</c:v>
                </c:pt>
                <c:pt idx="1918">
                  <c:v>38444</c:v>
                </c:pt>
                <c:pt idx="1919">
                  <c:v>38445</c:v>
                </c:pt>
                <c:pt idx="1920">
                  <c:v>38446</c:v>
                </c:pt>
                <c:pt idx="1921">
                  <c:v>38447</c:v>
                </c:pt>
                <c:pt idx="1922">
                  <c:v>38448</c:v>
                </c:pt>
                <c:pt idx="1923">
                  <c:v>38449</c:v>
                </c:pt>
                <c:pt idx="1924">
                  <c:v>38450</c:v>
                </c:pt>
                <c:pt idx="1925">
                  <c:v>38451</c:v>
                </c:pt>
                <c:pt idx="1926">
                  <c:v>38452</c:v>
                </c:pt>
                <c:pt idx="1927">
                  <c:v>38453</c:v>
                </c:pt>
                <c:pt idx="1928">
                  <c:v>38454</c:v>
                </c:pt>
                <c:pt idx="1929">
                  <c:v>38455</c:v>
                </c:pt>
                <c:pt idx="1930">
                  <c:v>38456</c:v>
                </c:pt>
                <c:pt idx="1931">
                  <c:v>38457</c:v>
                </c:pt>
                <c:pt idx="1932">
                  <c:v>38458</c:v>
                </c:pt>
                <c:pt idx="1933">
                  <c:v>38459</c:v>
                </c:pt>
                <c:pt idx="1934">
                  <c:v>38460</c:v>
                </c:pt>
                <c:pt idx="1935">
                  <c:v>38461</c:v>
                </c:pt>
                <c:pt idx="1936">
                  <c:v>38462</c:v>
                </c:pt>
                <c:pt idx="1937">
                  <c:v>38463</c:v>
                </c:pt>
                <c:pt idx="1938">
                  <c:v>38464</c:v>
                </c:pt>
                <c:pt idx="1939">
                  <c:v>38465</c:v>
                </c:pt>
                <c:pt idx="1940">
                  <c:v>38466</c:v>
                </c:pt>
                <c:pt idx="1941">
                  <c:v>38467</c:v>
                </c:pt>
                <c:pt idx="1942">
                  <c:v>38468</c:v>
                </c:pt>
                <c:pt idx="1943">
                  <c:v>38469</c:v>
                </c:pt>
                <c:pt idx="1944">
                  <c:v>38470</c:v>
                </c:pt>
                <c:pt idx="1945">
                  <c:v>38471</c:v>
                </c:pt>
                <c:pt idx="1946">
                  <c:v>38472</c:v>
                </c:pt>
                <c:pt idx="1947">
                  <c:v>38473</c:v>
                </c:pt>
                <c:pt idx="1948">
                  <c:v>38474</c:v>
                </c:pt>
                <c:pt idx="1949">
                  <c:v>38475</c:v>
                </c:pt>
                <c:pt idx="1950">
                  <c:v>38476</c:v>
                </c:pt>
                <c:pt idx="1951">
                  <c:v>38477</c:v>
                </c:pt>
                <c:pt idx="1952">
                  <c:v>38478</c:v>
                </c:pt>
                <c:pt idx="1953">
                  <c:v>38479</c:v>
                </c:pt>
                <c:pt idx="1954">
                  <c:v>38480</c:v>
                </c:pt>
                <c:pt idx="1955">
                  <c:v>38481</c:v>
                </c:pt>
                <c:pt idx="1956">
                  <c:v>38482</c:v>
                </c:pt>
                <c:pt idx="1957">
                  <c:v>38483</c:v>
                </c:pt>
                <c:pt idx="1958">
                  <c:v>38484</c:v>
                </c:pt>
                <c:pt idx="1959">
                  <c:v>38485</c:v>
                </c:pt>
                <c:pt idx="1960">
                  <c:v>38486</c:v>
                </c:pt>
                <c:pt idx="1961">
                  <c:v>38487</c:v>
                </c:pt>
                <c:pt idx="1962">
                  <c:v>38488</c:v>
                </c:pt>
                <c:pt idx="1963">
                  <c:v>38489</c:v>
                </c:pt>
                <c:pt idx="1964">
                  <c:v>38490</c:v>
                </c:pt>
                <c:pt idx="1965">
                  <c:v>38491</c:v>
                </c:pt>
                <c:pt idx="1966">
                  <c:v>38492</c:v>
                </c:pt>
                <c:pt idx="1967">
                  <c:v>38493</c:v>
                </c:pt>
                <c:pt idx="1968">
                  <c:v>38494</c:v>
                </c:pt>
                <c:pt idx="1969">
                  <c:v>38495</c:v>
                </c:pt>
                <c:pt idx="1970">
                  <c:v>38496</c:v>
                </c:pt>
                <c:pt idx="1971">
                  <c:v>38497</c:v>
                </c:pt>
                <c:pt idx="1972">
                  <c:v>38498</c:v>
                </c:pt>
                <c:pt idx="1973">
                  <c:v>38499</c:v>
                </c:pt>
                <c:pt idx="1974">
                  <c:v>38500</c:v>
                </c:pt>
                <c:pt idx="1975">
                  <c:v>38501</c:v>
                </c:pt>
                <c:pt idx="1976">
                  <c:v>38502</c:v>
                </c:pt>
                <c:pt idx="1977">
                  <c:v>38503</c:v>
                </c:pt>
                <c:pt idx="1978">
                  <c:v>38504</c:v>
                </c:pt>
                <c:pt idx="1979">
                  <c:v>38505</c:v>
                </c:pt>
                <c:pt idx="1980">
                  <c:v>38506</c:v>
                </c:pt>
                <c:pt idx="1981">
                  <c:v>38507</c:v>
                </c:pt>
                <c:pt idx="1982">
                  <c:v>38508</c:v>
                </c:pt>
                <c:pt idx="1983">
                  <c:v>38509</c:v>
                </c:pt>
                <c:pt idx="1984">
                  <c:v>38510</c:v>
                </c:pt>
                <c:pt idx="1985">
                  <c:v>38511</c:v>
                </c:pt>
                <c:pt idx="1986">
                  <c:v>38512</c:v>
                </c:pt>
                <c:pt idx="1987">
                  <c:v>38513</c:v>
                </c:pt>
                <c:pt idx="1988">
                  <c:v>38514</c:v>
                </c:pt>
                <c:pt idx="1989">
                  <c:v>38515</c:v>
                </c:pt>
                <c:pt idx="1990">
                  <c:v>38516</c:v>
                </c:pt>
                <c:pt idx="1991">
                  <c:v>38517</c:v>
                </c:pt>
                <c:pt idx="1992">
                  <c:v>38518</c:v>
                </c:pt>
                <c:pt idx="1993">
                  <c:v>38519</c:v>
                </c:pt>
                <c:pt idx="1994">
                  <c:v>38520</c:v>
                </c:pt>
                <c:pt idx="1995">
                  <c:v>38521</c:v>
                </c:pt>
                <c:pt idx="1996">
                  <c:v>38522</c:v>
                </c:pt>
                <c:pt idx="1997">
                  <c:v>38523</c:v>
                </c:pt>
                <c:pt idx="1998">
                  <c:v>38524</c:v>
                </c:pt>
                <c:pt idx="1999">
                  <c:v>38525</c:v>
                </c:pt>
                <c:pt idx="2000">
                  <c:v>38526</c:v>
                </c:pt>
                <c:pt idx="2001">
                  <c:v>38527</c:v>
                </c:pt>
                <c:pt idx="2002">
                  <c:v>38528</c:v>
                </c:pt>
                <c:pt idx="2003">
                  <c:v>38529</c:v>
                </c:pt>
                <c:pt idx="2004">
                  <c:v>38530</c:v>
                </c:pt>
                <c:pt idx="2005">
                  <c:v>38531</c:v>
                </c:pt>
                <c:pt idx="2006">
                  <c:v>38532</c:v>
                </c:pt>
                <c:pt idx="2007">
                  <c:v>38533</c:v>
                </c:pt>
                <c:pt idx="2008">
                  <c:v>38534</c:v>
                </c:pt>
                <c:pt idx="2009">
                  <c:v>38535</c:v>
                </c:pt>
                <c:pt idx="2010">
                  <c:v>38536</c:v>
                </c:pt>
                <c:pt idx="2011">
                  <c:v>38537</c:v>
                </c:pt>
                <c:pt idx="2012">
                  <c:v>38538</c:v>
                </c:pt>
                <c:pt idx="2013">
                  <c:v>38539</c:v>
                </c:pt>
                <c:pt idx="2014">
                  <c:v>38540</c:v>
                </c:pt>
                <c:pt idx="2015">
                  <c:v>38541</c:v>
                </c:pt>
                <c:pt idx="2016">
                  <c:v>38542</c:v>
                </c:pt>
                <c:pt idx="2017">
                  <c:v>38543</c:v>
                </c:pt>
                <c:pt idx="2018">
                  <c:v>38544</c:v>
                </c:pt>
                <c:pt idx="2019">
                  <c:v>38545</c:v>
                </c:pt>
                <c:pt idx="2020">
                  <c:v>38546</c:v>
                </c:pt>
                <c:pt idx="2021">
                  <c:v>38547</c:v>
                </c:pt>
                <c:pt idx="2022">
                  <c:v>38548</c:v>
                </c:pt>
                <c:pt idx="2023">
                  <c:v>38549</c:v>
                </c:pt>
                <c:pt idx="2024">
                  <c:v>38550</c:v>
                </c:pt>
                <c:pt idx="2025">
                  <c:v>38551</c:v>
                </c:pt>
                <c:pt idx="2026">
                  <c:v>38552</c:v>
                </c:pt>
                <c:pt idx="2027">
                  <c:v>38553</c:v>
                </c:pt>
                <c:pt idx="2028">
                  <c:v>38554</c:v>
                </c:pt>
                <c:pt idx="2029">
                  <c:v>38555</c:v>
                </c:pt>
                <c:pt idx="2030">
                  <c:v>38556</c:v>
                </c:pt>
                <c:pt idx="2031">
                  <c:v>38557</c:v>
                </c:pt>
                <c:pt idx="2032">
                  <c:v>38558</c:v>
                </c:pt>
                <c:pt idx="2033">
                  <c:v>38559</c:v>
                </c:pt>
                <c:pt idx="2034">
                  <c:v>38560</c:v>
                </c:pt>
                <c:pt idx="2035">
                  <c:v>38561</c:v>
                </c:pt>
                <c:pt idx="2036">
                  <c:v>38562</c:v>
                </c:pt>
                <c:pt idx="2037">
                  <c:v>38563</c:v>
                </c:pt>
                <c:pt idx="2038">
                  <c:v>38564</c:v>
                </c:pt>
                <c:pt idx="2039">
                  <c:v>38565</c:v>
                </c:pt>
                <c:pt idx="2040">
                  <c:v>38566</c:v>
                </c:pt>
                <c:pt idx="2041">
                  <c:v>38567</c:v>
                </c:pt>
                <c:pt idx="2042">
                  <c:v>38568</c:v>
                </c:pt>
                <c:pt idx="2043">
                  <c:v>38569</c:v>
                </c:pt>
                <c:pt idx="2044">
                  <c:v>38570</c:v>
                </c:pt>
                <c:pt idx="2045">
                  <c:v>38571</c:v>
                </c:pt>
                <c:pt idx="2046">
                  <c:v>38572</c:v>
                </c:pt>
                <c:pt idx="2047">
                  <c:v>38573</c:v>
                </c:pt>
                <c:pt idx="2048">
                  <c:v>38574</c:v>
                </c:pt>
                <c:pt idx="2049">
                  <c:v>38575</c:v>
                </c:pt>
                <c:pt idx="2050">
                  <c:v>38576</c:v>
                </c:pt>
                <c:pt idx="2051">
                  <c:v>38577</c:v>
                </c:pt>
                <c:pt idx="2052">
                  <c:v>38578</c:v>
                </c:pt>
                <c:pt idx="2053">
                  <c:v>38579</c:v>
                </c:pt>
                <c:pt idx="2054">
                  <c:v>38580</c:v>
                </c:pt>
                <c:pt idx="2055">
                  <c:v>38581</c:v>
                </c:pt>
                <c:pt idx="2056">
                  <c:v>38582</c:v>
                </c:pt>
                <c:pt idx="2057">
                  <c:v>38583</c:v>
                </c:pt>
                <c:pt idx="2058">
                  <c:v>38584</c:v>
                </c:pt>
                <c:pt idx="2059">
                  <c:v>38585</c:v>
                </c:pt>
                <c:pt idx="2060">
                  <c:v>38586</c:v>
                </c:pt>
                <c:pt idx="2061">
                  <c:v>38587</c:v>
                </c:pt>
                <c:pt idx="2062">
                  <c:v>38588</c:v>
                </c:pt>
                <c:pt idx="2063">
                  <c:v>38589</c:v>
                </c:pt>
                <c:pt idx="2064">
                  <c:v>38590</c:v>
                </c:pt>
                <c:pt idx="2065">
                  <c:v>38591</c:v>
                </c:pt>
                <c:pt idx="2066">
                  <c:v>38592</c:v>
                </c:pt>
                <c:pt idx="2067">
                  <c:v>38593</c:v>
                </c:pt>
                <c:pt idx="2068">
                  <c:v>38594</c:v>
                </c:pt>
                <c:pt idx="2069">
                  <c:v>38595</c:v>
                </c:pt>
                <c:pt idx="2070">
                  <c:v>38596</c:v>
                </c:pt>
                <c:pt idx="2071">
                  <c:v>38597</c:v>
                </c:pt>
                <c:pt idx="2072">
                  <c:v>38598</c:v>
                </c:pt>
                <c:pt idx="2073">
                  <c:v>38599</c:v>
                </c:pt>
                <c:pt idx="2074">
                  <c:v>38600</c:v>
                </c:pt>
                <c:pt idx="2075">
                  <c:v>38601</c:v>
                </c:pt>
                <c:pt idx="2076">
                  <c:v>38602</c:v>
                </c:pt>
                <c:pt idx="2077">
                  <c:v>38603</c:v>
                </c:pt>
                <c:pt idx="2078">
                  <c:v>38604</c:v>
                </c:pt>
                <c:pt idx="2079">
                  <c:v>38605</c:v>
                </c:pt>
                <c:pt idx="2080">
                  <c:v>38606</c:v>
                </c:pt>
                <c:pt idx="2081">
                  <c:v>38607</c:v>
                </c:pt>
                <c:pt idx="2082">
                  <c:v>38608</c:v>
                </c:pt>
                <c:pt idx="2083">
                  <c:v>38609</c:v>
                </c:pt>
                <c:pt idx="2084">
                  <c:v>38610</c:v>
                </c:pt>
                <c:pt idx="2085">
                  <c:v>38611</c:v>
                </c:pt>
                <c:pt idx="2086">
                  <c:v>38612</c:v>
                </c:pt>
                <c:pt idx="2087">
                  <c:v>38613</c:v>
                </c:pt>
                <c:pt idx="2088">
                  <c:v>38614</c:v>
                </c:pt>
                <c:pt idx="2089">
                  <c:v>38615</c:v>
                </c:pt>
                <c:pt idx="2090">
                  <c:v>38616</c:v>
                </c:pt>
                <c:pt idx="2091">
                  <c:v>38617</c:v>
                </c:pt>
                <c:pt idx="2092">
                  <c:v>38618</c:v>
                </c:pt>
                <c:pt idx="2093">
                  <c:v>38619</c:v>
                </c:pt>
                <c:pt idx="2094">
                  <c:v>38620</c:v>
                </c:pt>
                <c:pt idx="2095">
                  <c:v>38621</c:v>
                </c:pt>
                <c:pt idx="2096">
                  <c:v>38622</c:v>
                </c:pt>
                <c:pt idx="2097">
                  <c:v>38623</c:v>
                </c:pt>
                <c:pt idx="2098">
                  <c:v>38624</c:v>
                </c:pt>
                <c:pt idx="2099">
                  <c:v>38625</c:v>
                </c:pt>
                <c:pt idx="2100">
                  <c:v>38626</c:v>
                </c:pt>
                <c:pt idx="2101">
                  <c:v>38627</c:v>
                </c:pt>
                <c:pt idx="2102">
                  <c:v>38628</c:v>
                </c:pt>
                <c:pt idx="2103">
                  <c:v>38629</c:v>
                </c:pt>
                <c:pt idx="2104">
                  <c:v>38630</c:v>
                </c:pt>
                <c:pt idx="2105">
                  <c:v>38631</c:v>
                </c:pt>
                <c:pt idx="2106">
                  <c:v>38632</c:v>
                </c:pt>
                <c:pt idx="2107">
                  <c:v>38633</c:v>
                </c:pt>
                <c:pt idx="2108">
                  <c:v>38634</c:v>
                </c:pt>
                <c:pt idx="2109">
                  <c:v>38635</c:v>
                </c:pt>
                <c:pt idx="2110">
                  <c:v>38636</c:v>
                </c:pt>
                <c:pt idx="2111">
                  <c:v>38637</c:v>
                </c:pt>
                <c:pt idx="2112">
                  <c:v>38638</c:v>
                </c:pt>
                <c:pt idx="2113">
                  <c:v>38639</c:v>
                </c:pt>
                <c:pt idx="2114">
                  <c:v>38640</c:v>
                </c:pt>
                <c:pt idx="2115">
                  <c:v>38641</c:v>
                </c:pt>
                <c:pt idx="2116">
                  <c:v>38642</c:v>
                </c:pt>
                <c:pt idx="2117">
                  <c:v>38643</c:v>
                </c:pt>
                <c:pt idx="2118">
                  <c:v>38644</c:v>
                </c:pt>
                <c:pt idx="2119">
                  <c:v>38645</c:v>
                </c:pt>
                <c:pt idx="2120">
                  <c:v>38646</c:v>
                </c:pt>
                <c:pt idx="2121">
                  <c:v>38647</c:v>
                </c:pt>
                <c:pt idx="2122">
                  <c:v>38648</c:v>
                </c:pt>
                <c:pt idx="2123">
                  <c:v>38649</c:v>
                </c:pt>
                <c:pt idx="2124">
                  <c:v>38650</c:v>
                </c:pt>
                <c:pt idx="2125">
                  <c:v>38651</c:v>
                </c:pt>
                <c:pt idx="2126">
                  <c:v>38652</c:v>
                </c:pt>
                <c:pt idx="2127">
                  <c:v>38653</c:v>
                </c:pt>
                <c:pt idx="2128">
                  <c:v>38654</c:v>
                </c:pt>
                <c:pt idx="2129">
                  <c:v>38655</c:v>
                </c:pt>
                <c:pt idx="2130">
                  <c:v>38656</c:v>
                </c:pt>
                <c:pt idx="2131">
                  <c:v>38657</c:v>
                </c:pt>
                <c:pt idx="2132">
                  <c:v>38658</c:v>
                </c:pt>
                <c:pt idx="2133">
                  <c:v>38659</c:v>
                </c:pt>
                <c:pt idx="2134">
                  <c:v>38660</c:v>
                </c:pt>
                <c:pt idx="2135">
                  <c:v>38661</c:v>
                </c:pt>
                <c:pt idx="2136">
                  <c:v>38662</c:v>
                </c:pt>
                <c:pt idx="2137">
                  <c:v>38663</c:v>
                </c:pt>
                <c:pt idx="2138">
                  <c:v>38664</c:v>
                </c:pt>
                <c:pt idx="2139">
                  <c:v>38665</c:v>
                </c:pt>
                <c:pt idx="2140">
                  <c:v>38666</c:v>
                </c:pt>
                <c:pt idx="2141">
                  <c:v>38667</c:v>
                </c:pt>
                <c:pt idx="2142">
                  <c:v>38668</c:v>
                </c:pt>
                <c:pt idx="2143">
                  <c:v>38669</c:v>
                </c:pt>
                <c:pt idx="2144">
                  <c:v>38670</c:v>
                </c:pt>
                <c:pt idx="2145">
                  <c:v>38671</c:v>
                </c:pt>
                <c:pt idx="2146">
                  <c:v>38672</c:v>
                </c:pt>
                <c:pt idx="2147">
                  <c:v>38673</c:v>
                </c:pt>
                <c:pt idx="2148">
                  <c:v>38674</c:v>
                </c:pt>
                <c:pt idx="2149">
                  <c:v>38675</c:v>
                </c:pt>
                <c:pt idx="2150">
                  <c:v>38676</c:v>
                </c:pt>
                <c:pt idx="2151">
                  <c:v>38677</c:v>
                </c:pt>
                <c:pt idx="2152">
                  <c:v>38678</c:v>
                </c:pt>
                <c:pt idx="2153">
                  <c:v>38679</c:v>
                </c:pt>
                <c:pt idx="2154">
                  <c:v>38680</c:v>
                </c:pt>
                <c:pt idx="2155">
                  <c:v>38681</c:v>
                </c:pt>
                <c:pt idx="2156">
                  <c:v>38682</c:v>
                </c:pt>
                <c:pt idx="2157">
                  <c:v>38683</c:v>
                </c:pt>
                <c:pt idx="2158">
                  <c:v>38684</c:v>
                </c:pt>
                <c:pt idx="2159">
                  <c:v>38685</c:v>
                </c:pt>
                <c:pt idx="2160">
                  <c:v>38686</c:v>
                </c:pt>
                <c:pt idx="2161">
                  <c:v>38687</c:v>
                </c:pt>
                <c:pt idx="2162">
                  <c:v>38688</c:v>
                </c:pt>
                <c:pt idx="2163">
                  <c:v>38689</c:v>
                </c:pt>
                <c:pt idx="2164">
                  <c:v>38690</c:v>
                </c:pt>
                <c:pt idx="2165">
                  <c:v>38691</c:v>
                </c:pt>
                <c:pt idx="2166">
                  <c:v>38692</c:v>
                </c:pt>
                <c:pt idx="2167">
                  <c:v>38693</c:v>
                </c:pt>
                <c:pt idx="2168">
                  <c:v>38694</c:v>
                </c:pt>
                <c:pt idx="2169">
                  <c:v>38695</c:v>
                </c:pt>
                <c:pt idx="2170">
                  <c:v>38696</c:v>
                </c:pt>
                <c:pt idx="2171">
                  <c:v>38697</c:v>
                </c:pt>
                <c:pt idx="2172">
                  <c:v>38698</c:v>
                </c:pt>
                <c:pt idx="2173">
                  <c:v>38699</c:v>
                </c:pt>
                <c:pt idx="2174">
                  <c:v>38700</c:v>
                </c:pt>
                <c:pt idx="2175">
                  <c:v>38701</c:v>
                </c:pt>
                <c:pt idx="2176">
                  <c:v>38702</c:v>
                </c:pt>
                <c:pt idx="2177">
                  <c:v>38703</c:v>
                </c:pt>
                <c:pt idx="2178">
                  <c:v>38704</c:v>
                </c:pt>
                <c:pt idx="2179">
                  <c:v>38705</c:v>
                </c:pt>
                <c:pt idx="2180">
                  <c:v>38706</c:v>
                </c:pt>
                <c:pt idx="2181">
                  <c:v>38707</c:v>
                </c:pt>
                <c:pt idx="2182">
                  <c:v>38708</c:v>
                </c:pt>
                <c:pt idx="2183">
                  <c:v>38709</c:v>
                </c:pt>
                <c:pt idx="2184">
                  <c:v>38710</c:v>
                </c:pt>
                <c:pt idx="2185">
                  <c:v>38711</c:v>
                </c:pt>
                <c:pt idx="2186">
                  <c:v>38712</c:v>
                </c:pt>
                <c:pt idx="2187">
                  <c:v>38713</c:v>
                </c:pt>
                <c:pt idx="2188">
                  <c:v>38714</c:v>
                </c:pt>
                <c:pt idx="2189">
                  <c:v>38715</c:v>
                </c:pt>
                <c:pt idx="2190">
                  <c:v>38716</c:v>
                </c:pt>
                <c:pt idx="2191">
                  <c:v>38717</c:v>
                </c:pt>
                <c:pt idx="2192">
                  <c:v>38718</c:v>
                </c:pt>
                <c:pt idx="2193">
                  <c:v>38719</c:v>
                </c:pt>
                <c:pt idx="2194">
                  <c:v>38720</c:v>
                </c:pt>
                <c:pt idx="2195">
                  <c:v>38721</c:v>
                </c:pt>
                <c:pt idx="2196">
                  <c:v>38722</c:v>
                </c:pt>
                <c:pt idx="2197">
                  <c:v>38723</c:v>
                </c:pt>
                <c:pt idx="2198">
                  <c:v>38724</c:v>
                </c:pt>
                <c:pt idx="2199">
                  <c:v>38725</c:v>
                </c:pt>
                <c:pt idx="2200">
                  <c:v>38726</c:v>
                </c:pt>
                <c:pt idx="2201">
                  <c:v>38727</c:v>
                </c:pt>
                <c:pt idx="2202">
                  <c:v>38728</c:v>
                </c:pt>
                <c:pt idx="2203">
                  <c:v>38729</c:v>
                </c:pt>
                <c:pt idx="2204">
                  <c:v>38730</c:v>
                </c:pt>
                <c:pt idx="2205">
                  <c:v>38731</c:v>
                </c:pt>
                <c:pt idx="2206">
                  <c:v>38732</c:v>
                </c:pt>
                <c:pt idx="2207">
                  <c:v>38733</c:v>
                </c:pt>
                <c:pt idx="2208">
                  <c:v>38734</c:v>
                </c:pt>
                <c:pt idx="2209">
                  <c:v>38735</c:v>
                </c:pt>
                <c:pt idx="2210">
                  <c:v>38736</c:v>
                </c:pt>
                <c:pt idx="2211">
                  <c:v>38737</c:v>
                </c:pt>
                <c:pt idx="2212">
                  <c:v>38738</c:v>
                </c:pt>
                <c:pt idx="2213">
                  <c:v>38739</c:v>
                </c:pt>
                <c:pt idx="2214">
                  <c:v>38740</c:v>
                </c:pt>
                <c:pt idx="2215">
                  <c:v>38741</c:v>
                </c:pt>
                <c:pt idx="2216">
                  <c:v>38742</c:v>
                </c:pt>
                <c:pt idx="2217">
                  <c:v>38743</c:v>
                </c:pt>
                <c:pt idx="2218">
                  <c:v>38744</c:v>
                </c:pt>
                <c:pt idx="2219">
                  <c:v>38745</c:v>
                </c:pt>
                <c:pt idx="2220">
                  <c:v>38746</c:v>
                </c:pt>
                <c:pt idx="2221">
                  <c:v>38747</c:v>
                </c:pt>
                <c:pt idx="2222">
                  <c:v>38748</c:v>
                </c:pt>
                <c:pt idx="2223">
                  <c:v>38749</c:v>
                </c:pt>
                <c:pt idx="2224">
                  <c:v>38750</c:v>
                </c:pt>
                <c:pt idx="2225">
                  <c:v>38751</c:v>
                </c:pt>
                <c:pt idx="2226">
                  <c:v>38752</c:v>
                </c:pt>
                <c:pt idx="2227">
                  <c:v>38753</c:v>
                </c:pt>
                <c:pt idx="2228">
                  <c:v>38754</c:v>
                </c:pt>
                <c:pt idx="2229">
                  <c:v>38755</c:v>
                </c:pt>
                <c:pt idx="2230">
                  <c:v>38756</c:v>
                </c:pt>
                <c:pt idx="2231">
                  <c:v>38757</c:v>
                </c:pt>
                <c:pt idx="2232">
                  <c:v>38758</c:v>
                </c:pt>
                <c:pt idx="2233">
                  <c:v>38759</c:v>
                </c:pt>
                <c:pt idx="2234">
                  <c:v>38760</c:v>
                </c:pt>
                <c:pt idx="2235">
                  <c:v>38761</c:v>
                </c:pt>
                <c:pt idx="2236">
                  <c:v>38762</c:v>
                </c:pt>
                <c:pt idx="2237">
                  <c:v>38763</c:v>
                </c:pt>
                <c:pt idx="2238">
                  <c:v>38764</c:v>
                </c:pt>
                <c:pt idx="2239">
                  <c:v>38765</c:v>
                </c:pt>
                <c:pt idx="2240">
                  <c:v>38766</c:v>
                </c:pt>
                <c:pt idx="2241">
                  <c:v>38767</c:v>
                </c:pt>
                <c:pt idx="2242">
                  <c:v>38768</c:v>
                </c:pt>
                <c:pt idx="2243">
                  <c:v>38769</c:v>
                </c:pt>
                <c:pt idx="2244">
                  <c:v>38770</c:v>
                </c:pt>
                <c:pt idx="2245">
                  <c:v>38771</c:v>
                </c:pt>
                <c:pt idx="2246">
                  <c:v>38772</c:v>
                </c:pt>
                <c:pt idx="2247">
                  <c:v>38773</c:v>
                </c:pt>
                <c:pt idx="2248">
                  <c:v>38774</c:v>
                </c:pt>
                <c:pt idx="2249">
                  <c:v>38775</c:v>
                </c:pt>
                <c:pt idx="2250">
                  <c:v>38776</c:v>
                </c:pt>
                <c:pt idx="2251">
                  <c:v>38777</c:v>
                </c:pt>
                <c:pt idx="2252">
                  <c:v>38778</c:v>
                </c:pt>
                <c:pt idx="2253">
                  <c:v>38779</c:v>
                </c:pt>
                <c:pt idx="2254">
                  <c:v>38780</c:v>
                </c:pt>
                <c:pt idx="2255">
                  <c:v>38781</c:v>
                </c:pt>
                <c:pt idx="2256">
                  <c:v>38782</c:v>
                </c:pt>
                <c:pt idx="2257">
                  <c:v>38783</c:v>
                </c:pt>
                <c:pt idx="2258">
                  <c:v>38784</c:v>
                </c:pt>
                <c:pt idx="2259">
                  <c:v>38785</c:v>
                </c:pt>
                <c:pt idx="2260">
                  <c:v>38786</c:v>
                </c:pt>
                <c:pt idx="2261">
                  <c:v>38787</c:v>
                </c:pt>
                <c:pt idx="2262">
                  <c:v>38788</c:v>
                </c:pt>
                <c:pt idx="2263">
                  <c:v>38789</c:v>
                </c:pt>
                <c:pt idx="2264">
                  <c:v>38790</c:v>
                </c:pt>
                <c:pt idx="2265">
                  <c:v>38791</c:v>
                </c:pt>
                <c:pt idx="2266">
                  <c:v>38792</c:v>
                </c:pt>
                <c:pt idx="2267">
                  <c:v>38793</c:v>
                </c:pt>
                <c:pt idx="2268">
                  <c:v>38794</c:v>
                </c:pt>
                <c:pt idx="2269">
                  <c:v>38795</c:v>
                </c:pt>
                <c:pt idx="2270">
                  <c:v>38796</c:v>
                </c:pt>
                <c:pt idx="2271">
                  <c:v>38797</c:v>
                </c:pt>
                <c:pt idx="2272">
                  <c:v>38798</c:v>
                </c:pt>
                <c:pt idx="2273">
                  <c:v>38799</c:v>
                </c:pt>
                <c:pt idx="2274">
                  <c:v>38800</c:v>
                </c:pt>
                <c:pt idx="2275">
                  <c:v>38801</c:v>
                </c:pt>
                <c:pt idx="2276">
                  <c:v>38802</c:v>
                </c:pt>
                <c:pt idx="2277">
                  <c:v>38803</c:v>
                </c:pt>
                <c:pt idx="2278">
                  <c:v>38804</c:v>
                </c:pt>
                <c:pt idx="2279">
                  <c:v>38805</c:v>
                </c:pt>
                <c:pt idx="2280">
                  <c:v>38806</c:v>
                </c:pt>
                <c:pt idx="2281">
                  <c:v>38807</c:v>
                </c:pt>
                <c:pt idx="2282">
                  <c:v>38808</c:v>
                </c:pt>
                <c:pt idx="2283">
                  <c:v>38809</c:v>
                </c:pt>
                <c:pt idx="2284">
                  <c:v>38810</c:v>
                </c:pt>
                <c:pt idx="2285">
                  <c:v>38811</c:v>
                </c:pt>
                <c:pt idx="2286">
                  <c:v>38812</c:v>
                </c:pt>
                <c:pt idx="2287">
                  <c:v>38813</c:v>
                </c:pt>
                <c:pt idx="2288">
                  <c:v>38814</c:v>
                </c:pt>
                <c:pt idx="2289">
                  <c:v>38815</c:v>
                </c:pt>
                <c:pt idx="2290">
                  <c:v>38816</c:v>
                </c:pt>
                <c:pt idx="2291">
                  <c:v>38817</c:v>
                </c:pt>
                <c:pt idx="2292">
                  <c:v>38818</c:v>
                </c:pt>
                <c:pt idx="2293">
                  <c:v>38819</c:v>
                </c:pt>
                <c:pt idx="2294">
                  <c:v>38820</c:v>
                </c:pt>
                <c:pt idx="2295">
                  <c:v>38821</c:v>
                </c:pt>
                <c:pt idx="2296">
                  <c:v>38822</c:v>
                </c:pt>
                <c:pt idx="2297">
                  <c:v>38823</c:v>
                </c:pt>
                <c:pt idx="2298">
                  <c:v>38824</c:v>
                </c:pt>
                <c:pt idx="2299">
                  <c:v>38825</c:v>
                </c:pt>
                <c:pt idx="2300">
                  <c:v>38826</c:v>
                </c:pt>
                <c:pt idx="2301">
                  <c:v>38827</c:v>
                </c:pt>
                <c:pt idx="2302">
                  <c:v>38828</c:v>
                </c:pt>
                <c:pt idx="2303">
                  <c:v>38829</c:v>
                </c:pt>
                <c:pt idx="2304">
                  <c:v>38830</c:v>
                </c:pt>
                <c:pt idx="2305">
                  <c:v>38831</c:v>
                </c:pt>
                <c:pt idx="2306">
                  <c:v>38832</c:v>
                </c:pt>
                <c:pt idx="2307">
                  <c:v>38833</c:v>
                </c:pt>
                <c:pt idx="2308">
                  <c:v>38834</c:v>
                </c:pt>
                <c:pt idx="2309">
                  <c:v>38835</c:v>
                </c:pt>
                <c:pt idx="2310">
                  <c:v>38836</c:v>
                </c:pt>
                <c:pt idx="2311">
                  <c:v>38837</c:v>
                </c:pt>
                <c:pt idx="2312">
                  <c:v>38838</c:v>
                </c:pt>
                <c:pt idx="2313">
                  <c:v>38839</c:v>
                </c:pt>
                <c:pt idx="2314">
                  <c:v>38840</c:v>
                </c:pt>
                <c:pt idx="2315">
                  <c:v>38841</c:v>
                </c:pt>
                <c:pt idx="2316">
                  <c:v>38842</c:v>
                </c:pt>
                <c:pt idx="2317">
                  <c:v>38843</c:v>
                </c:pt>
                <c:pt idx="2318">
                  <c:v>38844</c:v>
                </c:pt>
                <c:pt idx="2319">
                  <c:v>38845</c:v>
                </c:pt>
                <c:pt idx="2320">
                  <c:v>38846</c:v>
                </c:pt>
                <c:pt idx="2321">
                  <c:v>38847</c:v>
                </c:pt>
                <c:pt idx="2322">
                  <c:v>38848</c:v>
                </c:pt>
                <c:pt idx="2323">
                  <c:v>38849</c:v>
                </c:pt>
                <c:pt idx="2324">
                  <c:v>38850</c:v>
                </c:pt>
                <c:pt idx="2325">
                  <c:v>38851</c:v>
                </c:pt>
                <c:pt idx="2326">
                  <c:v>38852</c:v>
                </c:pt>
                <c:pt idx="2327">
                  <c:v>38853</c:v>
                </c:pt>
                <c:pt idx="2328">
                  <c:v>38854</c:v>
                </c:pt>
                <c:pt idx="2329">
                  <c:v>38855</c:v>
                </c:pt>
                <c:pt idx="2330">
                  <c:v>38856</c:v>
                </c:pt>
                <c:pt idx="2331">
                  <c:v>38857</c:v>
                </c:pt>
                <c:pt idx="2332">
                  <c:v>38858</c:v>
                </c:pt>
                <c:pt idx="2333">
                  <c:v>38859</c:v>
                </c:pt>
                <c:pt idx="2334">
                  <c:v>38860</c:v>
                </c:pt>
                <c:pt idx="2335">
                  <c:v>38861</c:v>
                </c:pt>
                <c:pt idx="2336">
                  <c:v>38862</c:v>
                </c:pt>
                <c:pt idx="2337">
                  <c:v>38863</c:v>
                </c:pt>
                <c:pt idx="2338">
                  <c:v>38864</c:v>
                </c:pt>
                <c:pt idx="2339">
                  <c:v>38865</c:v>
                </c:pt>
                <c:pt idx="2340">
                  <c:v>38866</c:v>
                </c:pt>
                <c:pt idx="2341">
                  <c:v>38867</c:v>
                </c:pt>
                <c:pt idx="2342">
                  <c:v>38868</c:v>
                </c:pt>
                <c:pt idx="2343">
                  <c:v>38869</c:v>
                </c:pt>
                <c:pt idx="2344">
                  <c:v>38870</c:v>
                </c:pt>
                <c:pt idx="2345">
                  <c:v>38871</c:v>
                </c:pt>
                <c:pt idx="2346">
                  <c:v>38872</c:v>
                </c:pt>
                <c:pt idx="2347">
                  <c:v>38873</c:v>
                </c:pt>
                <c:pt idx="2348">
                  <c:v>38874</c:v>
                </c:pt>
                <c:pt idx="2349">
                  <c:v>38875</c:v>
                </c:pt>
                <c:pt idx="2350">
                  <c:v>38876</c:v>
                </c:pt>
                <c:pt idx="2351">
                  <c:v>38877</c:v>
                </c:pt>
                <c:pt idx="2352">
                  <c:v>38878</c:v>
                </c:pt>
                <c:pt idx="2353">
                  <c:v>38879</c:v>
                </c:pt>
                <c:pt idx="2354">
                  <c:v>38880</c:v>
                </c:pt>
                <c:pt idx="2355">
                  <c:v>38881</c:v>
                </c:pt>
                <c:pt idx="2356">
                  <c:v>38882</c:v>
                </c:pt>
                <c:pt idx="2357">
                  <c:v>38883</c:v>
                </c:pt>
                <c:pt idx="2358">
                  <c:v>38884</c:v>
                </c:pt>
                <c:pt idx="2359">
                  <c:v>38885</c:v>
                </c:pt>
                <c:pt idx="2360">
                  <c:v>38886</c:v>
                </c:pt>
                <c:pt idx="2361">
                  <c:v>38887</c:v>
                </c:pt>
                <c:pt idx="2362">
                  <c:v>38888</c:v>
                </c:pt>
                <c:pt idx="2363">
                  <c:v>38889</c:v>
                </c:pt>
                <c:pt idx="2364">
                  <c:v>38890</c:v>
                </c:pt>
                <c:pt idx="2365">
                  <c:v>38891</c:v>
                </c:pt>
                <c:pt idx="2366">
                  <c:v>38892</c:v>
                </c:pt>
                <c:pt idx="2367">
                  <c:v>38893</c:v>
                </c:pt>
                <c:pt idx="2368">
                  <c:v>38894</c:v>
                </c:pt>
                <c:pt idx="2369">
                  <c:v>38895</c:v>
                </c:pt>
                <c:pt idx="2370">
                  <c:v>38896</c:v>
                </c:pt>
                <c:pt idx="2371">
                  <c:v>38897</c:v>
                </c:pt>
                <c:pt idx="2372">
                  <c:v>38898</c:v>
                </c:pt>
                <c:pt idx="2373">
                  <c:v>38899</c:v>
                </c:pt>
                <c:pt idx="2374">
                  <c:v>38900</c:v>
                </c:pt>
                <c:pt idx="2375">
                  <c:v>38901</c:v>
                </c:pt>
                <c:pt idx="2376">
                  <c:v>38902</c:v>
                </c:pt>
                <c:pt idx="2377">
                  <c:v>38903</c:v>
                </c:pt>
                <c:pt idx="2378">
                  <c:v>38904</c:v>
                </c:pt>
                <c:pt idx="2379">
                  <c:v>38905</c:v>
                </c:pt>
                <c:pt idx="2380">
                  <c:v>38906</c:v>
                </c:pt>
                <c:pt idx="2381">
                  <c:v>38907</c:v>
                </c:pt>
                <c:pt idx="2382">
                  <c:v>38908</c:v>
                </c:pt>
                <c:pt idx="2383">
                  <c:v>38909</c:v>
                </c:pt>
                <c:pt idx="2384">
                  <c:v>38910</c:v>
                </c:pt>
                <c:pt idx="2385">
                  <c:v>38911</c:v>
                </c:pt>
                <c:pt idx="2386">
                  <c:v>38912</c:v>
                </c:pt>
                <c:pt idx="2387">
                  <c:v>38913</c:v>
                </c:pt>
                <c:pt idx="2388">
                  <c:v>38914</c:v>
                </c:pt>
                <c:pt idx="2389">
                  <c:v>38915</c:v>
                </c:pt>
                <c:pt idx="2390">
                  <c:v>38916</c:v>
                </c:pt>
                <c:pt idx="2391">
                  <c:v>38917</c:v>
                </c:pt>
                <c:pt idx="2392">
                  <c:v>38918</c:v>
                </c:pt>
                <c:pt idx="2393">
                  <c:v>38919</c:v>
                </c:pt>
                <c:pt idx="2394">
                  <c:v>38920</c:v>
                </c:pt>
                <c:pt idx="2395">
                  <c:v>38921</c:v>
                </c:pt>
                <c:pt idx="2396">
                  <c:v>38922</c:v>
                </c:pt>
                <c:pt idx="2397">
                  <c:v>38923</c:v>
                </c:pt>
                <c:pt idx="2398">
                  <c:v>38924</c:v>
                </c:pt>
                <c:pt idx="2399">
                  <c:v>38925</c:v>
                </c:pt>
                <c:pt idx="2400">
                  <c:v>38926</c:v>
                </c:pt>
                <c:pt idx="2401">
                  <c:v>38927</c:v>
                </c:pt>
                <c:pt idx="2402">
                  <c:v>38928</c:v>
                </c:pt>
                <c:pt idx="2403">
                  <c:v>38929</c:v>
                </c:pt>
                <c:pt idx="2404">
                  <c:v>38930</c:v>
                </c:pt>
                <c:pt idx="2405">
                  <c:v>38931</c:v>
                </c:pt>
                <c:pt idx="2406">
                  <c:v>38932</c:v>
                </c:pt>
                <c:pt idx="2407">
                  <c:v>38933</c:v>
                </c:pt>
                <c:pt idx="2408">
                  <c:v>38934</c:v>
                </c:pt>
                <c:pt idx="2409">
                  <c:v>38935</c:v>
                </c:pt>
                <c:pt idx="2410">
                  <c:v>38936</c:v>
                </c:pt>
                <c:pt idx="2411">
                  <c:v>38937</c:v>
                </c:pt>
                <c:pt idx="2412">
                  <c:v>38938</c:v>
                </c:pt>
                <c:pt idx="2413">
                  <c:v>38939</c:v>
                </c:pt>
                <c:pt idx="2414">
                  <c:v>38940</c:v>
                </c:pt>
                <c:pt idx="2415">
                  <c:v>38941</c:v>
                </c:pt>
                <c:pt idx="2416">
                  <c:v>38942</c:v>
                </c:pt>
                <c:pt idx="2417">
                  <c:v>38943</c:v>
                </c:pt>
                <c:pt idx="2418">
                  <c:v>38944</c:v>
                </c:pt>
                <c:pt idx="2419">
                  <c:v>38945</c:v>
                </c:pt>
                <c:pt idx="2420">
                  <c:v>38946</c:v>
                </c:pt>
                <c:pt idx="2421">
                  <c:v>38947</c:v>
                </c:pt>
                <c:pt idx="2422">
                  <c:v>38948</c:v>
                </c:pt>
                <c:pt idx="2423">
                  <c:v>38949</c:v>
                </c:pt>
                <c:pt idx="2424">
                  <c:v>38950</c:v>
                </c:pt>
                <c:pt idx="2425">
                  <c:v>38951</c:v>
                </c:pt>
                <c:pt idx="2426">
                  <c:v>38952</c:v>
                </c:pt>
                <c:pt idx="2427">
                  <c:v>38953</c:v>
                </c:pt>
                <c:pt idx="2428">
                  <c:v>38954</c:v>
                </c:pt>
                <c:pt idx="2429">
                  <c:v>38955</c:v>
                </c:pt>
                <c:pt idx="2430">
                  <c:v>38956</c:v>
                </c:pt>
                <c:pt idx="2431">
                  <c:v>38957</c:v>
                </c:pt>
                <c:pt idx="2432">
                  <c:v>38958</c:v>
                </c:pt>
                <c:pt idx="2433">
                  <c:v>38959</c:v>
                </c:pt>
                <c:pt idx="2434">
                  <c:v>38960</c:v>
                </c:pt>
                <c:pt idx="2435">
                  <c:v>38961</c:v>
                </c:pt>
                <c:pt idx="2436">
                  <c:v>38962</c:v>
                </c:pt>
                <c:pt idx="2437">
                  <c:v>38963</c:v>
                </c:pt>
                <c:pt idx="2438">
                  <c:v>38964</c:v>
                </c:pt>
                <c:pt idx="2439">
                  <c:v>38965</c:v>
                </c:pt>
                <c:pt idx="2440">
                  <c:v>38966</c:v>
                </c:pt>
                <c:pt idx="2441">
                  <c:v>38967</c:v>
                </c:pt>
                <c:pt idx="2442">
                  <c:v>38968</c:v>
                </c:pt>
                <c:pt idx="2443">
                  <c:v>38969</c:v>
                </c:pt>
                <c:pt idx="2444">
                  <c:v>38970</c:v>
                </c:pt>
                <c:pt idx="2445">
                  <c:v>38971</c:v>
                </c:pt>
                <c:pt idx="2446">
                  <c:v>38972</c:v>
                </c:pt>
                <c:pt idx="2447">
                  <c:v>38973</c:v>
                </c:pt>
                <c:pt idx="2448">
                  <c:v>38974</c:v>
                </c:pt>
                <c:pt idx="2449">
                  <c:v>38975</c:v>
                </c:pt>
                <c:pt idx="2450">
                  <c:v>38976</c:v>
                </c:pt>
                <c:pt idx="2451">
                  <c:v>38977</c:v>
                </c:pt>
                <c:pt idx="2452">
                  <c:v>38978</c:v>
                </c:pt>
                <c:pt idx="2453">
                  <c:v>38979</c:v>
                </c:pt>
                <c:pt idx="2454">
                  <c:v>38980</c:v>
                </c:pt>
                <c:pt idx="2455">
                  <c:v>38981</c:v>
                </c:pt>
                <c:pt idx="2456">
                  <c:v>38982</c:v>
                </c:pt>
                <c:pt idx="2457">
                  <c:v>38983</c:v>
                </c:pt>
                <c:pt idx="2458">
                  <c:v>38984</c:v>
                </c:pt>
                <c:pt idx="2459">
                  <c:v>38985</c:v>
                </c:pt>
                <c:pt idx="2460">
                  <c:v>38986</c:v>
                </c:pt>
                <c:pt idx="2461">
                  <c:v>38987</c:v>
                </c:pt>
                <c:pt idx="2462">
                  <c:v>38988</c:v>
                </c:pt>
                <c:pt idx="2463">
                  <c:v>38989</c:v>
                </c:pt>
                <c:pt idx="2464">
                  <c:v>38990</c:v>
                </c:pt>
                <c:pt idx="2465">
                  <c:v>38991</c:v>
                </c:pt>
                <c:pt idx="2466">
                  <c:v>38992</c:v>
                </c:pt>
                <c:pt idx="2467">
                  <c:v>38993</c:v>
                </c:pt>
                <c:pt idx="2468">
                  <c:v>38994</c:v>
                </c:pt>
                <c:pt idx="2469">
                  <c:v>38995</c:v>
                </c:pt>
                <c:pt idx="2470">
                  <c:v>38996</c:v>
                </c:pt>
                <c:pt idx="2471">
                  <c:v>38997</c:v>
                </c:pt>
                <c:pt idx="2472">
                  <c:v>38998</c:v>
                </c:pt>
                <c:pt idx="2473">
                  <c:v>38999</c:v>
                </c:pt>
                <c:pt idx="2474">
                  <c:v>39000</c:v>
                </c:pt>
                <c:pt idx="2475">
                  <c:v>39001</c:v>
                </c:pt>
                <c:pt idx="2476">
                  <c:v>39002</c:v>
                </c:pt>
                <c:pt idx="2477">
                  <c:v>39003</c:v>
                </c:pt>
                <c:pt idx="2478">
                  <c:v>39004</c:v>
                </c:pt>
                <c:pt idx="2479">
                  <c:v>39005</c:v>
                </c:pt>
                <c:pt idx="2480">
                  <c:v>39006</c:v>
                </c:pt>
                <c:pt idx="2481">
                  <c:v>39007</c:v>
                </c:pt>
                <c:pt idx="2482">
                  <c:v>39008</c:v>
                </c:pt>
                <c:pt idx="2483">
                  <c:v>39009</c:v>
                </c:pt>
                <c:pt idx="2484">
                  <c:v>39010</c:v>
                </c:pt>
                <c:pt idx="2485">
                  <c:v>39011</c:v>
                </c:pt>
                <c:pt idx="2486">
                  <c:v>39012</c:v>
                </c:pt>
                <c:pt idx="2487">
                  <c:v>39013</c:v>
                </c:pt>
                <c:pt idx="2488">
                  <c:v>39014</c:v>
                </c:pt>
                <c:pt idx="2489">
                  <c:v>39015</c:v>
                </c:pt>
                <c:pt idx="2490">
                  <c:v>39016</c:v>
                </c:pt>
                <c:pt idx="2491">
                  <c:v>39017</c:v>
                </c:pt>
                <c:pt idx="2492">
                  <c:v>39018</c:v>
                </c:pt>
                <c:pt idx="2493">
                  <c:v>39019</c:v>
                </c:pt>
                <c:pt idx="2494">
                  <c:v>39020</c:v>
                </c:pt>
                <c:pt idx="2495">
                  <c:v>39021</c:v>
                </c:pt>
                <c:pt idx="2496">
                  <c:v>39022</c:v>
                </c:pt>
                <c:pt idx="2497">
                  <c:v>39023</c:v>
                </c:pt>
                <c:pt idx="2498">
                  <c:v>39024</c:v>
                </c:pt>
                <c:pt idx="2499">
                  <c:v>39025</c:v>
                </c:pt>
                <c:pt idx="2500">
                  <c:v>39026</c:v>
                </c:pt>
                <c:pt idx="2501">
                  <c:v>39027</c:v>
                </c:pt>
                <c:pt idx="2502">
                  <c:v>39028</c:v>
                </c:pt>
                <c:pt idx="2503">
                  <c:v>39029</c:v>
                </c:pt>
                <c:pt idx="2504">
                  <c:v>39030</c:v>
                </c:pt>
                <c:pt idx="2505">
                  <c:v>39031</c:v>
                </c:pt>
                <c:pt idx="2506">
                  <c:v>39032</c:v>
                </c:pt>
                <c:pt idx="2507">
                  <c:v>39033</c:v>
                </c:pt>
                <c:pt idx="2508">
                  <c:v>39034</c:v>
                </c:pt>
                <c:pt idx="2509">
                  <c:v>39035</c:v>
                </c:pt>
                <c:pt idx="2510">
                  <c:v>39036</c:v>
                </c:pt>
                <c:pt idx="2511">
                  <c:v>39037</c:v>
                </c:pt>
                <c:pt idx="2512">
                  <c:v>39038</c:v>
                </c:pt>
                <c:pt idx="2513">
                  <c:v>39039</c:v>
                </c:pt>
                <c:pt idx="2514">
                  <c:v>39040</c:v>
                </c:pt>
                <c:pt idx="2515">
                  <c:v>39041</c:v>
                </c:pt>
                <c:pt idx="2516">
                  <c:v>39042</c:v>
                </c:pt>
                <c:pt idx="2517">
                  <c:v>39043</c:v>
                </c:pt>
                <c:pt idx="2518">
                  <c:v>39044</c:v>
                </c:pt>
                <c:pt idx="2519">
                  <c:v>39045</c:v>
                </c:pt>
                <c:pt idx="2520">
                  <c:v>39046</c:v>
                </c:pt>
                <c:pt idx="2521">
                  <c:v>39047</c:v>
                </c:pt>
                <c:pt idx="2522">
                  <c:v>39048</c:v>
                </c:pt>
                <c:pt idx="2523">
                  <c:v>39049</c:v>
                </c:pt>
                <c:pt idx="2524">
                  <c:v>39050</c:v>
                </c:pt>
                <c:pt idx="2525">
                  <c:v>39051</c:v>
                </c:pt>
                <c:pt idx="2526">
                  <c:v>39052</c:v>
                </c:pt>
                <c:pt idx="2527">
                  <c:v>39053</c:v>
                </c:pt>
                <c:pt idx="2528">
                  <c:v>39054</c:v>
                </c:pt>
                <c:pt idx="2529">
                  <c:v>39055</c:v>
                </c:pt>
                <c:pt idx="2530">
                  <c:v>39056</c:v>
                </c:pt>
                <c:pt idx="2531">
                  <c:v>39057</c:v>
                </c:pt>
                <c:pt idx="2532">
                  <c:v>39058</c:v>
                </c:pt>
                <c:pt idx="2533">
                  <c:v>39059</c:v>
                </c:pt>
                <c:pt idx="2534">
                  <c:v>39060</c:v>
                </c:pt>
                <c:pt idx="2535">
                  <c:v>39061</c:v>
                </c:pt>
                <c:pt idx="2536">
                  <c:v>39062</c:v>
                </c:pt>
                <c:pt idx="2537">
                  <c:v>39063</c:v>
                </c:pt>
                <c:pt idx="2538">
                  <c:v>39064</c:v>
                </c:pt>
                <c:pt idx="2539">
                  <c:v>39065</c:v>
                </c:pt>
                <c:pt idx="2540">
                  <c:v>39066</c:v>
                </c:pt>
                <c:pt idx="2541">
                  <c:v>39067</c:v>
                </c:pt>
                <c:pt idx="2542">
                  <c:v>39068</c:v>
                </c:pt>
                <c:pt idx="2543">
                  <c:v>39069</c:v>
                </c:pt>
                <c:pt idx="2544">
                  <c:v>39070</c:v>
                </c:pt>
                <c:pt idx="2545">
                  <c:v>39071</c:v>
                </c:pt>
                <c:pt idx="2546">
                  <c:v>39072</c:v>
                </c:pt>
                <c:pt idx="2547">
                  <c:v>39073</c:v>
                </c:pt>
                <c:pt idx="2548">
                  <c:v>39074</c:v>
                </c:pt>
                <c:pt idx="2549">
                  <c:v>39075</c:v>
                </c:pt>
                <c:pt idx="2550">
                  <c:v>39076</c:v>
                </c:pt>
                <c:pt idx="2551">
                  <c:v>39077</c:v>
                </c:pt>
                <c:pt idx="2552">
                  <c:v>39078</c:v>
                </c:pt>
                <c:pt idx="2553">
                  <c:v>39079</c:v>
                </c:pt>
                <c:pt idx="2554">
                  <c:v>39080</c:v>
                </c:pt>
                <c:pt idx="2555">
                  <c:v>39081</c:v>
                </c:pt>
                <c:pt idx="2556">
                  <c:v>39082</c:v>
                </c:pt>
                <c:pt idx="2557">
                  <c:v>39083</c:v>
                </c:pt>
                <c:pt idx="2558">
                  <c:v>39084</c:v>
                </c:pt>
                <c:pt idx="2559">
                  <c:v>39085</c:v>
                </c:pt>
                <c:pt idx="2560">
                  <c:v>39086</c:v>
                </c:pt>
                <c:pt idx="2561">
                  <c:v>39087</c:v>
                </c:pt>
                <c:pt idx="2562">
                  <c:v>39088</c:v>
                </c:pt>
                <c:pt idx="2563">
                  <c:v>39089</c:v>
                </c:pt>
                <c:pt idx="2564">
                  <c:v>39090</c:v>
                </c:pt>
                <c:pt idx="2565">
                  <c:v>39091</c:v>
                </c:pt>
                <c:pt idx="2566">
                  <c:v>39092</c:v>
                </c:pt>
                <c:pt idx="2567">
                  <c:v>39093</c:v>
                </c:pt>
                <c:pt idx="2568">
                  <c:v>39094</c:v>
                </c:pt>
                <c:pt idx="2569">
                  <c:v>39095</c:v>
                </c:pt>
                <c:pt idx="2570">
                  <c:v>39096</c:v>
                </c:pt>
                <c:pt idx="2571">
                  <c:v>39097</c:v>
                </c:pt>
                <c:pt idx="2572">
                  <c:v>39098</c:v>
                </c:pt>
                <c:pt idx="2573">
                  <c:v>39099</c:v>
                </c:pt>
                <c:pt idx="2574">
                  <c:v>39100</c:v>
                </c:pt>
                <c:pt idx="2575">
                  <c:v>39101</c:v>
                </c:pt>
                <c:pt idx="2576">
                  <c:v>39102</c:v>
                </c:pt>
                <c:pt idx="2577">
                  <c:v>39103</c:v>
                </c:pt>
                <c:pt idx="2578">
                  <c:v>39104</c:v>
                </c:pt>
                <c:pt idx="2579">
                  <c:v>39105</c:v>
                </c:pt>
                <c:pt idx="2580">
                  <c:v>39106</c:v>
                </c:pt>
                <c:pt idx="2581">
                  <c:v>39107</c:v>
                </c:pt>
                <c:pt idx="2582">
                  <c:v>39108</c:v>
                </c:pt>
                <c:pt idx="2583">
                  <c:v>39109</c:v>
                </c:pt>
                <c:pt idx="2584">
                  <c:v>39110</c:v>
                </c:pt>
                <c:pt idx="2585">
                  <c:v>39111</c:v>
                </c:pt>
                <c:pt idx="2586">
                  <c:v>39112</c:v>
                </c:pt>
                <c:pt idx="2587">
                  <c:v>39113</c:v>
                </c:pt>
                <c:pt idx="2588">
                  <c:v>39114</c:v>
                </c:pt>
                <c:pt idx="2589">
                  <c:v>39115</c:v>
                </c:pt>
                <c:pt idx="2590">
                  <c:v>39116</c:v>
                </c:pt>
                <c:pt idx="2591">
                  <c:v>39117</c:v>
                </c:pt>
                <c:pt idx="2592">
                  <c:v>39118</c:v>
                </c:pt>
                <c:pt idx="2593">
                  <c:v>39119</c:v>
                </c:pt>
                <c:pt idx="2594">
                  <c:v>39120</c:v>
                </c:pt>
                <c:pt idx="2595">
                  <c:v>39121</c:v>
                </c:pt>
                <c:pt idx="2596">
                  <c:v>39122</c:v>
                </c:pt>
                <c:pt idx="2597">
                  <c:v>39123</c:v>
                </c:pt>
                <c:pt idx="2598">
                  <c:v>39124</c:v>
                </c:pt>
                <c:pt idx="2599">
                  <c:v>39125</c:v>
                </c:pt>
                <c:pt idx="2600">
                  <c:v>39126</c:v>
                </c:pt>
                <c:pt idx="2601">
                  <c:v>39127</c:v>
                </c:pt>
                <c:pt idx="2602">
                  <c:v>39128</c:v>
                </c:pt>
                <c:pt idx="2603">
                  <c:v>39129</c:v>
                </c:pt>
                <c:pt idx="2604">
                  <c:v>39130</c:v>
                </c:pt>
                <c:pt idx="2605">
                  <c:v>39131</c:v>
                </c:pt>
                <c:pt idx="2606">
                  <c:v>39132</c:v>
                </c:pt>
                <c:pt idx="2607">
                  <c:v>39133</c:v>
                </c:pt>
                <c:pt idx="2608">
                  <c:v>39134</c:v>
                </c:pt>
                <c:pt idx="2609">
                  <c:v>39135</c:v>
                </c:pt>
                <c:pt idx="2610">
                  <c:v>39136</c:v>
                </c:pt>
                <c:pt idx="2611">
                  <c:v>39137</c:v>
                </c:pt>
                <c:pt idx="2612">
                  <c:v>39138</c:v>
                </c:pt>
                <c:pt idx="2613">
                  <c:v>39139</c:v>
                </c:pt>
                <c:pt idx="2614">
                  <c:v>39140</c:v>
                </c:pt>
                <c:pt idx="2615">
                  <c:v>39141</c:v>
                </c:pt>
                <c:pt idx="2616">
                  <c:v>39142</c:v>
                </c:pt>
                <c:pt idx="2617">
                  <c:v>39143</c:v>
                </c:pt>
                <c:pt idx="2618">
                  <c:v>39144</c:v>
                </c:pt>
                <c:pt idx="2619">
                  <c:v>39145</c:v>
                </c:pt>
                <c:pt idx="2620">
                  <c:v>39146</c:v>
                </c:pt>
                <c:pt idx="2621">
                  <c:v>39147</c:v>
                </c:pt>
                <c:pt idx="2622">
                  <c:v>39148</c:v>
                </c:pt>
                <c:pt idx="2623">
                  <c:v>39149</c:v>
                </c:pt>
                <c:pt idx="2624">
                  <c:v>39150</c:v>
                </c:pt>
                <c:pt idx="2625">
                  <c:v>39151</c:v>
                </c:pt>
                <c:pt idx="2626">
                  <c:v>39152</c:v>
                </c:pt>
                <c:pt idx="2627">
                  <c:v>39153</c:v>
                </c:pt>
                <c:pt idx="2628">
                  <c:v>39154</c:v>
                </c:pt>
                <c:pt idx="2629">
                  <c:v>39155</c:v>
                </c:pt>
                <c:pt idx="2630">
                  <c:v>39156</c:v>
                </c:pt>
                <c:pt idx="2631">
                  <c:v>39157</c:v>
                </c:pt>
                <c:pt idx="2632">
                  <c:v>39158</c:v>
                </c:pt>
                <c:pt idx="2633">
                  <c:v>39159</c:v>
                </c:pt>
                <c:pt idx="2634">
                  <c:v>39160</c:v>
                </c:pt>
                <c:pt idx="2635">
                  <c:v>39161</c:v>
                </c:pt>
                <c:pt idx="2636">
                  <c:v>39162</c:v>
                </c:pt>
                <c:pt idx="2637">
                  <c:v>39163</c:v>
                </c:pt>
                <c:pt idx="2638">
                  <c:v>39164</c:v>
                </c:pt>
                <c:pt idx="2639">
                  <c:v>39165</c:v>
                </c:pt>
                <c:pt idx="2640">
                  <c:v>39166</c:v>
                </c:pt>
                <c:pt idx="2641">
                  <c:v>39167</c:v>
                </c:pt>
                <c:pt idx="2642">
                  <c:v>39168</c:v>
                </c:pt>
                <c:pt idx="2643">
                  <c:v>39169</c:v>
                </c:pt>
                <c:pt idx="2644">
                  <c:v>39170</c:v>
                </c:pt>
                <c:pt idx="2645">
                  <c:v>39171</c:v>
                </c:pt>
                <c:pt idx="2646">
                  <c:v>39172</c:v>
                </c:pt>
                <c:pt idx="2647">
                  <c:v>39173</c:v>
                </c:pt>
                <c:pt idx="2648">
                  <c:v>39174</c:v>
                </c:pt>
                <c:pt idx="2649">
                  <c:v>39175</c:v>
                </c:pt>
                <c:pt idx="2650">
                  <c:v>39176</c:v>
                </c:pt>
                <c:pt idx="2651">
                  <c:v>39177</c:v>
                </c:pt>
                <c:pt idx="2652">
                  <c:v>39178</c:v>
                </c:pt>
                <c:pt idx="2653">
                  <c:v>39179</c:v>
                </c:pt>
                <c:pt idx="2654">
                  <c:v>39180</c:v>
                </c:pt>
                <c:pt idx="2655">
                  <c:v>39181</c:v>
                </c:pt>
                <c:pt idx="2656">
                  <c:v>39182</c:v>
                </c:pt>
                <c:pt idx="2657">
                  <c:v>39183</c:v>
                </c:pt>
                <c:pt idx="2658">
                  <c:v>39184</c:v>
                </c:pt>
                <c:pt idx="2659">
                  <c:v>39185</c:v>
                </c:pt>
                <c:pt idx="2660">
                  <c:v>39186</c:v>
                </c:pt>
                <c:pt idx="2661">
                  <c:v>39187</c:v>
                </c:pt>
                <c:pt idx="2662">
                  <c:v>39188</c:v>
                </c:pt>
                <c:pt idx="2663">
                  <c:v>39189</c:v>
                </c:pt>
                <c:pt idx="2664">
                  <c:v>39190</c:v>
                </c:pt>
                <c:pt idx="2665">
                  <c:v>39191</c:v>
                </c:pt>
                <c:pt idx="2666">
                  <c:v>39192</c:v>
                </c:pt>
                <c:pt idx="2667">
                  <c:v>39193</c:v>
                </c:pt>
                <c:pt idx="2668">
                  <c:v>39194</c:v>
                </c:pt>
                <c:pt idx="2669">
                  <c:v>39195</c:v>
                </c:pt>
                <c:pt idx="2670">
                  <c:v>39196</c:v>
                </c:pt>
                <c:pt idx="2671">
                  <c:v>39197</c:v>
                </c:pt>
                <c:pt idx="2672">
                  <c:v>39198</c:v>
                </c:pt>
                <c:pt idx="2673">
                  <c:v>39199</c:v>
                </c:pt>
                <c:pt idx="2674">
                  <c:v>39200</c:v>
                </c:pt>
                <c:pt idx="2675">
                  <c:v>39201</c:v>
                </c:pt>
                <c:pt idx="2676">
                  <c:v>39202</c:v>
                </c:pt>
                <c:pt idx="2677">
                  <c:v>39203</c:v>
                </c:pt>
                <c:pt idx="2678">
                  <c:v>39204</c:v>
                </c:pt>
                <c:pt idx="2679">
                  <c:v>39205</c:v>
                </c:pt>
                <c:pt idx="2680">
                  <c:v>39206</c:v>
                </c:pt>
                <c:pt idx="2681">
                  <c:v>39207</c:v>
                </c:pt>
                <c:pt idx="2682">
                  <c:v>39208</c:v>
                </c:pt>
                <c:pt idx="2683">
                  <c:v>39209</c:v>
                </c:pt>
                <c:pt idx="2684">
                  <c:v>39210</c:v>
                </c:pt>
                <c:pt idx="2685">
                  <c:v>39211</c:v>
                </c:pt>
                <c:pt idx="2686">
                  <c:v>39212</c:v>
                </c:pt>
                <c:pt idx="2687">
                  <c:v>39213</c:v>
                </c:pt>
                <c:pt idx="2688">
                  <c:v>39214</c:v>
                </c:pt>
                <c:pt idx="2689">
                  <c:v>39215</c:v>
                </c:pt>
                <c:pt idx="2690">
                  <c:v>39216</c:v>
                </c:pt>
                <c:pt idx="2691">
                  <c:v>39217</c:v>
                </c:pt>
                <c:pt idx="2692">
                  <c:v>39218</c:v>
                </c:pt>
                <c:pt idx="2693">
                  <c:v>39219</c:v>
                </c:pt>
                <c:pt idx="2694">
                  <c:v>39220</c:v>
                </c:pt>
                <c:pt idx="2695">
                  <c:v>39221</c:v>
                </c:pt>
                <c:pt idx="2696">
                  <c:v>39222</c:v>
                </c:pt>
                <c:pt idx="2697">
                  <c:v>39223</c:v>
                </c:pt>
                <c:pt idx="2698">
                  <c:v>39224</c:v>
                </c:pt>
                <c:pt idx="2699">
                  <c:v>39225</c:v>
                </c:pt>
                <c:pt idx="2700">
                  <c:v>39226</c:v>
                </c:pt>
                <c:pt idx="2701">
                  <c:v>39227</c:v>
                </c:pt>
                <c:pt idx="2702">
                  <c:v>39228</c:v>
                </c:pt>
                <c:pt idx="2703">
                  <c:v>39229</c:v>
                </c:pt>
                <c:pt idx="2704">
                  <c:v>39230</c:v>
                </c:pt>
                <c:pt idx="2705">
                  <c:v>39231</c:v>
                </c:pt>
                <c:pt idx="2706">
                  <c:v>39232</c:v>
                </c:pt>
                <c:pt idx="2707">
                  <c:v>39233</c:v>
                </c:pt>
                <c:pt idx="2708">
                  <c:v>39234</c:v>
                </c:pt>
                <c:pt idx="2709">
                  <c:v>39235</c:v>
                </c:pt>
                <c:pt idx="2710">
                  <c:v>39236</c:v>
                </c:pt>
                <c:pt idx="2711">
                  <c:v>39237</c:v>
                </c:pt>
                <c:pt idx="2712">
                  <c:v>39238</c:v>
                </c:pt>
                <c:pt idx="2713">
                  <c:v>39239</c:v>
                </c:pt>
                <c:pt idx="2714">
                  <c:v>39240</c:v>
                </c:pt>
                <c:pt idx="2715">
                  <c:v>39241</c:v>
                </c:pt>
                <c:pt idx="2716">
                  <c:v>39242</c:v>
                </c:pt>
                <c:pt idx="2717">
                  <c:v>39243</c:v>
                </c:pt>
                <c:pt idx="2718">
                  <c:v>39244</c:v>
                </c:pt>
                <c:pt idx="2719">
                  <c:v>39245</c:v>
                </c:pt>
                <c:pt idx="2720">
                  <c:v>39246</c:v>
                </c:pt>
                <c:pt idx="2721">
                  <c:v>39247</c:v>
                </c:pt>
                <c:pt idx="2722">
                  <c:v>39248</c:v>
                </c:pt>
                <c:pt idx="2723">
                  <c:v>39249</c:v>
                </c:pt>
                <c:pt idx="2724">
                  <c:v>39250</c:v>
                </c:pt>
                <c:pt idx="2725">
                  <c:v>39251</c:v>
                </c:pt>
                <c:pt idx="2726">
                  <c:v>39252</c:v>
                </c:pt>
                <c:pt idx="2727">
                  <c:v>39253</c:v>
                </c:pt>
                <c:pt idx="2728">
                  <c:v>39254</c:v>
                </c:pt>
                <c:pt idx="2729">
                  <c:v>39255</c:v>
                </c:pt>
                <c:pt idx="2730">
                  <c:v>39256</c:v>
                </c:pt>
                <c:pt idx="2731">
                  <c:v>39257</c:v>
                </c:pt>
                <c:pt idx="2732">
                  <c:v>39258</c:v>
                </c:pt>
                <c:pt idx="2733">
                  <c:v>39259</c:v>
                </c:pt>
                <c:pt idx="2734">
                  <c:v>39260</c:v>
                </c:pt>
                <c:pt idx="2735">
                  <c:v>39261</c:v>
                </c:pt>
                <c:pt idx="2736">
                  <c:v>39262</c:v>
                </c:pt>
                <c:pt idx="2737">
                  <c:v>39263</c:v>
                </c:pt>
                <c:pt idx="2738">
                  <c:v>39264</c:v>
                </c:pt>
                <c:pt idx="2739">
                  <c:v>39265</c:v>
                </c:pt>
                <c:pt idx="2740">
                  <c:v>39266</c:v>
                </c:pt>
                <c:pt idx="2741">
                  <c:v>39267</c:v>
                </c:pt>
                <c:pt idx="2742">
                  <c:v>39268</c:v>
                </c:pt>
                <c:pt idx="2743">
                  <c:v>39269</c:v>
                </c:pt>
                <c:pt idx="2744">
                  <c:v>39270</c:v>
                </c:pt>
                <c:pt idx="2745">
                  <c:v>39271</c:v>
                </c:pt>
                <c:pt idx="2746">
                  <c:v>39272</c:v>
                </c:pt>
                <c:pt idx="2747">
                  <c:v>39273</c:v>
                </c:pt>
                <c:pt idx="2748">
                  <c:v>39274</c:v>
                </c:pt>
                <c:pt idx="2749">
                  <c:v>39275</c:v>
                </c:pt>
                <c:pt idx="2750">
                  <c:v>39276</c:v>
                </c:pt>
                <c:pt idx="2751">
                  <c:v>39277</c:v>
                </c:pt>
                <c:pt idx="2752">
                  <c:v>39278</c:v>
                </c:pt>
                <c:pt idx="2753">
                  <c:v>39279</c:v>
                </c:pt>
                <c:pt idx="2754">
                  <c:v>39280</c:v>
                </c:pt>
                <c:pt idx="2755">
                  <c:v>39281</c:v>
                </c:pt>
                <c:pt idx="2756">
                  <c:v>39282</c:v>
                </c:pt>
                <c:pt idx="2757">
                  <c:v>39283</c:v>
                </c:pt>
                <c:pt idx="2758">
                  <c:v>39284</c:v>
                </c:pt>
                <c:pt idx="2759">
                  <c:v>39285</c:v>
                </c:pt>
                <c:pt idx="2760">
                  <c:v>39286</c:v>
                </c:pt>
                <c:pt idx="2761">
                  <c:v>39287</c:v>
                </c:pt>
                <c:pt idx="2762">
                  <c:v>39288</c:v>
                </c:pt>
                <c:pt idx="2763">
                  <c:v>39289</c:v>
                </c:pt>
                <c:pt idx="2764">
                  <c:v>39290</c:v>
                </c:pt>
                <c:pt idx="2765">
                  <c:v>39291</c:v>
                </c:pt>
                <c:pt idx="2766">
                  <c:v>39292</c:v>
                </c:pt>
                <c:pt idx="2767">
                  <c:v>39293</c:v>
                </c:pt>
                <c:pt idx="2768">
                  <c:v>39294</c:v>
                </c:pt>
                <c:pt idx="2769">
                  <c:v>39295</c:v>
                </c:pt>
                <c:pt idx="2770">
                  <c:v>39296</c:v>
                </c:pt>
                <c:pt idx="2771">
                  <c:v>39297</c:v>
                </c:pt>
                <c:pt idx="2772">
                  <c:v>39298</c:v>
                </c:pt>
                <c:pt idx="2773">
                  <c:v>39299</c:v>
                </c:pt>
                <c:pt idx="2774">
                  <c:v>39300</c:v>
                </c:pt>
                <c:pt idx="2775">
                  <c:v>39301</c:v>
                </c:pt>
                <c:pt idx="2776">
                  <c:v>39302</c:v>
                </c:pt>
                <c:pt idx="2777">
                  <c:v>39303</c:v>
                </c:pt>
                <c:pt idx="2778">
                  <c:v>39304</c:v>
                </c:pt>
                <c:pt idx="2779">
                  <c:v>39305</c:v>
                </c:pt>
                <c:pt idx="2780">
                  <c:v>39306</c:v>
                </c:pt>
                <c:pt idx="2781">
                  <c:v>39307</c:v>
                </c:pt>
                <c:pt idx="2782">
                  <c:v>39308</c:v>
                </c:pt>
                <c:pt idx="2783">
                  <c:v>39309</c:v>
                </c:pt>
                <c:pt idx="2784">
                  <c:v>39310</c:v>
                </c:pt>
                <c:pt idx="2785">
                  <c:v>39311</c:v>
                </c:pt>
                <c:pt idx="2786">
                  <c:v>39312</c:v>
                </c:pt>
                <c:pt idx="2787">
                  <c:v>39313</c:v>
                </c:pt>
                <c:pt idx="2788">
                  <c:v>39314</c:v>
                </c:pt>
                <c:pt idx="2789">
                  <c:v>39315</c:v>
                </c:pt>
                <c:pt idx="2790">
                  <c:v>39316</c:v>
                </c:pt>
                <c:pt idx="2791">
                  <c:v>39317</c:v>
                </c:pt>
                <c:pt idx="2792">
                  <c:v>39318</c:v>
                </c:pt>
                <c:pt idx="2793">
                  <c:v>39319</c:v>
                </c:pt>
                <c:pt idx="2794">
                  <c:v>39320</c:v>
                </c:pt>
                <c:pt idx="2795">
                  <c:v>39321</c:v>
                </c:pt>
                <c:pt idx="2796">
                  <c:v>39322</c:v>
                </c:pt>
                <c:pt idx="2797">
                  <c:v>39323</c:v>
                </c:pt>
                <c:pt idx="2798">
                  <c:v>39324</c:v>
                </c:pt>
                <c:pt idx="2799">
                  <c:v>39325</c:v>
                </c:pt>
                <c:pt idx="2800">
                  <c:v>39326</c:v>
                </c:pt>
                <c:pt idx="2801">
                  <c:v>39327</c:v>
                </c:pt>
                <c:pt idx="2802">
                  <c:v>39328</c:v>
                </c:pt>
                <c:pt idx="2803">
                  <c:v>39329</c:v>
                </c:pt>
                <c:pt idx="2804">
                  <c:v>39330</c:v>
                </c:pt>
                <c:pt idx="2805">
                  <c:v>39331</c:v>
                </c:pt>
                <c:pt idx="2806">
                  <c:v>39332</c:v>
                </c:pt>
                <c:pt idx="2807">
                  <c:v>39333</c:v>
                </c:pt>
                <c:pt idx="2808">
                  <c:v>39334</c:v>
                </c:pt>
                <c:pt idx="2809">
                  <c:v>39335</c:v>
                </c:pt>
                <c:pt idx="2810">
                  <c:v>39336</c:v>
                </c:pt>
                <c:pt idx="2811">
                  <c:v>39337</c:v>
                </c:pt>
                <c:pt idx="2812">
                  <c:v>39338</c:v>
                </c:pt>
                <c:pt idx="2813">
                  <c:v>39339</c:v>
                </c:pt>
                <c:pt idx="2814">
                  <c:v>39340</c:v>
                </c:pt>
                <c:pt idx="2815">
                  <c:v>39341</c:v>
                </c:pt>
                <c:pt idx="2816">
                  <c:v>39342</c:v>
                </c:pt>
                <c:pt idx="2817">
                  <c:v>39343</c:v>
                </c:pt>
                <c:pt idx="2818">
                  <c:v>39344</c:v>
                </c:pt>
                <c:pt idx="2819">
                  <c:v>39345</c:v>
                </c:pt>
                <c:pt idx="2820">
                  <c:v>39346</c:v>
                </c:pt>
                <c:pt idx="2821">
                  <c:v>39347</c:v>
                </c:pt>
                <c:pt idx="2822">
                  <c:v>39348</c:v>
                </c:pt>
                <c:pt idx="2823">
                  <c:v>39349</c:v>
                </c:pt>
                <c:pt idx="2824">
                  <c:v>39350</c:v>
                </c:pt>
                <c:pt idx="2825">
                  <c:v>39351</c:v>
                </c:pt>
                <c:pt idx="2826">
                  <c:v>39352</c:v>
                </c:pt>
                <c:pt idx="2827">
                  <c:v>39353</c:v>
                </c:pt>
                <c:pt idx="2828">
                  <c:v>39354</c:v>
                </c:pt>
                <c:pt idx="2829">
                  <c:v>39355</c:v>
                </c:pt>
                <c:pt idx="2830">
                  <c:v>39356</c:v>
                </c:pt>
                <c:pt idx="2831">
                  <c:v>39357</c:v>
                </c:pt>
                <c:pt idx="2832">
                  <c:v>39358</c:v>
                </c:pt>
                <c:pt idx="2833">
                  <c:v>39359</c:v>
                </c:pt>
                <c:pt idx="2834">
                  <c:v>39360</c:v>
                </c:pt>
                <c:pt idx="2835">
                  <c:v>39361</c:v>
                </c:pt>
                <c:pt idx="2836">
                  <c:v>39362</c:v>
                </c:pt>
                <c:pt idx="2837">
                  <c:v>39363</c:v>
                </c:pt>
                <c:pt idx="2838">
                  <c:v>39364</c:v>
                </c:pt>
                <c:pt idx="2839">
                  <c:v>39365</c:v>
                </c:pt>
                <c:pt idx="2840">
                  <c:v>39366</c:v>
                </c:pt>
                <c:pt idx="2841">
                  <c:v>39367</c:v>
                </c:pt>
                <c:pt idx="2842">
                  <c:v>39368</c:v>
                </c:pt>
                <c:pt idx="2843">
                  <c:v>39369</c:v>
                </c:pt>
                <c:pt idx="2844">
                  <c:v>39370</c:v>
                </c:pt>
                <c:pt idx="2845">
                  <c:v>39371</c:v>
                </c:pt>
                <c:pt idx="2846">
                  <c:v>39372</c:v>
                </c:pt>
                <c:pt idx="2847">
                  <c:v>39373</c:v>
                </c:pt>
                <c:pt idx="2848">
                  <c:v>39374</c:v>
                </c:pt>
                <c:pt idx="2849">
                  <c:v>39375</c:v>
                </c:pt>
                <c:pt idx="2850">
                  <c:v>39376</c:v>
                </c:pt>
                <c:pt idx="2851">
                  <c:v>39377</c:v>
                </c:pt>
                <c:pt idx="2852">
                  <c:v>39378</c:v>
                </c:pt>
                <c:pt idx="2853">
                  <c:v>39379</c:v>
                </c:pt>
                <c:pt idx="2854">
                  <c:v>39380</c:v>
                </c:pt>
                <c:pt idx="2855">
                  <c:v>39381</c:v>
                </c:pt>
                <c:pt idx="2856">
                  <c:v>39382</c:v>
                </c:pt>
                <c:pt idx="2857">
                  <c:v>39383</c:v>
                </c:pt>
                <c:pt idx="2858">
                  <c:v>39384</c:v>
                </c:pt>
                <c:pt idx="2859">
                  <c:v>39385</c:v>
                </c:pt>
                <c:pt idx="2860">
                  <c:v>39386</c:v>
                </c:pt>
                <c:pt idx="2861">
                  <c:v>39387</c:v>
                </c:pt>
                <c:pt idx="2862">
                  <c:v>39388</c:v>
                </c:pt>
                <c:pt idx="2863">
                  <c:v>39389</c:v>
                </c:pt>
                <c:pt idx="2864">
                  <c:v>39390</c:v>
                </c:pt>
                <c:pt idx="2865">
                  <c:v>39391</c:v>
                </c:pt>
                <c:pt idx="2866">
                  <c:v>39392</c:v>
                </c:pt>
                <c:pt idx="2867">
                  <c:v>39393</c:v>
                </c:pt>
                <c:pt idx="2868">
                  <c:v>39394</c:v>
                </c:pt>
                <c:pt idx="2869">
                  <c:v>39395</c:v>
                </c:pt>
                <c:pt idx="2870">
                  <c:v>39396</c:v>
                </c:pt>
                <c:pt idx="2871">
                  <c:v>39397</c:v>
                </c:pt>
                <c:pt idx="2872">
                  <c:v>39398</c:v>
                </c:pt>
                <c:pt idx="2873">
                  <c:v>39399</c:v>
                </c:pt>
                <c:pt idx="2874">
                  <c:v>39400</c:v>
                </c:pt>
                <c:pt idx="2875">
                  <c:v>39401</c:v>
                </c:pt>
                <c:pt idx="2876">
                  <c:v>39402</c:v>
                </c:pt>
                <c:pt idx="2877">
                  <c:v>39403</c:v>
                </c:pt>
                <c:pt idx="2878">
                  <c:v>39404</c:v>
                </c:pt>
                <c:pt idx="2879">
                  <c:v>39405</c:v>
                </c:pt>
                <c:pt idx="2880">
                  <c:v>39406</c:v>
                </c:pt>
                <c:pt idx="2881">
                  <c:v>39407</c:v>
                </c:pt>
                <c:pt idx="2882">
                  <c:v>39408</c:v>
                </c:pt>
                <c:pt idx="2883">
                  <c:v>39409</c:v>
                </c:pt>
                <c:pt idx="2884">
                  <c:v>39410</c:v>
                </c:pt>
                <c:pt idx="2885">
                  <c:v>39411</c:v>
                </c:pt>
                <c:pt idx="2886">
                  <c:v>39412</c:v>
                </c:pt>
                <c:pt idx="2887">
                  <c:v>39413</c:v>
                </c:pt>
                <c:pt idx="2888">
                  <c:v>39414</c:v>
                </c:pt>
                <c:pt idx="2889">
                  <c:v>39415</c:v>
                </c:pt>
                <c:pt idx="2890">
                  <c:v>39416</c:v>
                </c:pt>
                <c:pt idx="2891">
                  <c:v>39417</c:v>
                </c:pt>
                <c:pt idx="2892">
                  <c:v>39418</c:v>
                </c:pt>
                <c:pt idx="2893">
                  <c:v>39419</c:v>
                </c:pt>
                <c:pt idx="2894">
                  <c:v>39420</c:v>
                </c:pt>
                <c:pt idx="2895">
                  <c:v>39421</c:v>
                </c:pt>
                <c:pt idx="2896">
                  <c:v>39422</c:v>
                </c:pt>
                <c:pt idx="2897">
                  <c:v>39423</c:v>
                </c:pt>
                <c:pt idx="2898">
                  <c:v>39424</c:v>
                </c:pt>
                <c:pt idx="2899">
                  <c:v>39425</c:v>
                </c:pt>
                <c:pt idx="2900">
                  <c:v>39426</c:v>
                </c:pt>
                <c:pt idx="2901">
                  <c:v>39427</c:v>
                </c:pt>
                <c:pt idx="2902">
                  <c:v>39428</c:v>
                </c:pt>
                <c:pt idx="2903">
                  <c:v>39429</c:v>
                </c:pt>
                <c:pt idx="2904">
                  <c:v>39430</c:v>
                </c:pt>
                <c:pt idx="2905">
                  <c:v>39431</c:v>
                </c:pt>
                <c:pt idx="2906">
                  <c:v>39432</c:v>
                </c:pt>
                <c:pt idx="2907">
                  <c:v>39433</c:v>
                </c:pt>
                <c:pt idx="2908">
                  <c:v>39434</c:v>
                </c:pt>
                <c:pt idx="2909">
                  <c:v>39435</c:v>
                </c:pt>
                <c:pt idx="2910">
                  <c:v>39436</c:v>
                </c:pt>
                <c:pt idx="2911">
                  <c:v>39437</c:v>
                </c:pt>
                <c:pt idx="2912">
                  <c:v>39438</c:v>
                </c:pt>
                <c:pt idx="2913">
                  <c:v>39439</c:v>
                </c:pt>
                <c:pt idx="2914">
                  <c:v>39440</c:v>
                </c:pt>
                <c:pt idx="2915">
                  <c:v>39441</c:v>
                </c:pt>
                <c:pt idx="2916">
                  <c:v>39442</c:v>
                </c:pt>
                <c:pt idx="2917">
                  <c:v>39443</c:v>
                </c:pt>
                <c:pt idx="2918">
                  <c:v>39444</c:v>
                </c:pt>
                <c:pt idx="2919">
                  <c:v>39445</c:v>
                </c:pt>
                <c:pt idx="2920">
                  <c:v>39446</c:v>
                </c:pt>
                <c:pt idx="2921">
                  <c:v>39447</c:v>
                </c:pt>
                <c:pt idx="2922">
                  <c:v>39448</c:v>
                </c:pt>
                <c:pt idx="2923">
                  <c:v>39449</c:v>
                </c:pt>
                <c:pt idx="2924">
                  <c:v>39450</c:v>
                </c:pt>
                <c:pt idx="2925">
                  <c:v>39451</c:v>
                </c:pt>
                <c:pt idx="2926">
                  <c:v>39452</c:v>
                </c:pt>
                <c:pt idx="2927">
                  <c:v>39453</c:v>
                </c:pt>
                <c:pt idx="2928">
                  <c:v>39454</c:v>
                </c:pt>
                <c:pt idx="2929">
                  <c:v>39455</c:v>
                </c:pt>
                <c:pt idx="2930">
                  <c:v>39456</c:v>
                </c:pt>
                <c:pt idx="2931">
                  <c:v>39457</c:v>
                </c:pt>
                <c:pt idx="2932">
                  <c:v>39458</c:v>
                </c:pt>
                <c:pt idx="2933">
                  <c:v>39459</c:v>
                </c:pt>
                <c:pt idx="2934">
                  <c:v>39460</c:v>
                </c:pt>
                <c:pt idx="2935">
                  <c:v>39461</c:v>
                </c:pt>
                <c:pt idx="2936">
                  <c:v>39462</c:v>
                </c:pt>
                <c:pt idx="2937">
                  <c:v>39463</c:v>
                </c:pt>
                <c:pt idx="2938">
                  <c:v>39464</c:v>
                </c:pt>
                <c:pt idx="2939">
                  <c:v>39465</c:v>
                </c:pt>
                <c:pt idx="2940">
                  <c:v>39466</c:v>
                </c:pt>
                <c:pt idx="2941">
                  <c:v>39467</c:v>
                </c:pt>
                <c:pt idx="2942">
                  <c:v>39468</c:v>
                </c:pt>
                <c:pt idx="2943">
                  <c:v>39469</c:v>
                </c:pt>
                <c:pt idx="2944">
                  <c:v>39470</c:v>
                </c:pt>
                <c:pt idx="2945">
                  <c:v>39471</c:v>
                </c:pt>
                <c:pt idx="2946">
                  <c:v>39472</c:v>
                </c:pt>
                <c:pt idx="2947">
                  <c:v>39473</c:v>
                </c:pt>
                <c:pt idx="2948">
                  <c:v>39474</c:v>
                </c:pt>
                <c:pt idx="2949">
                  <c:v>39475</c:v>
                </c:pt>
                <c:pt idx="2950">
                  <c:v>39476</c:v>
                </c:pt>
                <c:pt idx="2951">
                  <c:v>39477</c:v>
                </c:pt>
                <c:pt idx="2952">
                  <c:v>39478</c:v>
                </c:pt>
                <c:pt idx="2953">
                  <c:v>39479</c:v>
                </c:pt>
                <c:pt idx="2954">
                  <c:v>39480</c:v>
                </c:pt>
                <c:pt idx="2955">
                  <c:v>39481</c:v>
                </c:pt>
                <c:pt idx="2956">
                  <c:v>39482</c:v>
                </c:pt>
                <c:pt idx="2957">
                  <c:v>39483</c:v>
                </c:pt>
                <c:pt idx="2958">
                  <c:v>39484</c:v>
                </c:pt>
                <c:pt idx="2959">
                  <c:v>39485</c:v>
                </c:pt>
                <c:pt idx="2960">
                  <c:v>39486</c:v>
                </c:pt>
                <c:pt idx="2961">
                  <c:v>39487</c:v>
                </c:pt>
                <c:pt idx="2962">
                  <c:v>39488</c:v>
                </c:pt>
                <c:pt idx="2963">
                  <c:v>39489</c:v>
                </c:pt>
                <c:pt idx="2964">
                  <c:v>39490</c:v>
                </c:pt>
                <c:pt idx="2965">
                  <c:v>39491</c:v>
                </c:pt>
                <c:pt idx="2966">
                  <c:v>39492</c:v>
                </c:pt>
                <c:pt idx="2967">
                  <c:v>39493</c:v>
                </c:pt>
                <c:pt idx="2968">
                  <c:v>39494</c:v>
                </c:pt>
                <c:pt idx="2969">
                  <c:v>39495</c:v>
                </c:pt>
                <c:pt idx="2970">
                  <c:v>39496</c:v>
                </c:pt>
                <c:pt idx="2971">
                  <c:v>39497</c:v>
                </c:pt>
                <c:pt idx="2972">
                  <c:v>39498</c:v>
                </c:pt>
                <c:pt idx="2973">
                  <c:v>39499</c:v>
                </c:pt>
                <c:pt idx="2974">
                  <c:v>39500</c:v>
                </c:pt>
                <c:pt idx="2975">
                  <c:v>39501</c:v>
                </c:pt>
                <c:pt idx="2976">
                  <c:v>39502</c:v>
                </c:pt>
                <c:pt idx="2977">
                  <c:v>39503</c:v>
                </c:pt>
                <c:pt idx="2978">
                  <c:v>39504</c:v>
                </c:pt>
                <c:pt idx="2979">
                  <c:v>39505</c:v>
                </c:pt>
                <c:pt idx="2980">
                  <c:v>39506</c:v>
                </c:pt>
                <c:pt idx="2981">
                  <c:v>39507</c:v>
                </c:pt>
                <c:pt idx="2982">
                  <c:v>39508</c:v>
                </c:pt>
                <c:pt idx="2983">
                  <c:v>39509</c:v>
                </c:pt>
                <c:pt idx="2984">
                  <c:v>39510</c:v>
                </c:pt>
                <c:pt idx="2985">
                  <c:v>39511</c:v>
                </c:pt>
                <c:pt idx="2986">
                  <c:v>39512</c:v>
                </c:pt>
                <c:pt idx="2987">
                  <c:v>39513</c:v>
                </c:pt>
                <c:pt idx="2988">
                  <c:v>39514</c:v>
                </c:pt>
                <c:pt idx="2989">
                  <c:v>39515</c:v>
                </c:pt>
                <c:pt idx="2990">
                  <c:v>39516</c:v>
                </c:pt>
                <c:pt idx="2991">
                  <c:v>39517</c:v>
                </c:pt>
                <c:pt idx="2992">
                  <c:v>39518</c:v>
                </c:pt>
                <c:pt idx="2993">
                  <c:v>39519</c:v>
                </c:pt>
                <c:pt idx="2994">
                  <c:v>39520</c:v>
                </c:pt>
                <c:pt idx="2995">
                  <c:v>39521</c:v>
                </c:pt>
                <c:pt idx="2996">
                  <c:v>39522</c:v>
                </c:pt>
                <c:pt idx="2997">
                  <c:v>39523</c:v>
                </c:pt>
                <c:pt idx="2998">
                  <c:v>39524</c:v>
                </c:pt>
                <c:pt idx="2999">
                  <c:v>39525</c:v>
                </c:pt>
                <c:pt idx="3000">
                  <c:v>39526</c:v>
                </c:pt>
                <c:pt idx="3001">
                  <c:v>39527</c:v>
                </c:pt>
                <c:pt idx="3002">
                  <c:v>39528</c:v>
                </c:pt>
                <c:pt idx="3003">
                  <c:v>39529</c:v>
                </c:pt>
                <c:pt idx="3004">
                  <c:v>39530</c:v>
                </c:pt>
                <c:pt idx="3005">
                  <c:v>39531</c:v>
                </c:pt>
                <c:pt idx="3006">
                  <c:v>39532</c:v>
                </c:pt>
                <c:pt idx="3007">
                  <c:v>39533</c:v>
                </c:pt>
                <c:pt idx="3008">
                  <c:v>39534</c:v>
                </c:pt>
                <c:pt idx="3009">
                  <c:v>39535</c:v>
                </c:pt>
                <c:pt idx="3010">
                  <c:v>39536</c:v>
                </c:pt>
                <c:pt idx="3011">
                  <c:v>39537</c:v>
                </c:pt>
                <c:pt idx="3012">
                  <c:v>39538</c:v>
                </c:pt>
                <c:pt idx="3013">
                  <c:v>39539</c:v>
                </c:pt>
                <c:pt idx="3014">
                  <c:v>39540</c:v>
                </c:pt>
                <c:pt idx="3015">
                  <c:v>39541</c:v>
                </c:pt>
                <c:pt idx="3016">
                  <c:v>39542</c:v>
                </c:pt>
                <c:pt idx="3017">
                  <c:v>39543</c:v>
                </c:pt>
                <c:pt idx="3018">
                  <c:v>39544</c:v>
                </c:pt>
                <c:pt idx="3019">
                  <c:v>39545</c:v>
                </c:pt>
                <c:pt idx="3020">
                  <c:v>39546</c:v>
                </c:pt>
                <c:pt idx="3021">
                  <c:v>39547</c:v>
                </c:pt>
                <c:pt idx="3022">
                  <c:v>39548</c:v>
                </c:pt>
                <c:pt idx="3023">
                  <c:v>39549</c:v>
                </c:pt>
                <c:pt idx="3024">
                  <c:v>39550</c:v>
                </c:pt>
                <c:pt idx="3025">
                  <c:v>39551</c:v>
                </c:pt>
                <c:pt idx="3026">
                  <c:v>39552</c:v>
                </c:pt>
                <c:pt idx="3027">
                  <c:v>39553</c:v>
                </c:pt>
                <c:pt idx="3028">
                  <c:v>39554</c:v>
                </c:pt>
                <c:pt idx="3029">
                  <c:v>39555</c:v>
                </c:pt>
                <c:pt idx="3030">
                  <c:v>39556</c:v>
                </c:pt>
                <c:pt idx="3031">
                  <c:v>39557</c:v>
                </c:pt>
                <c:pt idx="3032">
                  <c:v>39558</c:v>
                </c:pt>
                <c:pt idx="3033">
                  <c:v>39559</c:v>
                </c:pt>
                <c:pt idx="3034">
                  <c:v>39560</c:v>
                </c:pt>
                <c:pt idx="3035">
                  <c:v>39561</c:v>
                </c:pt>
                <c:pt idx="3036">
                  <c:v>39562</c:v>
                </c:pt>
                <c:pt idx="3037">
                  <c:v>39563</c:v>
                </c:pt>
                <c:pt idx="3038">
                  <c:v>39564</c:v>
                </c:pt>
                <c:pt idx="3039">
                  <c:v>39565</c:v>
                </c:pt>
                <c:pt idx="3040">
                  <c:v>39566</c:v>
                </c:pt>
                <c:pt idx="3041">
                  <c:v>39567</c:v>
                </c:pt>
                <c:pt idx="3042">
                  <c:v>39568</c:v>
                </c:pt>
                <c:pt idx="3043">
                  <c:v>39569</c:v>
                </c:pt>
                <c:pt idx="3044">
                  <c:v>39570</c:v>
                </c:pt>
                <c:pt idx="3045">
                  <c:v>39571</c:v>
                </c:pt>
                <c:pt idx="3046">
                  <c:v>39572</c:v>
                </c:pt>
                <c:pt idx="3047">
                  <c:v>39573</c:v>
                </c:pt>
                <c:pt idx="3048">
                  <c:v>39574</c:v>
                </c:pt>
                <c:pt idx="3049">
                  <c:v>39575</c:v>
                </c:pt>
                <c:pt idx="3050">
                  <c:v>39576</c:v>
                </c:pt>
                <c:pt idx="3051">
                  <c:v>39577</c:v>
                </c:pt>
                <c:pt idx="3052">
                  <c:v>39578</c:v>
                </c:pt>
                <c:pt idx="3053">
                  <c:v>39579</c:v>
                </c:pt>
                <c:pt idx="3054">
                  <c:v>39580</c:v>
                </c:pt>
                <c:pt idx="3055">
                  <c:v>39581</c:v>
                </c:pt>
                <c:pt idx="3056">
                  <c:v>39582</c:v>
                </c:pt>
                <c:pt idx="3057">
                  <c:v>39583</c:v>
                </c:pt>
                <c:pt idx="3058">
                  <c:v>39584</c:v>
                </c:pt>
                <c:pt idx="3059">
                  <c:v>39585</c:v>
                </c:pt>
                <c:pt idx="3060">
                  <c:v>39586</c:v>
                </c:pt>
                <c:pt idx="3061">
                  <c:v>39587</c:v>
                </c:pt>
                <c:pt idx="3062">
                  <c:v>39588</c:v>
                </c:pt>
                <c:pt idx="3063">
                  <c:v>39589</c:v>
                </c:pt>
                <c:pt idx="3064">
                  <c:v>39590</c:v>
                </c:pt>
                <c:pt idx="3065">
                  <c:v>39591</c:v>
                </c:pt>
                <c:pt idx="3066">
                  <c:v>39592</c:v>
                </c:pt>
                <c:pt idx="3067">
                  <c:v>39593</c:v>
                </c:pt>
                <c:pt idx="3068">
                  <c:v>39594</c:v>
                </c:pt>
                <c:pt idx="3069">
                  <c:v>39595</c:v>
                </c:pt>
                <c:pt idx="3070">
                  <c:v>39596</c:v>
                </c:pt>
                <c:pt idx="3071">
                  <c:v>39597</c:v>
                </c:pt>
                <c:pt idx="3072">
                  <c:v>39598</c:v>
                </c:pt>
                <c:pt idx="3073">
                  <c:v>39599</c:v>
                </c:pt>
                <c:pt idx="3074">
                  <c:v>39600</c:v>
                </c:pt>
                <c:pt idx="3075">
                  <c:v>39601</c:v>
                </c:pt>
                <c:pt idx="3076">
                  <c:v>39602</c:v>
                </c:pt>
                <c:pt idx="3077">
                  <c:v>39603</c:v>
                </c:pt>
                <c:pt idx="3078">
                  <c:v>39604</c:v>
                </c:pt>
                <c:pt idx="3079">
                  <c:v>39605</c:v>
                </c:pt>
                <c:pt idx="3080">
                  <c:v>39606</c:v>
                </c:pt>
                <c:pt idx="3081">
                  <c:v>39607</c:v>
                </c:pt>
                <c:pt idx="3082">
                  <c:v>39608</c:v>
                </c:pt>
                <c:pt idx="3083">
                  <c:v>39609</c:v>
                </c:pt>
                <c:pt idx="3084">
                  <c:v>39610</c:v>
                </c:pt>
                <c:pt idx="3085">
                  <c:v>39611</c:v>
                </c:pt>
                <c:pt idx="3086">
                  <c:v>39612</c:v>
                </c:pt>
                <c:pt idx="3087">
                  <c:v>39613</c:v>
                </c:pt>
                <c:pt idx="3088">
                  <c:v>39614</c:v>
                </c:pt>
                <c:pt idx="3089">
                  <c:v>39615</c:v>
                </c:pt>
                <c:pt idx="3090">
                  <c:v>39616</c:v>
                </c:pt>
                <c:pt idx="3091">
                  <c:v>39617</c:v>
                </c:pt>
                <c:pt idx="3092">
                  <c:v>39618</c:v>
                </c:pt>
                <c:pt idx="3093">
                  <c:v>39619</c:v>
                </c:pt>
                <c:pt idx="3094">
                  <c:v>39620</c:v>
                </c:pt>
                <c:pt idx="3095">
                  <c:v>39621</c:v>
                </c:pt>
                <c:pt idx="3096">
                  <c:v>39622</c:v>
                </c:pt>
                <c:pt idx="3097">
                  <c:v>39623</c:v>
                </c:pt>
                <c:pt idx="3098">
                  <c:v>39624</c:v>
                </c:pt>
                <c:pt idx="3099">
                  <c:v>39625</c:v>
                </c:pt>
                <c:pt idx="3100">
                  <c:v>39626</c:v>
                </c:pt>
                <c:pt idx="3101">
                  <c:v>39627</c:v>
                </c:pt>
                <c:pt idx="3102">
                  <c:v>39628</c:v>
                </c:pt>
                <c:pt idx="3103">
                  <c:v>39629</c:v>
                </c:pt>
                <c:pt idx="3104">
                  <c:v>39630</c:v>
                </c:pt>
                <c:pt idx="3105">
                  <c:v>39631</c:v>
                </c:pt>
                <c:pt idx="3106">
                  <c:v>39632</c:v>
                </c:pt>
                <c:pt idx="3107">
                  <c:v>39633</c:v>
                </c:pt>
                <c:pt idx="3108">
                  <c:v>39634</c:v>
                </c:pt>
                <c:pt idx="3109">
                  <c:v>39635</c:v>
                </c:pt>
                <c:pt idx="3110">
                  <c:v>39636</c:v>
                </c:pt>
                <c:pt idx="3111">
                  <c:v>39637</c:v>
                </c:pt>
                <c:pt idx="3112">
                  <c:v>39638</c:v>
                </c:pt>
                <c:pt idx="3113">
                  <c:v>39639</c:v>
                </c:pt>
                <c:pt idx="3114">
                  <c:v>39640</c:v>
                </c:pt>
                <c:pt idx="3115">
                  <c:v>39641</c:v>
                </c:pt>
                <c:pt idx="3116">
                  <c:v>39642</c:v>
                </c:pt>
                <c:pt idx="3117">
                  <c:v>39643</c:v>
                </c:pt>
                <c:pt idx="3118">
                  <c:v>39644</c:v>
                </c:pt>
                <c:pt idx="3119">
                  <c:v>39645</c:v>
                </c:pt>
                <c:pt idx="3120">
                  <c:v>39646</c:v>
                </c:pt>
                <c:pt idx="3121">
                  <c:v>39647</c:v>
                </c:pt>
                <c:pt idx="3122">
                  <c:v>39648</c:v>
                </c:pt>
                <c:pt idx="3123">
                  <c:v>39649</c:v>
                </c:pt>
                <c:pt idx="3124">
                  <c:v>39650</c:v>
                </c:pt>
                <c:pt idx="3125">
                  <c:v>39651</c:v>
                </c:pt>
                <c:pt idx="3126">
                  <c:v>39652</c:v>
                </c:pt>
                <c:pt idx="3127">
                  <c:v>39653</c:v>
                </c:pt>
                <c:pt idx="3128">
                  <c:v>39654</c:v>
                </c:pt>
                <c:pt idx="3129">
                  <c:v>39655</c:v>
                </c:pt>
                <c:pt idx="3130">
                  <c:v>39656</c:v>
                </c:pt>
                <c:pt idx="3131">
                  <c:v>39657</c:v>
                </c:pt>
                <c:pt idx="3132">
                  <c:v>39658</c:v>
                </c:pt>
                <c:pt idx="3133">
                  <c:v>39659</c:v>
                </c:pt>
                <c:pt idx="3134">
                  <c:v>39660</c:v>
                </c:pt>
                <c:pt idx="3135">
                  <c:v>39661</c:v>
                </c:pt>
                <c:pt idx="3136">
                  <c:v>39662</c:v>
                </c:pt>
                <c:pt idx="3137">
                  <c:v>39663</c:v>
                </c:pt>
                <c:pt idx="3138">
                  <c:v>39664</c:v>
                </c:pt>
                <c:pt idx="3139">
                  <c:v>39665</c:v>
                </c:pt>
                <c:pt idx="3140">
                  <c:v>39666</c:v>
                </c:pt>
                <c:pt idx="3141">
                  <c:v>39667</c:v>
                </c:pt>
                <c:pt idx="3142">
                  <c:v>39668</c:v>
                </c:pt>
                <c:pt idx="3143">
                  <c:v>39669</c:v>
                </c:pt>
                <c:pt idx="3144">
                  <c:v>39670</c:v>
                </c:pt>
                <c:pt idx="3145">
                  <c:v>39671</c:v>
                </c:pt>
                <c:pt idx="3146">
                  <c:v>39672</c:v>
                </c:pt>
                <c:pt idx="3147">
                  <c:v>39673</c:v>
                </c:pt>
                <c:pt idx="3148">
                  <c:v>39674</c:v>
                </c:pt>
                <c:pt idx="3149">
                  <c:v>39675</c:v>
                </c:pt>
                <c:pt idx="3150">
                  <c:v>39676</c:v>
                </c:pt>
                <c:pt idx="3151">
                  <c:v>39677</c:v>
                </c:pt>
                <c:pt idx="3152">
                  <c:v>39678</c:v>
                </c:pt>
                <c:pt idx="3153">
                  <c:v>39679</c:v>
                </c:pt>
                <c:pt idx="3154">
                  <c:v>39680</c:v>
                </c:pt>
                <c:pt idx="3155">
                  <c:v>39681</c:v>
                </c:pt>
                <c:pt idx="3156">
                  <c:v>39682</c:v>
                </c:pt>
                <c:pt idx="3157">
                  <c:v>39683</c:v>
                </c:pt>
                <c:pt idx="3158">
                  <c:v>39684</c:v>
                </c:pt>
                <c:pt idx="3159">
                  <c:v>39685</c:v>
                </c:pt>
                <c:pt idx="3160">
                  <c:v>39686</c:v>
                </c:pt>
                <c:pt idx="3161">
                  <c:v>39687</c:v>
                </c:pt>
                <c:pt idx="3162">
                  <c:v>39688</c:v>
                </c:pt>
                <c:pt idx="3163">
                  <c:v>39689</c:v>
                </c:pt>
                <c:pt idx="3164">
                  <c:v>39690</c:v>
                </c:pt>
                <c:pt idx="3165">
                  <c:v>39691</c:v>
                </c:pt>
                <c:pt idx="3166">
                  <c:v>39692</c:v>
                </c:pt>
                <c:pt idx="3167">
                  <c:v>39693</c:v>
                </c:pt>
                <c:pt idx="3168">
                  <c:v>39694</c:v>
                </c:pt>
                <c:pt idx="3169">
                  <c:v>39695</c:v>
                </c:pt>
                <c:pt idx="3170">
                  <c:v>39696</c:v>
                </c:pt>
                <c:pt idx="3171">
                  <c:v>39697</c:v>
                </c:pt>
                <c:pt idx="3172">
                  <c:v>39698</c:v>
                </c:pt>
                <c:pt idx="3173">
                  <c:v>39699</c:v>
                </c:pt>
                <c:pt idx="3174">
                  <c:v>39700</c:v>
                </c:pt>
                <c:pt idx="3175">
                  <c:v>39701</c:v>
                </c:pt>
                <c:pt idx="3176">
                  <c:v>39702</c:v>
                </c:pt>
                <c:pt idx="3177">
                  <c:v>39703</c:v>
                </c:pt>
                <c:pt idx="3178">
                  <c:v>39704</c:v>
                </c:pt>
                <c:pt idx="3179">
                  <c:v>39705</c:v>
                </c:pt>
                <c:pt idx="3180">
                  <c:v>39706</c:v>
                </c:pt>
                <c:pt idx="3181">
                  <c:v>39707</c:v>
                </c:pt>
                <c:pt idx="3182">
                  <c:v>39708</c:v>
                </c:pt>
                <c:pt idx="3183">
                  <c:v>39709</c:v>
                </c:pt>
                <c:pt idx="3184">
                  <c:v>39710</c:v>
                </c:pt>
                <c:pt idx="3185">
                  <c:v>39711</c:v>
                </c:pt>
                <c:pt idx="3186">
                  <c:v>39712</c:v>
                </c:pt>
                <c:pt idx="3187">
                  <c:v>39713</c:v>
                </c:pt>
                <c:pt idx="3188">
                  <c:v>39714</c:v>
                </c:pt>
                <c:pt idx="3189">
                  <c:v>39715</c:v>
                </c:pt>
                <c:pt idx="3190">
                  <c:v>39716</c:v>
                </c:pt>
                <c:pt idx="3191">
                  <c:v>39717</c:v>
                </c:pt>
                <c:pt idx="3192">
                  <c:v>39718</c:v>
                </c:pt>
                <c:pt idx="3193">
                  <c:v>39719</c:v>
                </c:pt>
                <c:pt idx="3194">
                  <c:v>39720</c:v>
                </c:pt>
                <c:pt idx="3195">
                  <c:v>39721</c:v>
                </c:pt>
                <c:pt idx="3196">
                  <c:v>39722</c:v>
                </c:pt>
                <c:pt idx="3197">
                  <c:v>39723</c:v>
                </c:pt>
                <c:pt idx="3198">
                  <c:v>39724</c:v>
                </c:pt>
                <c:pt idx="3199">
                  <c:v>39725</c:v>
                </c:pt>
                <c:pt idx="3200">
                  <c:v>39726</c:v>
                </c:pt>
                <c:pt idx="3201">
                  <c:v>39727</c:v>
                </c:pt>
                <c:pt idx="3202">
                  <c:v>39728</c:v>
                </c:pt>
                <c:pt idx="3203">
                  <c:v>39729</c:v>
                </c:pt>
                <c:pt idx="3204">
                  <c:v>39730</c:v>
                </c:pt>
                <c:pt idx="3205">
                  <c:v>39731</c:v>
                </c:pt>
                <c:pt idx="3206">
                  <c:v>39732</c:v>
                </c:pt>
                <c:pt idx="3207">
                  <c:v>39733</c:v>
                </c:pt>
                <c:pt idx="3208">
                  <c:v>39734</c:v>
                </c:pt>
                <c:pt idx="3209">
                  <c:v>39735</c:v>
                </c:pt>
                <c:pt idx="3210">
                  <c:v>39736</c:v>
                </c:pt>
                <c:pt idx="3211">
                  <c:v>39737</c:v>
                </c:pt>
                <c:pt idx="3212">
                  <c:v>39738</c:v>
                </c:pt>
                <c:pt idx="3213">
                  <c:v>39739</c:v>
                </c:pt>
                <c:pt idx="3214">
                  <c:v>39740</c:v>
                </c:pt>
                <c:pt idx="3215">
                  <c:v>39741</c:v>
                </c:pt>
                <c:pt idx="3216">
                  <c:v>39742</c:v>
                </c:pt>
                <c:pt idx="3217">
                  <c:v>39743</c:v>
                </c:pt>
                <c:pt idx="3218">
                  <c:v>39744</c:v>
                </c:pt>
                <c:pt idx="3219">
                  <c:v>39745</c:v>
                </c:pt>
                <c:pt idx="3220">
                  <c:v>39746</c:v>
                </c:pt>
                <c:pt idx="3221">
                  <c:v>39747</c:v>
                </c:pt>
                <c:pt idx="3222">
                  <c:v>39748</c:v>
                </c:pt>
                <c:pt idx="3223">
                  <c:v>39749</c:v>
                </c:pt>
                <c:pt idx="3224">
                  <c:v>39750</c:v>
                </c:pt>
                <c:pt idx="3225">
                  <c:v>39751</c:v>
                </c:pt>
                <c:pt idx="3226">
                  <c:v>39752</c:v>
                </c:pt>
                <c:pt idx="3227">
                  <c:v>39753</c:v>
                </c:pt>
                <c:pt idx="3228">
                  <c:v>39754</c:v>
                </c:pt>
                <c:pt idx="3229">
                  <c:v>39755</c:v>
                </c:pt>
                <c:pt idx="3230">
                  <c:v>39756</c:v>
                </c:pt>
                <c:pt idx="3231">
                  <c:v>39757</c:v>
                </c:pt>
                <c:pt idx="3232">
                  <c:v>39758</c:v>
                </c:pt>
                <c:pt idx="3233">
                  <c:v>39759</c:v>
                </c:pt>
                <c:pt idx="3234">
                  <c:v>39760</c:v>
                </c:pt>
                <c:pt idx="3235">
                  <c:v>39761</c:v>
                </c:pt>
                <c:pt idx="3236">
                  <c:v>39762</c:v>
                </c:pt>
                <c:pt idx="3237">
                  <c:v>39763</c:v>
                </c:pt>
                <c:pt idx="3238">
                  <c:v>39764</c:v>
                </c:pt>
                <c:pt idx="3239">
                  <c:v>39765</c:v>
                </c:pt>
                <c:pt idx="3240">
                  <c:v>39766</c:v>
                </c:pt>
                <c:pt idx="3241">
                  <c:v>39767</c:v>
                </c:pt>
                <c:pt idx="3242">
                  <c:v>39768</c:v>
                </c:pt>
                <c:pt idx="3243">
                  <c:v>39769</c:v>
                </c:pt>
                <c:pt idx="3244">
                  <c:v>39770</c:v>
                </c:pt>
                <c:pt idx="3245">
                  <c:v>39771</c:v>
                </c:pt>
                <c:pt idx="3246">
                  <c:v>39772</c:v>
                </c:pt>
                <c:pt idx="3247">
                  <c:v>39773</c:v>
                </c:pt>
                <c:pt idx="3248">
                  <c:v>39774</c:v>
                </c:pt>
                <c:pt idx="3249">
                  <c:v>39775</c:v>
                </c:pt>
                <c:pt idx="3250">
                  <c:v>39776</c:v>
                </c:pt>
                <c:pt idx="3251">
                  <c:v>39777</c:v>
                </c:pt>
                <c:pt idx="3252">
                  <c:v>39778</c:v>
                </c:pt>
                <c:pt idx="3253">
                  <c:v>39779</c:v>
                </c:pt>
                <c:pt idx="3254">
                  <c:v>39780</c:v>
                </c:pt>
                <c:pt idx="3255">
                  <c:v>39781</c:v>
                </c:pt>
                <c:pt idx="3256">
                  <c:v>39782</c:v>
                </c:pt>
                <c:pt idx="3257">
                  <c:v>39783</c:v>
                </c:pt>
                <c:pt idx="3258">
                  <c:v>39784</c:v>
                </c:pt>
                <c:pt idx="3259">
                  <c:v>39785</c:v>
                </c:pt>
                <c:pt idx="3260">
                  <c:v>39786</c:v>
                </c:pt>
                <c:pt idx="3261">
                  <c:v>39787</c:v>
                </c:pt>
                <c:pt idx="3262">
                  <c:v>39788</c:v>
                </c:pt>
                <c:pt idx="3263">
                  <c:v>39789</c:v>
                </c:pt>
                <c:pt idx="3264">
                  <c:v>39790</c:v>
                </c:pt>
                <c:pt idx="3265">
                  <c:v>39791</c:v>
                </c:pt>
                <c:pt idx="3266">
                  <c:v>39792</c:v>
                </c:pt>
                <c:pt idx="3267">
                  <c:v>39793</c:v>
                </c:pt>
                <c:pt idx="3268">
                  <c:v>39794</c:v>
                </c:pt>
                <c:pt idx="3269">
                  <c:v>39795</c:v>
                </c:pt>
                <c:pt idx="3270">
                  <c:v>39796</c:v>
                </c:pt>
                <c:pt idx="3271">
                  <c:v>39797</c:v>
                </c:pt>
                <c:pt idx="3272">
                  <c:v>39798</c:v>
                </c:pt>
                <c:pt idx="3273">
                  <c:v>39799</c:v>
                </c:pt>
                <c:pt idx="3274">
                  <c:v>39800</c:v>
                </c:pt>
                <c:pt idx="3275">
                  <c:v>39801</c:v>
                </c:pt>
                <c:pt idx="3276">
                  <c:v>39802</c:v>
                </c:pt>
                <c:pt idx="3277">
                  <c:v>39803</c:v>
                </c:pt>
                <c:pt idx="3278">
                  <c:v>39804</c:v>
                </c:pt>
                <c:pt idx="3279">
                  <c:v>39805</c:v>
                </c:pt>
                <c:pt idx="3280">
                  <c:v>39806</c:v>
                </c:pt>
                <c:pt idx="3281">
                  <c:v>39807</c:v>
                </c:pt>
                <c:pt idx="3282">
                  <c:v>39808</c:v>
                </c:pt>
                <c:pt idx="3283">
                  <c:v>39809</c:v>
                </c:pt>
                <c:pt idx="3284">
                  <c:v>39810</c:v>
                </c:pt>
                <c:pt idx="3285">
                  <c:v>39811</c:v>
                </c:pt>
                <c:pt idx="3286">
                  <c:v>39812</c:v>
                </c:pt>
                <c:pt idx="3287">
                  <c:v>39813</c:v>
                </c:pt>
                <c:pt idx="3288">
                  <c:v>39814</c:v>
                </c:pt>
                <c:pt idx="3289">
                  <c:v>39815</c:v>
                </c:pt>
                <c:pt idx="3290">
                  <c:v>39816</c:v>
                </c:pt>
                <c:pt idx="3291">
                  <c:v>39817</c:v>
                </c:pt>
                <c:pt idx="3292">
                  <c:v>39818</c:v>
                </c:pt>
                <c:pt idx="3293">
                  <c:v>39819</c:v>
                </c:pt>
                <c:pt idx="3294">
                  <c:v>39820</c:v>
                </c:pt>
                <c:pt idx="3295">
                  <c:v>39821</c:v>
                </c:pt>
                <c:pt idx="3296">
                  <c:v>39822</c:v>
                </c:pt>
                <c:pt idx="3297">
                  <c:v>39823</c:v>
                </c:pt>
                <c:pt idx="3298">
                  <c:v>39824</c:v>
                </c:pt>
                <c:pt idx="3299">
                  <c:v>39825</c:v>
                </c:pt>
                <c:pt idx="3300">
                  <c:v>39826</c:v>
                </c:pt>
                <c:pt idx="3301">
                  <c:v>39827</c:v>
                </c:pt>
                <c:pt idx="3302">
                  <c:v>39828</c:v>
                </c:pt>
                <c:pt idx="3303">
                  <c:v>39829</c:v>
                </c:pt>
                <c:pt idx="3304">
                  <c:v>39830</c:v>
                </c:pt>
                <c:pt idx="3305">
                  <c:v>39831</c:v>
                </c:pt>
                <c:pt idx="3306">
                  <c:v>39832</c:v>
                </c:pt>
                <c:pt idx="3307">
                  <c:v>39833</c:v>
                </c:pt>
                <c:pt idx="3308">
                  <c:v>39834</c:v>
                </c:pt>
                <c:pt idx="3309">
                  <c:v>39835</c:v>
                </c:pt>
                <c:pt idx="3310">
                  <c:v>39836</c:v>
                </c:pt>
                <c:pt idx="3311">
                  <c:v>39837</c:v>
                </c:pt>
                <c:pt idx="3312">
                  <c:v>39838</c:v>
                </c:pt>
                <c:pt idx="3313">
                  <c:v>39839</c:v>
                </c:pt>
                <c:pt idx="3314">
                  <c:v>39840</c:v>
                </c:pt>
                <c:pt idx="3315">
                  <c:v>39841</c:v>
                </c:pt>
                <c:pt idx="3316">
                  <c:v>39842</c:v>
                </c:pt>
                <c:pt idx="3317">
                  <c:v>39843</c:v>
                </c:pt>
                <c:pt idx="3318">
                  <c:v>39844</c:v>
                </c:pt>
                <c:pt idx="3319">
                  <c:v>39845</c:v>
                </c:pt>
                <c:pt idx="3320">
                  <c:v>39846</c:v>
                </c:pt>
                <c:pt idx="3321">
                  <c:v>39847</c:v>
                </c:pt>
                <c:pt idx="3322">
                  <c:v>39848</c:v>
                </c:pt>
                <c:pt idx="3323">
                  <c:v>39849</c:v>
                </c:pt>
                <c:pt idx="3324">
                  <c:v>39850</c:v>
                </c:pt>
                <c:pt idx="3325">
                  <c:v>39851</c:v>
                </c:pt>
                <c:pt idx="3326">
                  <c:v>39852</c:v>
                </c:pt>
                <c:pt idx="3327">
                  <c:v>39853</c:v>
                </c:pt>
                <c:pt idx="3328">
                  <c:v>39854</c:v>
                </c:pt>
                <c:pt idx="3329">
                  <c:v>39855</c:v>
                </c:pt>
                <c:pt idx="3330">
                  <c:v>39856</c:v>
                </c:pt>
                <c:pt idx="3331">
                  <c:v>39857</c:v>
                </c:pt>
                <c:pt idx="3332">
                  <c:v>39858</c:v>
                </c:pt>
                <c:pt idx="3333">
                  <c:v>39859</c:v>
                </c:pt>
                <c:pt idx="3334">
                  <c:v>39860</c:v>
                </c:pt>
                <c:pt idx="3335">
                  <c:v>39861</c:v>
                </c:pt>
                <c:pt idx="3336">
                  <c:v>39862</c:v>
                </c:pt>
                <c:pt idx="3337">
                  <c:v>39863</c:v>
                </c:pt>
                <c:pt idx="3338">
                  <c:v>39864</c:v>
                </c:pt>
                <c:pt idx="3339">
                  <c:v>39865</c:v>
                </c:pt>
                <c:pt idx="3340">
                  <c:v>39866</c:v>
                </c:pt>
                <c:pt idx="3341">
                  <c:v>39867</c:v>
                </c:pt>
                <c:pt idx="3342">
                  <c:v>39868</c:v>
                </c:pt>
                <c:pt idx="3343">
                  <c:v>39869</c:v>
                </c:pt>
                <c:pt idx="3344">
                  <c:v>39870</c:v>
                </c:pt>
                <c:pt idx="3345">
                  <c:v>39871</c:v>
                </c:pt>
                <c:pt idx="3346">
                  <c:v>39872</c:v>
                </c:pt>
                <c:pt idx="3347">
                  <c:v>39873</c:v>
                </c:pt>
                <c:pt idx="3348">
                  <c:v>39874</c:v>
                </c:pt>
                <c:pt idx="3349">
                  <c:v>39875</c:v>
                </c:pt>
                <c:pt idx="3350">
                  <c:v>39876</c:v>
                </c:pt>
                <c:pt idx="3351">
                  <c:v>39877</c:v>
                </c:pt>
                <c:pt idx="3352">
                  <c:v>39878</c:v>
                </c:pt>
                <c:pt idx="3353">
                  <c:v>39879</c:v>
                </c:pt>
                <c:pt idx="3354">
                  <c:v>39880</c:v>
                </c:pt>
                <c:pt idx="3355">
                  <c:v>39881</c:v>
                </c:pt>
                <c:pt idx="3356">
                  <c:v>39882</c:v>
                </c:pt>
                <c:pt idx="3357">
                  <c:v>39883</c:v>
                </c:pt>
                <c:pt idx="3358">
                  <c:v>39884</c:v>
                </c:pt>
                <c:pt idx="3359">
                  <c:v>39885</c:v>
                </c:pt>
                <c:pt idx="3360">
                  <c:v>39886</c:v>
                </c:pt>
                <c:pt idx="3361">
                  <c:v>39887</c:v>
                </c:pt>
                <c:pt idx="3362">
                  <c:v>39888</c:v>
                </c:pt>
                <c:pt idx="3363">
                  <c:v>39889</c:v>
                </c:pt>
                <c:pt idx="3364">
                  <c:v>39890</c:v>
                </c:pt>
                <c:pt idx="3365">
                  <c:v>39891</c:v>
                </c:pt>
                <c:pt idx="3366">
                  <c:v>39892</c:v>
                </c:pt>
                <c:pt idx="3367">
                  <c:v>39893</c:v>
                </c:pt>
                <c:pt idx="3368">
                  <c:v>39894</c:v>
                </c:pt>
                <c:pt idx="3369">
                  <c:v>39895</c:v>
                </c:pt>
                <c:pt idx="3370">
                  <c:v>39896</c:v>
                </c:pt>
                <c:pt idx="3371">
                  <c:v>39897</c:v>
                </c:pt>
                <c:pt idx="3372">
                  <c:v>39898</c:v>
                </c:pt>
                <c:pt idx="3373">
                  <c:v>39899</c:v>
                </c:pt>
                <c:pt idx="3374">
                  <c:v>39900</c:v>
                </c:pt>
                <c:pt idx="3375">
                  <c:v>39901</c:v>
                </c:pt>
                <c:pt idx="3376">
                  <c:v>39902</c:v>
                </c:pt>
                <c:pt idx="3377">
                  <c:v>39903</c:v>
                </c:pt>
                <c:pt idx="3378">
                  <c:v>39904</c:v>
                </c:pt>
                <c:pt idx="3379">
                  <c:v>39905</c:v>
                </c:pt>
                <c:pt idx="3380">
                  <c:v>39906</c:v>
                </c:pt>
                <c:pt idx="3381">
                  <c:v>39907</c:v>
                </c:pt>
                <c:pt idx="3382">
                  <c:v>39908</c:v>
                </c:pt>
                <c:pt idx="3383">
                  <c:v>39909</c:v>
                </c:pt>
                <c:pt idx="3384">
                  <c:v>39910</c:v>
                </c:pt>
                <c:pt idx="3385">
                  <c:v>39911</c:v>
                </c:pt>
                <c:pt idx="3386">
                  <c:v>39912</c:v>
                </c:pt>
                <c:pt idx="3387">
                  <c:v>39913</c:v>
                </c:pt>
                <c:pt idx="3388">
                  <c:v>39914</c:v>
                </c:pt>
                <c:pt idx="3389">
                  <c:v>39915</c:v>
                </c:pt>
                <c:pt idx="3390">
                  <c:v>39916</c:v>
                </c:pt>
                <c:pt idx="3391">
                  <c:v>39917</c:v>
                </c:pt>
                <c:pt idx="3392">
                  <c:v>39918</c:v>
                </c:pt>
                <c:pt idx="3393">
                  <c:v>39919</c:v>
                </c:pt>
                <c:pt idx="3394">
                  <c:v>39920</c:v>
                </c:pt>
                <c:pt idx="3395">
                  <c:v>39921</c:v>
                </c:pt>
                <c:pt idx="3396">
                  <c:v>39922</c:v>
                </c:pt>
                <c:pt idx="3397">
                  <c:v>39923</c:v>
                </c:pt>
                <c:pt idx="3398">
                  <c:v>39924</c:v>
                </c:pt>
                <c:pt idx="3399">
                  <c:v>39925</c:v>
                </c:pt>
                <c:pt idx="3400">
                  <c:v>39926</c:v>
                </c:pt>
                <c:pt idx="3401">
                  <c:v>39927</c:v>
                </c:pt>
                <c:pt idx="3402">
                  <c:v>39928</c:v>
                </c:pt>
                <c:pt idx="3403">
                  <c:v>39929</c:v>
                </c:pt>
                <c:pt idx="3404">
                  <c:v>39930</c:v>
                </c:pt>
                <c:pt idx="3405">
                  <c:v>39931</c:v>
                </c:pt>
                <c:pt idx="3406">
                  <c:v>39932</c:v>
                </c:pt>
                <c:pt idx="3407">
                  <c:v>39933</c:v>
                </c:pt>
                <c:pt idx="3408">
                  <c:v>39934</c:v>
                </c:pt>
                <c:pt idx="3409">
                  <c:v>39935</c:v>
                </c:pt>
                <c:pt idx="3410">
                  <c:v>39936</c:v>
                </c:pt>
                <c:pt idx="3411">
                  <c:v>39937</c:v>
                </c:pt>
                <c:pt idx="3412">
                  <c:v>39938</c:v>
                </c:pt>
                <c:pt idx="3413">
                  <c:v>39939</c:v>
                </c:pt>
                <c:pt idx="3414">
                  <c:v>39940</c:v>
                </c:pt>
                <c:pt idx="3415">
                  <c:v>39941</c:v>
                </c:pt>
                <c:pt idx="3416">
                  <c:v>39942</c:v>
                </c:pt>
                <c:pt idx="3417">
                  <c:v>39943</c:v>
                </c:pt>
                <c:pt idx="3418">
                  <c:v>39944</c:v>
                </c:pt>
                <c:pt idx="3419">
                  <c:v>39945</c:v>
                </c:pt>
                <c:pt idx="3420">
                  <c:v>39946</c:v>
                </c:pt>
                <c:pt idx="3421">
                  <c:v>39947</c:v>
                </c:pt>
                <c:pt idx="3422">
                  <c:v>39948</c:v>
                </c:pt>
                <c:pt idx="3423">
                  <c:v>39949</c:v>
                </c:pt>
                <c:pt idx="3424">
                  <c:v>39950</c:v>
                </c:pt>
                <c:pt idx="3425">
                  <c:v>39951</c:v>
                </c:pt>
                <c:pt idx="3426">
                  <c:v>39952</c:v>
                </c:pt>
                <c:pt idx="3427">
                  <c:v>39953</c:v>
                </c:pt>
                <c:pt idx="3428">
                  <c:v>39954</c:v>
                </c:pt>
                <c:pt idx="3429">
                  <c:v>39955</c:v>
                </c:pt>
                <c:pt idx="3430">
                  <c:v>39956</c:v>
                </c:pt>
                <c:pt idx="3431">
                  <c:v>39957</c:v>
                </c:pt>
                <c:pt idx="3432">
                  <c:v>39958</c:v>
                </c:pt>
                <c:pt idx="3433">
                  <c:v>39959</c:v>
                </c:pt>
                <c:pt idx="3434">
                  <c:v>39960</c:v>
                </c:pt>
                <c:pt idx="3435">
                  <c:v>39961</c:v>
                </c:pt>
                <c:pt idx="3436">
                  <c:v>39962</c:v>
                </c:pt>
                <c:pt idx="3437">
                  <c:v>39963</c:v>
                </c:pt>
                <c:pt idx="3438">
                  <c:v>39964</c:v>
                </c:pt>
                <c:pt idx="3439">
                  <c:v>39965</c:v>
                </c:pt>
                <c:pt idx="3440">
                  <c:v>39966</c:v>
                </c:pt>
                <c:pt idx="3441">
                  <c:v>39967</c:v>
                </c:pt>
                <c:pt idx="3442">
                  <c:v>39968</c:v>
                </c:pt>
                <c:pt idx="3443">
                  <c:v>39969</c:v>
                </c:pt>
                <c:pt idx="3444">
                  <c:v>39970</c:v>
                </c:pt>
                <c:pt idx="3445">
                  <c:v>39971</c:v>
                </c:pt>
                <c:pt idx="3446">
                  <c:v>39972</c:v>
                </c:pt>
                <c:pt idx="3447">
                  <c:v>39973</c:v>
                </c:pt>
                <c:pt idx="3448">
                  <c:v>39974</c:v>
                </c:pt>
                <c:pt idx="3449">
                  <c:v>39975</c:v>
                </c:pt>
                <c:pt idx="3450">
                  <c:v>39976</c:v>
                </c:pt>
                <c:pt idx="3451">
                  <c:v>39977</c:v>
                </c:pt>
                <c:pt idx="3452">
                  <c:v>39978</c:v>
                </c:pt>
                <c:pt idx="3453">
                  <c:v>39979</c:v>
                </c:pt>
                <c:pt idx="3454">
                  <c:v>39980</c:v>
                </c:pt>
                <c:pt idx="3455">
                  <c:v>39981</c:v>
                </c:pt>
                <c:pt idx="3456">
                  <c:v>39982</c:v>
                </c:pt>
                <c:pt idx="3457">
                  <c:v>39983</c:v>
                </c:pt>
                <c:pt idx="3458">
                  <c:v>39984</c:v>
                </c:pt>
                <c:pt idx="3459">
                  <c:v>39985</c:v>
                </c:pt>
                <c:pt idx="3460">
                  <c:v>39986</c:v>
                </c:pt>
                <c:pt idx="3461">
                  <c:v>39987</c:v>
                </c:pt>
                <c:pt idx="3462">
                  <c:v>39988</c:v>
                </c:pt>
                <c:pt idx="3463">
                  <c:v>39989</c:v>
                </c:pt>
                <c:pt idx="3464">
                  <c:v>39990</c:v>
                </c:pt>
                <c:pt idx="3465">
                  <c:v>39991</c:v>
                </c:pt>
                <c:pt idx="3466">
                  <c:v>39992</c:v>
                </c:pt>
                <c:pt idx="3467">
                  <c:v>39993</c:v>
                </c:pt>
                <c:pt idx="3468">
                  <c:v>39994</c:v>
                </c:pt>
                <c:pt idx="3469">
                  <c:v>39995</c:v>
                </c:pt>
                <c:pt idx="3470">
                  <c:v>39996</c:v>
                </c:pt>
                <c:pt idx="3471">
                  <c:v>39997</c:v>
                </c:pt>
                <c:pt idx="3472">
                  <c:v>39998</c:v>
                </c:pt>
                <c:pt idx="3473">
                  <c:v>39999</c:v>
                </c:pt>
                <c:pt idx="3474">
                  <c:v>40000</c:v>
                </c:pt>
                <c:pt idx="3475">
                  <c:v>40001</c:v>
                </c:pt>
                <c:pt idx="3476">
                  <c:v>40002</c:v>
                </c:pt>
                <c:pt idx="3477">
                  <c:v>40003</c:v>
                </c:pt>
                <c:pt idx="3478">
                  <c:v>40004</c:v>
                </c:pt>
                <c:pt idx="3479">
                  <c:v>40005</c:v>
                </c:pt>
                <c:pt idx="3480">
                  <c:v>40006</c:v>
                </c:pt>
                <c:pt idx="3481">
                  <c:v>40007</c:v>
                </c:pt>
                <c:pt idx="3482">
                  <c:v>40008</c:v>
                </c:pt>
                <c:pt idx="3483">
                  <c:v>40009</c:v>
                </c:pt>
                <c:pt idx="3484">
                  <c:v>40010</c:v>
                </c:pt>
                <c:pt idx="3485">
                  <c:v>40011</c:v>
                </c:pt>
                <c:pt idx="3486">
                  <c:v>40012</c:v>
                </c:pt>
                <c:pt idx="3487">
                  <c:v>40013</c:v>
                </c:pt>
                <c:pt idx="3488">
                  <c:v>40014</c:v>
                </c:pt>
                <c:pt idx="3489">
                  <c:v>40015</c:v>
                </c:pt>
                <c:pt idx="3490">
                  <c:v>40016</c:v>
                </c:pt>
                <c:pt idx="3491">
                  <c:v>40017</c:v>
                </c:pt>
                <c:pt idx="3492">
                  <c:v>40018</c:v>
                </c:pt>
                <c:pt idx="3493">
                  <c:v>40019</c:v>
                </c:pt>
                <c:pt idx="3494">
                  <c:v>40020</c:v>
                </c:pt>
                <c:pt idx="3495">
                  <c:v>40021</c:v>
                </c:pt>
                <c:pt idx="3496">
                  <c:v>40022</c:v>
                </c:pt>
                <c:pt idx="3497">
                  <c:v>40023</c:v>
                </c:pt>
                <c:pt idx="3498">
                  <c:v>40024</c:v>
                </c:pt>
                <c:pt idx="3499">
                  <c:v>40025</c:v>
                </c:pt>
                <c:pt idx="3500">
                  <c:v>40026</c:v>
                </c:pt>
                <c:pt idx="3501">
                  <c:v>40027</c:v>
                </c:pt>
                <c:pt idx="3502">
                  <c:v>40028</c:v>
                </c:pt>
                <c:pt idx="3503">
                  <c:v>40029</c:v>
                </c:pt>
                <c:pt idx="3504">
                  <c:v>40030</c:v>
                </c:pt>
                <c:pt idx="3505">
                  <c:v>40031</c:v>
                </c:pt>
                <c:pt idx="3506">
                  <c:v>40032</c:v>
                </c:pt>
                <c:pt idx="3507">
                  <c:v>40033</c:v>
                </c:pt>
                <c:pt idx="3508">
                  <c:v>40034</c:v>
                </c:pt>
                <c:pt idx="3509">
                  <c:v>40035</c:v>
                </c:pt>
                <c:pt idx="3510">
                  <c:v>40036</c:v>
                </c:pt>
                <c:pt idx="3511">
                  <c:v>40037</c:v>
                </c:pt>
                <c:pt idx="3512">
                  <c:v>40038</c:v>
                </c:pt>
                <c:pt idx="3513">
                  <c:v>40039</c:v>
                </c:pt>
                <c:pt idx="3514">
                  <c:v>40040</c:v>
                </c:pt>
                <c:pt idx="3515">
                  <c:v>40041</c:v>
                </c:pt>
                <c:pt idx="3516">
                  <c:v>40042</c:v>
                </c:pt>
                <c:pt idx="3517">
                  <c:v>40043</c:v>
                </c:pt>
                <c:pt idx="3518">
                  <c:v>40044</c:v>
                </c:pt>
                <c:pt idx="3519">
                  <c:v>40045</c:v>
                </c:pt>
                <c:pt idx="3520">
                  <c:v>40046</c:v>
                </c:pt>
                <c:pt idx="3521">
                  <c:v>40047</c:v>
                </c:pt>
                <c:pt idx="3522">
                  <c:v>40048</c:v>
                </c:pt>
                <c:pt idx="3523">
                  <c:v>40049</c:v>
                </c:pt>
                <c:pt idx="3524">
                  <c:v>40050</c:v>
                </c:pt>
                <c:pt idx="3525">
                  <c:v>40051</c:v>
                </c:pt>
                <c:pt idx="3526">
                  <c:v>40052</c:v>
                </c:pt>
                <c:pt idx="3527">
                  <c:v>40053</c:v>
                </c:pt>
                <c:pt idx="3528">
                  <c:v>40054</c:v>
                </c:pt>
                <c:pt idx="3529">
                  <c:v>40055</c:v>
                </c:pt>
                <c:pt idx="3530">
                  <c:v>40056</c:v>
                </c:pt>
                <c:pt idx="3531">
                  <c:v>40057</c:v>
                </c:pt>
                <c:pt idx="3532">
                  <c:v>40058</c:v>
                </c:pt>
                <c:pt idx="3533">
                  <c:v>40059</c:v>
                </c:pt>
                <c:pt idx="3534">
                  <c:v>40060</c:v>
                </c:pt>
                <c:pt idx="3535">
                  <c:v>40061</c:v>
                </c:pt>
                <c:pt idx="3536">
                  <c:v>40062</c:v>
                </c:pt>
                <c:pt idx="3537">
                  <c:v>40063</c:v>
                </c:pt>
                <c:pt idx="3538">
                  <c:v>40064</c:v>
                </c:pt>
                <c:pt idx="3539">
                  <c:v>40065</c:v>
                </c:pt>
                <c:pt idx="3540">
                  <c:v>40066</c:v>
                </c:pt>
                <c:pt idx="3541">
                  <c:v>40067</c:v>
                </c:pt>
                <c:pt idx="3542">
                  <c:v>40068</c:v>
                </c:pt>
                <c:pt idx="3543">
                  <c:v>40069</c:v>
                </c:pt>
                <c:pt idx="3544">
                  <c:v>40070</c:v>
                </c:pt>
                <c:pt idx="3545">
                  <c:v>40071</c:v>
                </c:pt>
                <c:pt idx="3546">
                  <c:v>40072</c:v>
                </c:pt>
                <c:pt idx="3547">
                  <c:v>40073</c:v>
                </c:pt>
                <c:pt idx="3548">
                  <c:v>40074</c:v>
                </c:pt>
                <c:pt idx="3549">
                  <c:v>40075</c:v>
                </c:pt>
                <c:pt idx="3550">
                  <c:v>40076</c:v>
                </c:pt>
                <c:pt idx="3551">
                  <c:v>40077</c:v>
                </c:pt>
                <c:pt idx="3552">
                  <c:v>40078</c:v>
                </c:pt>
                <c:pt idx="3553">
                  <c:v>40079</c:v>
                </c:pt>
                <c:pt idx="3554">
                  <c:v>40080</c:v>
                </c:pt>
                <c:pt idx="3555">
                  <c:v>40081</c:v>
                </c:pt>
                <c:pt idx="3556">
                  <c:v>40082</c:v>
                </c:pt>
                <c:pt idx="3557">
                  <c:v>40083</c:v>
                </c:pt>
                <c:pt idx="3558">
                  <c:v>40084</c:v>
                </c:pt>
                <c:pt idx="3559">
                  <c:v>40085</c:v>
                </c:pt>
                <c:pt idx="3560">
                  <c:v>40086</c:v>
                </c:pt>
                <c:pt idx="3561">
                  <c:v>40087</c:v>
                </c:pt>
                <c:pt idx="3562">
                  <c:v>40088</c:v>
                </c:pt>
                <c:pt idx="3563">
                  <c:v>40089</c:v>
                </c:pt>
                <c:pt idx="3564">
                  <c:v>40090</c:v>
                </c:pt>
                <c:pt idx="3565">
                  <c:v>40091</c:v>
                </c:pt>
                <c:pt idx="3566">
                  <c:v>40092</c:v>
                </c:pt>
                <c:pt idx="3567">
                  <c:v>40093</c:v>
                </c:pt>
                <c:pt idx="3568">
                  <c:v>40094</c:v>
                </c:pt>
                <c:pt idx="3569">
                  <c:v>40095</c:v>
                </c:pt>
                <c:pt idx="3570">
                  <c:v>40096</c:v>
                </c:pt>
                <c:pt idx="3571">
                  <c:v>40097</c:v>
                </c:pt>
                <c:pt idx="3572">
                  <c:v>40098</c:v>
                </c:pt>
                <c:pt idx="3573">
                  <c:v>40099</c:v>
                </c:pt>
                <c:pt idx="3574">
                  <c:v>40100</c:v>
                </c:pt>
                <c:pt idx="3575">
                  <c:v>40101</c:v>
                </c:pt>
                <c:pt idx="3576">
                  <c:v>40102</c:v>
                </c:pt>
                <c:pt idx="3577">
                  <c:v>40103</c:v>
                </c:pt>
                <c:pt idx="3578">
                  <c:v>40104</c:v>
                </c:pt>
                <c:pt idx="3579">
                  <c:v>40105</c:v>
                </c:pt>
                <c:pt idx="3580">
                  <c:v>40106</c:v>
                </c:pt>
                <c:pt idx="3581">
                  <c:v>40107</c:v>
                </c:pt>
                <c:pt idx="3582">
                  <c:v>40108</c:v>
                </c:pt>
                <c:pt idx="3583">
                  <c:v>40109</c:v>
                </c:pt>
                <c:pt idx="3584">
                  <c:v>40110</c:v>
                </c:pt>
                <c:pt idx="3585">
                  <c:v>40111</c:v>
                </c:pt>
                <c:pt idx="3586">
                  <c:v>40112</c:v>
                </c:pt>
                <c:pt idx="3587">
                  <c:v>40113</c:v>
                </c:pt>
                <c:pt idx="3588">
                  <c:v>40114</c:v>
                </c:pt>
                <c:pt idx="3589">
                  <c:v>40115</c:v>
                </c:pt>
                <c:pt idx="3590">
                  <c:v>40116</c:v>
                </c:pt>
                <c:pt idx="3591">
                  <c:v>40117</c:v>
                </c:pt>
                <c:pt idx="3592">
                  <c:v>40118</c:v>
                </c:pt>
                <c:pt idx="3593">
                  <c:v>40119</c:v>
                </c:pt>
                <c:pt idx="3594">
                  <c:v>40120</c:v>
                </c:pt>
                <c:pt idx="3595">
                  <c:v>40121</c:v>
                </c:pt>
                <c:pt idx="3596">
                  <c:v>40122</c:v>
                </c:pt>
                <c:pt idx="3597">
                  <c:v>40123</c:v>
                </c:pt>
                <c:pt idx="3598">
                  <c:v>40124</c:v>
                </c:pt>
                <c:pt idx="3599">
                  <c:v>40125</c:v>
                </c:pt>
                <c:pt idx="3600">
                  <c:v>40126</c:v>
                </c:pt>
                <c:pt idx="3601">
                  <c:v>40127</c:v>
                </c:pt>
                <c:pt idx="3602">
                  <c:v>40128</c:v>
                </c:pt>
                <c:pt idx="3603">
                  <c:v>40129</c:v>
                </c:pt>
                <c:pt idx="3604">
                  <c:v>40130</c:v>
                </c:pt>
                <c:pt idx="3605">
                  <c:v>40131</c:v>
                </c:pt>
                <c:pt idx="3606">
                  <c:v>40132</c:v>
                </c:pt>
                <c:pt idx="3607">
                  <c:v>40133</c:v>
                </c:pt>
                <c:pt idx="3608">
                  <c:v>40134</c:v>
                </c:pt>
                <c:pt idx="3609">
                  <c:v>40135</c:v>
                </c:pt>
                <c:pt idx="3610">
                  <c:v>40136</c:v>
                </c:pt>
                <c:pt idx="3611">
                  <c:v>40137</c:v>
                </c:pt>
                <c:pt idx="3612">
                  <c:v>40138</c:v>
                </c:pt>
                <c:pt idx="3613">
                  <c:v>40139</c:v>
                </c:pt>
                <c:pt idx="3614">
                  <c:v>40140</c:v>
                </c:pt>
                <c:pt idx="3615">
                  <c:v>40141</c:v>
                </c:pt>
                <c:pt idx="3616">
                  <c:v>40142</c:v>
                </c:pt>
                <c:pt idx="3617">
                  <c:v>40143</c:v>
                </c:pt>
                <c:pt idx="3618">
                  <c:v>40144</c:v>
                </c:pt>
                <c:pt idx="3619">
                  <c:v>40145</c:v>
                </c:pt>
                <c:pt idx="3620">
                  <c:v>40146</c:v>
                </c:pt>
                <c:pt idx="3621">
                  <c:v>40147</c:v>
                </c:pt>
                <c:pt idx="3622">
                  <c:v>40148</c:v>
                </c:pt>
                <c:pt idx="3623">
                  <c:v>40149</c:v>
                </c:pt>
                <c:pt idx="3624">
                  <c:v>40150</c:v>
                </c:pt>
                <c:pt idx="3625">
                  <c:v>40151</c:v>
                </c:pt>
                <c:pt idx="3626">
                  <c:v>40152</c:v>
                </c:pt>
                <c:pt idx="3627">
                  <c:v>40153</c:v>
                </c:pt>
                <c:pt idx="3628">
                  <c:v>40154</c:v>
                </c:pt>
                <c:pt idx="3629">
                  <c:v>40155</c:v>
                </c:pt>
                <c:pt idx="3630">
                  <c:v>40156</c:v>
                </c:pt>
                <c:pt idx="3631">
                  <c:v>40157</c:v>
                </c:pt>
                <c:pt idx="3632">
                  <c:v>40158</c:v>
                </c:pt>
                <c:pt idx="3633">
                  <c:v>40159</c:v>
                </c:pt>
                <c:pt idx="3634">
                  <c:v>40160</c:v>
                </c:pt>
                <c:pt idx="3635">
                  <c:v>40161</c:v>
                </c:pt>
                <c:pt idx="3636">
                  <c:v>40162</c:v>
                </c:pt>
                <c:pt idx="3637">
                  <c:v>40163</c:v>
                </c:pt>
                <c:pt idx="3638">
                  <c:v>40164</c:v>
                </c:pt>
                <c:pt idx="3639">
                  <c:v>40165</c:v>
                </c:pt>
                <c:pt idx="3640">
                  <c:v>40166</c:v>
                </c:pt>
                <c:pt idx="3641">
                  <c:v>40167</c:v>
                </c:pt>
                <c:pt idx="3642">
                  <c:v>40168</c:v>
                </c:pt>
                <c:pt idx="3643">
                  <c:v>40169</c:v>
                </c:pt>
                <c:pt idx="3644">
                  <c:v>40170</c:v>
                </c:pt>
                <c:pt idx="3645">
                  <c:v>40171</c:v>
                </c:pt>
                <c:pt idx="3646">
                  <c:v>40172</c:v>
                </c:pt>
                <c:pt idx="3647">
                  <c:v>40173</c:v>
                </c:pt>
                <c:pt idx="3648">
                  <c:v>40174</c:v>
                </c:pt>
                <c:pt idx="3649">
                  <c:v>40175</c:v>
                </c:pt>
                <c:pt idx="3650">
                  <c:v>40176</c:v>
                </c:pt>
                <c:pt idx="3651">
                  <c:v>40177</c:v>
                </c:pt>
                <c:pt idx="3652">
                  <c:v>40178</c:v>
                </c:pt>
                <c:pt idx="3653">
                  <c:v>40179</c:v>
                </c:pt>
                <c:pt idx="3654">
                  <c:v>40180</c:v>
                </c:pt>
                <c:pt idx="3655">
                  <c:v>40181</c:v>
                </c:pt>
                <c:pt idx="3656">
                  <c:v>40182</c:v>
                </c:pt>
                <c:pt idx="3657">
                  <c:v>40183</c:v>
                </c:pt>
                <c:pt idx="3658">
                  <c:v>40184</c:v>
                </c:pt>
                <c:pt idx="3659">
                  <c:v>40185</c:v>
                </c:pt>
                <c:pt idx="3660">
                  <c:v>40186</c:v>
                </c:pt>
                <c:pt idx="3661">
                  <c:v>40187</c:v>
                </c:pt>
                <c:pt idx="3662">
                  <c:v>40188</c:v>
                </c:pt>
                <c:pt idx="3663">
                  <c:v>40189</c:v>
                </c:pt>
                <c:pt idx="3664">
                  <c:v>40190</c:v>
                </c:pt>
                <c:pt idx="3665">
                  <c:v>40191</c:v>
                </c:pt>
                <c:pt idx="3666">
                  <c:v>40192</c:v>
                </c:pt>
                <c:pt idx="3667">
                  <c:v>40193</c:v>
                </c:pt>
                <c:pt idx="3668">
                  <c:v>40194</c:v>
                </c:pt>
                <c:pt idx="3669">
                  <c:v>40195</c:v>
                </c:pt>
                <c:pt idx="3670">
                  <c:v>40196</c:v>
                </c:pt>
                <c:pt idx="3671">
                  <c:v>40197</c:v>
                </c:pt>
                <c:pt idx="3672">
                  <c:v>40198</c:v>
                </c:pt>
                <c:pt idx="3673">
                  <c:v>40199</c:v>
                </c:pt>
                <c:pt idx="3674">
                  <c:v>40200</c:v>
                </c:pt>
                <c:pt idx="3675">
                  <c:v>40201</c:v>
                </c:pt>
                <c:pt idx="3676">
                  <c:v>40202</c:v>
                </c:pt>
                <c:pt idx="3677">
                  <c:v>40203</c:v>
                </c:pt>
                <c:pt idx="3678">
                  <c:v>40204</c:v>
                </c:pt>
                <c:pt idx="3679">
                  <c:v>40205</c:v>
                </c:pt>
                <c:pt idx="3680">
                  <c:v>40206</c:v>
                </c:pt>
                <c:pt idx="3681">
                  <c:v>40207</c:v>
                </c:pt>
                <c:pt idx="3682">
                  <c:v>40208</c:v>
                </c:pt>
                <c:pt idx="3683">
                  <c:v>40209</c:v>
                </c:pt>
                <c:pt idx="3684">
                  <c:v>40210</c:v>
                </c:pt>
                <c:pt idx="3685">
                  <c:v>40211</c:v>
                </c:pt>
                <c:pt idx="3686">
                  <c:v>40212</c:v>
                </c:pt>
                <c:pt idx="3687">
                  <c:v>40213</c:v>
                </c:pt>
                <c:pt idx="3688">
                  <c:v>40214</c:v>
                </c:pt>
                <c:pt idx="3689">
                  <c:v>40215</c:v>
                </c:pt>
                <c:pt idx="3690">
                  <c:v>40216</c:v>
                </c:pt>
                <c:pt idx="3691">
                  <c:v>40217</c:v>
                </c:pt>
                <c:pt idx="3692">
                  <c:v>40218</c:v>
                </c:pt>
                <c:pt idx="3693">
                  <c:v>40219</c:v>
                </c:pt>
                <c:pt idx="3694">
                  <c:v>40220</c:v>
                </c:pt>
                <c:pt idx="3695">
                  <c:v>40221</c:v>
                </c:pt>
                <c:pt idx="3696">
                  <c:v>40222</c:v>
                </c:pt>
                <c:pt idx="3697">
                  <c:v>40223</c:v>
                </c:pt>
                <c:pt idx="3698">
                  <c:v>40224</c:v>
                </c:pt>
                <c:pt idx="3699">
                  <c:v>40225</c:v>
                </c:pt>
                <c:pt idx="3700">
                  <c:v>40226</c:v>
                </c:pt>
                <c:pt idx="3701">
                  <c:v>40227</c:v>
                </c:pt>
                <c:pt idx="3702">
                  <c:v>40228</c:v>
                </c:pt>
                <c:pt idx="3703">
                  <c:v>40229</c:v>
                </c:pt>
                <c:pt idx="3704">
                  <c:v>40230</c:v>
                </c:pt>
                <c:pt idx="3705">
                  <c:v>40231</c:v>
                </c:pt>
                <c:pt idx="3706">
                  <c:v>40232</c:v>
                </c:pt>
                <c:pt idx="3707">
                  <c:v>40233</c:v>
                </c:pt>
                <c:pt idx="3708">
                  <c:v>40234</c:v>
                </c:pt>
                <c:pt idx="3709">
                  <c:v>40235</c:v>
                </c:pt>
                <c:pt idx="3710">
                  <c:v>40236</c:v>
                </c:pt>
                <c:pt idx="3711">
                  <c:v>40237</c:v>
                </c:pt>
                <c:pt idx="3712">
                  <c:v>40238</c:v>
                </c:pt>
                <c:pt idx="3713">
                  <c:v>40239</c:v>
                </c:pt>
                <c:pt idx="3714">
                  <c:v>40240</c:v>
                </c:pt>
                <c:pt idx="3715">
                  <c:v>40241</c:v>
                </c:pt>
                <c:pt idx="3716">
                  <c:v>40242</c:v>
                </c:pt>
                <c:pt idx="3717">
                  <c:v>40243</c:v>
                </c:pt>
                <c:pt idx="3718">
                  <c:v>40244</c:v>
                </c:pt>
                <c:pt idx="3719">
                  <c:v>40245</c:v>
                </c:pt>
                <c:pt idx="3720">
                  <c:v>40246</c:v>
                </c:pt>
                <c:pt idx="3721">
                  <c:v>40247</c:v>
                </c:pt>
                <c:pt idx="3722">
                  <c:v>40248</c:v>
                </c:pt>
                <c:pt idx="3723">
                  <c:v>40249</c:v>
                </c:pt>
                <c:pt idx="3724">
                  <c:v>40250</c:v>
                </c:pt>
                <c:pt idx="3725">
                  <c:v>40251</c:v>
                </c:pt>
                <c:pt idx="3726">
                  <c:v>40252</c:v>
                </c:pt>
                <c:pt idx="3727">
                  <c:v>40253</c:v>
                </c:pt>
                <c:pt idx="3728">
                  <c:v>40254</c:v>
                </c:pt>
                <c:pt idx="3729">
                  <c:v>40255</c:v>
                </c:pt>
                <c:pt idx="3730">
                  <c:v>40256</c:v>
                </c:pt>
                <c:pt idx="3731">
                  <c:v>40257</c:v>
                </c:pt>
                <c:pt idx="3732">
                  <c:v>40258</c:v>
                </c:pt>
                <c:pt idx="3733">
                  <c:v>40259</c:v>
                </c:pt>
                <c:pt idx="3734">
                  <c:v>40260</c:v>
                </c:pt>
                <c:pt idx="3735">
                  <c:v>40261</c:v>
                </c:pt>
                <c:pt idx="3736">
                  <c:v>40262</c:v>
                </c:pt>
                <c:pt idx="3737">
                  <c:v>40263</c:v>
                </c:pt>
                <c:pt idx="3738">
                  <c:v>40264</c:v>
                </c:pt>
                <c:pt idx="3739">
                  <c:v>40265</c:v>
                </c:pt>
                <c:pt idx="3740">
                  <c:v>40266</c:v>
                </c:pt>
                <c:pt idx="3741">
                  <c:v>40267</c:v>
                </c:pt>
                <c:pt idx="3742">
                  <c:v>40268</c:v>
                </c:pt>
                <c:pt idx="3743">
                  <c:v>40269</c:v>
                </c:pt>
                <c:pt idx="3744">
                  <c:v>40270</c:v>
                </c:pt>
                <c:pt idx="3745">
                  <c:v>40271</c:v>
                </c:pt>
                <c:pt idx="3746">
                  <c:v>40272</c:v>
                </c:pt>
                <c:pt idx="3747">
                  <c:v>40273</c:v>
                </c:pt>
                <c:pt idx="3748">
                  <c:v>40274</c:v>
                </c:pt>
                <c:pt idx="3749">
                  <c:v>40275</c:v>
                </c:pt>
                <c:pt idx="3750">
                  <c:v>40276</c:v>
                </c:pt>
                <c:pt idx="3751">
                  <c:v>40277</c:v>
                </c:pt>
                <c:pt idx="3752">
                  <c:v>40278</c:v>
                </c:pt>
                <c:pt idx="3753">
                  <c:v>40279</c:v>
                </c:pt>
                <c:pt idx="3754">
                  <c:v>40280</c:v>
                </c:pt>
                <c:pt idx="3755">
                  <c:v>40281</c:v>
                </c:pt>
                <c:pt idx="3756">
                  <c:v>40282</c:v>
                </c:pt>
                <c:pt idx="3757">
                  <c:v>40283</c:v>
                </c:pt>
                <c:pt idx="3758">
                  <c:v>40284</c:v>
                </c:pt>
                <c:pt idx="3759">
                  <c:v>40285</c:v>
                </c:pt>
                <c:pt idx="3760">
                  <c:v>40286</c:v>
                </c:pt>
                <c:pt idx="3761">
                  <c:v>40287</c:v>
                </c:pt>
                <c:pt idx="3762">
                  <c:v>40288</c:v>
                </c:pt>
                <c:pt idx="3763">
                  <c:v>40289</c:v>
                </c:pt>
                <c:pt idx="3764">
                  <c:v>40290</c:v>
                </c:pt>
                <c:pt idx="3765">
                  <c:v>40291</c:v>
                </c:pt>
                <c:pt idx="3766">
                  <c:v>40292</c:v>
                </c:pt>
                <c:pt idx="3767">
                  <c:v>40293</c:v>
                </c:pt>
                <c:pt idx="3768">
                  <c:v>40294</c:v>
                </c:pt>
                <c:pt idx="3769">
                  <c:v>40295</c:v>
                </c:pt>
                <c:pt idx="3770">
                  <c:v>40296</c:v>
                </c:pt>
                <c:pt idx="3771">
                  <c:v>40297</c:v>
                </c:pt>
                <c:pt idx="3772">
                  <c:v>40298</c:v>
                </c:pt>
                <c:pt idx="3773">
                  <c:v>40299</c:v>
                </c:pt>
                <c:pt idx="3774">
                  <c:v>40300</c:v>
                </c:pt>
                <c:pt idx="3775">
                  <c:v>40301</c:v>
                </c:pt>
                <c:pt idx="3776">
                  <c:v>40302</c:v>
                </c:pt>
                <c:pt idx="3777">
                  <c:v>40303</c:v>
                </c:pt>
                <c:pt idx="3778">
                  <c:v>40304</c:v>
                </c:pt>
                <c:pt idx="3779">
                  <c:v>40305</c:v>
                </c:pt>
                <c:pt idx="3780">
                  <c:v>40306</c:v>
                </c:pt>
                <c:pt idx="3781">
                  <c:v>40307</c:v>
                </c:pt>
                <c:pt idx="3782">
                  <c:v>40308</c:v>
                </c:pt>
                <c:pt idx="3783">
                  <c:v>40309</c:v>
                </c:pt>
                <c:pt idx="3784">
                  <c:v>40310</c:v>
                </c:pt>
                <c:pt idx="3785">
                  <c:v>40311</c:v>
                </c:pt>
                <c:pt idx="3786">
                  <c:v>40312</c:v>
                </c:pt>
                <c:pt idx="3787">
                  <c:v>40313</c:v>
                </c:pt>
                <c:pt idx="3788">
                  <c:v>40314</c:v>
                </c:pt>
                <c:pt idx="3789">
                  <c:v>40315</c:v>
                </c:pt>
                <c:pt idx="3790">
                  <c:v>40316</c:v>
                </c:pt>
                <c:pt idx="3791">
                  <c:v>40317</c:v>
                </c:pt>
                <c:pt idx="3792">
                  <c:v>40318</c:v>
                </c:pt>
                <c:pt idx="3793">
                  <c:v>40319</c:v>
                </c:pt>
                <c:pt idx="3794">
                  <c:v>40320</c:v>
                </c:pt>
                <c:pt idx="3795">
                  <c:v>40321</c:v>
                </c:pt>
                <c:pt idx="3796">
                  <c:v>40322</c:v>
                </c:pt>
                <c:pt idx="3797">
                  <c:v>40323</c:v>
                </c:pt>
                <c:pt idx="3798">
                  <c:v>40324</c:v>
                </c:pt>
                <c:pt idx="3799">
                  <c:v>40325</c:v>
                </c:pt>
                <c:pt idx="3800">
                  <c:v>40326</c:v>
                </c:pt>
                <c:pt idx="3801">
                  <c:v>40327</c:v>
                </c:pt>
                <c:pt idx="3802">
                  <c:v>40328</c:v>
                </c:pt>
                <c:pt idx="3803">
                  <c:v>40329</c:v>
                </c:pt>
                <c:pt idx="3804">
                  <c:v>40330</c:v>
                </c:pt>
                <c:pt idx="3805">
                  <c:v>40331</c:v>
                </c:pt>
                <c:pt idx="3806">
                  <c:v>40332</c:v>
                </c:pt>
                <c:pt idx="3807">
                  <c:v>40333</c:v>
                </c:pt>
                <c:pt idx="3808">
                  <c:v>40334</c:v>
                </c:pt>
                <c:pt idx="3809">
                  <c:v>40335</c:v>
                </c:pt>
                <c:pt idx="3810">
                  <c:v>40336</c:v>
                </c:pt>
                <c:pt idx="3811">
                  <c:v>40337</c:v>
                </c:pt>
                <c:pt idx="3812">
                  <c:v>40338</c:v>
                </c:pt>
                <c:pt idx="3813">
                  <c:v>40339</c:v>
                </c:pt>
                <c:pt idx="3814">
                  <c:v>40340</c:v>
                </c:pt>
                <c:pt idx="3815">
                  <c:v>40341</c:v>
                </c:pt>
                <c:pt idx="3816">
                  <c:v>40342</c:v>
                </c:pt>
                <c:pt idx="3817">
                  <c:v>40343</c:v>
                </c:pt>
                <c:pt idx="3818">
                  <c:v>40344</c:v>
                </c:pt>
                <c:pt idx="3819">
                  <c:v>40345</c:v>
                </c:pt>
                <c:pt idx="3820">
                  <c:v>40346</c:v>
                </c:pt>
                <c:pt idx="3821">
                  <c:v>40347</c:v>
                </c:pt>
                <c:pt idx="3822">
                  <c:v>40348</c:v>
                </c:pt>
                <c:pt idx="3823">
                  <c:v>40349</c:v>
                </c:pt>
                <c:pt idx="3824">
                  <c:v>40350</c:v>
                </c:pt>
                <c:pt idx="3825">
                  <c:v>40351</c:v>
                </c:pt>
                <c:pt idx="3826">
                  <c:v>40352</c:v>
                </c:pt>
                <c:pt idx="3827">
                  <c:v>40353</c:v>
                </c:pt>
                <c:pt idx="3828">
                  <c:v>40354</c:v>
                </c:pt>
                <c:pt idx="3829">
                  <c:v>40355</c:v>
                </c:pt>
                <c:pt idx="3830">
                  <c:v>40356</c:v>
                </c:pt>
                <c:pt idx="3831">
                  <c:v>40357</c:v>
                </c:pt>
                <c:pt idx="3832">
                  <c:v>40358</c:v>
                </c:pt>
                <c:pt idx="3833">
                  <c:v>40359</c:v>
                </c:pt>
                <c:pt idx="3834">
                  <c:v>40360</c:v>
                </c:pt>
                <c:pt idx="3835">
                  <c:v>40361</c:v>
                </c:pt>
                <c:pt idx="3836">
                  <c:v>40362</c:v>
                </c:pt>
                <c:pt idx="3837">
                  <c:v>40363</c:v>
                </c:pt>
                <c:pt idx="3838">
                  <c:v>40364</c:v>
                </c:pt>
                <c:pt idx="3839">
                  <c:v>40365</c:v>
                </c:pt>
                <c:pt idx="3840">
                  <c:v>40366</c:v>
                </c:pt>
                <c:pt idx="3841">
                  <c:v>40367</c:v>
                </c:pt>
                <c:pt idx="3842">
                  <c:v>40368</c:v>
                </c:pt>
                <c:pt idx="3843">
                  <c:v>40369</c:v>
                </c:pt>
                <c:pt idx="3844">
                  <c:v>40370</c:v>
                </c:pt>
                <c:pt idx="3845">
                  <c:v>40371</c:v>
                </c:pt>
                <c:pt idx="3846">
                  <c:v>40372</c:v>
                </c:pt>
                <c:pt idx="3847">
                  <c:v>40373</c:v>
                </c:pt>
                <c:pt idx="3848">
                  <c:v>40374</c:v>
                </c:pt>
                <c:pt idx="3849">
                  <c:v>40375</c:v>
                </c:pt>
                <c:pt idx="3850">
                  <c:v>40376</c:v>
                </c:pt>
                <c:pt idx="3851">
                  <c:v>40377</c:v>
                </c:pt>
                <c:pt idx="3852">
                  <c:v>40378</c:v>
                </c:pt>
                <c:pt idx="3853">
                  <c:v>40379</c:v>
                </c:pt>
                <c:pt idx="3854">
                  <c:v>40380</c:v>
                </c:pt>
                <c:pt idx="3855">
                  <c:v>40381</c:v>
                </c:pt>
                <c:pt idx="3856">
                  <c:v>40382</c:v>
                </c:pt>
                <c:pt idx="3857">
                  <c:v>40383</c:v>
                </c:pt>
                <c:pt idx="3858">
                  <c:v>40384</c:v>
                </c:pt>
                <c:pt idx="3859">
                  <c:v>40385</c:v>
                </c:pt>
                <c:pt idx="3860">
                  <c:v>40386</c:v>
                </c:pt>
                <c:pt idx="3861">
                  <c:v>40387</c:v>
                </c:pt>
                <c:pt idx="3862">
                  <c:v>40388</c:v>
                </c:pt>
                <c:pt idx="3863">
                  <c:v>40389</c:v>
                </c:pt>
                <c:pt idx="3864">
                  <c:v>40390</c:v>
                </c:pt>
                <c:pt idx="3865">
                  <c:v>40391</c:v>
                </c:pt>
                <c:pt idx="3866">
                  <c:v>40392</c:v>
                </c:pt>
                <c:pt idx="3867">
                  <c:v>40393</c:v>
                </c:pt>
                <c:pt idx="3868">
                  <c:v>40394</c:v>
                </c:pt>
                <c:pt idx="3869">
                  <c:v>40395</c:v>
                </c:pt>
                <c:pt idx="3870">
                  <c:v>40396</c:v>
                </c:pt>
                <c:pt idx="3871">
                  <c:v>40397</c:v>
                </c:pt>
                <c:pt idx="3872">
                  <c:v>40398</c:v>
                </c:pt>
                <c:pt idx="3873">
                  <c:v>40399</c:v>
                </c:pt>
                <c:pt idx="3874">
                  <c:v>40400</c:v>
                </c:pt>
                <c:pt idx="3875">
                  <c:v>40401</c:v>
                </c:pt>
                <c:pt idx="3876">
                  <c:v>40402</c:v>
                </c:pt>
                <c:pt idx="3877">
                  <c:v>40403</c:v>
                </c:pt>
                <c:pt idx="3878">
                  <c:v>40404</c:v>
                </c:pt>
                <c:pt idx="3879">
                  <c:v>40405</c:v>
                </c:pt>
                <c:pt idx="3880">
                  <c:v>40406</c:v>
                </c:pt>
                <c:pt idx="3881">
                  <c:v>40407</c:v>
                </c:pt>
                <c:pt idx="3882">
                  <c:v>40408</c:v>
                </c:pt>
                <c:pt idx="3883">
                  <c:v>40409</c:v>
                </c:pt>
                <c:pt idx="3884">
                  <c:v>40410</c:v>
                </c:pt>
                <c:pt idx="3885">
                  <c:v>40411</c:v>
                </c:pt>
                <c:pt idx="3886">
                  <c:v>40412</c:v>
                </c:pt>
                <c:pt idx="3887">
                  <c:v>40413</c:v>
                </c:pt>
                <c:pt idx="3888">
                  <c:v>40414</c:v>
                </c:pt>
                <c:pt idx="3889">
                  <c:v>40415</c:v>
                </c:pt>
                <c:pt idx="3890">
                  <c:v>40416</c:v>
                </c:pt>
                <c:pt idx="3891">
                  <c:v>40417</c:v>
                </c:pt>
                <c:pt idx="3892">
                  <c:v>40418</c:v>
                </c:pt>
                <c:pt idx="3893">
                  <c:v>40419</c:v>
                </c:pt>
                <c:pt idx="3894">
                  <c:v>40420</c:v>
                </c:pt>
                <c:pt idx="3895">
                  <c:v>40421</c:v>
                </c:pt>
                <c:pt idx="3896">
                  <c:v>40422</c:v>
                </c:pt>
                <c:pt idx="3897">
                  <c:v>40423</c:v>
                </c:pt>
                <c:pt idx="3898">
                  <c:v>40424</c:v>
                </c:pt>
                <c:pt idx="3899">
                  <c:v>40425</c:v>
                </c:pt>
                <c:pt idx="3900">
                  <c:v>40426</c:v>
                </c:pt>
                <c:pt idx="3901">
                  <c:v>40427</c:v>
                </c:pt>
                <c:pt idx="3902">
                  <c:v>40428</c:v>
                </c:pt>
                <c:pt idx="3903">
                  <c:v>40429</c:v>
                </c:pt>
                <c:pt idx="3904">
                  <c:v>40430</c:v>
                </c:pt>
                <c:pt idx="3905">
                  <c:v>40431</c:v>
                </c:pt>
                <c:pt idx="3906">
                  <c:v>40432</c:v>
                </c:pt>
                <c:pt idx="3907">
                  <c:v>40433</c:v>
                </c:pt>
                <c:pt idx="3908">
                  <c:v>40434</c:v>
                </c:pt>
                <c:pt idx="3909">
                  <c:v>40435</c:v>
                </c:pt>
                <c:pt idx="3910">
                  <c:v>40436</c:v>
                </c:pt>
                <c:pt idx="3911">
                  <c:v>40437</c:v>
                </c:pt>
                <c:pt idx="3912">
                  <c:v>40438</c:v>
                </c:pt>
                <c:pt idx="3913">
                  <c:v>40439</c:v>
                </c:pt>
                <c:pt idx="3914">
                  <c:v>40440</c:v>
                </c:pt>
                <c:pt idx="3915">
                  <c:v>40441</c:v>
                </c:pt>
                <c:pt idx="3916">
                  <c:v>40442</c:v>
                </c:pt>
                <c:pt idx="3917">
                  <c:v>40443</c:v>
                </c:pt>
                <c:pt idx="3918">
                  <c:v>40444</c:v>
                </c:pt>
                <c:pt idx="3919">
                  <c:v>40445</c:v>
                </c:pt>
                <c:pt idx="3920">
                  <c:v>40446</c:v>
                </c:pt>
                <c:pt idx="3921">
                  <c:v>40447</c:v>
                </c:pt>
                <c:pt idx="3922">
                  <c:v>40448</c:v>
                </c:pt>
                <c:pt idx="3923">
                  <c:v>40449</c:v>
                </c:pt>
                <c:pt idx="3924">
                  <c:v>40450</c:v>
                </c:pt>
                <c:pt idx="3925">
                  <c:v>40451</c:v>
                </c:pt>
                <c:pt idx="3926">
                  <c:v>40452</c:v>
                </c:pt>
                <c:pt idx="3927">
                  <c:v>40453</c:v>
                </c:pt>
                <c:pt idx="3928">
                  <c:v>40454</c:v>
                </c:pt>
                <c:pt idx="3929">
                  <c:v>40455</c:v>
                </c:pt>
                <c:pt idx="3930">
                  <c:v>40456</c:v>
                </c:pt>
                <c:pt idx="3931">
                  <c:v>40457</c:v>
                </c:pt>
                <c:pt idx="3932">
                  <c:v>40458</c:v>
                </c:pt>
                <c:pt idx="3933">
                  <c:v>40459</c:v>
                </c:pt>
                <c:pt idx="3934">
                  <c:v>40460</c:v>
                </c:pt>
                <c:pt idx="3935">
                  <c:v>40461</c:v>
                </c:pt>
                <c:pt idx="3936">
                  <c:v>40462</c:v>
                </c:pt>
                <c:pt idx="3937">
                  <c:v>40463</c:v>
                </c:pt>
                <c:pt idx="3938">
                  <c:v>40464</c:v>
                </c:pt>
                <c:pt idx="3939">
                  <c:v>40465</c:v>
                </c:pt>
                <c:pt idx="3940">
                  <c:v>40466</c:v>
                </c:pt>
                <c:pt idx="3941">
                  <c:v>40467</c:v>
                </c:pt>
                <c:pt idx="3942">
                  <c:v>40468</c:v>
                </c:pt>
                <c:pt idx="3943">
                  <c:v>40469</c:v>
                </c:pt>
                <c:pt idx="3944">
                  <c:v>40470</c:v>
                </c:pt>
                <c:pt idx="3945">
                  <c:v>40471</c:v>
                </c:pt>
                <c:pt idx="3946">
                  <c:v>40472</c:v>
                </c:pt>
                <c:pt idx="3947">
                  <c:v>40473</c:v>
                </c:pt>
                <c:pt idx="3948">
                  <c:v>40474</c:v>
                </c:pt>
                <c:pt idx="3949">
                  <c:v>40475</c:v>
                </c:pt>
                <c:pt idx="3950">
                  <c:v>40476</c:v>
                </c:pt>
                <c:pt idx="3951">
                  <c:v>40477</c:v>
                </c:pt>
                <c:pt idx="3952">
                  <c:v>40478</c:v>
                </c:pt>
                <c:pt idx="3953">
                  <c:v>40479</c:v>
                </c:pt>
                <c:pt idx="3954">
                  <c:v>40480</c:v>
                </c:pt>
                <c:pt idx="3955">
                  <c:v>40481</c:v>
                </c:pt>
                <c:pt idx="3956">
                  <c:v>40482</c:v>
                </c:pt>
                <c:pt idx="3957">
                  <c:v>40483</c:v>
                </c:pt>
                <c:pt idx="3958">
                  <c:v>40484</c:v>
                </c:pt>
                <c:pt idx="3959">
                  <c:v>40485</c:v>
                </c:pt>
                <c:pt idx="3960">
                  <c:v>40486</c:v>
                </c:pt>
                <c:pt idx="3961">
                  <c:v>40487</c:v>
                </c:pt>
                <c:pt idx="3962">
                  <c:v>40488</c:v>
                </c:pt>
                <c:pt idx="3963">
                  <c:v>40489</c:v>
                </c:pt>
                <c:pt idx="3964">
                  <c:v>40490</c:v>
                </c:pt>
                <c:pt idx="3965">
                  <c:v>40491</c:v>
                </c:pt>
                <c:pt idx="3966">
                  <c:v>40492</c:v>
                </c:pt>
                <c:pt idx="3967">
                  <c:v>40493</c:v>
                </c:pt>
                <c:pt idx="3968">
                  <c:v>40494</c:v>
                </c:pt>
                <c:pt idx="3969">
                  <c:v>40495</c:v>
                </c:pt>
                <c:pt idx="3970">
                  <c:v>40496</c:v>
                </c:pt>
                <c:pt idx="3971">
                  <c:v>40497</c:v>
                </c:pt>
                <c:pt idx="3972">
                  <c:v>40498</c:v>
                </c:pt>
                <c:pt idx="3973">
                  <c:v>40499</c:v>
                </c:pt>
                <c:pt idx="3974">
                  <c:v>40500</c:v>
                </c:pt>
                <c:pt idx="3975">
                  <c:v>40501</c:v>
                </c:pt>
                <c:pt idx="3976">
                  <c:v>40502</c:v>
                </c:pt>
                <c:pt idx="3977">
                  <c:v>40503</c:v>
                </c:pt>
                <c:pt idx="3978">
                  <c:v>40504</c:v>
                </c:pt>
                <c:pt idx="3979">
                  <c:v>40505</c:v>
                </c:pt>
                <c:pt idx="3980">
                  <c:v>40506</c:v>
                </c:pt>
                <c:pt idx="3981">
                  <c:v>40507</c:v>
                </c:pt>
                <c:pt idx="3982">
                  <c:v>40508</c:v>
                </c:pt>
                <c:pt idx="3983">
                  <c:v>40509</c:v>
                </c:pt>
                <c:pt idx="3984">
                  <c:v>40510</c:v>
                </c:pt>
                <c:pt idx="3985">
                  <c:v>40511</c:v>
                </c:pt>
                <c:pt idx="3986">
                  <c:v>40512</c:v>
                </c:pt>
                <c:pt idx="3987">
                  <c:v>40513</c:v>
                </c:pt>
                <c:pt idx="3988">
                  <c:v>40514</c:v>
                </c:pt>
                <c:pt idx="3989">
                  <c:v>40515</c:v>
                </c:pt>
                <c:pt idx="3990">
                  <c:v>40516</c:v>
                </c:pt>
                <c:pt idx="3991">
                  <c:v>40517</c:v>
                </c:pt>
                <c:pt idx="3992">
                  <c:v>40518</c:v>
                </c:pt>
                <c:pt idx="3993">
                  <c:v>40519</c:v>
                </c:pt>
                <c:pt idx="3994">
                  <c:v>40520</c:v>
                </c:pt>
                <c:pt idx="3995">
                  <c:v>40521</c:v>
                </c:pt>
                <c:pt idx="3996">
                  <c:v>40522</c:v>
                </c:pt>
                <c:pt idx="3997">
                  <c:v>40523</c:v>
                </c:pt>
                <c:pt idx="3998">
                  <c:v>40524</c:v>
                </c:pt>
                <c:pt idx="3999">
                  <c:v>40525</c:v>
                </c:pt>
                <c:pt idx="4000">
                  <c:v>40526</c:v>
                </c:pt>
                <c:pt idx="4001">
                  <c:v>40527</c:v>
                </c:pt>
                <c:pt idx="4002">
                  <c:v>40528</c:v>
                </c:pt>
                <c:pt idx="4003">
                  <c:v>40529</c:v>
                </c:pt>
                <c:pt idx="4004">
                  <c:v>40530</c:v>
                </c:pt>
                <c:pt idx="4005">
                  <c:v>40531</c:v>
                </c:pt>
                <c:pt idx="4006">
                  <c:v>40532</c:v>
                </c:pt>
                <c:pt idx="4007">
                  <c:v>40533</c:v>
                </c:pt>
                <c:pt idx="4008">
                  <c:v>40534</c:v>
                </c:pt>
                <c:pt idx="4009">
                  <c:v>40535</c:v>
                </c:pt>
                <c:pt idx="4010">
                  <c:v>40536</c:v>
                </c:pt>
                <c:pt idx="4011">
                  <c:v>40537</c:v>
                </c:pt>
                <c:pt idx="4012">
                  <c:v>40538</c:v>
                </c:pt>
                <c:pt idx="4013">
                  <c:v>40539</c:v>
                </c:pt>
                <c:pt idx="4014">
                  <c:v>40540</c:v>
                </c:pt>
                <c:pt idx="4015">
                  <c:v>40541</c:v>
                </c:pt>
                <c:pt idx="4016">
                  <c:v>40542</c:v>
                </c:pt>
                <c:pt idx="4017">
                  <c:v>40543</c:v>
                </c:pt>
                <c:pt idx="4018">
                  <c:v>40544</c:v>
                </c:pt>
                <c:pt idx="4019">
                  <c:v>40545</c:v>
                </c:pt>
                <c:pt idx="4020">
                  <c:v>40546</c:v>
                </c:pt>
                <c:pt idx="4021">
                  <c:v>40547</c:v>
                </c:pt>
                <c:pt idx="4022">
                  <c:v>40548</c:v>
                </c:pt>
                <c:pt idx="4023">
                  <c:v>40549</c:v>
                </c:pt>
                <c:pt idx="4024">
                  <c:v>40550</c:v>
                </c:pt>
                <c:pt idx="4025">
                  <c:v>40551</c:v>
                </c:pt>
                <c:pt idx="4026">
                  <c:v>40552</c:v>
                </c:pt>
                <c:pt idx="4027">
                  <c:v>40553</c:v>
                </c:pt>
                <c:pt idx="4028">
                  <c:v>40554</c:v>
                </c:pt>
                <c:pt idx="4029">
                  <c:v>40555</c:v>
                </c:pt>
                <c:pt idx="4030">
                  <c:v>40556</c:v>
                </c:pt>
                <c:pt idx="4031">
                  <c:v>40557</c:v>
                </c:pt>
                <c:pt idx="4032">
                  <c:v>40558</c:v>
                </c:pt>
                <c:pt idx="4033">
                  <c:v>40559</c:v>
                </c:pt>
                <c:pt idx="4034">
                  <c:v>40560</c:v>
                </c:pt>
                <c:pt idx="4035">
                  <c:v>40561</c:v>
                </c:pt>
                <c:pt idx="4036">
                  <c:v>40562</c:v>
                </c:pt>
                <c:pt idx="4037">
                  <c:v>40563</c:v>
                </c:pt>
                <c:pt idx="4038">
                  <c:v>40564</c:v>
                </c:pt>
                <c:pt idx="4039">
                  <c:v>40565</c:v>
                </c:pt>
                <c:pt idx="4040">
                  <c:v>40566</c:v>
                </c:pt>
                <c:pt idx="4041">
                  <c:v>40567</c:v>
                </c:pt>
                <c:pt idx="4042">
                  <c:v>40568</c:v>
                </c:pt>
                <c:pt idx="4043">
                  <c:v>40569</c:v>
                </c:pt>
                <c:pt idx="4044">
                  <c:v>40570</c:v>
                </c:pt>
                <c:pt idx="4045">
                  <c:v>40571</c:v>
                </c:pt>
                <c:pt idx="4046">
                  <c:v>40572</c:v>
                </c:pt>
                <c:pt idx="4047">
                  <c:v>40573</c:v>
                </c:pt>
                <c:pt idx="4048">
                  <c:v>40574</c:v>
                </c:pt>
                <c:pt idx="4049">
                  <c:v>40575</c:v>
                </c:pt>
                <c:pt idx="4050">
                  <c:v>40576</c:v>
                </c:pt>
                <c:pt idx="4051">
                  <c:v>40577</c:v>
                </c:pt>
                <c:pt idx="4052">
                  <c:v>40578</c:v>
                </c:pt>
                <c:pt idx="4053">
                  <c:v>40579</c:v>
                </c:pt>
                <c:pt idx="4054">
                  <c:v>40580</c:v>
                </c:pt>
                <c:pt idx="4055">
                  <c:v>40581</c:v>
                </c:pt>
                <c:pt idx="4056">
                  <c:v>40582</c:v>
                </c:pt>
                <c:pt idx="4057">
                  <c:v>40583</c:v>
                </c:pt>
                <c:pt idx="4058">
                  <c:v>40584</c:v>
                </c:pt>
                <c:pt idx="4059">
                  <c:v>40585</c:v>
                </c:pt>
                <c:pt idx="4060">
                  <c:v>40586</c:v>
                </c:pt>
                <c:pt idx="4061">
                  <c:v>40587</c:v>
                </c:pt>
                <c:pt idx="4062">
                  <c:v>40588</c:v>
                </c:pt>
                <c:pt idx="4063">
                  <c:v>40589</c:v>
                </c:pt>
                <c:pt idx="4064">
                  <c:v>40590</c:v>
                </c:pt>
                <c:pt idx="4065">
                  <c:v>40591</c:v>
                </c:pt>
                <c:pt idx="4066">
                  <c:v>40592</c:v>
                </c:pt>
                <c:pt idx="4067">
                  <c:v>40593</c:v>
                </c:pt>
                <c:pt idx="4068">
                  <c:v>40594</c:v>
                </c:pt>
                <c:pt idx="4069">
                  <c:v>40595</c:v>
                </c:pt>
                <c:pt idx="4070">
                  <c:v>40596</c:v>
                </c:pt>
                <c:pt idx="4071">
                  <c:v>40597</c:v>
                </c:pt>
                <c:pt idx="4072">
                  <c:v>40598</c:v>
                </c:pt>
                <c:pt idx="4073">
                  <c:v>40599</c:v>
                </c:pt>
                <c:pt idx="4074">
                  <c:v>40600</c:v>
                </c:pt>
                <c:pt idx="4075">
                  <c:v>40601</c:v>
                </c:pt>
                <c:pt idx="4076">
                  <c:v>40602</c:v>
                </c:pt>
                <c:pt idx="4077">
                  <c:v>40603</c:v>
                </c:pt>
                <c:pt idx="4078">
                  <c:v>40604</c:v>
                </c:pt>
                <c:pt idx="4079">
                  <c:v>40605</c:v>
                </c:pt>
                <c:pt idx="4080">
                  <c:v>40606</c:v>
                </c:pt>
                <c:pt idx="4081">
                  <c:v>40607</c:v>
                </c:pt>
                <c:pt idx="4082">
                  <c:v>40608</c:v>
                </c:pt>
                <c:pt idx="4083">
                  <c:v>40609</c:v>
                </c:pt>
                <c:pt idx="4084">
                  <c:v>40610</c:v>
                </c:pt>
                <c:pt idx="4085">
                  <c:v>40611</c:v>
                </c:pt>
                <c:pt idx="4086">
                  <c:v>40612</c:v>
                </c:pt>
                <c:pt idx="4087">
                  <c:v>40613</c:v>
                </c:pt>
                <c:pt idx="4088">
                  <c:v>40614</c:v>
                </c:pt>
                <c:pt idx="4089">
                  <c:v>40615</c:v>
                </c:pt>
                <c:pt idx="4090">
                  <c:v>40616</c:v>
                </c:pt>
                <c:pt idx="4091">
                  <c:v>40617</c:v>
                </c:pt>
                <c:pt idx="4092">
                  <c:v>40618</c:v>
                </c:pt>
                <c:pt idx="4093">
                  <c:v>40619</c:v>
                </c:pt>
                <c:pt idx="4094">
                  <c:v>40620</c:v>
                </c:pt>
                <c:pt idx="4095">
                  <c:v>40621</c:v>
                </c:pt>
                <c:pt idx="4096">
                  <c:v>40622</c:v>
                </c:pt>
                <c:pt idx="4097">
                  <c:v>40623</c:v>
                </c:pt>
                <c:pt idx="4098">
                  <c:v>40624</c:v>
                </c:pt>
                <c:pt idx="4099">
                  <c:v>40625</c:v>
                </c:pt>
                <c:pt idx="4100">
                  <c:v>40626</c:v>
                </c:pt>
                <c:pt idx="4101">
                  <c:v>40627</c:v>
                </c:pt>
                <c:pt idx="4102">
                  <c:v>40628</c:v>
                </c:pt>
                <c:pt idx="4103">
                  <c:v>40629</c:v>
                </c:pt>
                <c:pt idx="4104">
                  <c:v>40630</c:v>
                </c:pt>
                <c:pt idx="4105">
                  <c:v>40631</c:v>
                </c:pt>
                <c:pt idx="4106">
                  <c:v>40632</c:v>
                </c:pt>
                <c:pt idx="4107">
                  <c:v>40633</c:v>
                </c:pt>
                <c:pt idx="4108">
                  <c:v>40634</c:v>
                </c:pt>
                <c:pt idx="4109">
                  <c:v>40635</c:v>
                </c:pt>
                <c:pt idx="4110">
                  <c:v>40636</c:v>
                </c:pt>
                <c:pt idx="4111">
                  <c:v>40637</c:v>
                </c:pt>
                <c:pt idx="4112">
                  <c:v>40638</c:v>
                </c:pt>
                <c:pt idx="4113">
                  <c:v>40639</c:v>
                </c:pt>
                <c:pt idx="4114">
                  <c:v>40640</c:v>
                </c:pt>
                <c:pt idx="4115">
                  <c:v>40641</c:v>
                </c:pt>
                <c:pt idx="4116">
                  <c:v>40642</c:v>
                </c:pt>
                <c:pt idx="4117">
                  <c:v>40643</c:v>
                </c:pt>
                <c:pt idx="4118">
                  <c:v>40644</c:v>
                </c:pt>
                <c:pt idx="4119">
                  <c:v>40645</c:v>
                </c:pt>
                <c:pt idx="4120">
                  <c:v>40646</c:v>
                </c:pt>
                <c:pt idx="4121">
                  <c:v>40647</c:v>
                </c:pt>
                <c:pt idx="4122">
                  <c:v>40648</c:v>
                </c:pt>
                <c:pt idx="4123">
                  <c:v>40649</c:v>
                </c:pt>
                <c:pt idx="4124">
                  <c:v>40650</c:v>
                </c:pt>
                <c:pt idx="4125">
                  <c:v>40651</c:v>
                </c:pt>
                <c:pt idx="4126">
                  <c:v>40652</c:v>
                </c:pt>
                <c:pt idx="4127">
                  <c:v>40653</c:v>
                </c:pt>
                <c:pt idx="4128">
                  <c:v>40654</c:v>
                </c:pt>
                <c:pt idx="4129">
                  <c:v>40655</c:v>
                </c:pt>
                <c:pt idx="4130">
                  <c:v>40656</c:v>
                </c:pt>
                <c:pt idx="4131">
                  <c:v>40657</c:v>
                </c:pt>
                <c:pt idx="4132">
                  <c:v>40658</c:v>
                </c:pt>
                <c:pt idx="4133">
                  <c:v>40659</c:v>
                </c:pt>
                <c:pt idx="4134">
                  <c:v>40660</c:v>
                </c:pt>
                <c:pt idx="4135">
                  <c:v>40661</c:v>
                </c:pt>
                <c:pt idx="4136">
                  <c:v>40662</c:v>
                </c:pt>
                <c:pt idx="4137">
                  <c:v>40663</c:v>
                </c:pt>
                <c:pt idx="4138">
                  <c:v>40664</c:v>
                </c:pt>
                <c:pt idx="4139">
                  <c:v>40665</c:v>
                </c:pt>
                <c:pt idx="4140">
                  <c:v>40666</c:v>
                </c:pt>
                <c:pt idx="4141">
                  <c:v>40667</c:v>
                </c:pt>
                <c:pt idx="4142">
                  <c:v>40668</c:v>
                </c:pt>
                <c:pt idx="4143">
                  <c:v>40669</c:v>
                </c:pt>
                <c:pt idx="4144">
                  <c:v>40670</c:v>
                </c:pt>
                <c:pt idx="4145">
                  <c:v>40671</c:v>
                </c:pt>
                <c:pt idx="4146">
                  <c:v>40672</c:v>
                </c:pt>
                <c:pt idx="4147">
                  <c:v>40673</c:v>
                </c:pt>
                <c:pt idx="4148">
                  <c:v>40674</c:v>
                </c:pt>
                <c:pt idx="4149">
                  <c:v>40675</c:v>
                </c:pt>
                <c:pt idx="4150">
                  <c:v>40676</c:v>
                </c:pt>
                <c:pt idx="4151">
                  <c:v>40677</c:v>
                </c:pt>
                <c:pt idx="4152">
                  <c:v>40678</c:v>
                </c:pt>
                <c:pt idx="4153">
                  <c:v>40679</c:v>
                </c:pt>
                <c:pt idx="4154">
                  <c:v>40680</c:v>
                </c:pt>
                <c:pt idx="4155">
                  <c:v>40681</c:v>
                </c:pt>
                <c:pt idx="4156">
                  <c:v>40682</c:v>
                </c:pt>
                <c:pt idx="4157">
                  <c:v>40683</c:v>
                </c:pt>
                <c:pt idx="4158">
                  <c:v>40684</c:v>
                </c:pt>
                <c:pt idx="4159">
                  <c:v>40685</c:v>
                </c:pt>
                <c:pt idx="4160">
                  <c:v>40686</c:v>
                </c:pt>
                <c:pt idx="4161">
                  <c:v>40687</c:v>
                </c:pt>
                <c:pt idx="4162">
                  <c:v>40688</c:v>
                </c:pt>
                <c:pt idx="4163">
                  <c:v>40689</c:v>
                </c:pt>
                <c:pt idx="4164">
                  <c:v>40690</c:v>
                </c:pt>
                <c:pt idx="4165">
                  <c:v>40691</c:v>
                </c:pt>
                <c:pt idx="4166">
                  <c:v>40692</c:v>
                </c:pt>
                <c:pt idx="4167">
                  <c:v>40693</c:v>
                </c:pt>
                <c:pt idx="4168">
                  <c:v>40694</c:v>
                </c:pt>
                <c:pt idx="4169">
                  <c:v>40695</c:v>
                </c:pt>
                <c:pt idx="4170">
                  <c:v>40696</c:v>
                </c:pt>
                <c:pt idx="4171">
                  <c:v>40697</c:v>
                </c:pt>
                <c:pt idx="4172">
                  <c:v>40698</c:v>
                </c:pt>
                <c:pt idx="4173">
                  <c:v>40699</c:v>
                </c:pt>
                <c:pt idx="4174">
                  <c:v>40700</c:v>
                </c:pt>
                <c:pt idx="4175">
                  <c:v>40701</c:v>
                </c:pt>
                <c:pt idx="4176">
                  <c:v>40702</c:v>
                </c:pt>
                <c:pt idx="4177">
                  <c:v>40703</c:v>
                </c:pt>
                <c:pt idx="4178">
                  <c:v>40704</c:v>
                </c:pt>
                <c:pt idx="4179">
                  <c:v>40705</c:v>
                </c:pt>
                <c:pt idx="4180">
                  <c:v>40706</c:v>
                </c:pt>
                <c:pt idx="4181">
                  <c:v>40707</c:v>
                </c:pt>
                <c:pt idx="4182">
                  <c:v>40708</c:v>
                </c:pt>
                <c:pt idx="4183">
                  <c:v>40709</c:v>
                </c:pt>
                <c:pt idx="4184">
                  <c:v>40710</c:v>
                </c:pt>
                <c:pt idx="4185">
                  <c:v>40711</c:v>
                </c:pt>
                <c:pt idx="4186">
                  <c:v>40712</c:v>
                </c:pt>
                <c:pt idx="4187">
                  <c:v>40713</c:v>
                </c:pt>
                <c:pt idx="4188">
                  <c:v>40714</c:v>
                </c:pt>
                <c:pt idx="4189">
                  <c:v>40715</c:v>
                </c:pt>
                <c:pt idx="4190">
                  <c:v>40716</c:v>
                </c:pt>
                <c:pt idx="4191">
                  <c:v>40717</c:v>
                </c:pt>
                <c:pt idx="4192">
                  <c:v>40718</c:v>
                </c:pt>
                <c:pt idx="4193">
                  <c:v>40719</c:v>
                </c:pt>
                <c:pt idx="4194">
                  <c:v>40720</c:v>
                </c:pt>
                <c:pt idx="4195">
                  <c:v>40721</c:v>
                </c:pt>
                <c:pt idx="4196">
                  <c:v>40722</c:v>
                </c:pt>
                <c:pt idx="4197">
                  <c:v>40723</c:v>
                </c:pt>
                <c:pt idx="4198">
                  <c:v>40724</c:v>
                </c:pt>
                <c:pt idx="4199">
                  <c:v>40725</c:v>
                </c:pt>
                <c:pt idx="4200">
                  <c:v>40726</c:v>
                </c:pt>
                <c:pt idx="4201">
                  <c:v>40727</c:v>
                </c:pt>
                <c:pt idx="4202">
                  <c:v>40728</c:v>
                </c:pt>
                <c:pt idx="4203">
                  <c:v>40729</c:v>
                </c:pt>
                <c:pt idx="4204">
                  <c:v>40730</c:v>
                </c:pt>
                <c:pt idx="4205">
                  <c:v>40731</c:v>
                </c:pt>
                <c:pt idx="4206">
                  <c:v>40732</c:v>
                </c:pt>
                <c:pt idx="4207">
                  <c:v>40733</c:v>
                </c:pt>
                <c:pt idx="4208">
                  <c:v>40734</c:v>
                </c:pt>
                <c:pt idx="4209">
                  <c:v>40735</c:v>
                </c:pt>
                <c:pt idx="4210">
                  <c:v>40736</c:v>
                </c:pt>
                <c:pt idx="4211">
                  <c:v>40737</c:v>
                </c:pt>
                <c:pt idx="4212">
                  <c:v>40738</c:v>
                </c:pt>
                <c:pt idx="4213">
                  <c:v>40739</c:v>
                </c:pt>
                <c:pt idx="4214">
                  <c:v>40740</c:v>
                </c:pt>
                <c:pt idx="4215">
                  <c:v>40741</c:v>
                </c:pt>
                <c:pt idx="4216">
                  <c:v>40742</c:v>
                </c:pt>
                <c:pt idx="4217">
                  <c:v>40743</c:v>
                </c:pt>
                <c:pt idx="4218">
                  <c:v>40744</c:v>
                </c:pt>
                <c:pt idx="4219">
                  <c:v>40745</c:v>
                </c:pt>
                <c:pt idx="4220">
                  <c:v>40746</c:v>
                </c:pt>
                <c:pt idx="4221">
                  <c:v>40747</c:v>
                </c:pt>
                <c:pt idx="4222">
                  <c:v>40748</c:v>
                </c:pt>
                <c:pt idx="4223">
                  <c:v>40749</c:v>
                </c:pt>
                <c:pt idx="4224">
                  <c:v>40750</c:v>
                </c:pt>
                <c:pt idx="4225">
                  <c:v>40751</c:v>
                </c:pt>
                <c:pt idx="4226">
                  <c:v>40752</c:v>
                </c:pt>
                <c:pt idx="4227">
                  <c:v>40753</c:v>
                </c:pt>
                <c:pt idx="4228">
                  <c:v>40754</c:v>
                </c:pt>
                <c:pt idx="4229">
                  <c:v>40755</c:v>
                </c:pt>
                <c:pt idx="4230">
                  <c:v>40756</c:v>
                </c:pt>
                <c:pt idx="4231">
                  <c:v>40757</c:v>
                </c:pt>
                <c:pt idx="4232">
                  <c:v>40758</c:v>
                </c:pt>
                <c:pt idx="4233">
                  <c:v>40759</c:v>
                </c:pt>
                <c:pt idx="4234">
                  <c:v>40760</c:v>
                </c:pt>
                <c:pt idx="4235">
                  <c:v>40761</c:v>
                </c:pt>
                <c:pt idx="4236">
                  <c:v>40762</c:v>
                </c:pt>
                <c:pt idx="4237">
                  <c:v>40763</c:v>
                </c:pt>
                <c:pt idx="4238">
                  <c:v>40764</c:v>
                </c:pt>
                <c:pt idx="4239">
                  <c:v>40765</c:v>
                </c:pt>
                <c:pt idx="4240">
                  <c:v>40766</c:v>
                </c:pt>
                <c:pt idx="4241">
                  <c:v>40767</c:v>
                </c:pt>
                <c:pt idx="4242">
                  <c:v>40768</c:v>
                </c:pt>
                <c:pt idx="4243">
                  <c:v>40769</c:v>
                </c:pt>
                <c:pt idx="4244">
                  <c:v>40770</c:v>
                </c:pt>
                <c:pt idx="4245">
                  <c:v>40771</c:v>
                </c:pt>
                <c:pt idx="4246">
                  <c:v>40772</c:v>
                </c:pt>
                <c:pt idx="4247">
                  <c:v>40773</c:v>
                </c:pt>
                <c:pt idx="4248">
                  <c:v>40774</c:v>
                </c:pt>
                <c:pt idx="4249">
                  <c:v>40775</c:v>
                </c:pt>
                <c:pt idx="4250">
                  <c:v>40776</c:v>
                </c:pt>
                <c:pt idx="4251">
                  <c:v>40777</c:v>
                </c:pt>
                <c:pt idx="4252">
                  <c:v>40778</c:v>
                </c:pt>
                <c:pt idx="4253">
                  <c:v>40779</c:v>
                </c:pt>
                <c:pt idx="4254">
                  <c:v>40780</c:v>
                </c:pt>
                <c:pt idx="4255">
                  <c:v>40781</c:v>
                </c:pt>
                <c:pt idx="4256">
                  <c:v>40782</c:v>
                </c:pt>
                <c:pt idx="4257">
                  <c:v>40783</c:v>
                </c:pt>
                <c:pt idx="4258">
                  <c:v>40784</c:v>
                </c:pt>
                <c:pt idx="4259">
                  <c:v>40785</c:v>
                </c:pt>
                <c:pt idx="4260">
                  <c:v>40786</c:v>
                </c:pt>
                <c:pt idx="4261">
                  <c:v>40787</c:v>
                </c:pt>
                <c:pt idx="4262">
                  <c:v>40788</c:v>
                </c:pt>
                <c:pt idx="4263">
                  <c:v>40789</c:v>
                </c:pt>
                <c:pt idx="4264">
                  <c:v>40790</c:v>
                </c:pt>
                <c:pt idx="4265">
                  <c:v>40791</c:v>
                </c:pt>
                <c:pt idx="4266">
                  <c:v>40792</c:v>
                </c:pt>
                <c:pt idx="4267">
                  <c:v>40793</c:v>
                </c:pt>
                <c:pt idx="4268">
                  <c:v>40794</c:v>
                </c:pt>
                <c:pt idx="4269">
                  <c:v>40795</c:v>
                </c:pt>
                <c:pt idx="4270">
                  <c:v>40796</c:v>
                </c:pt>
                <c:pt idx="4271">
                  <c:v>40797</c:v>
                </c:pt>
                <c:pt idx="4272">
                  <c:v>40798</c:v>
                </c:pt>
                <c:pt idx="4273">
                  <c:v>40799</c:v>
                </c:pt>
                <c:pt idx="4274">
                  <c:v>40800</c:v>
                </c:pt>
                <c:pt idx="4275">
                  <c:v>40801</c:v>
                </c:pt>
                <c:pt idx="4276">
                  <c:v>40802</c:v>
                </c:pt>
                <c:pt idx="4277">
                  <c:v>40803</c:v>
                </c:pt>
                <c:pt idx="4278">
                  <c:v>40804</c:v>
                </c:pt>
                <c:pt idx="4279">
                  <c:v>40805</c:v>
                </c:pt>
                <c:pt idx="4280">
                  <c:v>40806</c:v>
                </c:pt>
                <c:pt idx="4281">
                  <c:v>40807</c:v>
                </c:pt>
                <c:pt idx="4282">
                  <c:v>40808</c:v>
                </c:pt>
                <c:pt idx="4283">
                  <c:v>40809</c:v>
                </c:pt>
                <c:pt idx="4284">
                  <c:v>40810</c:v>
                </c:pt>
                <c:pt idx="4285">
                  <c:v>40811</c:v>
                </c:pt>
                <c:pt idx="4286">
                  <c:v>40812</c:v>
                </c:pt>
                <c:pt idx="4287">
                  <c:v>40813</c:v>
                </c:pt>
                <c:pt idx="4288">
                  <c:v>40814</c:v>
                </c:pt>
                <c:pt idx="4289">
                  <c:v>40815</c:v>
                </c:pt>
                <c:pt idx="4290">
                  <c:v>40816</c:v>
                </c:pt>
                <c:pt idx="4291">
                  <c:v>40817</c:v>
                </c:pt>
                <c:pt idx="4292">
                  <c:v>40818</c:v>
                </c:pt>
                <c:pt idx="4293">
                  <c:v>40819</c:v>
                </c:pt>
                <c:pt idx="4294">
                  <c:v>40820</c:v>
                </c:pt>
                <c:pt idx="4295">
                  <c:v>40821</c:v>
                </c:pt>
                <c:pt idx="4296">
                  <c:v>40822</c:v>
                </c:pt>
                <c:pt idx="4297">
                  <c:v>40823</c:v>
                </c:pt>
                <c:pt idx="4298">
                  <c:v>40824</c:v>
                </c:pt>
                <c:pt idx="4299">
                  <c:v>40825</c:v>
                </c:pt>
                <c:pt idx="4300">
                  <c:v>40826</c:v>
                </c:pt>
                <c:pt idx="4301">
                  <c:v>40827</c:v>
                </c:pt>
                <c:pt idx="4302">
                  <c:v>40828</c:v>
                </c:pt>
                <c:pt idx="4303">
                  <c:v>40829</c:v>
                </c:pt>
                <c:pt idx="4304">
                  <c:v>40830</c:v>
                </c:pt>
                <c:pt idx="4305">
                  <c:v>40831</c:v>
                </c:pt>
                <c:pt idx="4306">
                  <c:v>40832</c:v>
                </c:pt>
                <c:pt idx="4307">
                  <c:v>40833</c:v>
                </c:pt>
                <c:pt idx="4308">
                  <c:v>40834</c:v>
                </c:pt>
                <c:pt idx="4309">
                  <c:v>40835</c:v>
                </c:pt>
                <c:pt idx="4310">
                  <c:v>40836</c:v>
                </c:pt>
                <c:pt idx="4311">
                  <c:v>40837</c:v>
                </c:pt>
                <c:pt idx="4312">
                  <c:v>40838</c:v>
                </c:pt>
                <c:pt idx="4313">
                  <c:v>40839</c:v>
                </c:pt>
                <c:pt idx="4314">
                  <c:v>40840</c:v>
                </c:pt>
                <c:pt idx="4315">
                  <c:v>40841</c:v>
                </c:pt>
                <c:pt idx="4316">
                  <c:v>40842</c:v>
                </c:pt>
                <c:pt idx="4317">
                  <c:v>40843</c:v>
                </c:pt>
                <c:pt idx="4318">
                  <c:v>40844</c:v>
                </c:pt>
                <c:pt idx="4319">
                  <c:v>40845</c:v>
                </c:pt>
                <c:pt idx="4320">
                  <c:v>40846</c:v>
                </c:pt>
                <c:pt idx="4321">
                  <c:v>40847</c:v>
                </c:pt>
                <c:pt idx="4322">
                  <c:v>40848</c:v>
                </c:pt>
                <c:pt idx="4323">
                  <c:v>40849</c:v>
                </c:pt>
                <c:pt idx="4324">
                  <c:v>40850</c:v>
                </c:pt>
                <c:pt idx="4325">
                  <c:v>40851</c:v>
                </c:pt>
                <c:pt idx="4326">
                  <c:v>40852</c:v>
                </c:pt>
                <c:pt idx="4327">
                  <c:v>40853</c:v>
                </c:pt>
                <c:pt idx="4328">
                  <c:v>40854</c:v>
                </c:pt>
                <c:pt idx="4329">
                  <c:v>40855</c:v>
                </c:pt>
                <c:pt idx="4330">
                  <c:v>40856</c:v>
                </c:pt>
                <c:pt idx="4331">
                  <c:v>40857</c:v>
                </c:pt>
                <c:pt idx="4332">
                  <c:v>40858</c:v>
                </c:pt>
                <c:pt idx="4333">
                  <c:v>40859</c:v>
                </c:pt>
                <c:pt idx="4334">
                  <c:v>40860</c:v>
                </c:pt>
                <c:pt idx="4335">
                  <c:v>40861</c:v>
                </c:pt>
                <c:pt idx="4336">
                  <c:v>40862</c:v>
                </c:pt>
                <c:pt idx="4337">
                  <c:v>40863</c:v>
                </c:pt>
                <c:pt idx="4338">
                  <c:v>40864</c:v>
                </c:pt>
                <c:pt idx="4339">
                  <c:v>40865</c:v>
                </c:pt>
                <c:pt idx="4340">
                  <c:v>40866</c:v>
                </c:pt>
                <c:pt idx="4341">
                  <c:v>40867</c:v>
                </c:pt>
                <c:pt idx="4342">
                  <c:v>40868</c:v>
                </c:pt>
                <c:pt idx="4343">
                  <c:v>40869</c:v>
                </c:pt>
                <c:pt idx="4344">
                  <c:v>40870</c:v>
                </c:pt>
                <c:pt idx="4345">
                  <c:v>40871</c:v>
                </c:pt>
                <c:pt idx="4346">
                  <c:v>40872</c:v>
                </c:pt>
                <c:pt idx="4347">
                  <c:v>40873</c:v>
                </c:pt>
                <c:pt idx="4348">
                  <c:v>40874</c:v>
                </c:pt>
                <c:pt idx="4349">
                  <c:v>40875</c:v>
                </c:pt>
                <c:pt idx="4350">
                  <c:v>40876</c:v>
                </c:pt>
                <c:pt idx="4351">
                  <c:v>40877</c:v>
                </c:pt>
                <c:pt idx="4352">
                  <c:v>40878</c:v>
                </c:pt>
                <c:pt idx="4353">
                  <c:v>40879</c:v>
                </c:pt>
                <c:pt idx="4354">
                  <c:v>40880</c:v>
                </c:pt>
                <c:pt idx="4355">
                  <c:v>40881</c:v>
                </c:pt>
                <c:pt idx="4356">
                  <c:v>40882</c:v>
                </c:pt>
                <c:pt idx="4357">
                  <c:v>40883</c:v>
                </c:pt>
                <c:pt idx="4358">
                  <c:v>40884</c:v>
                </c:pt>
                <c:pt idx="4359">
                  <c:v>40885</c:v>
                </c:pt>
                <c:pt idx="4360">
                  <c:v>40886</c:v>
                </c:pt>
                <c:pt idx="4361">
                  <c:v>40887</c:v>
                </c:pt>
                <c:pt idx="4362">
                  <c:v>40888</c:v>
                </c:pt>
                <c:pt idx="4363">
                  <c:v>40889</c:v>
                </c:pt>
                <c:pt idx="4364">
                  <c:v>40890</c:v>
                </c:pt>
                <c:pt idx="4365">
                  <c:v>40891</c:v>
                </c:pt>
                <c:pt idx="4366">
                  <c:v>40892</c:v>
                </c:pt>
                <c:pt idx="4367">
                  <c:v>40893</c:v>
                </c:pt>
                <c:pt idx="4368">
                  <c:v>40894</c:v>
                </c:pt>
                <c:pt idx="4369">
                  <c:v>40895</c:v>
                </c:pt>
                <c:pt idx="4370">
                  <c:v>40896</c:v>
                </c:pt>
                <c:pt idx="4371">
                  <c:v>40897</c:v>
                </c:pt>
                <c:pt idx="4372">
                  <c:v>40898</c:v>
                </c:pt>
                <c:pt idx="4373">
                  <c:v>40899</c:v>
                </c:pt>
                <c:pt idx="4374">
                  <c:v>40900</c:v>
                </c:pt>
                <c:pt idx="4375">
                  <c:v>40901</c:v>
                </c:pt>
                <c:pt idx="4376">
                  <c:v>40902</c:v>
                </c:pt>
                <c:pt idx="4377">
                  <c:v>40903</c:v>
                </c:pt>
                <c:pt idx="4378">
                  <c:v>40904</c:v>
                </c:pt>
                <c:pt idx="4379">
                  <c:v>40905</c:v>
                </c:pt>
                <c:pt idx="4380">
                  <c:v>40906</c:v>
                </c:pt>
                <c:pt idx="4381">
                  <c:v>40907</c:v>
                </c:pt>
                <c:pt idx="4382">
                  <c:v>40908</c:v>
                </c:pt>
                <c:pt idx="4383">
                  <c:v>40909</c:v>
                </c:pt>
                <c:pt idx="4384">
                  <c:v>40910</c:v>
                </c:pt>
                <c:pt idx="4385">
                  <c:v>40911</c:v>
                </c:pt>
                <c:pt idx="4386">
                  <c:v>40912</c:v>
                </c:pt>
                <c:pt idx="4387">
                  <c:v>40913</c:v>
                </c:pt>
                <c:pt idx="4388">
                  <c:v>40914</c:v>
                </c:pt>
                <c:pt idx="4389">
                  <c:v>40915</c:v>
                </c:pt>
                <c:pt idx="4390">
                  <c:v>40916</c:v>
                </c:pt>
                <c:pt idx="4391">
                  <c:v>40917</c:v>
                </c:pt>
                <c:pt idx="4392">
                  <c:v>40918</c:v>
                </c:pt>
                <c:pt idx="4393">
                  <c:v>40919</c:v>
                </c:pt>
                <c:pt idx="4394">
                  <c:v>40920</c:v>
                </c:pt>
                <c:pt idx="4395">
                  <c:v>40921</c:v>
                </c:pt>
                <c:pt idx="4396">
                  <c:v>40922</c:v>
                </c:pt>
                <c:pt idx="4397">
                  <c:v>40923</c:v>
                </c:pt>
                <c:pt idx="4398">
                  <c:v>40924</c:v>
                </c:pt>
                <c:pt idx="4399">
                  <c:v>40925</c:v>
                </c:pt>
                <c:pt idx="4400">
                  <c:v>40926</c:v>
                </c:pt>
                <c:pt idx="4401">
                  <c:v>40927</c:v>
                </c:pt>
                <c:pt idx="4402">
                  <c:v>40928</c:v>
                </c:pt>
                <c:pt idx="4403">
                  <c:v>40929</c:v>
                </c:pt>
                <c:pt idx="4404">
                  <c:v>40930</c:v>
                </c:pt>
                <c:pt idx="4405">
                  <c:v>40931</c:v>
                </c:pt>
                <c:pt idx="4406">
                  <c:v>40932</c:v>
                </c:pt>
                <c:pt idx="4407">
                  <c:v>40933</c:v>
                </c:pt>
                <c:pt idx="4408">
                  <c:v>40934</c:v>
                </c:pt>
                <c:pt idx="4409">
                  <c:v>40935</c:v>
                </c:pt>
                <c:pt idx="4410">
                  <c:v>40936</c:v>
                </c:pt>
                <c:pt idx="4411">
                  <c:v>40937</c:v>
                </c:pt>
                <c:pt idx="4412">
                  <c:v>40938</c:v>
                </c:pt>
                <c:pt idx="4413">
                  <c:v>40939</c:v>
                </c:pt>
                <c:pt idx="4414">
                  <c:v>40940</c:v>
                </c:pt>
                <c:pt idx="4415">
                  <c:v>40941</c:v>
                </c:pt>
                <c:pt idx="4416">
                  <c:v>40942</c:v>
                </c:pt>
                <c:pt idx="4417">
                  <c:v>40943</c:v>
                </c:pt>
                <c:pt idx="4418">
                  <c:v>40944</c:v>
                </c:pt>
                <c:pt idx="4419">
                  <c:v>40945</c:v>
                </c:pt>
                <c:pt idx="4420">
                  <c:v>40946</c:v>
                </c:pt>
                <c:pt idx="4421">
                  <c:v>40947</c:v>
                </c:pt>
                <c:pt idx="4422">
                  <c:v>40948</c:v>
                </c:pt>
                <c:pt idx="4423">
                  <c:v>40949</c:v>
                </c:pt>
                <c:pt idx="4424">
                  <c:v>40950</c:v>
                </c:pt>
                <c:pt idx="4425">
                  <c:v>40951</c:v>
                </c:pt>
                <c:pt idx="4426">
                  <c:v>40952</c:v>
                </c:pt>
                <c:pt idx="4427">
                  <c:v>40953</c:v>
                </c:pt>
                <c:pt idx="4428">
                  <c:v>40954</c:v>
                </c:pt>
                <c:pt idx="4429">
                  <c:v>40955</c:v>
                </c:pt>
                <c:pt idx="4430">
                  <c:v>40956</c:v>
                </c:pt>
                <c:pt idx="4431">
                  <c:v>40957</c:v>
                </c:pt>
                <c:pt idx="4432">
                  <c:v>40958</c:v>
                </c:pt>
                <c:pt idx="4433">
                  <c:v>40959</c:v>
                </c:pt>
                <c:pt idx="4434">
                  <c:v>40960</c:v>
                </c:pt>
                <c:pt idx="4435">
                  <c:v>40961</c:v>
                </c:pt>
                <c:pt idx="4436">
                  <c:v>40962</c:v>
                </c:pt>
                <c:pt idx="4437">
                  <c:v>40963</c:v>
                </c:pt>
                <c:pt idx="4438">
                  <c:v>40964</c:v>
                </c:pt>
                <c:pt idx="4439">
                  <c:v>40965</c:v>
                </c:pt>
                <c:pt idx="4440">
                  <c:v>40966</c:v>
                </c:pt>
                <c:pt idx="4441">
                  <c:v>40967</c:v>
                </c:pt>
                <c:pt idx="4442">
                  <c:v>40968</c:v>
                </c:pt>
                <c:pt idx="4443">
                  <c:v>40969</c:v>
                </c:pt>
                <c:pt idx="4444">
                  <c:v>40970</c:v>
                </c:pt>
                <c:pt idx="4445">
                  <c:v>40971</c:v>
                </c:pt>
                <c:pt idx="4446">
                  <c:v>40972</c:v>
                </c:pt>
                <c:pt idx="4447">
                  <c:v>40973</c:v>
                </c:pt>
                <c:pt idx="4448">
                  <c:v>40974</c:v>
                </c:pt>
                <c:pt idx="4449">
                  <c:v>40975</c:v>
                </c:pt>
                <c:pt idx="4450">
                  <c:v>40976</c:v>
                </c:pt>
                <c:pt idx="4451">
                  <c:v>40977</c:v>
                </c:pt>
                <c:pt idx="4452">
                  <c:v>40978</c:v>
                </c:pt>
                <c:pt idx="4453">
                  <c:v>40979</c:v>
                </c:pt>
                <c:pt idx="4454">
                  <c:v>40980</c:v>
                </c:pt>
                <c:pt idx="4455">
                  <c:v>40981</c:v>
                </c:pt>
                <c:pt idx="4456">
                  <c:v>40982</c:v>
                </c:pt>
                <c:pt idx="4457">
                  <c:v>40983</c:v>
                </c:pt>
                <c:pt idx="4458">
                  <c:v>40984</c:v>
                </c:pt>
                <c:pt idx="4459">
                  <c:v>40985</c:v>
                </c:pt>
                <c:pt idx="4460">
                  <c:v>40986</c:v>
                </c:pt>
                <c:pt idx="4461">
                  <c:v>40987</c:v>
                </c:pt>
                <c:pt idx="4462">
                  <c:v>40988</c:v>
                </c:pt>
                <c:pt idx="4463">
                  <c:v>40989</c:v>
                </c:pt>
                <c:pt idx="4464">
                  <c:v>40990</c:v>
                </c:pt>
                <c:pt idx="4465">
                  <c:v>40991</c:v>
                </c:pt>
                <c:pt idx="4466">
                  <c:v>40992</c:v>
                </c:pt>
                <c:pt idx="4467">
                  <c:v>40993</c:v>
                </c:pt>
                <c:pt idx="4468">
                  <c:v>40994</c:v>
                </c:pt>
                <c:pt idx="4469">
                  <c:v>40995</c:v>
                </c:pt>
                <c:pt idx="4470">
                  <c:v>40996</c:v>
                </c:pt>
                <c:pt idx="4471">
                  <c:v>40997</c:v>
                </c:pt>
                <c:pt idx="4472">
                  <c:v>40998</c:v>
                </c:pt>
                <c:pt idx="4473">
                  <c:v>40999</c:v>
                </c:pt>
                <c:pt idx="4474">
                  <c:v>41000</c:v>
                </c:pt>
                <c:pt idx="4475">
                  <c:v>41001</c:v>
                </c:pt>
                <c:pt idx="4476">
                  <c:v>41002</c:v>
                </c:pt>
                <c:pt idx="4477">
                  <c:v>41003</c:v>
                </c:pt>
                <c:pt idx="4478">
                  <c:v>41004</c:v>
                </c:pt>
                <c:pt idx="4479">
                  <c:v>41005</c:v>
                </c:pt>
                <c:pt idx="4480">
                  <c:v>41006</c:v>
                </c:pt>
                <c:pt idx="4481">
                  <c:v>41007</c:v>
                </c:pt>
                <c:pt idx="4482">
                  <c:v>41008</c:v>
                </c:pt>
                <c:pt idx="4483">
                  <c:v>41009</c:v>
                </c:pt>
                <c:pt idx="4484">
                  <c:v>41010</c:v>
                </c:pt>
                <c:pt idx="4485">
                  <c:v>41011</c:v>
                </c:pt>
                <c:pt idx="4486">
                  <c:v>41012</c:v>
                </c:pt>
                <c:pt idx="4487">
                  <c:v>41013</c:v>
                </c:pt>
                <c:pt idx="4488">
                  <c:v>41014</c:v>
                </c:pt>
                <c:pt idx="4489">
                  <c:v>41015</c:v>
                </c:pt>
                <c:pt idx="4490">
                  <c:v>41016</c:v>
                </c:pt>
                <c:pt idx="4491">
                  <c:v>41017</c:v>
                </c:pt>
                <c:pt idx="4492">
                  <c:v>41018</c:v>
                </c:pt>
                <c:pt idx="4493">
                  <c:v>41019</c:v>
                </c:pt>
                <c:pt idx="4494">
                  <c:v>41020</c:v>
                </c:pt>
                <c:pt idx="4495">
                  <c:v>41021</c:v>
                </c:pt>
                <c:pt idx="4496">
                  <c:v>41022</c:v>
                </c:pt>
                <c:pt idx="4497">
                  <c:v>41023</c:v>
                </c:pt>
                <c:pt idx="4498">
                  <c:v>41024</c:v>
                </c:pt>
                <c:pt idx="4499">
                  <c:v>41025</c:v>
                </c:pt>
                <c:pt idx="4500">
                  <c:v>41026</c:v>
                </c:pt>
                <c:pt idx="4501">
                  <c:v>41027</c:v>
                </c:pt>
                <c:pt idx="4502">
                  <c:v>41028</c:v>
                </c:pt>
                <c:pt idx="4503">
                  <c:v>41029</c:v>
                </c:pt>
                <c:pt idx="4504">
                  <c:v>41030</c:v>
                </c:pt>
                <c:pt idx="4505">
                  <c:v>41031</c:v>
                </c:pt>
                <c:pt idx="4506">
                  <c:v>41032</c:v>
                </c:pt>
                <c:pt idx="4507">
                  <c:v>41033</c:v>
                </c:pt>
                <c:pt idx="4508">
                  <c:v>41034</c:v>
                </c:pt>
                <c:pt idx="4509">
                  <c:v>41035</c:v>
                </c:pt>
                <c:pt idx="4510">
                  <c:v>41036</c:v>
                </c:pt>
                <c:pt idx="4511">
                  <c:v>41037</c:v>
                </c:pt>
                <c:pt idx="4512">
                  <c:v>41038</c:v>
                </c:pt>
                <c:pt idx="4513">
                  <c:v>41039</c:v>
                </c:pt>
                <c:pt idx="4514">
                  <c:v>41040</c:v>
                </c:pt>
                <c:pt idx="4515">
                  <c:v>41041</c:v>
                </c:pt>
                <c:pt idx="4516">
                  <c:v>41042</c:v>
                </c:pt>
                <c:pt idx="4517">
                  <c:v>41043</c:v>
                </c:pt>
                <c:pt idx="4518">
                  <c:v>41044</c:v>
                </c:pt>
                <c:pt idx="4519">
                  <c:v>41045</c:v>
                </c:pt>
                <c:pt idx="4520">
                  <c:v>41046</c:v>
                </c:pt>
                <c:pt idx="4521">
                  <c:v>41047</c:v>
                </c:pt>
                <c:pt idx="4522">
                  <c:v>41048</c:v>
                </c:pt>
                <c:pt idx="4523">
                  <c:v>41049</c:v>
                </c:pt>
                <c:pt idx="4524">
                  <c:v>41050</c:v>
                </c:pt>
                <c:pt idx="4525">
                  <c:v>41051</c:v>
                </c:pt>
                <c:pt idx="4526">
                  <c:v>41052</c:v>
                </c:pt>
                <c:pt idx="4527">
                  <c:v>41053</c:v>
                </c:pt>
                <c:pt idx="4528">
                  <c:v>41054</c:v>
                </c:pt>
                <c:pt idx="4529">
                  <c:v>41055</c:v>
                </c:pt>
                <c:pt idx="4530">
                  <c:v>41056</c:v>
                </c:pt>
                <c:pt idx="4531">
                  <c:v>41057</c:v>
                </c:pt>
                <c:pt idx="4532">
                  <c:v>41058</c:v>
                </c:pt>
                <c:pt idx="4533">
                  <c:v>41059</c:v>
                </c:pt>
                <c:pt idx="4534">
                  <c:v>41060</c:v>
                </c:pt>
                <c:pt idx="4535">
                  <c:v>41061</c:v>
                </c:pt>
                <c:pt idx="4536">
                  <c:v>41062</c:v>
                </c:pt>
                <c:pt idx="4537">
                  <c:v>41063</c:v>
                </c:pt>
                <c:pt idx="4538">
                  <c:v>41064</c:v>
                </c:pt>
                <c:pt idx="4539">
                  <c:v>41065</c:v>
                </c:pt>
                <c:pt idx="4540">
                  <c:v>41066</c:v>
                </c:pt>
                <c:pt idx="4541">
                  <c:v>41067</c:v>
                </c:pt>
                <c:pt idx="4542">
                  <c:v>41068</c:v>
                </c:pt>
                <c:pt idx="4543">
                  <c:v>41069</c:v>
                </c:pt>
                <c:pt idx="4544">
                  <c:v>41070</c:v>
                </c:pt>
                <c:pt idx="4545">
                  <c:v>41071</c:v>
                </c:pt>
                <c:pt idx="4546">
                  <c:v>41072</c:v>
                </c:pt>
                <c:pt idx="4547">
                  <c:v>41073</c:v>
                </c:pt>
                <c:pt idx="4548">
                  <c:v>41074</c:v>
                </c:pt>
                <c:pt idx="4549">
                  <c:v>41075</c:v>
                </c:pt>
                <c:pt idx="4550">
                  <c:v>41076</c:v>
                </c:pt>
                <c:pt idx="4551">
                  <c:v>41077</c:v>
                </c:pt>
                <c:pt idx="4552">
                  <c:v>41078</c:v>
                </c:pt>
                <c:pt idx="4553">
                  <c:v>41079</c:v>
                </c:pt>
                <c:pt idx="4554">
                  <c:v>41080</c:v>
                </c:pt>
                <c:pt idx="4555">
                  <c:v>41081</c:v>
                </c:pt>
                <c:pt idx="4556">
                  <c:v>41082</c:v>
                </c:pt>
                <c:pt idx="4557">
                  <c:v>41083</c:v>
                </c:pt>
                <c:pt idx="4558">
                  <c:v>41084</c:v>
                </c:pt>
                <c:pt idx="4559">
                  <c:v>41085</c:v>
                </c:pt>
                <c:pt idx="4560">
                  <c:v>41086</c:v>
                </c:pt>
                <c:pt idx="4561">
                  <c:v>41087</c:v>
                </c:pt>
                <c:pt idx="4562">
                  <c:v>41088</c:v>
                </c:pt>
                <c:pt idx="4563">
                  <c:v>41089</c:v>
                </c:pt>
                <c:pt idx="4564">
                  <c:v>41090</c:v>
                </c:pt>
                <c:pt idx="4565">
                  <c:v>41091</c:v>
                </c:pt>
                <c:pt idx="4566">
                  <c:v>41092</c:v>
                </c:pt>
                <c:pt idx="4567">
                  <c:v>41093</c:v>
                </c:pt>
                <c:pt idx="4568">
                  <c:v>41094</c:v>
                </c:pt>
                <c:pt idx="4569">
                  <c:v>41095</c:v>
                </c:pt>
                <c:pt idx="4570">
                  <c:v>41096</c:v>
                </c:pt>
                <c:pt idx="4571">
                  <c:v>41097</c:v>
                </c:pt>
                <c:pt idx="4572">
                  <c:v>41098</c:v>
                </c:pt>
                <c:pt idx="4573">
                  <c:v>41099</c:v>
                </c:pt>
                <c:pt idx="4574">
                  <c:v>41100</c:v>
                </c:pt>
                <c:pt idx="4575">
                  <c:v>41101</c:v>
                </c:pt>
                <c:pt idx="4576">
                  <c:v>41102</c:v>
                </c:pt>
                <c:pt idx="4577">
                  <c:v>41103</c:v>
                </c:pt>
                <c:pt idx="4578">
                  <c:v>41104</c:v>
                </c:pt>
                <c:pt idx="4579">
                  <c:v>41105</c:v>
                </c:pt>
                <c:pt idx="4580">
                  <c:v>41106</c:v>
                </c:pt>
                <c:pt idx="4581">
                  <c:v>41107</c:v>
                </c:pt>
                <c:pt idx="4582">
                  <c:v>41108</c:v>
                </c:pt>
                <c:pt idx="4583">
                  <c:v>41109</c:v>
                </c:pt>
                <c:pt idx="4584">
                  <c:v>41110</c:v>
                </c:pt>
                <c:pt idx="4585">
                  <c:v>41111</c:v>
                </c:pt>
                <c:pt idx="4586">
                  <c:v>41112</c:v>
                </c:pt>
                <c:pt idx="4587">
                  <c:v>41113</c:v>
                </c:pt>
                <c:pt idx="4588">
                  <c:v>41114</c:v>
                </c:pt>
                <c:pt idx="4589">
                  <c:v>41115</c:v>
                </c:pt>
                <c:pt idx="4590">
                  <c:v>41116</c:v>
                </c:pt>
                <c:pt idx="4591">
                  <c:v>41117</c:v>
                </c:pt>
                <c:pt idx="4592">
                  <c:v>41118</c:v>
                </c:pt>
                <c:pt idx="4593">
                  <c:v>41119</c:v>
                </c:pt>
                <c:pt idx="4594">
                  <c:v>41120</c:v>
                </c:pt>
                <c:pt idx="4595">
                  <c:v>41121</c:v>
                </c:pt>
                <c:pt idx="4596">
                  <c:v>41122</c:v>
                </c:pt>
                <c:pt idx="4597">
                  <c:v>41123</c:v>
                </c:pt>
                <c:pt idx="4598">
                  <c:v>41124</c:v>
                </c:pt>
                <c:pt idx="4599">
                  <c:v>41125</c:v>
                </c:pt>
                <c:pt idx="4600">
                  <c:v>41126</c:v>
                </c:pt>
                <c:pt idx="4601">
                  <c:v>41127</c:v>
                </c:pt>
                <c:pt idx="4602">
                  <c:v>41128</c:v>
                </c:pt>
                <c:pt idx="4603">
                  <c:v>41129</c:v>
                </c:pt>
                <c:pt idx="4604">
                  <c:v>41130</c:v>
                </c:pt>
                <c:pt idx="4605">
                  <c:v>41131</c:v>
                </c:pt>
                <c:pt idx="4606">
                  <c:v>41132</c:v>
                </c:pt>
                <c:pt idx="4607">
                  <c:v>41133</c:v>
                </c:pt>
                <c:pt idx="4608">
                  <c:v>41134</c:v>
                </c:pt>
                <c:pt idx="4609">
                  <c:v>41135</c:v>
                </c:pt>
                <c:pt idx="4610">
                  <c:v>41136</c:v>
                </c:pt>
                <c:pt idx="4611">
                  <c:v>41137</c:v>
                </c:pt>
                <c:pt idx="4612">
                  <c:v>41138</c:v>
                </c:pt>
                <c:pt idx="4613">
                  <c:v>41139</c:v>
                </c:pt>
                <c:pt idx="4614">
                  <c:v>41140</c:v>
                </c:pt>
                <c:pt idx="4615">
                  <c:v>41141</c:v>
                </c:pt>
                <c:pt idx="4616">
                  <c:v>41142</c:v>
                </c:pt>
                <c:pt idx="4617">
                  <c:v>41143</c:v>
                </c:pt>
                <c:pt idx="4618">
                  <c:v>41144</c:v>
                </c:pt>
                <c:pt idx="4619">
                  <c:v>41145</c:v>
                </c:pt>
                <c:pt idx="4620">
                  <c:v>41146</c:v>
                </c:pt>
                <c:pt idx="4621">
                  <c:v>41147</c:v>
                </c:pt>
                <c:pt idx="4622">
                  <c:v>41148</c:v>
                </c:pt>
                <c:pt idx="4623">
                  <c:v>41149</c:v>
                </c:pt>
                <c:pt idx="4624">
                  <c:v>41150</c:v>
                </c:pt>
                <c:pt idx="4625">
                  <c:v>41151</c:v>
                </c:pt>
                <c:pt idx="4626">
                  <c:v>41152</c:v>
                </c:pt>
                <c:pt idx="4627">
                  <c:v>41153</c:v>
                </c:pt>
                <c:pt idx="4628">
                  <c:v>41154</c:v>
                </c:pt>
                <c:pt idx="4629">
                  <c:v>41155</c:v>
                </c:pt>
                <c:pt idx="4630">
                  <c:v>41156</c:v>
                </c:pt>
                <c:pt idx="4631">
                  <c:v>41157</c:v>
                </c:pt>
                <c:pt idx="4632">
                  <c:v>41158</c:v>
                </c:pt>
                <c:pt idx="4633">
                  <c:v>41159</c:v>
                </c:pt>
                <c:pt idx="4634">
                  <c:v>41160</c:v>
                </c:pt>
                <c:pt idx="4635">
                  <c:v>41161</c:v>
                </c:pt>
                <c:pt idx="4636">
                  <c:v>41162</c:v>
                </c:pt>
                <c:pt idx="4637">
                  <c:v>41163</c:v>
                </c:pt>
                <c:pt idx="4638">
                  <c:v>41164</c:v>
                </c:pt>
                <c:pt idx="4639">
                  <c:v>41165</c:v>
                </c:pt>
                <c:pt idx="4640">
                  <c:v>41166</c:v>
                </c:pt>
                <c:pt idx="4641">
                  <c:v>41167</c:v>
                </c:pt>
                <c:pt idx="4642">
                  <c:v>41168</c:v>
                </c:pt>
                <c:pt idx="4643">
                  <c:v>41169</c:v>
                </c:pt>
                <c:pt idx="4644">
                  <c:v>41170</c:v>
                </c:pt>
                <c:pt idx="4645">
                  <c:v>41171</c:v>
                </c:pt>
                <c:pt idx="4646">
                  <c:v>41172</c:v>
                </c:pt>
                <c:pt idx="4647">
                  <c:v>41173</c:v>
                </c:pt>
                <c:pt idx="4648">
                  <c:v>41174</c:v>
                </c:pt>
                <c:pt idx="4649">
                  <c:v>41175</c:v>
                </c:pt>
                <c:pt idx="4650">
                  <c:v>41176</c:v>
                </c:pt>
                <c:pt idx="4651">
                  <c:v>41177</c:v>
                </c:pt>
                <c:pt idx="4652">
                  <c:v>41178</c:v>
                </c:pt>
                <c:pt idx="4653">
                  <c:v>41179</c:v>
                </c:pt>
                <c:pt idx="4654">
                  <c:v>41180</c:v>
                </c:pt>
                <c:pt idx="4655">
                  <c:v>41181</c:v>
                </c:pt>
                <c:pt idx="4656">
                  <c:v>41182</c:v>
                </c:pt>
                <c:pt idx="4657">
                  <c:v>41183</c:v>
                </c:pt>
                <c:pt idx="4658">
                  <c:v>41184</c:v>
                </c:pt>
                <c:pt idx="4659">
                  <c:v>41185</c:v>
                </c:pt>
                <c:pt idx="4660">
                  <c:v>41186</c:v>
                </c:pt>
                <c:pt idx="4661">
                  <c:v>41187</c:v>
                </c:pt>
                <c:pt idx="4662">
                  <c:v>41188</c:v>
                </c:pt>
                <c:pt idx="4663">
                  <c:v>41189</c:v>
                </c:pt>
                <c:pt idx="4664">
                  <c:v>41190</c:v>
                </c:pt>
                <c:pt idx="4665">
                  <c:v>41191</c:v>
                </c:pt>
                <c:pt idx="4666">
                  <c:v>41192</c:v>
                </c:pt>
                <c:pt idx="4667">
                  <c:v>41193</c:v>
                </c:pt>
                <c:pt idx="4668">
                  <c:v>41194</c:v>
                </c:pt>
                <c:pt idx="4669">
                  <c:v>41195</c:v>
                </c:pt>
                <c:pt idx="4670">
                  <c:v>41196</c:v>
                </c:pt>
                <c:pt idx="4671">
                  <c:v>41197</c:v>
                </c:pt>
                <c:pt idx="4672">
                  <c:v>41198</c:v>
                </c:pt>
                <c:pt idx="4673">
                  <c:v>41199</c:v>
                </c:pt>
                <c:pt idx="4674">
                  <c:v>41200</c:v>
                </c:pt>
                <c:pt idx="4675">
                  <c:v>41201</c:v>
                </c:pt>
                <c:pt idx="4676">
                  <c:v>41202</c:v>
                </c:pt>
                <c:pt idx="4677">
                  <c:v>41203</c:v>
                </c:pt>
                <c:pt idx="4678">
                  <c:v>41204</c:v>
                </c:pt>
                <c:pt idx="4679">
                  <c:v>41205</c:v>
                </c:pt>
                <c:pt idx="4680">
                  <c:v>41206</c:v>
                </c:pt>
                <c:pt idx="4681">
                  <c:v>41207</c:v>
                </c:pt>
                <c:pt idx="4682">
                  <c:v>41208</c:v>
                </c:pt>
                <c:pt idx="4683">
                  <c:v>41209</c:v>
                </c:pt>
                <c:pt idx="4684">
                  <c:v>41210</c:v>
                </c:pt>
                <c:pt idx="4685">
                  <c:v>41211</c:v>
                </c:pt>
                <c:pt idx="4686">
                  <c:v>41212</c:v>
                </c:pt>
                <c:pt idx="4687">
                  <c:v>41213</c:v>
                </c:pt>
                <c:pt idx="4688">
                  <c:v>41214</c:v>
                </c:pt>
                <c:pt idx="4689">
                  <c:v>41215</c:v>
                </c:pt>
                <c:pt idx="4690">
                  <c:v>41216</c:v>
                </c:pt>
                <c:pt idx="4691">
                  <c:v>41217</c:v>
                </c:pt>
                <c:pt idx="4692">
                  <c:v>41218</c:v>
                </c:pt>
                <c:pt idx="4693">
                  <c:v>41219</c:v>
                </c:pt>
                <c:pt idx="4694">
                  <c:v>41220</c:v>
                </c:pt>
                <c:pt idx="4695">
                  <c:v>41221</c:v>
                </c:pt>
                <c:pt idx="4696">
                  <c:v>41222</c:v>
                </c:pt>
                <c:pt idx="4697">
                  <c:v>41223</c:v>
                </c:pt>
                <c:pt idx="4698">
                  <c:v>41224</c:v>
                </c:pt>
                <c:pt idx="4699">
                  <c:v>41225</c:v>
                </c:pt>
                <c:pt idx="4700">
                  <c:v>41226</c:v>
                </c:pt>
                <c:pt idx="4701">
                  <c:v>41227</c:v>
                </c:pt>
                <c:pt idx="4702">
                  <c:v>41228</c:v>
                </c:pt>
                <c:pt idx="4703">
                  <c:v>41229</c:v>
                </c:pt>
                <c:pt idx="4704">
                  <c:v>41230</c:v>
                </c:pt>
                <c:pt idx="4705">
                  <c:v>41231</c:v>
                </c:pt>
                <c:pt idx="4706">
                  <c:v>41232</c:v>
                </c:pt>
                <c:pt idx="4707">
                  <c:v>41233</c:v>
                </c:pt>
                <c:pt idx="4708">
                  <c:v>41234</c:v>
                </c:pt>
                <c:pt idx="4709">
                  <c:v>41235</c:v>
                </c:pt>
                <c:pt idx="4710">
                  <c:v>41236</c:v>
                </c:pt>
                <c:pt idx="4711">
                  <c:v>41237</c:v>
                </c:pt>
                <c:pt idx="4712">
                  <c:v>41238</c:v>
                </c:pt>
                <c:pt idx="4713">
                  <c:v>41239</c:v>
                </c:pt>
                <c:pt idx="4714">
                  <c:v>41240</c:v>
                </c:pt>
                <c:pt idx="4715">
                  <c:v>41241</c:v>
                </c:pt>
                <c:pt idx="4716">
                  <c:v>41242</c:v>
                </c:pt>
                <c:pt idx="4717">
                  <c:v>41243</c:v>
                </c:pt>
                <c:pt idx="4718">
                  <c:v>41244</c:v>
                </c:pt>
                <c:pt idx="4719">
                  <c:v>41245</c:v>
                </c:pt>
                <c:pt idx="4720">
                  <c:v>41246</c:v>
                </c:pt>
                <c:pt idx="4721">
                  <c:v>41247</c:v>
                </c:pt>
                <c:pt idx="4722">
                  <c:v>41248</c:v>
                </c:pt>
                <c:pt idx="4723">
                  <c:v>41249</c:v>
                </c:pt>
                <c:pt idx="4724">
                  <c:v>41250</c:v>
                </c:pt>
                <c:pt idx="4725">
                  <c:v>41251</c:v>
                </c:pt>
                <c:pt idx="4726">
                  <c:v>41252</c:v>
                </c:pt>
                <c:pt idx="4727">
                  <c:v>41253</c:v>
                </c:pt>
                <c:pt idx="4728">
                  <c:v>41254</c:v>
                </c:pt>
                <c:pt idx="4729">
                  <c:v>41255</c:v>
                </c:pt>
                <c:pt idx="4730">
                  <c:v>41256</c:v>
                </c:pt>
                <c:pt idx="4731">
                  <c:v>41257</c:v>
                </c:pt>
                <c:pt idx="4732">
                  <c:v>41258</c:v>
                </c:pt>
                <c:pt idx="4733">
                  <c:v>41259</c:v>
                </c:pt>
                <c:pt idx="4734">
                  <c:v>41260</c:v>
                </c:pt>
                <c:pt idx="4735">
                  <c:v>41261</c:v>
                </c:pt>
                <c:pt idx="4736">
                  <c:v>41262</c:v>
                </c:pt>
                <c:pt idx="4737">
                  <c:v>41263</c:v>
                </c:pt>
                <c:pt idx="4738">
                  <c:v>41264</c:v>
                </c:pt>
                <c:pt idx="4739">
                  <c:v>41265</c:v>
                </c:pt>
                <c:pt idx="4740">
                  <c:v>41266</c:v>
                </c:pt>
                <c:pt idx="4741">
                  <c:v>41267</c:v>
                </c:pt>
                <c:pt idx="4742">
                  <c:v>41268</c:v>
                </c:pt>
                <c:pt idx="4743">
                  <c:v>41269</c:v>
                </c:pt>
                <c:pt idx="4744">
                  <c:v>41270</c:v>
                </c:pt>
                <c:pt idx="4745">
                  <c:v>41271</c:v>
                </c:pt>
                <c:pt idx="4746">
                  <c:v>41272</c:v>
                </c:pt>
                <c:pt idx="4747">
                  <c:v>41273</c:v>
                </c:pt>
                <c:pt idx="4748">
                  <c:v>41274</c:v>
                </c:pt>
                <c:pt idx="4749">
                  <c:v>41275</c:v>
                </c:pt>
                <c:pt idx="4750">
                  <c:v>41276</c:v>
                </c:pt>
                <c:pt idx="4751">
                  <c:v>41277</c:v>
                </c:pt>
                <c:pt idx="4752">
                  <c:v>41278</c:v>
                </c:pt>
                <c:pt idx="4753">
                  <c:v>41279</c:v>
                </c:pt>
                <c:pt idx="4754">
                  <c:v>41280</c:v>
                </c:pt>
                <c:pt idx="4755">
                  <c:v>41281</c:v>
                </c:pt>
                <c:pt idx="4756">
                  <c:v>41282</c:v>
                </c:pt>
                <c:pt idx="4757">
                  <c:v>41283</c:v>
                </c:pt>
                <c:pt idx="4758">
                  <c:v>41284</c:v>
                </c:pt>
                <c:pt idx="4759">
                  <c:v>41285</c:v>
                </c:pt>
                <c:pt idx="4760">
                  <c:v>41286</c:v>
                </c:pt>
                <c:pt idx="4761">
                  <c:v>41287</c:v>
                </c:pt>
                <c:pt idx="4762">
                  <c:v>41288</c:v>
                </c:pt>
                <c:pt idx="4763">
                  <c:v>41289</c:v>
                </c:pt>
                <c:pt idx="4764">
                  <c:v>41290</c:v>
                </c:pt>
                <c:pt idx="4765">
                  <c:v>41291</c:v>
                </c:pt>
                <c:pt idx="4766">
                  <c:v>41292</c:v>
                </c:pt>
                <c:pt idx="4767">
                  <c:v>41293</c:v>
                </c:pt>
                <c:pt idx="4768">
                  <c:v>41294</c:v>
                </c:pt>
                <c:pt idx="4769">
                  <c:v>41295</c:v>
                </c:pt>
                <c:pt idx="4770">
                  <c:v>41296</c:v>
                </c:pt>
                <c:pt idx="4771">
                  <c:v>41297</c:v>
                </c:pt>
                <c:pt idx="4772">
                  <c:v>41298</c:v>
                </c:pt>
                <c:pt idx="4773">
                  <c:v>41299</c:v>
                </c:pt>
                <c:pt idx="4774">
                  <c:v>41300</c:v>
                </c:pt>
                <c:pt idx="4775">
                  <c:v>41301</c:v>
                </c:pt>
                <c:pt idx="4776">
                  <c:v>41302</c:v>
                </c:pt>
                <c:pt idx="4777">
                  <c:v>41303</c:v>
                </c:pt>
                <c:pt idx="4778">
                  <c:v>41304</c:v>
                </c:pt>
                <c:pt idx="4779">
                  <c:v>41305</c:v>
                </c:pt>
                <c:pt idx="4780">
                  <c:v>41306</c:v>
                </c:pt>
                <c:pt idx="4781">
                  <c:v>41307</c:v>
                </c:pt>
                <c:pt idx="4782">
                  <c:v>41308</c:v>
                </c:pt>
                <c:pt idx="4783">
                  <c:v>41309</c:v>
                </c:pt>
                <c:pt idx="4784">
                  <c:v>41310</c:v>
                </c:pt>
                <c:pt idx="4785">
                  <c:v>41311</c:v>
                </c:pt>
                <c:pt idx="4786">
                  <c:v>41312</c:v>
                </c:pt>
                <c:pt idx="4787">
                  <c:v>41313</c:v>
                </c:pt>
                <c:pt idx="4788">
                  <c:v>41314</c:v>
                </c:pt>
                <c:pt idx="4789">
                  <c:v>41315</c:v>
                </c:pt>
                <c:pt idx="4790">
                  <c:v>41316</c:v>
                </c:pt>
                <c:pt idx="4791">
                  <c:v>41317</c:v>
                </c:pt>
                <c:pt idx="4792">
                  <c:v>41318</c:v>
                </c:pt>
                <c:pt idx="4793">
                  <c:v>41319</c:v>
                </c:pt>
                <c:pt idx="4794">
                  <c:v>41320</c:v>
                </c:pt>
                <c:pt idx="4795">
                  <c:v>41321</c:v>
                </c:pt>
                <c:pt idx="4796">
                  <c:v>41322</c:v>
                </c:pt>
                <c:pt idx="4797">
                  <c:v>41323</c:v>
                </c:pt>
                <c:pt idx="4798">
                  <c:v>41324</c:v>
                </c:pt>
                <c:pt idx="4799">
                  <c:v>41325</c:v>
                </c:pt>
                <c:pt idx="4800">
                  <c:v>41326</c:v>
                </c:pt>
                <c:pt idx="4801">
                  <c:v>41327</c:v>
                </c:pt>
                <c:pt idx="4802">
                  <c:v>41328</c:v>
                </c:pt>
                <c:pt idx="4803">
                  <c:v>41329</c:v>
                </c:pt>
                <c:pt idx="4804">
                  <c:v>41330</c:v>
                </c:pt>
                <c:pt idx="4805">
                  <c:v>41331</c:v>
                </c:pt>
                <c:pt idx="4806">
                  <c:v>41332</c:v>
                </c:pt>
                <c:pt idx="4807">
                  <c:v>41333</c:v>
                </c:pt>
                <c:pt idx="4808">
                  <c:v>41334</c:v>
                </c:pt>
                <c:pt idx="4809">
                  <c:v>41335</c:v>
                </c:pt>
                <c:pt idx="4810">
                  <c:v>41336</c:v>
                </c:pt>
                <c:pt idx="4811">
                  <c:v>41337</c:v>
                </c:pt>
                <c:pt idx="4812">
                  <c:v>41338</c:v>
                </c:pt>
                <c:pt idx="4813">
                  <c:v>41339</c:v>
                </c:pt>
                <c:pt idx="4814">
                  <c:v>41340</c:v>
                </c:pt>
                <c:pt idx="4815">
                  <c:v>41341</c:v>
                </c:pt>
                <c:pt idx="4816">
                  <c:v>41342</c:v>
                </c:pt>
                <c:pt idx="4817">
                  <c:v>41343</c:v>
                </c:pt>
                <c:pt idx="4818">
                  <c:v>41344</c:v>
                </c:pt>
                <c:pt idx="4819">
                  <c:v>41345</c:v>
                </c:pt>
                <c:pt idx="4820">
                  <c:v>41346</c:v>
                </c:pt>
                <c:pt idx="4821">
                  <c:v>41347</c:v>
                </c:pt>
                <c:pt idx="4822">
                  <c:v>41348</c:v>
                </c:pt>
                <c:pt idx="4823">
                  <c:v>41349</c:v>
                </c:pt>
                <c:pt idx="4824">
                  <c:v>41350</c:v>
                </c:pt>
                <c:pt idx="4825">
                  <c:v>41351</c:v>
                </c:pt>
                <c:pt idx="4826">
                  <c:v>41352</c:v>
                </c:pt>
                <c:pt idx="4827">
                  <c:v>41353</c:v>
                </c:pt>
                <c:pt idx="4828">
                  <c:v>41354</c:v>
                </c:pt>
                <c:pt idx="4829">
                  <c:v>41355</c:v>
                </c:pt>
                <c:pt idx="4830">
                  <c:v>41356</c:v>
                </c:pt>
                <c:pt idx="4831">
                  <c:v>41357</c:v>
                </c:pt>
                <c:pt idx="4832">
                  <c:v>41358</c:v>
                </c:pt>
                <c:pt idx="4833">
                  <c:v>41359</c:v>
                </c:pt>
                <c:pt idx="4834">
                  <c:v>41360</c:v>
                </c:pt>
                <c:pt idx="4835">
                  <c:v>41361</c:v>
                </c:pt>
                <c:pt idx="4836">
                  <c:v>41362</c:v>
                </c:pt>
                <c:pt idx="4837">
                  <c:v>41363</c:v>
                </c:pt>
                <c:pt idx="4838">
                  <c:v>41364</c:v>
                </c:pt>
                <c:pt idx="4839">
                  <c:v>41365</c:v>
                </c:pt>
                <c:pt idx="4840">
                  <c:v>41366</c:v>
                </c:pt>
                <c:pt idx="4841">
                  <c:v>41367</c:v>
                </c:pt>
                <c:pt idx="4842">
                  <c:v>41368</c:v>
                </c:pt>
                <c:pt idx="4843">
                  <c:v>41369</c:v>
                </c:pt>
                <c:pt idx="4844">
                  <c:v>41370</c:v>
                </c:pt>
                <c:pt idx="4845">
                  <c:v>41371</c:v>
                </c:pt>
                <c:pt idx="4846">
                  <c:v>41372</c:v>
                </c:pt>
                <c:pt idx="4847">
                  <c:v>41373</c:v>
                </c:pt>
                <c:pt idx="4848">
                  <c:v>41374</c:v>
                </c:pt>
                <c:pt idx="4849">
                  <c:v>41375</c:v>
                </c:pt>
                <c:pt idx="4850">
                  <c:v>41376</c:v>
                </c:pt>
                <c:pt idx="4851">
                  <c:v>41377</c:v>
                </c:pt>
                <c:pt idx="4852">
                  <c:v>41378</c:v>
                </c:pt>
                <c:pt idx="4853">
                  <c:v>41379</c:v>
                </c:pt>
                <c:pt idx="4854">
                  <c:v>41380</c:v>
                </c:pt>
                <c:pt idx="4855">
                  <c:v>41381</c:v>
                </c:pt>
                <c:pt idx="4856">
                  <c:v>41382</c:v>
                </c:pt>
                <c:pt idx="4857">
                  <c:v>41383</c:v>
                </c:pt>
                <c:pt idx="4858">
                  <c:v>41384</c:v>
                </c:pt>
                <c:pt idx="4859">
                  <c:v>41385</c:v>
                </c:pt>
                <c:pt idx="4860">
                  <c:v>41386</c:v>
                </c:pt>
                <c:pt idx="4861">
                  <c:v>41387</c:v>
                </c:pt>
                <c:pt idx="4862">
                  <c:v>41388</c:v>
                </c:pt>
                <c:pt idx="4863">
                  <c:v>41389</c:v>
                </c:pt>
                <c:pt idx="4864">
                  <c:v>41390</c:v>
                </c:pt>
                <c:pt idx="4865">
                  <c:v>41391</c:v>
                </c:pt>
                <c:pt idx="4866">
                  <c:v>41392</c:v>
                </c:pt>
                <c:pt idx="4867">
                  <c:v>41393</c:v>
                </c:pt>
                <c:pt idx="4868">
                  <c:v>41394</c:v>
                </c:pt>
                <c:pt idx="4869">
                  <c:v>41395</c:v>
                </c:pt>
                <c:pt idx="4870">
                  <c:v>41396</c:v>
                </c:pt>
                <c:pt idx="4871">
                  <c:v>41397</c:v>
                </c:pt>
                <c:pt idx="4872">
                  <c:v>41398</c:v>
                </c:pt>
                <c:pt idx="4873">
                  <c:v>41399</c:v>
                </c:pt>
                <c:pt idx="4874">
                  <c:v>41400</c:v>
                </c:pt>
                <c:pt idx="4875">
                  <c:v>41401</c:v>
                </c:pt>
                <c:pt idx="4876">
                  <c:v>41402</c:v>
                </c:pt>
                <c:pt idx="4877">
                  <c:v>41403</c:v>
                </c:pt>
                <c:pt idx="4878">
                  <c:v>41404</c:v>
                </c:pt>
                <c:pt idx="4879">
                  <c:v>41405</c:v>
                </c:pt>
                <c:pt idx="4880">
                  <c:v>41406</c:v>
                </c:pt>
                <c:pt idx="4881">
                  <c:v>41407</c:v>
                </c:pt>
                <c:pt idx="4882">
                  <c:v>41408</c:v>
                </c:pt>
                <c:pt idx="4883">
                  <c:v>41409</c:v>
                </c:pt>
                <c:pt idx="4884">
                  <c:v>41410</c:v>
                </c:pt>
                <c:pt idx="4885">
                  <c:v>41411</c:v>
                </c:pt>
                <c:pt idx="4886">
                  <c:v>41412</c:v>
                </c:pt>
                <c:pt idx="4887">
                  <c:v>41413</c:v>
                </c:pt>
                <c:pt idx="4888">
                  <c:v>41414</c:v>
                </c:pt>
                <c:pt idx="4889">
                  <c:v>41415</c:v>
                </c:pt>
                <c:pt idx="4890">
                  <c:v>41416</c:v>
                </c:pt>
                <c:pt idx="4891">
                  <c:v>41417</c:v>
                </c:pt>
                <c:pt idx="4892">
                  <c:v>41418</c:v>
                </c:pt>
                <c:pt idx="4893">
                  <c:v>41419</c:v>
                </c:pt>
                <c:pt idx="4894">
                  <c:v>41420</c:v>
                </c:pt>
                <c:pt idx="4895">
                  <c:v>41421</c:v>
                </c:pt>
                <c:pt idx="4896">
                  <c:v>41422</c:v>
                </c:pt>
                <c:pt idx="4897">
                  <c:v>41423</c:v>
                </c:pt>
                <c:pt idx="4898">
                  <c:v>41424</c:v>
                </c:pt>
                <c:pt idx="4899">
                  <c:v>41425</c:v>
                </c:pt>
                <c:pt idx="4900">
                  <c:v>41426</c:v>
                </c:pt>
                <c:pt idx="4901">
                  <c:v>41427</c:v>
                </c:pt>
                <c:pt idx="4902">
                  <c:v>41428</c:v>
                </c:pt>
                <c:pt idx="4903">
                  <c:v>41429</c:v>
                </c:pt>
                <c:pt idx="4904">
                  <c:v>41430</c:v>
                </c:pt>
                <c:pt idx="4905">
                  <c:v>41431</c:v>
                </c:pt>
                <c:pt idx="4906">
                  <c:v>41432</c:v>
                </c:pt>
                <c:pt idx="4907">
                  <c:v>41433</c:v>
                </c:pt>
                <c:pt idx="4908">
                  <c:v>41434</c:v>
                </c:pt>
                <c:pt idx="4909">
                  <c:v>41435</c:v>
                </c:pt>
                <c:pt idx="4910">
                  <c:v>41436</c:v>
                </c:pt>
                <c:pt idx="4911">
                  <c:v>41437</c:v>
                </c:pt>
                <c:pt idx="4912">
                  <c:v>41438</c:v>
                </c:pt>
                <c:pt idx="4913">
                  <c:v>41439</c:v>
                </c:pt>
                <c:pt idx="4914">
                  <c:v>41440</c:v>
                </c:pt>
                <c:pt idx="4915">
                  <c:v>41441</c:v>
                </c:pt>
                <c:pt idx="4916">
                  <c:v>41442</c:v>
                </c:pt>
                <c:pt idx="4917">
                  <c:v>41443</c:v>
                </c:pt>
                <c:pt idx="4918">
                  <c:v>41444</c:v>
                </c:pt>
                <c:pt idx="4919">
                  <c:v>41445</c:v>
                </c:pt>
                <c:pt idx="4920">
                  <c:v>41446</c:v>
                </c:pt>
                <c:pt idx="4921">
                  <c:v>41447</c:v>
                </c:pt>
                <c:pt idx="4922">
                  <c:v>41448</c:v>
                </c:pt>
                <c:pt idx="4923">
                  <c:v>41449</c:v>
                </c:pt>
                <c:pt idx="4924">
                  <c:v>41450</c:v>
                </c:pt>
                <c:pt idx="4925">
                  <c:v>41451</c:v>
                </c:pt>
                <c:pt idx="4926">
                  <c:v>41452</c:v>
                </c:pt>
                <c:pt idx="4927">
                  <c:v>41453</c:v>
                </c:pt>
                <c:pt idx="4928">
                  <c:v>41454</c:v>
                </c:pt>
                <c:pt idx="4929">
                  <c:v>41455</c:v>
                </c:pt>
                <c:pt idx="4930">
                  <c:v>41456</c:v>
                </c:pt>
                <c:pt idx="4931">
                  <c:v>41457</c:v>
                </c:pt>
                <c:pt idx="4932">
                  <c:v>41458</c:v>
                </c:pt>
                <c:pt idx="4933">
                  <c:v>41459</c:v>
                </c:pt>
                <c:pt idx="4934">
                  <c:v>41460</c:v>
                </c:pt>
                <c:pt idx="4935">
                  <c:v>41461</c:v>
                </c:pt>
                <c:pt idx="4936">
                  <c:v>41462</c:v>
                </c:pt>
                <c:pt idx="4937">
                  <c:v>41463</c:v>
                </c:pt>
                <c:pt idx="4938">
                  <c:v>41464</c:v>
                </c:pt>
                <c:pt idx="4939">
                  <c:v>41465</c:v>
                </c:pt>
                <c:pt idx="4940">
                  <c:v>41466</c:v>
                </c:pt>
                <c:pt idx="4941">
                  <c:v>41467</c:v>
                </c:pt>
                <c:pt idx="4942">
                  <c:v>41468</c:v>
                </c:pt>
                <c:pt idx="4943">
                  <c:v>41469</c:v>
                </c:pt>
                <c:pt idx="4944">
                  <c:v>41470</c:v>
                </c:pt>
                <c:pt idx="4945">
                  <c:v>41471</c:v>
                </c:pt>
                <c:pt idx="4946">
                  <c:v>41472</c:v>
                </c:pt>
                <c:pt idx="4947">
                  <c:v>41473</c:v>
                </c:pt>
                <c:pt idx="4948">
                  <c:v>41474</c:v>
                </c:pt>
                <c:pt idx="4949">
                  <c:v>41475</c:v>
                </c:pt>
                <c:pt idx="4950">
                  <c:v>41476</c:v>
                </c:pt>
                <c:pt idx="4951">
                  <c:v>41477</c:v>
                </c:pt>
                <c:pt idx="4952">
                  <c:v>41478</c:v>
                </c:pt>
                <c:pt idx="4953">
                  <c:v>41479</c:v>
                </c:pt>
                <c:pt idx="4954">
                  <c:v>41480</c:v>
                </c:pt>
                <c:pt idx="4955">
                  <c:v>41481</c:v>
                </c:pt>
                <c:pt idx="4956">
                  <c:v>41482</c:v>
                </c:pt>
                <c:pt idx="4957">
                  <c:v>41483</c:v>
                </c:pt>
                <c:pt idx="4958">
                  <c:v>41484</c:v>
                </c:pt>
                <c:pt idx="4959">
                  <c:v>41485</c:v>
                </c:pt>
                <c:pt idx="4960">
                  <c:v>41486</c:v>
                </c:pt>
                <c:pt idx="4961">
                  <c:v>41487</c:v>
                </c:pt>
                <c:pt idx="4962">
                  <c:v>41488</c:v>
                </c:pt>
                <c:pt idx="4963">
                  <c:v>41489</c:v>
                </c:pt>
                <c:pt idx="4964">
                  <c:v>41490</c:v>
                </c:pt>
                <c:pt idx="4965">
                  <c:v>41491</c:v>
                </c:pt>
                <c:pt idx="4966">
                  <c:v>41492</c:v>
                </c:pt>
                <c:pt idx="4967">
                  <c:v>41493</c:v>
                </c:pt>
                <c:pt idx="4968">
                  <c:v>41494</c:v>
                </c:pt>
                <c:pt idx="4969">
                  <c:v>41495</c:v>
                </c:pt>
                <c:pt idx="4970">
                  <c:v>41496</c:v>
                </c:pt>
                <c:pt idx="4971">
                  <c:v>41497</c:v>
                </c:pt>
                <c:pt idx="4972">
                  <c:v>41498</c:v>
                </c:pt>
                <c:pt idx="4973">
                  <c:v>41499</c:v>
                </c:pt>
                <c:pt idx="4974">
                  <c:v>41500</c:v>
                </c:pt>
                <c:pt idx="4975">
                  <c:v>41501</c:v>
                </c:pt>
                <c:pt idx="4976">
                  <c:v>41502</c:v>
                </c:pt>
                <c:pt idx="4977">
                  <c:v>41503</c:v>
                </c:pt>
                <c:pt idx="4978">
                  <c:v>41504</c:v>
                </c:pt>
                <c:pt idx="4979">
                  <c:v>41505</c:v>
                </c:pt>
                <c:pt idx="4980">
                  <c:v>41506</c:v>
                </c:pt>
                <c:pt idx="4981">
                  <c:v>41507</c:v>
                </c:pt>
                <c:pt idx="4982">
                  <c:v>41508</c:v>
                </c:pt>
                <c:pt idx="4983">
                  <c:v>41509</c:v>
                </c:pt>
                <c:pt idx="4984">
                  <c:v>41510</c:v>
                </c:pt>
                <c:pt idx="4985">
                  <c:v>41511</c:v>
                </c:pt>
                <c:pt idx="4986">
                  <c:v>41512</c:v>
                </c:pt>
                <c:pt idx="4987">
                  <c:v>41513</c:v>
                </c:pt>
                <c:pt idx="4988">
                  <c:v>41514</c:v>
                </c:pt>
                <c:pt idx="4989">
                  <c:v>41515</c:v>
                </c:pt>
                <c:pt idx="4990">
                  <c:v>41516</c:v>
                </c:pt>
                <c:pt idx="4991">
                  <c:v>41517</c:v>
                </c:pt>
                <c:pt idx="4992">
                  <c:v>41518</c:v>
                </c:pt>
                <c:pt idx="4993">
                  <c:v>41519</c:v>
                </c:pt>
                <c:pt idx="4994">
                  <c:v>41520</c:v>
                </c:pt>
                <c:pt idx="4995">
                  <c:v>41521</c:v>
                </c:pt>
                <c:pt idx="4996">
                  <c:v>41522</c:v>
                </c:pt>
                <c:pt idx="4997">
                  <c:v>41523</c:v>
                </c:pt>
                <c:pt idx="4998">
                  <c:v>41524</c:v>
                </c:pt>
                <c:pt idx="4999">
                  <c:v>41525</c:v>
                </c:pt>
                <c:pt idx="5000">
                  <c:v>41526</c:v>
                </c:pt>
                <c:pt idx="5001">
                  <c:v>41527</c:v>
                </c:pt>
                <c:pt idx="5002">
                  <c:v>41528</c:v>
                </c:pt>
                <c:pt idx="5003">
                  <c:v>41529</c:v>
                </c:pt>
                <c:pt idx="5004">
                  <c:v>41530</c:v>
                </c:pt>
                <c:pt idx="5005">
                  <c:v>41531</c:v>
                </c:pt>
                <c:pt idx="5006">
                  <c:v>41532</c:v>
                </c:pt>
                <c:pt idx="5007">
                  <c:v>41533</c:v>
                </c:pt>
                <c:pt idx="5008">
                  <c:v>41534</c:v>
                </c:pt>
                <c:pt idx="5009">
                  <c:v>41535</c:v>
                </c:pt>
                <c:pt idx="5010">
                  <c:v>41536</c:v>
                </c:pt>
                <c:pt idx="5011">
                  <c:v>41537</c:v>
                </c:pt>
                <c:pt idx="5012">
                  <c:v>41538</c:v>
                </c:pt>
                <c:pt idx="5013">
                  <c:v>41539</c:v>
                </c:pt>
                <c:pt idx="5014">
                  <c:v>41540</c:v>
                </c:pt>
                <c:pt idx="5015">
                  <c:v>41541</c:v>
                </c:pt>
                <c:pt idx="5016">
                  <c:v>41542</c:v>
                </c:pt>
                <c:pt idx="5017">
                  <c:v>41543</c:v>
                </c:pt>
                <c:pt idx="5018">
                  <c:v>41544</c:v>
                </c:pt>
                <c:pt idx="5019">
                  <c:v>41545</c:v>
                </c:pt>
                <c:pt idx="5020">
                  <c:v>41546</c:v>
                </c:pt>
                <c:pt idx="5021">
                  <c:v>41547</c:v>
                </c:pt>
                <c:pt idx="5022">
                  <c:v>41548</c:v>
                </c:pt>
                <c:pt idx="5023">
                  <c:v>41549</c:v>
                </c:pt>
                <c:pt idx="5024">
                  <c:v>41550</c:v>
                </c:pt>
                <c:pt idx="5025">
                  <c:v>41551</c:v>
                </c:pt>
                <c:pt idx="5026">
                  <c:v>41552</c:v>
                </c:pt>
                <c:pt idx="5027">
                  <c:v>41553</c:v>
                </c:pt>
                <c:pt idx="5028">
                  <c:v>41554</c:v>
                </c:pt>
                <c:pt idx="5029">
                  <c:v>41555</c:v>
                </c:pt>
                <c:pt idx="5030">
                  <c:v>41556</c:v>
                </c:pt>
                <c:pt idx="5031">
                  <c:v>41557</c:v>
                </c:pt>
                <c:pt idx="5032">
                  <c:v>41558</c:v>
                </c:pt>
                <c:pt idx="5033">
                  <c:v>41559</c:v>
                </c:pt>
                <c:pt idx="5034">
                  <c:v>41560</c:v>
                </c:pt>
                <c:pt idx="5035">
                  <c:v>41561</c:v>
                </c:pt>
                <c:pt idx="5036">
                  <c:v>41562</c:v>
                </c:pt>
                <c:pt idx="5037">
                  <c:v>41563</c:v>
                </c:pt>
                <c:pt idx="5038">
                  <c:v>41564</c:v>
                </c:pt>
                <c:pt idx="5039">
                  <c:v>41565</c:v>
                </c:pt>
                <c:pt idx="5040">
                  <c:v>41566</c:v>
                </c:pt>
                <c:pt idx="5041">
                  <c:v>41567</c:v>
                </c:pt>
                <c:pt idx="5042">
                  <c:v>41568</c:v>
                </c:pt>
                <c:pt idx="5043">
                  <c:v>41569</c:v>
                </c:pt>
                <c:pt idx="5044">
                  <c:v>41570</c:v>
                </c:pt>
                <c:pt idx="5045">
                  <c:v>41571</c:v>
                </c:pt>
                <c:pt idx="5046">
                  <c:v>41572</c:v>
                </c:pt>
                <c:pt idx="5047">
                  <c:v>41573</c:v>
                </c:pt>
                <c:pt idx="5048">
                  <c:v>41574</c:v>
                </c:pt>
                <c:pt idx="5049">
                  <c:v>41575</c:v>
                </c:pt>
                <c:pt idx="5050">
                  <c:v>41576</c:v>
                </c:pt>
                <c:pt idx="5051">
                  <c:v>41577</c:v>
                </c:pt>
                <c:pt idx="5052">
                  <c:v>41578</c:v>
                </c:pt>
                <c:pt idx="5053">
                  <c:v>41579</c:v>
                </c:pt>
                <c:pt idx="5054">
                  <c:v>41580</c:v>
                </c:pt>
                <c:pt idx="5055">
                  <c:v>41581</c:v>
                </c:pt>
                <c:pt idx="5056">
                  <c:v>41582</c:v>
                </c:pt>
                <c:pt idx="5057">
                  <c:v>41583</c:v>
                </c:pt>
                <c:pt idx="5058">
                  <c:v>41584</c:v>
                </c:pt>
                <c:pt idx="5059">
                  <c:v>41585</c:v>
                </c:pt>
                <c:pt idx="5060">
                  <c:v>41586</c:v>
                </c:pt>
                <c:pt idx="5061">
                  <c:v>41587</c:v>
                </c:pt>
                <c:pt idx="5062">
                  <c:v>41588</c:v>
                </c:pt>
                <c:pt idx="5063">
                  <c:v>41589</c:v>
                </c:pt>
                <c:pt idx="5064">
                  <c:v>41590</c:v>
                </c:pt>
                <c:pt idx="5065">
                  <c:v>41591</c:v>
                </c:pt>
                <c:pt idx="5066">
                  <c:v>41592</c:v>
                </c:pt>
                <c:pt idx="5067">
                  <c:v>41593</c:v>
                </c:pt>
                <c:pt idx="5068">
                  <c:v>41594</c:v>
                </c:pt>
                <c:pt idx="5069">
                  <c:v>41595</c:v>
                </c:pt>
                <c:pt idx="5070">
                  <c:v>41596</c:v>
                </c:pt>
                <c:pt idx="5071">
                  <c:v>41597</c:v>
                </c:pt>
                <c:pt idx="5072">
                  <c:v>41598</c:v>
                </c:pt>
                <c:pt idx="5073">
                  <c:v>41599</c:v>
                </c:pt>
                <c:pt idx="5074">
                  <c:v>41600</c:v>
                </c:pt>
                <c:pt idx="5075">
                  <c:v>41601</c:v>
                </c:pt>
                <c:pt idx="5076">
                  <c:v>41602</c:v>
                </c:pt>
                <c:pt idx="5077">
                  <c:v>41603</c:v>
                </c:pt>
                <c:pt idx="5078">
                  <c:v>41604</c:v>
                </c:pt>
                <c:pt idx="5079">
                  <c:v>41605</c:v>
                </c:pt>
                <c:pt idx="5080">
                  <c:v>41606</c:v>
                </c:pt>
                <c:pt idx="5081">
                  <c:v>41607</c:v>
                </c:pt>
                <c:pt idx="5082">
                  <c:v>41608</c:v>
                </c:pt>
                <c:pt idx="5083">
                  <c:v>41609</c:v>
                </c:pt>
                <c:pt idx="5084">
                  <c:v>41610</c:v>
                </c:pt>
                <c:pt idx="5085">
                  <c:v>41611</c:v>
                </c:pt>
                <c:pt idx="5086">
                  <c:v>41612</c:v>
                </c:pt>
                <c:pt idx="5087">
                  <c:v>41613</c:v>
                </c:pt>
                <c:pt idx="5088">
                  <c:v>41614</c:v>
                </c:pt>
                <c:pt idx="5089">
                  <c:v>41615</c:v>
                </c:pt>
                <c:pt idx="5090">
                  <c:v>41616</c:v>
                </c:pt>
                <c:pt idx="5091">
                  <c:v>41617</c:v>
                </c:pt>
                <c:pt idx="5092">
                  <c:v>41618</c:v>
                </c:pt>
                <c:pt idx="5093">
                  <c:v>41619</c:v>
                </c:pt>
                <c:pt idx="5094">
                  <c:v>41620</c:v>
                </c:pt>
                <c:pt idx="5095">
                  <c:v>41621</c:v>
                </c:pt>
                <c:pt idx="5096">
                  <c:v>41622</c:v>
                </c:pt>
                <c:pt idx="5097">
                  <c:v>41623</c:v>
                </c:pt>
                <c:pt idx="5098">
                  <c:v>41624</c:v>
                </c:pt>
                <c:pt idx="5099">
                  <c:v>41625</c:v>
                </c:pt>
                <c:pt idx="5100">
                  <c:v>41626</c:v>
                </c:pt>
                <c:pt idx="5101">
                  <c:v>41627</c:v>
                </c:pt>
                <c:pt idx="5102">
                  <c:v>41628</c:v>
                </c:pt>
                <c:pt idx="5103">
                  <c:v>41629</c:v>
                </c:pt>
                <c:pt idx="5104">
                  <c:v>41630</c:v>
                </c:pt>
                <c:pt idx="5105">
                  <c:v>41631</c:v>
                </c:pt>
                <c:pt idx="5106">
                  <c:v>41632</c:v>
                </c:pt>
                <c:pt idx="5107">
                  <c:v>41633</c:v>
                </c:pt>
                <c:pt idx="5108">
                  <c:v>41634</c:v>
                </c:pt>
                <c:pt idx="5109">
                  <c:v>41635</c:v>
                </c:pt>
                <c:pt idx="5110">
                  <c:v>41636</c:v>
                </c:pt>
                <c:pt idx="5111">
                  <c:v>41637</c:v>
                </c:pt>
                <c:pt idx="5112">
                  <c:v>41638</c:v>
                </c:pt>
                <c:pt idx="5113">
                  <c:v>41639</c:v>
                </c:pt>
                <c:pt idx="5114">
                  <c:v>41640</c:v>
                </c:pt>
                <c:pt idx="5115">
                  <c:v>41641</c:v>
                </c:pt>
                <c:pt idx="5116">
                  <c:v>41642</c:v>
                </c:pt>
                <c:pt idx="5117">
                  <c:v>41643</c:v>
                </c:pt>
                <c:pt idx="5118">
                  <c:v>41644</c:v>
                </c:pt>
                <c:pt idx="5119">
                  <c:v>41645</c:v>
                </c:pt>
                <c:pt idx="5120">
                  <c:v>41646</c:v>
                </c:pt>
                <c:pt idx="5121">
                  <c:v>41647</c:v>
                </c:pt>
                <c:pt idx="5122">
                  <c:v>41648</c:v>
                </c:pt>
                <c:pt idx="5123">
                  <c:v>41649</c:v>
                </c:pt>
                <c:pt idx="5124">
                  <c:v>41650</c:v>
                </c:pt>
                <c:pt idx="5125">
                  <c:v>41651</c:v>
                </c:pt>
                <c:pt idx="5126">
                  <c:v>41652</c:v>
                </c:pt>
                <c:pt idx="5127">
                  <c:v>41653</c:v>
                </c:pt>
                <c:pt idx="5128">
                  <c:v>41654</c:v>
                </c:pt>
                <c:pt idx="5129">
                  <c:v>41655</c:v>
                </c:pt>
                <c:pt idx="5130">
                  <c:v>41656</c:v>
                </c:pt>
                <c:pt idx="5131">
                  <c:v>41657</c:v>
                </c:pt>
                <c:pt idx="5132">
                  <c:v>41658</c:v>
                </c:pt>
                <c:pt idx="5133">
                  <c:v>41659</c:v>
                </c:pt>
                <c:pt idx="5134">
                  <c:v>41660</c:v>
                </c:pt>
                <c:pt idx="5135">
                  <c:v>41661</c:v>
                </c:pt>
                <c:pt idx="5136">
                  <c:v>41662</c:v>
                </c:pt>
                <c:pt idx="5137">
                  <c:v>41663</c:v>
                </c:pt>
                <c:pt idx="5138">
                  <c:v>41664</c:v>
                </c:pt>
                <c:pt idx="5139">
                  <c:v>41665</c:v>
                </c:pt>
                <c:pt idx="5140">
                  <c:v>41666</c:v>
                </c:pt>
                <c:pt idx="5141">
                  <c:v>41667</c:v>
                </c:pt>
                <c:pt idx="5142">
                  <c:v>41668</c:v>
                </c:pt>
                <c:pt idx="5143">
                  <c:v>41669</c:v>
                </c:pt>
                <c:pt idx="5144">
                  <c:v>41670</c:v>
                </c:pt>
                <c:pt idx="5145">
                  <c:v>41671</c:v>
                </c:pt>
                <c:pt idx="5146">
                  <c:v>41672</c:v>
                </c:pt>
                <c:pt idx="5147">
                  <c:v>41673</c:v>
                </c:pt>
                <c:pt idx="5148">
                  <c:v>41674</c:v>
                </c:pt>
                <c:pt idx="5149">
                  <c:v>41675</c:v>
                </c:pt>
                <c:pt idx="5150">
                  <c:v>41676</c:v>
                </c:pt>
                <c:pt idx="5151">
                  <c:v>41677</c:v>
                </c:pt>
                <c:pt idx="5152">
                  <c:v>41678</c:v>
                </c:pt>
                <c:pt idx="5153">
                  <c:v>41679</c:v>
                </c:pt>
                <c:pt idx="5154">
                  <c:v>41680</c:v>
                </c:pt>
                <c:pt idx="5155">
                  <c:v>41681</c:v>
                </c:pt>
                <c:pt idx="5156">
                  <c:v>41682</c:v>
                </c:pt>
                <c:pt idx="5157">
                  <c:v>41683</c:v>
                </c:pt>
                <c:pt idx="5158">
                  <c:v>41684</c:v>
                </c:pt>
                <c:pt idx="5159">
                  <c:v>41685</c:v>
                </c:pt>
                <c:pt idx="5160">
                  <c:v>41686</c:v>
                </c:pt>
                <c:pt idx="5161">
                  <c:v>41687</c:v>
                </c:pt>
                <c:pt idx="5162">
                  <c:v>41688</c:v>
                </c:pt>
                <c:pt idx="5163">
                  <c:v>41689</c:v>
                </c:pt>
                <c:pt idx="5164">
                  <c:v>41690</c:v>
                </c:pt>
                <c:pt idx="5165">
                  <c:v>41691</c:v>
                </c:pt>
                <c:pt idx="5166">
                  <c:v>41692</c:v>
                </c:pt>
                <c:pt idx="5167">
                  <c:v>41693</c:v>
                </c:pt>
                <c:pt idx="5168">
                  <c:v>41694</c:v>
                </c:pt>
                <c:pt idx="5169">
                  <c:v>41695</c:v>
                </c:pt>
                <c:pt idx="5170">
                  <c:v>41696</c:v>
                </c:pt>
                <c:pt idx="5171">
                  <c:v>41697</c:v>
                </c:pt>
                <c:pt idx="5172">
                  <c:v>41698</c:v>
                </c:pt>
                <c:pt idx="5173">
                  <c:v>41699</c:v>
                </c:pt>
                <c:pt idx="5174">
                  <c:v>41700</c:v>
                </c:pt>
                <c:pt idx="5175">
                  <c:v>41701</c:v>
                </c:pt>
                <c:pt idx="5176">
                  <c:v>41702</c:v>
                </c:pt>
                <c:pt idx="5177">
                  <c:v>41703</c:v>
                </c:pt>
                <c:pt idx="5178">
                  <c:v>41704</c:v>
                </c:pt>
                <c:pt idx="5179">
                  <c:v>41705</c:v>
                </c:pt>
                <c:pt idx="5180">
                  <c:v>41706</c:v>
                </c:pt>
                <c:pt idx="5181">
                  <c:v>41707</c:v>
                </c:pt>
                <c:pt idx="5182">
                  <c:v>41708</c:v>
                </c:pt>
                <c:pt idx="5183">
                  <c:v>41709</c:v>
                </c:pt>
                <c:pt idx="5184">
                  <c:v>41710</c:v>
                </c:pt>
                <c:pt idx="5185">
                  <c:v>41711</c:v>
                </c:pt>
                <c:pt idx="5186">
                  <c:v>41712</c:v>
                </c:pt>
                <c:pt idx="5187">
                  <c:v>41713</c:v>
                </c:pt>
                <c:pt idx="5188">
                  <c:v>41714</c:v>
                </c:pt>
                <c:pt idx="5189">
                  <c:v>41715</c:v>
                </c:pt>
                <c:pt idx="5190">
                  <c:v>41716</c:v>
                </c:pt>
                <c:pt idx="5191">
                  <c:v>41717</c:v>
                </c:pt>
                <c:pt idx="5192">
                  <c:v>41718</c:v>
                </c:pt>
                <c:pt idx="5193">
                  <c:v>41719</c:v>
                </c:pt>
                <c:pt idx="5194">
                  <c:v>41720</c:v>
                </c:pt>
                <c:pt idx="5195">
                  <c:v>41721</c:v>
                </c:pt>
                <c:pt idx="5196">
                  <c:v>41722</c:v>
                </c:pt>
                <c:pt idx="5197">
                  <c:v>41723</c:v>
                </c:pt>
                <c:pt idx="5198">
                  <c:v>41724</c:v>
                </c:pt>
                <c:pt idx="5199">
                  <c:v>41725</c:v>
                </c:pt>
                <c:pt idx="5200">
                  <c:v>41726</c:v>
                </c:pt>
                <c:pt idx="5201">
                  <c:v>41727</c:v>
                </c:pt>
                <c:pt idx="5202">
                  <c:v>41728</c:v>
                </c:pt>
                <c:pt idx="5203">
                  <c:v>41729</c:v>
                </c:pt>
                <c:pt idx="5204">
                  <c:v>41730</c:v>
                </c:pt>
                <c:pt idx="5205">
                  <c:v>41731</c:v>
                </c:pt>
                <c:pt idx="5206">
                  <c:v>41732</c:v>
                </c:pt>
                <c:pt idx="5207">
                  <c:v>41733</c:v>
                </c:pt>
                <c:pt idx="5208">
                  <c:v>41734</c:v>
                </c:pt>
                <c:pt idx="5209">
                  <c:v>41735</c:v>
                </c:pt>
                <c:pt idx="5210">
                  <c:v>41736</c:v>
                </c:pt>
                <c:pt idx="5211">
                  <c:v>41737</c:v>
                </c:pt>
                <c:pt idx="5212">
                  <c:v>41738</c:v>
                </c:pt>
                <c:pt idx="5213">
                  <c:v>41739</c:v>
                </c:pt>
                <c:pt idx="5214">
                  <c:v>41740</c:v>
                </c:pt>
                <c:pt idx="5215">
                  <c:v>41741</c:v>
                </c:pt>
                <c:pt idx="5216">
                  <c:v>41742</c:v>
                </c:pt>
                <c:pt idx="5217">
                  <c:v>41743</c:v>
                </c:pt>
                <c:pt idx="5218">
                  <c:v>41744</c:v>
                </c:pt>
                <c:pt idx="5219">
                  <c:v>41745</c:v>
                </c:pt>
                <c:pt idx="5220">
                  <c:v>41746</c:v>
                </c:pt>
                <c:pt idx="5221">
                  <c:v>41747</c:v>
                </c:pt>
                <c:pt idx="5222">
                  <c:v>41748</c:v>
                </c:pt>
                <c:pt idx="5223">
                  <c:v>41749</c:v>
                </c:pt>
                <c:pt idx="5224">
                  <c:v>41750</c:v>
                </c:pt>
                <c:pt idx="5225">
                  <c:v>41751</c:v>
                </c:pt>
                <c:pt idx="5226">
                  <c:v>41752</c:v>
                </c:pt>
                <c:pt idx="5227">
                  <c:v>41753</c:v>
                </c:pt>
                <c:pt idx="5228">
                  <c:v>41754</c:v>
                </c:pt>
                <c:pt idx="5229">
                  <c:v>41755</c:v>
                </c:pt>
                <c:pt idx="5230">
                  <c:v>41756</c:v>
                </c:pt>
                <c:pt idx="5231">
                  <c:v>41757</c:v>
                </c:pt>
                <c:pt idx="5232">
                  <c:v>41758</c:v>
                </c:pt>
                <c:pt idx="5233">
                  <c:v>41759</c:v>
                </c:pt>
                <c:pt idx="5234">
                  <c:v>41760</c:v>
                </c:pt>
                <c:pt idx="5235">
                  <c:v>41761</c:v>
                </c:pt>
                <c:pt idx="5236">
                  <c:v>41762</c:v>
                </c:pt>
                <c:pt idx="5237">
                  <c:v>41763</c:v>
                </c:pt>
                <c:pt idx="5238">
                  <c:v>41764</c:v>
                </c:pt>
                <c:pt idx="5239">
                  <c:v>41765</c:v>
                </c:pt>
                <c:pt idx="5240">
                  <c:v>41766</c:v>
                </c:pt>
                <c:pt idx="5241">
                  <c:v>41767</c:v>
                </c:pt>
                <c:pt idx="5242">
                  <c:v>41768</c:v>
                </c:pt>
                <c:pt idx="5243">
                  <c:v>41769</c:v>
                </c:pt>
                <c:pt idx="5244">
                  <c:v>41770</c:v>
                </c:pt>
                <c:pt idx="5245">
                  <c:v>41771</c:v>
                </c:pt>
                <c:pt idx="5246">
                  <c:v>41772</c:v>
                </c:pt>
                <c:pt idx="5247">
                  <c:v>41773</c:v>
                </c:pt>
                <c:pt idx="5248">
                  <c:v>41774</c:v>
                </c:pt>
                <c:pt idx="5249">
                  <c:v>41775</c:v>
                </c:pt>
                <c:pt idx="5250">
                  <c:v>41776</c:v>
                </c:pt>
                <c:pt idx="5251">
                  <c:v>41777</c:v>
                </c:pt>
                <c:pt idx="5252">
                  <c:v>41778</c:v>
                </c:pt>
                <c:pt idx="5253">
                  <c:v>41779</c:v>
                </c:pt>
                <c:pt idx="5254">
                  <c:v>41780</c:v>
                </c:pt>
                <c:pt idx="5255">
                  <c:v>41781</c:v>
                </c:pt>
                <c:pt idx="5256">
                  <c:v>41782</c:v>
                </c:pt>
                <c:pt idx="5257">
                  <c:v>41783</c:v>
                </c:pt>
                <c:pt idx="5258">
                  <c:v>41784</c:v>
                </c:pt>
                <c:pt idx="5259">
                  <c:v>41785</c:v>
                </c:pt>
                <c:pt idx="5260">
                  <c:v>41786</c:v>
                </c:pt>
                <c:pt idx="5261">
                  <c:v>41787</c:v>
                </c:pt>
                <c:pt idx="5262">
                  <c:v>41788</c:v>
                </c:pt>
                <c:pt idx="5263">
                  <c:v>41789</c:v>
                </c:pt>
                <c:pt idx="5264">
                  <c:v>41790</c:v>
                </c:pt>
                <c:pt idx="5265">
                  <c:v>41791</c:v>
                </c:pt>
                <c:pt idx="5266">
                  <c:v>41792</c:v>
                </c:pt>
                <c:pt idx="5267">
                  <c:v>41793</c:v>
                </c:pt>
                <c:pt idx="5268">
                  <c:v>41794</c:v>
                </c:pt>
                <c:pt idx="5269">
                  <c:v>41795</c:v>
                </c:pt>
                <c:pt idx="5270">
                  <c:v>41796</c:v>
                </c:pt>
                <c:pt idx="5271">
                  <c:v>41797</c:v>
                </c:pt>
                <c:pt idx="5272">
                  <c:v>41798</c:v>
                </c:pt>
                <c:pt idx="5273">
                  <c:v>41799</c:v>
                </c:pt>
                <c:pt idx="5274">
                  <c:v>41800</c:v>
                </c:pt>
                <c:pt idx="5275">
                  <c:v>41801</c:v>
                </c:pt>
                <c:pt idx="5276">
                  <c:v>41802</c:v>
                </c:pt>
                <c:pt idx="5277">
                  <c:v>41803</c:v>
                </c:pt>
                <c:pt idx="5278">
                  <c:v>41804</c:v>
                </c:pt>
                <c:pt idx="5279">
                  <c:v>41805</c:v>
                </c:pt>
                <c:pt idx="5280">
                  <c:v>41806</c:v>
                </c:pt>
                <c:pt idx="5281">
                  <c:v>41807</c:v>
                </c:pt>
                <c:pt idx="5282">
                  <c:v>41808</c:v>
                </c:pt>
                <c:pt idx="5283">
                  <c:v>41809</c:v>
                </c:pt>
                <c:pt idx="5284">
                  <c:v>41810</c:v>
                </c:pt>
                <c:pt idx="5285">
                  <c:v>41811</c:v>
                </c:pt>
                <c:pt idx="5286">
                  <c:v>41812</c:v>
                </c:pt>
                <c:pt idx="5287">
                  <c:v>41813</c:v>
                </c:pt>
                <c:pt idx="5288">
                  <c:v>41814</c:v>
                </c:pt>
                <c:pt idx="5289">
                  <c:v>41815</c:v>
                </c:pt>
                <c:pt idx="5290">
                  <c:v>41816</c:v>
                </c:pt>
                <c:pt idx="5291">
                  <c:v>41817</c:v>
                </c:pt>
                <c:pt idx="5292">
                  <c:v>41818</c:v>
                </c:pt>
                <c:pt idx="5293">
                  <c:v>41819</c:v>
                </c:pt>
                <c:pt idx="5294">
                  <c:v>41820</c:v>
                </c:pt>
                <c:pt idx="5295">
                  <c:v>41821</c:v>
                </c:pt>
                <c:pt idx="5296">
                  <c:v>41822</c:v>
                </c:pt>
                <c:pt idx="5297">
                  <c:v>41823</c:v>
                </c:pt>
                <c:pt idx="5298">
                  <c:v>41824</c:v>
                </c:pt>
                <c:pt idx="5299">
                  <c:v>41825</c:v>
                </c:pt>
                <c:pt idx="5300">
                  <c:v>41826</c:v>
                </c:pt>
                <c:pt idx="5301">
                  <c:v>41827</c:v>
                </c:pt>
                <c:pt idx="5302">
                  <c:v>41828</c:v>
                </c:pt>
                <c:pt idx="5303">
                  <c:v>41829</c:v>
                </c:pt>
                <c:pt idx="5304">
                  <c:v>41830</c:v>
                </c:pt>
                <c:pt idx="5305">
                  <c:v>41831</c:v>
                </c:pt>
                <c:pt idx="5306">
                  <c:v>41832</c:v>
                </c:pt>
                <c:pt idx="5307">
                  <c:v>41833</c:v>
                </c:pt>
                <c:pt idx="5308">
                  <c:v>41834</c:v>
                </c:pt>
                <c:pt idx="5309">
                  <c:v>41835</c:v>
                </c:pt>
                <c:pt idx="5310">
                  <c:v>41836</c:v>
                </c:pt>
                <c:pt idx="5311">
                  <c:v>41837</c:v>
                </c:pt>
                <c:pt idx="5312">
                  <c:v>41838</c:v>
                </c:pt>
                <c:pt idx="5313">
                  <c:v>41839</c:v>
                </c:pt>
                <c:pt idx="5314">
                  <c:v>41840</c:v>
                </c:pt>
                <c:pt idx="5315">
                  <c:v>41841</c:v>
                </c:pt>
                <c:pt idx="5316">
                  <c:v>41842</c:v>
                </c:pt>
                <c:pt idx="5317">
                  <c:v>41843</c:v>
                </c:pt>
                <c:pt idx="5318">
                  <c:v>41844</c:v>
                </c:pt>
                <c:pt idx="5319">
                  <c:v>41845</c:v>
                </c:pt>
                <c:pt idx="5320">
                  <c:v>41846</c:v>
                </c:pt>
                <c:pt idx="5321">
                  <c:v>41847</c:v>
                </c:pt>
                <c:pt idx="5322">
                  <c:v>41848</c:v>
                </c:pt>
                <c:pt idx="5323">
                  <c:v>41849</c:v>
                </c:pt>
                <c:pt idx="5324">
                  <c:v>41850</c:v>
                </c:pt>
                <c:pt idx="5325">
                  <c:v>41851</c:v>
                </c:pt>
                <c:pt idx="5326">
                  <c:v>41852</c:v>
                </c:pt>
                <c:pt idx="5327">
                  <c:v>41853</c:v>
                </c:pt>
                <c:pt idx="5328">
                  <c:v>41854</c:v>
                </c:pt>
                <c:pt idx="5329">
                  <c:v>41855</c:v>
                </c:pt>
                <c:pt idx="5330">
                  <c:v>41856</c:v>
                </c:pt>
                <c:pt idx="5331">
                  <c:v>41857</c:v>
                </c:pt>
                <c:pt idx="5332">
                  <c:v>41858</c:v>
                </c:pt>
                <c:pt idx="5333">
                  <c:v>41859</c:v>
                </c:pt>
                <c:pt idx="5334">
                  <c:v>41860</c:v>
                </c:pt>
                <c:pt idx="5335">
                  <c:v>41861</c:v>
                </c:pt>
                <c:pt idx="5336">
                  <c:v>41862</c:v>
                </c:pt>
                <c:pt idx="5337">
                  <c:v>41863</c:v>
                </c:pt>
                <c:pt idx="5338">
                  <c:v>41864</c:v>
                </c:pt>
                <c:pt idx="5339">
                  <c:v>41865</c:v>
                </c:pt>
                <c:pt idx="5340">
                  <c:v>41866</c:v>
                </c:pt>
                <c:pt idx="5341">
                  <c:v>41867</c:v>
                </c:pt>
                <c:pt idx="5342">
                  <c:v>41868</c:v>
                </c:pt>
                <c:pt idx="5343">
                  <c:v>41869</c:v>
                </c:pt>
                <c:pt idx="5344">
                  <c:v>41870</c:v>
                </c:pt>
                <c:pt idx="5345">
                  <c:v>41871</c:v>
                </c:pt>
                <c:pt idx="5346">
                  <c:v>41872</c:v>
                </c:pt>
                <c:pt idx="5347">
                  <c:v>41873</c:v>
                </c:pt>
                <c:pt idx="5348">
                  <c:v>41874</c:v>
                </c:pt>
                <c:pt idx="5349">
                  <c:v>41875</c:v>
                </c:pt>
                <c:pt idx="5350">
                  <c:v>41876</c:v>
                </c:pt>
                <c:pt idx="5351">
                  <c:v>41877</c:v>
                </c:pt>
                <c:pt idx="5352">
                  <c:v>41878</c:v>
                </c:pt>
                <c:pt idx="5353">
                  <c:v>41879</c:v>
                </c:pt>
                <c:pt idx="5354">
                  <c:v>41880</c:v>
                </c:pt>
                <c:pt idx="5355">
                  <c:v>41881</c:v>
                </c:pt>
                <c:pt idx="5356">
                  <c:v>41882</c:v>
                </c:pt>
                <c:pt idx="5357">
                  <c:v>41883</c:v>
                </c:pt>
                <c:pt idx="5358">
                  <c:v>41884</c:v>
                </c:pt>
                <c:pt idx="5359">
                  <c:v>41885</c:v>
                </c:pt>
                <c:pt idx="5360">
                  <c:v>41886</c:v>
                </c:pt>
                <c:pt idx="5361">
                  <c:v>41887</c:v>
                </c:pt>
                <c:pt idx="5362">
                  <c:v>41888</c:v>
                </c:pt>
                <c:pt idx="5363">
                  <c:v>41889</c:v>
                </c:pt>
                <c:pt idx="5364">
                  <c:v>41890</c:v>
                </c:pt>
                <c:pt idx="5365">
                  <c:v>41891</c:v>
                </c:pt>
                <c:pt idx="5366">
                  <c:v>41892</c:v>
                </c:pt>
                <c:pt idx="5367">
                  <c:v>41893</c:v>
                </c:pt>
                <c:pt idx="5368">
                  <c:v>41894</c:v>
                </c:pt>
                <c:pt idx="5369">
                  <c:v>41895</c:v>
                </c:pt>
                <c:pt idx="5370">
                  <c:v>41896</c:v>
                </c:pt>
                <c:pt idx="5371">
                  <c:v>41897</c:v>
                </c:pt>
                <c:pt idx="5372">
                  <c:v>41898</c:v>
                </c:pt>
                <c:pt idx="5373">
                  <c:v>41899</c:v>
                </c:pt>
                <c:pt idx="5374">
                  <c:v>41900</c:v>
                </c:pt>
                <c:pt idx="5375">
                  <c:v>41901</c:v>
                </c:pt>
                <c:pt idx="5376">
                  <c:v>41902</c:v>
                </c:pt>
                <c:pt idx="5377">
                  <c:v>41903</c:v>
                </c:pt>
                <c:pt idx="5378">
                  <c:v>41904</c:v>
                </c:pt>
                <c:pt idx="5379">
                  <c:v>41905</c:v>
                </c:pt>
                <c:pt idx="5380">
                  <c:v>41906</c:v>
                </c:pt>
                <c:pt idx="5381">
                  <c:v>41907</c:v>
                </c:pt>
                <c:pt idx="5382">
                  <c:v>41908</c:v>
                </c:pt>
                <c:pt idx="5383">
                  <c:v>41909</c:v>
                </c:pt>
                <c:pt idx="5384">
                  <c:v>41910</c:v>
                </c:pt>
                <c:pt idx="5385">
                  <c:v>41911</c:v>
                </c:pt>
                <c:pt idx="5386">
                  <c:v>41912</c:v>
                </c:pt>
                <c:pt idx="5387">
                  <c:v>41913</c:v>
                </c:pt>
                <c:pt idx="5388">
                  <c:v>41914</c:v>
                </c:pt>
                <c:pt idx="5389">
                  <c:v>41915</c:v>
                </c:pt>
                <c:pt idx="5390">
                  <c:v>41916</c:v>
                </c:pt>
                <c:pt idx="5391">
                  <c:v>41917</c:v>
                </c:pt>
                <c:pt idx="5392">
                  <c:v>41918</c:v>
                </c:pt>
                <c:pt idx="5393">
                  <c:v>41919</c:v>
                </c:pt>
                <c:pt idx="5394">
                  <c:v>41920</c:v>
                </c:pt>
                <c:pt idx="5395">
                  <c:v>41921</c:v>
                </c:pt>
                <c:pt idx="5396">
                  <c:v>41922</c:v>
                </c:pt>
                <c:pt idx="5397">
                  <c:v>41923</c:v>
                </c:pt>
                <c:pt idx="5398">
                  <c:v>41924</c:v>
                </c:pt>
                <c:pt idx="5399">
                  <c:v>41925</c:v>
                </c:pt>
                <c:pt idx="5400">
                  <c:v>41926</c:v>
                </c:pt>
                <c:pt idx="5401">
                  <c:v>41927</c:v>
                </c:pt>
                <c:pt idx="5402">
                  <c:v>41928</c:v>
                </c:pt>
                <c:pt idx="5403">
                  <c:v>41929</c:v>
                </c:pt>
                <c:pt idx="5404">
                  <c:v>41930</c:v>
                </c:pt>
                <c:pt idx="5405">
                  <c:v>41931</c:v>
                </c:pt>
                <c:pt idx="5406">
                  <c:v>41932</c:v>
                </c:pt>
                <c:pt idx="5407">
                  <c:v>41933</c:v>
                </c:pt>
                <c:pt idx="5408">
                  <c:v>41934</c:v>
                </c:pt>
                <c:pt idx="5409">
                  <c:v>41935</c:v>
                </c:pt>
                <c:pt idx="5410">
                  <c:v>41936</c:v>
                </c:pt>
                <c:pt idx="5411">
                  <c:v>41937</c:v>
                </c:pt>
                <c:pt idx="5412">
                  <c:v>41938</c:v>
                </c:pt>
                <c:pt idx="5413">
                  <c:v>41939</c:v>
                </c:pt>
                <c:pt idx="5414">
                  <c:v>41940</c:v>
                </c:pt>
                <c:pt idx="5415">
                  <c:v>41941</c:v>
                </c:pt>
                <c:pt idx="5416">
                  <c:v>41942</c:v>
                </c:pt>
                <c:pt idx="5417">
                  <c:v>41943</c:v>
                </c:pt>
                <c:pt idx="5418">
                  <c:v>41944</c:v>
                </c:pt>
                <c:pt idx="5419">
                  <c:v>41945</c:v>
                </c:pt>
                <c:pt idx="5420">
                  <c:v>41946</c:v>
                </c:pt>
                <c:pt idx="5421">
                  <c:v>41947</c:v>
                </c:pt>
                <c:pt idx="5422">
                  <c:v>41948</c:v>
                </c:pt>
                <c:pt idx="5423">
                  <c:v>41949</c:v>
                </c:pt>
                <c:pt idx="5424">
                  <c:v>41950</c:v>
                </c:pt>
                <c:pt idx="5425">
                  <c:v>41951</c:v>
                </c:pt>
                <c:pt idx="5426">
                  <c:v>41952</c:v>
                </c:pt>
                <c:pt idx="5427">
                  <c:v>41953</c:v>
                </c:pt>
                <c:pt idx="5428">
                  <c:v>41954</c:v>
                </c:pt>
                <c:pt idx="5429">
                  <c:v>41955</c:v>
                </c:pt>
                <c:pt idx="5430">
                  <c:v>41956</c:v>
                </c:pt>
                <c:pt idx="5431">
                  <c:v>41957</c:v>
                </c:pt>
                <c:pt idx="5432">
                  <c:v>41958</c:v>
                </c:pt>
                <c:pt idx="5433">
                  <c:v>41959</c:v>
                </c:pt>
                <c:pt idx="5434">
                  <c:v>41960</c:v>
                </c:pt>
                <c:pt idx="5435">
                  <c:v>41961</c:v>
                </c:pt>
                <c:pt idx="5436">
                  <c:v>41962</c:v>
                </c:pt>
                <c:pt idx="5437">
                  <c:v>41963</c:v>
                </c:pt>
                <c:pt idx="5438">
                  <c:v>41964</c:v>
                </c:pt>
                <c:pt idx="5439">
                  <c:v>41965</c:v>
                </c:pt>
                <c:pt idx="5440">
                  <c:v>41966</c:v>
                </c:pt>
                <c:pt idx="5441">
                  <c:v>41967</c:v>
                </c:pt>
                <c:pt idx="5442">
                  <c:v>41968</c:v>
                </c:pt>
                <c:pt idx="5443">
                  <c:v>41969</c:v>
                </c:pt>
                <c:pt idx="5444">
                  <c:v>41970</c:v>
                </c:pt>
                <c:pt idx="5445">
                  <c:v>41971</c:v>
                </c:pt>
                <c:pt idx="5446">
                  <c:v>41972</c:v>
                </c:pt>
                <c:pt idx="5447">
                  <c:v>41973</c:v>
                </c:pt>
                <c:pt idx="5448">
                  <c:v>41974</c:v>
                </c:pt>
                <c:pt idx="5449">
                  <c:v>41975</c:v>
                </c:pt>
                <c:pt idx="5450">
                  <c:v>41976</c:v>
                </c:pt>
                <c:pt idx="5451">
                  <c:v>41977</c:v>
                </c:pt>
                <c:pt idx="5452">
                  <c:v>41978</c:v>
                </c:pt>
                <c:pt idx="5453">
                  <c:v>41979</c:v>
                </c:pt>
                <c:pt idx="5454">
                  <c:v>41980</c:v>
                </c:pt>
                <c:pt idx="5455">
                  <c:v>41981</c:v>
                </c:pt>
                <c:pt idx="5456">
                  <c:v>41982</c:v>
                </c:pt>
                <c:pt idx="5457">
                  <c:v>41983</c:v>
                </c:pt>
                <c:pt idx="5458">
                  <c:v>41984</c:v>
                </c:pt>
                <c:pt idx="5459">
                  <c:v>41985</c:v>
                </c:pt>
                <c:pt idx="5460">
                  <c:v>41986</c:v>
                </c:pt>
                <c:pt idx="5461">
                  <c:v>41987</c:v>
                </c:pt>
                <c:pt idx="5462">
                  <c:v>41988</c:v>
                </c:pt>
                <c:pt idx="5463">
                  <c:v>41989</c:v>
                </c:pt>
                <c:pt idx="5464">
                  <c:v>41990</c:v>
                </c:pt>
                <c:pt idx="5465">
                  <c:v>41991</c:v>
                </c:pt>
                <c:pt idx="5466">
                  <c:v>41992</c:v>
                </c:pt>
                <c:pt idx="5467">
                  <c:v>41993</c:v>
                </c:pt>
                <c:pt idx="5468">
                  <c:v>41994</c:v>
                </c:pt>
                <c:pt idx="5469">
                  <c:v>41995</c:v>
                </c:pt>
                <c:pt idx="5470">
                  <c:v>41996</c:v>
                </c:pt>
                <c:pt idx="5471">
                  <c:v>41997</c:v>
                </c:pt>
                <c:pt idx="5472">
                  <c:v>41998</c:v>
                </c:pt>
                <c:pt idx="5473">
                  <c:v>41999</c:v>
                </c:pt>
                <c:pt idx="5474">
                  <c:v>42000</c:v>
                </c:pt>
                <c:pt idx="5475">
                  <c:v>42001</c:v>
                </c:pt>
                <c:pt idx="5476">
                  <c:v>42002</c:v>
                </c:pt>
                <c:pt idx="5477">
                  <c:v>42003</c:v>
                </c:pt>
                <c:pt idx="5478">
                  <c:v>42004</c:v>
                </c:pt>
                <c:pt idx="5479">
                  <c:v>42005</c:v>
                </c:pt>
                <c:pt idx="5480">
                  <c:v>42006</c:v>
                </c:pt>
                <c:pt idx="5481">
                  <c:v>42007</c:v>
                </c:pt>
                <c:pt idx="5482">
                  <c:v>42008</c:v>
                </c:pt>
                <c:pt idx="5483">
                  <c:v>42009</c:v>
                </c:pt>
                <c:pt idx="5484">
                  <c:v>42010</c:v>
                </c:pt>
                <c:pt idx="5485">
                  <c:v>42011</c:v>
                </c:pt>
                <c:pt idx="5486">
                  <c:v>42012</c:v>
                </c:pt>
                <c:pt idx="5487">
                  <c:v>42013</c:v>
                </c:pt>
                <c:pt idx="5488">
                  <c:v>42014</c:v>
                </c:pt>
                <c:pt idx="5489">
                  <c:v>42015</c:v>
                </c:pt>
                <c:pt idx="5490">
                  <c:v>42016</c:v>
                </c:pt>
                <c:pt idx="5491">
                  <c:v>42017</c:v>
                </c:pt>
                <c:pt idx="5492">
                  <c:v>42018</c:v>
                </c:pt>
                <c:pt idx="5493">
                  <c:v>42019</c:v>
                </c:pt>
                <c:pt idx="5494">
                  <c:v>42020</c:v>
                </c:pt>
                <c:pt idx="5495">
                  <c:v>42021</c:v>
                </c:pt>
                <c:pt idx="5496">
                  <c:v>42022</c:v>
                </c:pt>
                <c:pt idx="5497">
                  <c:v>42023</c:v>
                </c:pt>
                <c:pt idx="5498">
                  <c:v>42024</c:v>
                </c:pt>
                <c:pt idx="5499">
                  <c:v>42025</c:v>
                </c:pt>
                <c:pt idx="5500">
                  <c:v>42026</c:v>
                </c:pt>
                <c:pt idx="5501">
                  <c:v>42027</c:v>
                </c:pt>
                <c:pt idx="5502">
                  <c:v>42028</c:v>
                </c:pt>
                <c:pt idx="5503">
                  <c:v>42029</c:v>
                </c:pt>
                <c:pt idx="5504">
                  <c:v>42030</c:v>
                </c:pt>
                <c:pt idx="5505">
                  <c:v>42031</c:v>
                </c:pt>
                <c:pt idx="5506">
                  <c:v>42032</c:v>
                </c:pt>
                <c:pt idx="5507">
                  <c:v>42033</c:v>
                </c:pt>
                <c:pt idx="5508">
                  <c:v>42034</c:v>
                </c:pt>
                <c:pt idx="5509">
                  <c:v>42035</c:v>
                </c:pt>
                <c:pt idx="5510">
                  <c:v>42036</c:v>
                </c:pt>
                <c:pt idx="5511">
                  <c:v>42037</c:v>
                </c:pt>
                <c:pt idx="5512">
                  <c:v>42038</c:v>
                </c:pt>
                <c:pt idx="5513">
                  <c:v>42039</c:v>
                </c:pt>
                <c:pt idx="5514">
                  <c:v>42040</c:v>
                </c:pt>
                <c:pt idx="5515">
                  <c:v>42041</c:v>
                </c:pt>
                <c:pt idx="5516">
                  <c:v>42042</c:v>
                </c:pt>
                <c:pt idx="5517">
                  <c:v>42043</c:v>
                </c:pt>
                <c:pt idx="5518">
                  <c:v>42044</c:v>
                </c:pt>
                <c:pt idx="5519">
                  <c:v>42045</c:v>
                </c:pt>
                <c:pt idx="5520">
                  <c:v>42046</c:v>
                </c:pt>
                <c:pt idx="5521">
                  <c:v>42047</c:v>
                </c:pt>
                <c:pt idx="5522">
                  <c:v>42048</c:v>
                </c:pt>
                <c:pt idx="5523">
                  <c:v>42049</c:v>
                </c:pt>
                <c:pt idx="5524">
                  <c:v>42050</c:v>
                </c:pt>
                <c:pt idx="5525">
                  <c:v>42051</c:v>
                </c:pt>
                <c:pt idx="5526">
                  <c:v>42052</c:v>
                </c:pt>
                <c:pt idx="5527">
                  <c:v>42053</c:v>
                </c:pt>
                <c:pt idx="5528">
                  <c:v>42054</c:v>
                </c:pt>
                <c:pt idx="5529">
                  <c:v>42055</c:v>
                </c:pt>
                <c:pt idx="5530">
                  <c:v>42056</c:v>
                </c:pt>
                <c:pt idx="5531">
                  <c:v>42057</c:v>
                </c:pt>
                <c:pt idx="5532">
                  <c:v>42058</c:v>
                </c:pt>
                <c:pt idx="5533">
                  <c:v>42059</c:v>
                </c:pt>
                <c:pt idx="5534">
                  <c:v>42060</c:v>
                </c:pt>
                <c:pt idx="5535">
                  <c:v>42061</c:v>
                </c:pt>
                <c:pt idx="5536">
                  <c:v>42062</c:v>
                </c:pt>
                <c:pt idx="5537">
                  <c:v>42063</c:v>
                </c:pt>
                <c:pt idx="5538">
                  <c:v>42064</c:v>
                </c:pt>
                <c:pt idx="5539">
                  <c:v>42065</c:v>
                </c:pt>
                <c:pt idx="5540">
                  <c:v>42066</c:v>
                </c:pt>
                <c:pt idx="5541">
                  <c:v>42067</c:v>
                </c:pt>
                <c:pt idx="5542">
                  <c:v>42068</c:v>
                </c:pt>
                <c:pt idx="5543">
                  <c:v>42069</c:v>
                </c:pt>
                <c:pt idx="5544">
                  <c:v>42070</c:v>
                </c:pt>
                <c:pt idx="5545">
                  <c:v>42071</c:v>
                </c:pt>
                <c:pt idx="5546">
                  <c:v>42072</c:v>
                </c:pt>
                <c:pt idx="5547">
                  <c:v>42073</c:v>
                </c:pt>
                <c:pt idx="5548">
                  <c:v>42074</c:v>
                </c:pt>
                <c:pt idx="5549">
                  <c:v>42075</c:v>
                </c:pt>
                <c:pt idx="5550">
                  <c:v>42076</c:v>
                </c:pt>
                <c:pt idx="5551">
                  <c:v>42077</c:v>
                </c:pt>
                <c:pt idx="5552">
                  <c:v>42078</c:v>
                </c:pt>
                <c:pt idx="5553">
                  <c:v>42079</c:v>
                </c:pt>
                <c:pt idx="5554">
                  <c:v>42080</c:v>
                </c:pt>
                <c:pt idx="5555">
                  <c:v>42081</c:v>
                </c:pt>
                <c:pt idx="5556">
                  <c:v>42082</c:v>
                </c:pt>
                <c:pt idx="5557">
                  <c:v>42083</c:v>
                </c:pt>
                <c:pt idx="5558">
                  <c:v>42084</c:v>
                </c:pt>
                <c:pt idx="5559">
                  <c:v>42085</c:v>
                </c:pt>
                <c:pt idx="5560">
                  <c:v>42086</c:v>
                </c:pt>
                <c:pt idx="5561">
                  <c:v>42087</c:v>
                </c:pt>
                <c:pt idx="5562">
                  <c:v>42088</c:v>
                </c:pt>
                <c:pt idx="5563">
                  <c:v>42089</c:v>
                </c:pt>
                <c:pt idx="5564">
                  <c:v>42090</c:v>
                </c:pt>
                <c:pt idx="5565">
                  <c:v>42091</c:v>
                </c:pt>
                <c:pt idx="5566">
                  <c:v>42092</c:v>
                </c:pt>
                <c:pt idx="5567">
                  <c:v>42093</c:v>
                </c:pt>
                <c:pt idx="5568">
                  <c:v>42094</c:v>
                </c:pt>
                <c:pt idx="5569">
                  <c:v>42095</c:v>
                </c:pt>
                <c:pt idx="5570">
                  <c:v>42096</c:v>
                </c:pt>
                <c:pt idx="5571">
                  <c:v>42097</c:v>
                </c:pt>
                <c:pt idx="5572">
                  <c:v>42098</c:v>
                </c:pt>
                <c:pt idx="5573">
                  <c:v>42099</c:v>
                </c:pt>
                <c:pt idx="5574">
                  <c:v>42100</c:v>
                </c:pt>
                <c:pt idx="5575">
                  <c:v>42101</c:v>
                </c:pt>
                <c:pt idx="5576">
                  <c:v>42102</c:v>
                </c:pt>
                <c:pt idx="5577">
                  <c:v>42103</c:v>
                </c:pt>
                <c:pt idx="5578">
                  <c:v>42104</c:v>
                </c:pt>
                <c:pt idx="5579">
                  <c:v>42105</c:v>
                </c:pt>
                <c:pt idx="5580">
                  <c:v>42106</c:v>
                </c:pt>
                <c:pt idx="5581">
                  <c:v>42107</c:v>
                </c:pt>
                <c:pt idx="5582">
                  <c:v>42108</c:v>
                </c:pt>
                <c:pt idx="5583">
                  <c:v>42109</c:v>
                </c:pt>
                <c:pt idx="5584">
                  <c:v>42110</c:v>
                </c:pt>
                <c:pt idx="5585">
                  <c:v>42111</c:v>
                </c:pt>
                <c:pt idx="5586">
                  <c:v>42112</c:v>
                </c:pt>
                <c:pt idx="5587">
                  <c:v>42113</c:v>
                </c:pt>
                <c:pt idx="5588">
                  <c:v>42114</c:v>
                </c:pt>
                <c:pt idx="5589">
                  <c:v>42115</c:v>
                </c:pt>
                <c:pt idx="5590">
                  <c:v>42116</c:v>
                </c:pt>
                <c:pt idx="5591">
                  <c:v>42117</c:v>
                </c:pt>
                <c:pt idx="5592">
                  <c:v>42118</c:v>
                </c:pt>
                <c:pt idx="5593">
                  <c:v>42119</c:v>
                </c:pt>
                <c:pt idx="5594">
                  <c:v>42120</c:v>
                </c:pt>
                <c:pt idx="5595">
                  <c:v>42121</c:v>
                </c:pt>
                <c:pt idx="5596">
                  <c:v>42122</c:v>
                </c:pt>
                <c:pt idx="5597">
                  <c:v>42123</c:v>
                </c:pt>
                <c:pt idx="5598">
                  <c:v>42124</c:v>
                </c:pt>
                <c:pt idx="5599">
                  <c:v>42125</c:v>
                </c:pt>
                <c:pt idx="5600">
                  <c:v>42126</c:v>
                </c:pt>
                <c:pt idx="5601">
                  <c:v>42127</c:v>
                </c:pt>
                <c:pt idx="5602">
                  <c:v>42128</c:v>
                </c:pt>
                <c:pt idx="5603">
                  <c:v>42129</c:v>
                </c:pt>
                <c:pt idx="5604">
                  <c:v>42130</c:v>
                </c:pt>
                <c:pt idx="5605">
                  <c:v>42131</c:v>
                </c:pt>
                <c:pt idx="5606">
                  <c:v>42132</c:v>
                </c:pt>
                <c:pt idx="5607">
                  <c:v>42133</c:v>
                </c:pt>
                <c:pt idx="5608">
                  <c:v>42134</c:v>
                </c:pt>
                <c:pt idx="5609">
                  <c:v>42135</c:v>
                </c:pt>
                <c:pt idx="5610">
                  <c:v>42136</c:v>
                </c:pt>
                <c:pt idx="5611">
                  <c:v>42137</c:v>
                </c:pt>
                <c:pt idx="5612">
                  <c:v>42138</c:v>
                </c:pt>
                <c:pt idx="5613">
                  <c:v>42139</c:v>
                </c:pt>
                <c:pt idx="5614">
                  <c:v>42140</c:v>
                </c:pt>
                <c:pt idx="5615">
                  <c:v>42141</c:v>
                </c:pt>
                <c:pt idx="5616">
                  <c:v>42142</c:v>
                </c:pt>
                <c:pt idx="5617">
                  <c:v>42143</c:v>
                </c:pt>
                <c:pt idx="5618">
                  <c:v>42144</c:v>
                </c:pt>
                <c:pt idx="5619">
                  <c:v>42145</c:v>
                </c:pt>
                <c:pt idx="5620">
                  <c:v>42146</c:v>
                </c:pt>
                <c:pt idx="5621">
                  <c:v>42147</c:v>
                </c:pt>
                <c:pt idx="5622">
                  <c:v>42148</c:v>
                </c:pt>
                <c:pt idx="5623">
                  <c:v>42149</c:v>
                </c:pt>
                <c:pt idx="5624">
                  <c:v>42150</c:v>
                </c:pt>
                <c:pt idx="5625">
                  <c:v>42151</c:v>
                </c:pt>
                <c:pt idx="5626">
                  <c:v>42152</c:v>
                </c:pt>
                <c:pt idx="5627">
                  <c:v>42153</c:v>
                </c:pt>
                <c:pt idx="5628">
                  <c:v>42154</c:v>
                </c:pt>
                <c:pt idx="5629">
                  <c:v>42155</c:v>
                </c:pt>
                <c:pt idx="5630">
                  <c:v>42156</c:v>
                </c:pt>
                <c:pt idx="5631">
                  <c:v>42157</c:v>
                </c:pt>
                <c:pt idx="5632">
                  <c:v>42158</c:v>
                </c:pt>
                <c:pt idx="5633">
                  <c:v>42159</c:v>
                </c:pt>
                <c:pt idx="5634">
                  <c:v>42160</c:v>
                </c:pt>
                <c:pt idx="5635">
                  <c:v>42161</c:v>
                </c:pt>
                <c:pt idx="5636">
                  <c:v>42162</c:v>
                </c:pt>
                <c:pt idx="5637">
                  <c:v>42163</c:v>
                </c:pt>
                <c:pt idx="5638">
                  <c:v>42164</c:v>
                </c:pt>
                <c:pt idx="5639">
                  <c:v>42165</c:v>
                </c:pt>
                <c:pt idx="5640">
                  <c:v>42166</c:v>
                </c:pt>
                <c:pt idx="5641">
                  <c:v>42167</c:v>
                </c:pt>
                <c:pt idx="5642">
                  <c:v>42168</c:v>
                </c:pt>
                <c:pt idx="5643">
                  <c:v>42169</c:v>
                </c:pt>
                <c:pt idx="5644">
                  <c:v>42170</c:v>
                </c:pt>
                <c:pt idx="5645">
                  <c:v>42171</c:v>
                </c:pt>
                <c:pt idx="5646">
                  <c:v>42172</c:v>
                </c:pt>
                <c:pt idx="5647">
                  <c:v>42173</c:v>
                </c:pt>
                <c:pt idx="5648">
                  <c:v>42174</c:v>
                </c:pt>
                <c:pt idx="5649">
                  <c:v>42175</c:v>
                </c:pt>
                <c:pt idx="5650">
                  <c:v>42176</c:v>
                </c:pt>
                <c:pt idx="5651">
                  <c:v>42177</c:v>
                </c:pt>
                <c:pt idx="5652">
                  <c:v>42178</c:v>
                </c:pt>
                <c:pt idx="5653">
                  <c:v>42179</c:v>
                </c:pt>
                <c:pt idx="5654">
                  <c:v>42180</c:v>
                </c:pt>
                <c:pt idx="5655">
                  <c:v>42181</c:v>
                </c:pt>
                <c:pt idx="5656">
                  <c:v>42182</c:v>
                </c:pt>
                <c:pt idx="5657">
                  <c:v>42183</c:v>
                </c:pt>
                <c:pt idx="5658">
                  <c:v>42184</c:v>
                </c:pt>
                <c:pt idx="5659">
                  <c:v>42185</c:v>
                </c:pt>
                <c:pt idx="5660">
                  <c:v>42186</c:v>
                </c:pt>
                <c:pt idx="5661">
                  <c:v>42187</c:v>
                </c:pt>
                <c:pt idx="5662">
                  <c:v>42188</c:v>
                </c:pt>
                <c:pt idx="5663">
                  <c:v>42189</c:v>
                </c:pt>
                <c:pt idx="5664">
                  <c:v>42190</c:v>
                </c:pt>
                <c:pt idx="5665">
                  <c:v>42191</c:v>
                </c:pt>
                <c:pt idx="5666">
                  <c:v>42192</c:v>
                </c:pt>
                <c:pt idx="5667">
                  <c:v>42193</c:v>
                </c:pt>
                <c:pt idx="5668">
                  <c:v>42194</c:v>
                </c:pt>
                <c:pt idx="5669">
                  <c:v>42195</c:v>
                </c:pt>
                <c:pt idx="5670">
                  <c:v>42196</c:v>
                </c:pt>
                <c:pt idx="5671">
                  <c:v>42197</c:v>
                </c:pt>
                <c:pt idx="5672">
                  <c:v>42198</c:v>
                </c:pt>
                <c:pt idx="5673">
                  <c:v>42199</c:v>
                </c:pt>
                <c:pt idx="5674">
                  <c:v>42200</c:v>
                </c:pt>
                <c:pt idx="5675">
                  <c:v>42201</c:v>
                </c:pt>
                <c:pt idx="5676">
                  <c:v>42202</c:v>
                </c:pt>
                <c:pt idx="5677">
                  <c:v>42203</c:v>
                </c:pt>
                <c:pt idx="5678">
                  <c:v>42204</c:v>
                </c:pt>
                <c:pt idx="5679">
                  <c:v>42205</c:v>
                </c:pt>
                <c:pt idx="5680">
                  <c:v>42206</c:v>
                </c:pt>
                <c:pt idx="5681">
                  <c:v>42207</c:v>
                </c:pt>
                <c:pt idx="5682">
                  <c:v>42208</c:v>
                </c:pt>
                <c:pt idx="5683">
                  <c:v>42209</c:v>
                </c:pt>
                <c:pt idx="5684">
                  <c:v>42210</c:v>
                </c:pt>
                <c:pt idx="5685">
                  <c:v>42211</c:v>
                </c:pt>
                <c:pt idx="5686">
                  <c:v>42212</c:v>
                </c:pt>
                <c:pt idx="5687">
                  <c:v>42213</c:v>
                </c:pt>
                <c:pt idx="5688">
                  <c:v>42214</c:v>
                </c:pt>
                <c:pt idx="5689">
                  <c:v>42215</c:v>
                </c:pt>
                <c:pt idx="5690">
                  <c:v>42216</c:v>
                </c:pt>
                <c:pt idx="5691">
                  <c:v>42217</c:v>
                </c:pt>
                <c:pt idx="5692">
                  <c:v>42218</c:v>
                </c:pt>
                <c:pt idx="5693">
                  <c:v>42219</c:v>
                </c:pt>
                <c:pt idx="5694">
                  <c:v>42220</c:v>
                </c:pt>
                <c:pt idx="5695">
                  <c:v>42221</c:v>
                </c:pt>
                <c:pt idx="5696">
                  <c:v>42222</c:v>
                </c:pt>
                <c:pt idx="5697">
                  <c:v>42223</c:v>
                </c:pt>
                <c:pt idx="5698">
                  <c:v>42224</c:v>
                </c:pt>
                <c:pt idx="5699">
                  <c:v>42225</c:v>
                </c:pt>
                <c:pt idx="5700">
                  <c:v>42226</c:v>
                </c:pt>
                <c:pt idx="5701">
                  <c:v>42227</c:v>
                </c:pt>
                <c:pt idx="5702">
                  <c:v>42228</c:v>
                </c:pt>
                <c:pt idx="5703">
                  <c:v>42229</c:v>
                </c:pt>
                <c:pt idx="5704">
                  <c:v>42230</c:v>
                </c:pt>
                <c:pt idx="5705">
                  <c:v>42231</c:v>
                </c:pt>
                <c:pt idx="5706">
                  <c:v>42232</c:v>
                </c:pt>
                <c:pt idx="5707">
                  <c:v>42233</c:v>
                </c:pt>
                <c:pt idx="5708">
                  <c:v>42234</c:v>
                </c:pt>
                <c:pt idx="5709">
                  <c:v>42235</c:v>
                </c:pt>
                <c:pt idx="5710">
                  <c:v>42236</c:v>
                </c:pt>
                <c:pt idx="5711">
                  <c:v>42237</c:v>
                </c:pt>
                <c:pt idx="5712">
                  <c:v>42238</c:v>
                </c:pt>
                <c:pt idx="5713">
                  <c:v>42239</c:v>
                </c:pt>
                <c:pt idx="5714">
                  <c:v>42240</c:v>
                </c:pt>
                <c:pt idx="5715">
                  <c:v>42241</c:v>
                </c:pt>
                <c:pt idx="5716">
                  <c:v>42242</c:v>
                </c:pt>
                <c:pt idx="5717">
                  <c:v>42243</c:v>
                </c:pt>
                <c:pt idx="5718">
                  <c:v>42244</c:v>
                </c:pt>
                <c:pt idx="5719">
                  <c:v>42245</c:v>
                </c:pt>
                <c:pt idx="5720">
                  <c:v>42246</c:v>
                </c:pt>
                <c:pt idx="5721">
                  <c:v>42247</c:v>
                </c:pt>
                <c:pt idx="5722">
                  <c:v>42248</c:v>
                </c:pt>
                <c:pt idx="5723">
                  <c:v>42249</c:v>
                </c:pt>
                <c:pt idx="5724">
                  <c:v>42250</c:v>
                </c:pt>
                <c:pt idx="5725">
                  <c:v>42251</c:v>
                </c:pt>
                <c:pt idx="5726">
                  <c:v>42252</c:v>
                </c:pt>
                <c:pt idx="5727">
                  <c:v>42253</c:v>
                </c:pt>
                <c:pt idx="5728">
                  <c:v>42254</c:v>
                </c:pt>
                <c:pt idx="5729">
                  <c:v>42255</c:v>
                </c:pt>
                <c:pt idx="5730">
                  <c:v>42256</c:v>
                </c:pt>
                <c:pt idx="5731">
                  <c:v>42257</c:v>
                </c:pt>
                <c:pt idx="5732">
                  <c:v>42258</c:v>
                </c:pt>
                <c:pt idx="5733">
                  <c:v>42259</c:v>
                </c:pt>
                <c:pt idx="5734">
                  <c:v>42260</c:v>
                </c:pt>
                <c:pt idx="5735">
                  <c:v>42261</c:v>
                </c:pt>
                <c:pt idx="5736">
                  <c:v>42262</c:v>
                </c:pt>
                <c:pt idx="5737">
                  <c:v>42263</c:v>
                </c:pt>
                <c:pt idx="5738">
                  <c:v>42264</c:v>
                </c:pt>
                <c:pt idx="5739">
                  <c:v>42265</c:v>
                </c:pt>
                <c:pt idx="5740">
                  <c:v>42266</c:v>
                </c:pt>
                <c:pt idx="5741">
                  <c:v>42267</c:v>
                </c:pt>
                <c:pt idx="5742">
                  <c:v>42268</c:v>
                </c:pt>
                <c:pt idx="5743">
                  <c:v>42269</c:v>
                </c:pt>
                <c:pt idx="5744">
                  <c:v>42270</c:v>
                </c:pt>
                <c:pt idx="5745">
                  <c:v>42271</c:v>
                </c:pt>
                <c:pt idx="5746">
                  <c:v>42272</c:v>
                </c:pt>
                <c:pt idx="5747">
                  <c:v>42273</c:v>
                </c:pt>
                <c:pt idx="5748">
                  <c:v>42274</c:v>
                </c:pt>
                <c:pt idx="5749">
                  <c:v>42275</c:v>
                </c:pt>
                <c:pt idx="5750">
                  <c:v>42276</c:v>
                </c:pt>
                <c:pt idx="5751">
                  <c:v>42277</c:v>
                </c:pt>
                <c:pt idx="5752">
                  <c:v>42278</c:v>
                </c:pt>
                <c:pt idx="5753">
                  <c:v>42279</c:v>
                </c:pt>
                <c:pt idx="5754">
                  <c:v>42280</c:v>
                </c:pt>
                <c:pt idx="5755">
                  <c:v>42281</c:v>
                </c:pt>
                <c:pt idx="5756">
                  <c:v>42282</c:v>
                </c:pt>
                <c:pt idx="5757">
                  <c:v>42283</c:v>
                </c:pt>
                <c:pt idx="5758">
                  <c:v>42284</c:v>
                </c:pt>
                <c:pt idx="5759">
                  <c:v>42285</c:v>
                </c:pt>
                <c:pt idx="5760">
                  <c:v>42286</c:v>
                </c:pt>
                <c:pt idx="5761">
                  <c:v>42287</c:v>
                </c:pt>
                <c:pt idx="5762">
                  <c:v>42288</c:v>
                </c:pt>
                <c:pt idx="5763">
                  <c:v>42289</c:v>
                </c:pt>
                <c:pt idx="5764">
                  <c:v>42290</c:v>
                </c:pt>
                <c:pt idx="5765">
                  <c:v>42291</c:v>
                </c:pt>
                <c:pt idx="5766">
                  <c:v>42292</c:v>
                </c:pt>
                <c:pt idx="5767">
                  <c:v>42293</c:v>
                </c:pt>
                <c:pt idx="5768">
                  <c:v>42294</c:v>
                </c:pt>
                <c:pt idx="5769">
                  <c:v>42295</c:v>
                </c:pt>
                <c:pt idx="5770">
                  <c:v>42296</c:v>
                </c:pt>
                <c:pt idx="5771">
                  <c:v>42297</c:v>
                </c:pt>
                <c:pt idx="5772">
                  <c:v>42298</c:v>
                </c:pt>
                <c:pt idx="5773">
                  <c:v>42299</c:v>
                </c:pt>
                <c:pt idx="5774">
                  <c:v>42300</c:v>
                </c:pt>
                <c:pt idx="5775">
                  <c:v>42301</c:v>
                </c:pt>
                <c:pt idx="5776">
                  <c:v>42302</c:v>
                </c:pt>
                <c:pt idx="5777">
                  <c:v>42303</c:v>
                </c:pt>
                <c:pt idx="5778">
                  <c:v>42304</c:v>
                </c:pt>
                <c:pt idx="5779">
                  <c:v>42305</c:v>
                </c:pt>
                <c:pt idx="5780">
                  <c:v>42306</c:v>
                </c:pt>
                <c:pt idx="5781">
                  <c:v>42307</c:v>
                </c:pt>
                <c:pt idx="5782">
                  <c:v>42308</c:v>
                </c:pt>
                <c:pt idx="5783">
                  <c:v>42309</c:v>
                </c:pt>
                <c:pt idx="5784">
                  <c:v>42310</c:v>
                </c:pt>
                <c:pt idx="5785">
                  <c:v>42311</c:v>
                </c:pt>
                <c:pt idx="5786">
                  <c:v>42312</c:v>
                </c:pt>
                <c:pt idx="5787">
                  <c:v>42313</c:v>
                </c:pt>
                <c:pt idx="5788">
                  <c:v>42314</c:v>
                </c:pt>
                <c:pt idx="5789">
                  <c:v>42315</c:v>
                </c:pt>
                <c:pt idx="5790">
                  <c:v>42316</c:v>
                </c:pt>
                <c:pt idx="5791">
                  <c:v>42317</c:v>
                </c:pt>
                <c:pt idx="5792">
                  <c:v>42318</c:v>
                </c:pt>
                <c:pt idx="5793">
                  <c:v>42319</c:v>
                </c:pt>
                <c:pt idx="5794">
                  <c:v>42320</c:v>
                </c:pt>
                <c:pt idx="5795">
                  <c:v>42321</c:v>
                </c:pt>
                <c:pt idx="5796">
                  <c:v>42322</c:v>
                </c:pt>
                <c:pt idx="5797">
                  <c:v>42323</c:v>
                </c:pt>
                <c:pt idx="5798">
                  <c:v>42324</c:v>
                </c:pt>
                <c:pt idx="5799">
                  <c:v>42325</c:v>
                </c:pt>
                <c:pt idx="5800">
                  <c:v>42326</c:v>
                </c:pt>
                <c:pt idx="5801">
                  <c:v>42327</c:v>
                </c:pt>
                <c:pt idx="5802">
                  <c:v>42328</c:v>
                </c:pt>
                <c:pt idx="5803">
                  <c:v>42329</c:v>
                </c:pt>
                <c:pt idx="5804">
                  <c:v>42330</c:v>
                </c:pt>
                <c:pt idx="5805">
                  <c:v>42331</c:v>
                </c:pt>
                <c:pt idx="5806">
                  <c:v>42332</c:v>
                </c:pt>
                <c:pt idx="5807">
                  <c:v>42333</c:v>
                </c:pt>
                <c:pt idx="5808">
                  <c:v>42334</c:v>
                </c:pt>
                <c:pt idx="5809">
                  <c:v>42335</c:v>
                </c:pt>
                <c:pt idx="5810">
                  <c:v>42336</c:v>
                </c:pt>
                <c:pt idx="5811">
                  <c:v>42337</c:v>
                </c:pt>
                <c:pt idx="5812">
                  <c:v>42338</c:v>
                </c:pt>
                <c:pt idx="5813">
                  <c:v>42339</c:v>
                </c:pt>
                <c:pt idx="5814">
                  <c:v>42340</c:v>
                </c:pt>
                <c:pt idx="5815">
                  <c:v>42341</c:v>
                </c:pt>
                <c:pt idx="5816">
                  <c:v>42342</c:v>
                </c:pt>
                <c:pt idx="5817">
                  <c:v>42343</c:v>
                </c:pt>
                <c:pt idx="5818">
                  <c:v>42344</c:v>
                </c:pt>
                <c:pt idx="5819">
                  <c:v>42345</c:v>
                </c:pt>
                <c:pt idx="5820">
                  <c:v>42346</c:v>
                </c:pt>
                <c:pt idx="5821">
                  <c:v>42347</c:v>
                </c:pt>
                <c:pt idx="5822">
                  <c:v>42348</c:v>
                </c:pt>
                <c:pt idx="5823">
                  <c:v>42349</c:v>
                </c:pt>
                <c:pt idx="5824">
                  <c:v>42350</c:v>
                </c:pt>
                <c:pt idx="5825">
                  <c:v>42351</c:v>
                </c:pt>
                <c:pt idx="5826">
                  <c:v>42352</c:v>
                </c:pt>
                <c:pt idx="5827">
                  <c:v>42353</c:v>
                </c:pt>
                <c:pt idx="5828">
                  <c:v>42354</c:v>
                </c:pt>
                <c:pt idx="5829">
                  <c:v>42355</c:v>
                </c:pt>
                <c:pt idx="5830">
                  <c:v>42356</c:v>
                </c:pt>
                <c:pt idx="5831">
                  <c:v>42357</c:v>
                </c:pt>
                <c:pt idx="5832">
                  <c:v>42358</c:v>
                </c:pt>
                <c:pt idx="5833">
                  <c:v>42359</c:v>
                </c:pt>
                <c:pt idx="5834">
                  <c:v>42360</c:v>
                </c:pt>
                <c:pt idx="5835">
                  <c:v>42361</c:v>
                </c:pt>
                <c:pt idx="5836">
                  <c:v>42362</c:v>
                </c:pt>
                <c:pt idx="5837">
                  <c:v>42363</c:v>
                </c:pt>
                <c:pt idx="5838">
                  <c:v>42364</c:v>
                </c:pt>
                <c:pt idx="5839">
                  <c:v>42365</c:v>
                </c:pt>
                <c:pt idx="5840">
                  <c:v>42366</c:v>
                </c:pt>
                <c:pt idx="5841">
                  <c:v>42367</c:v>
                </c:pt>
                <c:pt idx="5842">
                  <c:v>42368</c:v>
                </c:pt>
                <c:pt idx="5843">
                  <c:v>42369</c:v>
                </c:pt>
                <c:pt idx="5844">
                  <c:v>42370</c:v>
                </c:pt>
                <c:pt idx="5845">
                  <c:v>42371</c:v>
                </c:pt>
                <c:pt idx="5846">
                  <c:v>42372</c:v>
                </c:pt>
                <c:pt idx="5847">
                  <c:v>42373</c:v>
                </c:pt>
                <c:pt idx="5848">
                  <c:v>42374</c:v>
                </c:pt>
                <c:pt idx="5849">
                  <c:v>42375</c:v>
                </c:pt>
                <c:pt idx="5850">
                  <c:v>42376</c:v>
                </c:pt>
                <c:pt idx="5851">
                  <c:v>42377</c:v>
                </c:pt>
                <c:pt idx="5852">
                  <c:v>42378</c:v>
                </c:pt>
                <c:pt idx="5853">
                  <c:v>42379</c:v>
                </c:pt>
                <c:pt idx="5854">
                  <c:v>42380</c:v>
                </c:pt>
                <c:pt idx="5855">
                  <c:v>42381</c:v>
                </c:pt>
                <c:pt idx="5856">
                  <c:v>42382</c:v>
                </c:pt>
                <c:pt idx="5857">
                  <c:v>42383</c:v>
                </c:pt>
                <c:pt idx="5858">
                  <c:v>42384</c:v>
                </c:pt>
                <c:pt idx="5859">
                  <c:v>42385</c:v>
                </c:pt>
                <c:pt idx="5860">
                  <c:v>42386</c:v>
                </c:pt>
                <c:pt idx="5861">
                  <c:v>42387</c:v>
                </c:pt>
                <c:pt idx="5862">
                  <c:v>42388</c:v>
                </c:pt>
                <c:pt idx="5863">
                  <c:v>42389</c:v>
                </c:pt>
                <c:pt idx="5864">
                  <c:v>42390</c:v>
                </c:pt>
                <c:pt idx="5865">
                  <c:v>42391</c:v>
                </c:pt>
                <c:pt idx="5866">
                  <c:v>42392</c:v>
                </c:pt>
                <c:pt idx="5867">
                  <c:v>42393</c:v>
                </c:pt>
                <c:pt idx="5868">
                  <c:v>42394</c:v>
                </c:pt>
                <c:pt idx="5869">
                  <c:v>42395</c:v>
                </c:pt>
                <c:pt idx="5870">
                  <c:v>42396</c:v>
                </c:pt>
                <c:pt idx="5871">
                  <c:v>42397</c:v>
                </c:pt>
                <c:pt idx="5872">
                  <c:v>42398</c:v>
                </c:pt>
                <c:pt idx="5873">
                  <c:v>42399</c:v>
                </c:pt>
                <c:pt idx="5874">
                  <c:v>42400</c:v>
                </c:pt>
                <c:pt idx="5875">
                  <c:v>42401</c:v>
                </c:pt>
                <c:pt idx="5876">
                  <c:v>42402</c:v>
                </c:pt>
                <c:pt idx="5877">
                  <c:v>42403</c:v>
                </c:pt>
                <c:pt idx="5878">
                  <c:v>42404</c:v>
                </c:pt>
                <c:pt idx="5879">
                  <c:v>42405</c:v>
                </c:pt>
                <c:pt idx="5880">
                  <c:v>42406</c:v>
                </c:pt>
                <c:pt idx="5881">
                  <c:v>42407</c:v>
                </c:pt>
                <c:pt idx="5882">
                  <c:v>42408</c:v>
                </c:pt>
                <c:pt idx="5883">
                  <c:v>42409</c:v>
                </c:pt>
                <c:pt idx="5884">
                  <c:v>42410</c:v>
                </c:pt>
                <c:pt idx="5885">
                  <c:v>42411</c:v>
                </c:pt>
                <c:pt idx="5886">
                  <c:v>42412</c:v>
                </c:pt>
                <c:pt idx="5887">
                  <c:v>42413</c:v>
                </c:pt>
                <c:pt idx="5888">
                  <c:v>42414</c:v>
                </c:pt>
                <c:pt idx="5889">
                  <c:v>42415</c:v>
                </c:pt>
                <c:pt idx="5890">
                  <c:v>42416</c:v>
                </c:pt>
                <c:pt idx="5891">
                  <c:v>42417</c:v>
                </c:pt>
                <c:pt idx="5892">
                  <c:v>42418</c:v>
                </c:pt>
                <c:pt idx="5893">
                  <c:v>42419</c:v>
                </c:pt>
                <c:pt idx="5894">
                  <c:v>42420</c:v>
                </c:pt>
                <c:pt idx="5895">
                  <c:v>42421</c:v>
                </c:pt>
                <c:pt idx="5896">
                  <c:v>42422</c:v>
                </c:pt>
                <c:pt idx="5897">
                  <c:v>42423</c:v>
                </c:pt>
                <c:pt idx="5898">
                  <c:v>42424</c:v>
                </c:pt>
                <c:pt idx="5899">
                  <c:v>42425</c:v>
                </c:pt>
                <c:pt idx="5900">
                  <c:v>42426</c:v>
                </c:pt>
                <c:pt idx="5901">
                  <c:v>42427</c:v>
                </c:pt>
                <c:pt idx="5902">
                  <c:v>42428</c:v>
                </c:pt>
                <c:pt idx="5903">
                  <c:v>42429</c:v>
                </c:pt>
                <c:pt idx="5904">
                  <c:v>42430</c:v>
                </c:pt>
                <c:pt idx="5905">
                  <c:v>42431</c:v>
                </c:pt>
                <c:pt idx="5906">
                  <c:v>42432</c:v>
                </c:pt>
                <c:pt idx="5907">
                  <c:v>42433</c:v>
                </c:pt>
                <c:pt idx="5908">
                  <c:v>42434</c:v>
                </c:pt>
                <c:pt idx="5909">
                  <c:v>42435</c:v>
                </c:pt>
                <c:pt idx="5910">
                  <c:v>42436</c:v>
                </c:pt>
                <c:pt idx="5911">
                  <c:v>42437</c:v>
                </c:pt>
                <c:pt idx="5912">
                  <c:v>42438</c:v>
                </c:pt>
                <c:pt idx="5913">
                  <c:v>42439</c:v>
                </c:pt>
                <c:pt idx="5914">
                  <c:v>42440</c:v>
                </c:pt>
                <c:pt idx="5915">
                  <c:v>42441</c:v>
                </c:pt>
                <c:pt idx="5916">
                  <c:v>42442</c:v>
                </c:pt>
                <c:pt idx="5917">
                  <c:v>42443</c:v>
                </c:pt>
                <c:pt idx="5918">
                  <c:v>42444</c:v>
                </c:pt>
                <c:pt idx="5919">
                  <c:v>42445</c:v>
                </c:pt>
                <c:pt idx="5920">
                  <c:v>42446</c:v>
                </c:pt>
                <c:pt idx="5921">
                  <c:v>42447</c:v>
                </c:pt>
                <c:pt idx="5922">
                  <c:v>42448</c:v>
                </c:pt>
                <c:pt idx="5923">
                  <c:v>42449</c:v>
                </c:pt>
                <c:pt idx="5924">
                  <c:v>42450</c:v>
                </c:pt>
                <c:pt idx="5925">
                  <c:v>42451</c:v>
                </c:pt>
                <c:pt idx="5926">
                  <c:v>42452</c:v>
                </c:pt>
                <c:pt idx="5927">
                  <c:v>42453</c:v>
                </c:pt>
                <c:pt idx="5928">
                  <c:v>42454</c:v>
                </c:pt>
                <c:pt idx="5929">
                  <c:v>42455</c:v>
                </c:pt>
                <c:pt idx="5930">
                  <c:v>42456</c:v>
                </c:pt>
                <c:pt idx="5931">
                  <c:v>42457</c:v>
                </c:pt>
                <c:pt idx="5932">
                  <c:v>42458</c:v>
                </c:pt>
                <c:pt idx="5933">
                  <c:v>42459</c:v>
                </c:pt>
                <c:pt idx="5934">
                  <c:v>42460</c:v>
                </c:pt>
                <c:pt idx="5935">
                  <c:v>42461</c:v>
                </c:pt>
                <c:pt idx="5936">
                  <c:v>42462</c:v>
                </c:pt>
                <c:pt idx="5937">
                  <c:v>42463</c:v>
                </c:pt>
                <c:pt idx="5938">
                  <c:v>42464</c:v>
                </c:pt>
                <c:pt idx="5939">
                  <c:v>42465</c:v>
                </c:pt>
                <c:pt idx="5940">
                  <c:v>42466</c:v>
                </c:pt>
                <c:pt idx="5941">
                  <c:v>42467</c:v>
                </c:pt>
                <c:pt idx="5942">
                  <c:v>42468</c:v>
                </c:pt>
                <c:pt idx="5943">
                  <c:v>42469</c:v>
                </c:pt>
                <c:pt idx="5944">
                  <c:v>42470</c:v>
                </c:pt>
                <c:pt idx="5945">
                  <c:v>42471</c:v>
                </c:pt>
                <c:pt idx="5946">
                  <c:v>42472</c:v>
                </c:pt>
                <c:pt idx="5947">
                  <c:v>42473</c:v>
                </c:pt>
                <c:pt idx="5948">
                  <c:v>42474</c:v>
                </c:pt>
                <c:pt idx="5949">
                  <c:v>42475</c:v>
                </c:pt>
                <c:pt idx="5950">
                  <c:v>42476</c:v>
                </c:pt>
                <c:pt idx="5951">
                  <c:v>42477</c:v>
                </c:pt>
                <c:pt idx="5952">
                  <c:v>42478</c:v>
                </c:pt>
                <c:pt idx="5953">
                  <c:v>42479</c:v>
                </c:pt>
                <c:pt idx="5954">
                  <c:v>42480</c:v>
                </c:pt>
                <c:pt idx="5955">
                  <c:v>42481</c:v>
                </c:pt>
                <c:pt idx="5956">
                  <c:v>42482</c:v>
                </c:pt>
                <c:pt idx="5957">
                  <c:v>42483</c:v>
                </c:pt>
                <c:pt idx="5958">
                  <c:v>42484</c:v>
                </c:pt>
                <c:pt idx="5959">
                  <c:v>42485</c:v>
                </c:pt>
                <c:pt idx="5960">
                  <c:v>42486</c:v>
                </c:pt>
                <c:pt idx="5961">
                  <c:v>42487</c:v>
                </c:pt>
                <c:pt idx="5962">
                  <c:v>42488</c:v>
                </c:pt>
                <c:pt idx="5963">
                  <c:v>42489</c:v>
                </c:pt>
                <c:pt idx="5964">
                  <c:v>42490</c:v>
                </c:pt>
                <c:pt idx="5965">
                  <c:v>42491</c:v>
                </c:pt>
                <c:pt idx="5966">
                  <c:v>42492</c:v>
                </c:pt>
                <c:pt idx="5967">
                  <c:v>42493</c:v>
                </c:pt>
                <c:pt idx="5968">
                  <c:v>42494</c:v>
                </c:pt>
                <c:pt idx="5969">
                  <c:v>42495</c:v>
                </c:pt>
                <c:pt idx="5970">
                  <c:v>42496</c:v>
                </c:pt>
                <c:pt idx="5971">
                  <c:v>42497</c:v>
                </c:pt>
                <c:pt idx="5972">
                  <c:v>42498</c:v>
                </c:pt>
                <c:pt idx="5973">
                  <c:v>42499</c:v>
                </c:pt>
                <c:pt idx="5974">
                  <c:v>42500</c:v>
                </c:pt>
                <c:pt idx="5975">
                  <c:v>42501</c:v>
                </c:pt>
                <c:pt idx="5976">
                  <c:v>42502</c:v>
                </c:pt>
                <c:pt idx="5977">
                  <c:v>42503</c:v>
                </c:pt>
                <c:pt idx="5978">
                  <c:v>42504</c:v>
                </c:pt>
                <c:pt idx="5979">
                  <c:v>42505</c:v>
                </c:pt>
                <c:pt idx="5980">
                  <c:v>42506</c:v>
                </c:pt>
                <c:pt idx="5981">
                  <c:v>42507</c:v>
                </c:pt>
                <c:pt idx="5982">
                  <c:v>42508</c:v>
                </c:pt>
                <c:pt idx="5983">
                  <c:v>42509</c:v>
                </c:pt>
                <c:pt idx="5984">
                  <c:v>42510</c:v>
                </c:pt>
                <c:pt idx="5985">
                  <c:v>42511</c:v>
                </c:pt>
                <c:pt idx="5986">
                  <c:v>42512</c:v>
                </c:pt>
                <c:pt idx="5987">
                  <c:v>42513</c:v>
                </c:pt>
                <c:pt idx="5988">
                  <c:v>42514</c:v>
                </c:pt>
                <c:pt idx="5989">
                  <c:v>42515</c:v>
                </c:pt>
                <c:pt idx="5990">
                  <c:v>42516</c:v>
                </c:pt>
                <c:pt idx="5991">
                  <c:v>42517</c:v>
                </c:pt>
                <c:pt idx="5992">
                  <c:v>42518</c:v>
                </c:pt>
                <c:pt idx="5993">
                  <c:v>42519</c:v>
                </c:pt>
                <c:pt idx="5994">
                  <c:v>42520</c:v>
                </c:pt>
                <c:pt idx="5995">
                  <c:v>42521</c:v>
                </c:pt>
                <c:pt idx="5996">
                  <c:v>42522</c:v>
                </c:pt>
                <c:pt idx="5997">
                  <c:v>42523</c:v>
                </c:pt>
                <c:pt idx="5998">
                  <c:v>42524</c:v>
                </c:pt>
                <c:pt idx="5999">
                  <c:v>42525</c:v>
                </c:pt>
                <c:pt idx="6000">
                  <c:v>42526</c:v>
                </c:pt>
                <c:pt idx="6001">
                  <c:v>42527</c:v>
                </c:pt>
                <c:pt idx="6002">
                  <c:v>42528</c:v>
                </c:pt>
                <c:pt idx="6003">
                  <c:v>42529</c:v>
                </c:pt>
                <c:pt idx="6004">
                  <c:v>42530</c:v>
                </c:pt>
                <c:pt idx="6005">
                  <c:v>42531</c:v>
                </c:pt>
                <c:pt idx="6006">
                  <c:v>42532</c:v>
                </c:pt>
                <c:pt idx="6007">
                  <c:v>42533</c:v>
                </c:pt>
                <c:pt idx="6008">
                  <c:v>42534</c:v>
                </c:pt>
                <c:pt idx="6009">
                  <c:v>42535</c:v>
                </c:pt>
                <c:pt idx="6010">
                  <c:v>42536</c:v>
                </c:pt>
                <c:pt idx="6011">
                  <c:v>42537</c:v>
                </c:pt>
                <c:pt idx="6012">
                  <c:v>42538</c:v>
                </c:pt>
                <c:pt idx="6013">
                  <c:v>42539</c:v>
                </c:pt>
                <c:pt idx="6014">
                  <c:v>42540</c:v>
                </c:pt>
                <c:pt idx="6015">
                  <c:v>42541</c:v>
                </c:pt>
                <c:pt idx="6016">
                  <c:v>42542</c:v>
                </c:pt>
                <c:pt idx="6017">
                  <c:v>42543</c:v>
                </c:pt>
                <c:pt idx="6018">
                  <c:v>42544</c:v>
                </c:pt>
                <c:pt idx="6019">
                  <c:v>42545</c:v>
                </c:pt>
                <c:pt idx="6020">
                  <c:v>42546</c:v>
                </c:pt>
                <c:pt idx="6021">
                  <c:v>42547</c:v>
                </c:pt>
                <c:pt idx="6022">
                  <c:v>42548</c:v>
                </c:pt>
                <c:pt idx="6023">
                  <c:v>42549</c:v>
                </c:pt>
                <c:pt idx="6024">
                  <c:v>42550</c:v>
                </c:pt>
                <c:pt idx="6025">
                  <c:v>42551</c:v>
                </c:pt>
                <c:pt idx="6026">
                  <c:v>42552</c:v>
                </c:pt>
                <c:pt idx="6027">
                  <c:v>42553</c:v>
                </c:pt>
                <c:pt idx="6028">
                  <c:v>42554</c:v>
                </c:pt>
                <c:pt idx="6029">
                  <c:v>42555</c:v>
                </c:pt>
                <c:pt idx="6030">
                  <c:v>42556</c:v>
                </c:pt>
                <c:pt idx="6031">
                  <c:v>42557</c:v>
                </c:pt>
                <c:pt idx="6032">
                  <c:v>42558</c:v>
                </c:pt>
                <c:pt idx="6033">
                  <c:v>42559</c:v>
                </c:pt>
                <c:pt idx="6034">
                  <c:v>42560</c:v>
                </c:pt>
                <c:pt idx="6035">
                  <c:v>42561</c:v>
                </c:pt>
                <c:pt idx="6036">
                  <c:v>42562</c:v>
                </c:pt>
                <c:pt idx="6037">
                  <c:v>42563</c:v>
                </c:pt>
                <c:pt idx="6038">
                  <c:v>42564</c:v>
                </c:pt>
                <c:pt idx="6039">
                  <c:v>42565</c:v>
                </c:pt>
                <c:pt idx="6040">
                  <c:v>42566</c:v>
                </c:pt>
                <c:pt idx="6041">
                  <c:v>42567</c:v>
                </c:pt>
                <c:pt idx="6042">
                  <c:v>42568</c:v>
                </c:pt>
                <c:pt idx="6043">
                  <c:v>42569</c:v>
                </c:pt>
                <c:pt idx="6044">
                  <c:v>42570</c:v>
                </c:pt>
                <c:pt idx="6045">
                  <c:v>42571</c:v>
                </c:pt>
                <c:pt idx="6046">
                  <c:v>42572</c:v>
                </c:pt>
                <c:pt idx="6047">
                  <c:v>42573</c:v>
                </c:pt>
                <c:pt idx="6048">
                  <c:v>42574</c:v>
                </c:pt>
                <c:pt idx="6049">
                  <c:v>42575</c:v>
                </c:pt>
                <c:pt idx="6050">
                  <c:v>42576</c:v>
                </c:pt>
                <c:pt idx="6051">
                  <c:v>42577</c:v>
                </c:pt>
                <c:pt idx="6052">
                  <c:v>42578</c:v>
                </c:pt>
                <c:pt idx="6053">
                  <c:v>42579</c:v>
                </c:pt>
                <c:pt idx="6054">
                  <c:v>42580</c:v>
                </c:pt>
                <c:pt idx="6055">
                  <c:v>42581</c:v>
                </c:pt>
                <c:pt idx="6056">
                  <c:v>42582</c:v>
                </c:pt>
                <c:pt idx="6057">
                  <c:v>42583</c:v>
                </c:pt>
                <c:pt idx="6058">
                  <c:v>42584</c:v>
                </c:pt>
                <c:pt idx="6059">
                  <c:v>42585</c:v>
                </c:pt>
                <c:pt idx="6060">
                  <c:v>42586</c:v>
                </c:pt>
                <c:pt idx="6061">
                  <c:v>42587</c:v>
                </c:pt>
                <c:pt idx="6062">
                  <c:v>42588</c:v>
                </c:pt>
                <c:pt idx="6063">
                  <c:v>42589</c:v>
                </c:pt>
                <c:pt idx="6064">
                  <c:v>42590</c:v>
                </c:pt>
                <c:pt idx="6065">
                  <c:v>42591</c:v>
                </c:pt>
                <c:pt idx="6066">
                  <c:v>42592</c:v>
                </c:pt>
                <c:pt idx="6067">
                  <c:v>42593</c:v>
                </c:pt>
                <c:pt idx="6068">
                  <c:v>42594</c:v>
                </c:pt>
                <c:pt idx="6069">
                  <c:v>42595</c:v>
                </c:pt>
                <c:pt idx="6070">
                  <c:v>42596</c:v>
                </c:pt>
                <c:pt idx="6071">
                  <c:v>42597</c:v>
                </c:pt>
                <c:pt idx="6072">
                  <c:v>42598</c:v>
                </c:pt>
                <c:pt idx="6073">
                  <c:v>42599</c:v>
                </c:pt>
                <c:pt idx="6074">
                  <c:v>42600</c:v>
                </c:pt>
                <c:pt idx="6075">
                  <c:v>42601</c:v>
                </c:pt>
                <c:pt idx="6076">
                  <c:v>42602</c:v>
                </c:pt>
                <c:pt idx="6077">
                  <c:v>42603</c:v>
                </c:pt>
                <c:pt idx="6078">
                  <c:v>42604</c:v>
                </c:pt>
                <c:pt idx="6079">
                  <c:v>42605</c:v>
                </c:pt>
                <c:pt idx="6080">
                  <c:v>42606</c:v>
                </c:pt>
                <c:pt idx="6081">
                  <c:v>42607</c:v>
                </c:pt>
                <c:pt idx="6082">
                  <c:v>42608</c:v>
                </c:pt>
                <c:pt idx="6083">
                  <c:v>42609</c:v>
                </c:pt>
                <c:pt idx="6084">
                  <c:v>42610</c:v>
                </c:pt>
                <c:pt idx="6085">
                  <c:v>42611</c:v>
                </c:pt>
                <c:pt idx="6086">
                  <c:v>42612</c:v>
                </c:pt>
                <c:pt idx="6087">
                  <c:v>42613</c:v>
                </c:pt>
                <c:pt idx="6088">
                  <c:v>42614</c:v>
                </c:pt>
                <c:pt idx="6089">
                  <c:v>42615</c:v>
                </c:pt>
                <c:pt idx="6090">
                  <c:v>42616</c:v>
                </c:pt>
                <c:pt idx="6091">
                  <c:v>42617</c:v>
                </c:pt>
                <c:pt idx="6092">
                  <c:v>42618</c:v>
                </c:pt>
                <c:pt idx="6093">
                  <c:v>42619</c:v>
                </c:pt>
                <c:pt idx="6094">
                  <c:v>42620</c:v>
                </c:pt>
                <c:pt idx="6095">
                  <c:v>42621</c:v>
                </c:pt>
                <c:pt idx="6096">
                  <c:v>42622</c:v>
                </c:pt>
                <c:pt idx="6097">
                  <c:v>42623</c:v>
                </c:pt>
                <c:pt idx="6098">
                  <c:v>42624</c:v>
                </c:pt>
                <c:pt idx="6099">
                  <c:v>42625</c:v>
                </c:pt>
                <c:pt idx="6100">
                  <c:v>42626</c:v>
                </c:pt>
                <c:pt idx="6101">
                  <c:v>42627</c:v>
                </c:pt>
                <c:pt idx="6102">
                  <c:v>42628</c:v>
                </c:pt>
                <c:pt idx="6103">
                  <c:v>42629</c:v>
                </c:pt>
                <c:pt idx="6104">
                  <c:v>42630</c:v>
                </c:pt>
                <c:pt idx="6105">
                  <c:v>42631</c:v>
                </c:pt>
                <c:pt idx="6106">
                  <c:v>42632</c:v>
                </c:pt>
                <c:pt idx="6107">
                  <c:v>42633</c:v>
                </c:pt>
                <c:pt idx="6108">
                  <c:v>42634</c:v>
                </c:pt>
                <c:pt idx="6109">
                  <c:v>42635</c:v>
                </c:pt>
                <c:pt idx="6110">
                  <c:v>42636</c:v>
                </c:pt>
                <c:pt idx="6111">
                  <c:v>42637</c:v>
                </c:pt>
                <c:pt idx="6112">
                  <c:v>42638</c:v>
                </c:pt>
                <c:pt idx="6113">
                  <c:v>42639</c:v>
                </c:pt>
                <c:pt idx="6114">
                  <c:v>42640</c:v>
                </c:pt>
                <c:pt idx="6115">
                  <c:v>42641</c:v>
                </c:pt>
                <c:pt idx="6116">
                  <c:v>42642</c:v>
                </c:pt>
                <c:pt idx="6117">
                  <c:v>42643</c:v>
                </c:pt>
                <c:pt idx="6118">
                  <c:v>42644</c:v>
                </c:pt>
                <c:pt idx="6119">
                  <c:v>42645</c:v>
                </c:pt>
                <c:pt idx="6120">
                  <c:v>42646</c:v>
                </c:pt>
                <c:pt idx="6121">
                  <c:v>42647</c:v>
                </c:pt>
                <c:pt idx="6122">
                  <c:v>42648</c:v>
                </c:pt>
                <c:pt idx="6123">
                  <c:v>42649</c:v>
                </c:pt>
                <c:pt idx="6124">
                  <c:v>42650</c:v>
                </c:pt>
                <c:pt idx="6125">
                  <c:v>42651</c:v>
                </c:pt>
                <c:pt idx="6126">
                  <c:v>42652</c:v>
                </c:pt>
                <c:pt idx="6127">
                  <c:v>42653</c:v>
                </c:pt>
                <c:pt idx="6128">
                  <c:v>42654</c:v>
                </c:pt>
                <c:pt idx="6129">
                  <c:v>42655</c:v>
                </c:pt>
                <c:pt idx="6130">
                  <c:v>42656</c:v>
                </c:pt>
                <c:pt idx="6131">
                  <c:v>42657</c:v>
                </c:pt>
                <c:pt idx="6132">
                  <c:v>42658</c:v>
                </c:pt>
                <c:pt idx="6133">
                  <c:v>42659</c:v>
                </c:pt>
                <c:pt idx="6134">
                  <c:v>42660</c:v>
                </c:pt>
                <c:pt idx="6135">
                  <c:v>42661</c:v>
                </c:pt>
                <c:pt idx="6136">
                  <c:v>42662</c:v>
                </c:pt>
                <c:pt idx="6137">
                  <c:v>42663</c:v>
                </c:pt>
                <c:pt idx="6138">
                  <c:v>42664</c:v>
                </c:pt>
                <c:pt idx="6139">
                  <c:v>42665</c:v>
                </c:pt>
                <c:pt idx="6140">
                  <c:v>42666</c:v>
                </c:pt>
                <c:pt idx="6141">
                  <c:v>42667</c:v>
                </c:pt>
                <c:pt idx="6142">
                  <c:v>42668</c:v>
                </c:pt>
                <c:pt idx="6143">
                  <c:v>42669</c:v>
                </c:pt>
                <c:pt idx="6144">
                  <c:v>42670</c:v>
                </c:pt>
                <c:pt idx="6145">
                  <c:v>42671</c:v>
                </c:pt>
                <c:pt idx="6146">
                  <c:v>42672</c:v>
                </c:pt>
                <c:pt idx="6147">
                  <c:v>42673</c:v>
                </c:pt>
                <c:pt idx="6148">
                  <c:v>42674</c:v>
                </c:pt>
                <c:pt idx="6149">
                  <c:v>42675</c:v>
                </c:pt>
                <c:pt idx="6150">
                  <c:v>42676</c:v>
                </c:pt>
                <c:pt idx="6151">
                  <c:v>42677</c:v>
                </c:pt>
                <c:pt idx="6152">
                  <c:v>42678</c:v>
                </c:pt>
                <c:pt idx="6153">
                  <c:v>42679</c:v>
                </c:pt>
                <c:pt idx="6154">
                  <c:v>42680</c:v>
                </c:pt>
                <c:pt idx="6155">
                  <c:v>42681</c:v>
                </c:pt>
                <c:pt idx="6156">
                  <c:v>42682</c:v>
                </c:pt>
                <c:pt idx="6157">
                  <c:v>42683</c:v>
                </c:pt>
                <c:pt idx="6158">
                  <c:v>42684</c:v>
                </c:pt>
                <c:pt idx="6159">
                  <c:v>42685</c:v>
                </c:pt>
                <c:pt idx="6160">
                  <c:v>42686</c:v>
                </c:pt>
                <c:pt idx="6161">
                  <c:v>42687</c:v>
                </c:pt>
                <c:pt idx="6162">
                  <c:v>42688</c:v>
                </c:pt>
                <c:pt idx="6163">
                  <c:v>42689</c:v>
                </c:pt>
                <c:pt idx="6164">
                  <c:v>42690</c:v>
                </c:pt>
                <c:pt idx="6165">
                  <c:v>42691</c:v>
                </c:pt>
                <c:pt idx="6166">
                  <c:v>42692</c:v>
                </c:pt>
                <c:pt idx="6167">
                  <c:v>42693</c:v>
                </c:pt>
                <c:pt idx="6168">
                  <c:v>42694</c:v>
                </c:pt>
                <c:pt idx="6169">
                  <c:v>42695</c:v>
                </c:pt>
                <c:pt idx="6170">
                  <c:v>42696</c:v>
                </c:pt>
                <c:pt idx="6171">
                  <c:v>42697</c:v>
                </c:pt>
                <c:pt idx="6172">
                  <c:v>42698</c:v>
                </c:pt>
                <c:pt idx="6173">
                  <c:v>42699</c:v>
                </c:pt>
                <c:pt idx="6174">
                  <c:v>42700</c:v>
                </c:pt>
                <c:pt idx="6175">
                  <c:v>42701</c:v>
                </c:pt>
                <c:pt idx="6176">
                  <c:v>42702</c:v>
                </c:pt>
                <c:pt idx="6177">
                  <c:v>42703</c:v>
                </c:pt>
                <c:pt idx="6178">
                  <c:v>42704</c:v>
                </c:pt>
                <c:pt idx="6179">
                  <c:v>42705</c:v>
                </c:pt>
                <c:pt idx="6180">
                  <c:v>42706</c:v>
                </c:pt>
                <c:pt idx="6181">
                  <c:v>42707</c:v>
                </c:pt>
                <c:pt idx="6182">
                  <c:v>42708</c:v>
                </c:pt>
                <c:pt idx="6183">
                  <c:v>42709</c:v>
                </c:pt>
                <c:pt idx="6184">
                  <c:v>42710</c:v>
                </c:pt>
                <c:pt idx="6185">
                  <c:v>42711</c:v>
                </c:pt>
                <c:pt idx="6186">
                  <c:v>42712</c:v>
                </c:pt>
                <c:pt idx="6187">
                  <c:v>42713</c:v>
                </c:pt>
                <c:pt idx="6188">
                  <c:v>42714</c:v>
                </c:pt>
                <c:pt idx="6189">
                  <c:v>42715</c:v>
                </c:pt>
                <c:pt idx="6190">
                  <c:v>42716</c:v>
                </c:pt>
                <c:pt idx="6191">
                  <c:v>42717</c:v>
                </c:pt>
                <c:pt idx="6192">
                  <c:v>42718</c:v>
                </c:pt>
                <c:pt idx="6193">
                  <c:v>42719</c:v>
                </c:pt>
                <c:pt idx="6194">
                  <c:v>42720</c:v>
                </c:pt>
                <c:pt idx="6195">
                  <c:v>42721</c:v>
                </c:pt>
                <c:pt idx="6196">
                  <c:v>42722</c:v>
                </c:pt>
                <c:pt idx="6197">
                  <c:v>42723</c:v>
                </c:pt>
                <c:pt idx="6198">
                  <c:v>42724</c:v>
                </c:pt>
                <c:pt idx="6199">
                  <c:v>42725</c:v>
                </c:pt>
                <c:pt idx="6200">
                  <c:v>42726</c:v>
                </c:pt>
                <c:pt idx="6201">
                  <c:v>42727</c:v>
                </c:pt>
                <c:pt idx="6202">
                  <c:v>42728</c:v>
                </c:pt>
                <c:pt idx="6203">
                  <c:v>42729</c:v>
                </c:pt>
                <c:pt idx="6204">
                  <c:v>42730</c:v>
                </c:pt>
                <c:pt idx="6205">
                  <c:v>42731</c:v>
                </c:pt>
                <c:pt idx="6206">
                  <c:v>42732</c:v>
                </c:pt>
                <c:pt idx="6207">
                  <c:v>42733</c:v>
                </c:pt>
                <c:pt idx="6208">
                  <c:v>42734</c:v>
                </c:pt>
                <c:pt idx="6209">
                  <c:v>42735</c:v>
                </c:pt>
                <c:pt idx="6210">
                  <c:v>42736</c:v>
                </c:pt>
                <c:pt idx="6211">
                  <c:v>42737</c:v>
                </c:pt>
                <c:pt idx="6212">
                  <c:v>42738</c:v>
                </c:pt>
                <c:pt idx="6213">
                  <c:v>42739</c:v>
                </c:pt>
                <c:pt idx="6214">
                  <c:v>42740</c:v>
                </c:pt>
                <c:pt idx="6215">
                  <c:v>42741</c:v>
                </c:pt>
                <c:pt idx="6216">
                  <c:v>42742</c:v>
                </c:pt>
                <c:pt idx="6217">
                  <c:v>42743</c:v>
                </c:pt>
                <c:pt idx="6218">
                  <c:v>42744</c:v>
                </c:pt>
                <c:pt idx="6219">
                  <c:v>42745</c:v>
                </c:pt>
                <c:pt idx="6220">
                  <c:v>42746</c:v>
                </c:pt>
                <c:pt idx="6221">
                  <c:v>42747</c:v>
                </c:pt>
                <c:pt idx="6222">
                  <c:v>42748</c:v>
                </c:pt>
                <c:pt idx="6223">
                  <c:v>42749</c:v>
                </c:pt>
                <c:pt idx="6224">
                  <c:v>42750</c:v>
                </c:pt>
                <c:pt idx="6225">
                  <c:v>42751</c:v>
                </c:pt>
                <c:pt idx="6226">
                  <c:v>42752</c:v>
                </c:pt>
                <c:pt idx="6227">
                  <c:v>42753</c:v>
                </c:pt>
                <c:pt idx="6228">
                  <c:v>42754</c:v>
                </c:pt>
                <c:pt idx="6229">
                  <c:v>42755</c:v>
                </c:pt>
                <c:pt idx="6230">
                  <c:v>42756</c:v>
                </c:pt>
                <c:pt idx="6231">
                  <c:v>42757</c:v>
                </c:pt>
                <c:pt idx="6232">
                  <c:v>42758</c:v>
                </c:pt>
                <c:pt idx="6233">
                  <c:v>42759</c:v>
                </c:pt>
                <c:pt idx="6234">
                  <c:v>42760</c:v>
                </c:pt>
                <c:pt idx="6235">
                  <c:v>42761</c:v>
                </c:pt>
                <c:pt idx="6236">
                  <c:v>42762</c:v>
                </c:pt>
                <c:pt idx="6237">
                  <c:v>42763</c:v>
                </c:pt>
                <c:pt idx="6238">
                  <c:v>42764</c:v>
                </c:pt>
                <c:pt idx="6239">
                  <c:v>42765</c:v>
                </c:pt>
                <c:pt idx="6240">
                  <c:v>42766</c:v>
                </c:pt>
                <c:pt idx="6241">
                  <c:v>42767</c:v>
                </c:pt>
                <c:pt idx="6242">
                  <c:v>42768</c:v>
                </c:pt>
                <c:pt idx="6243">
                  <c:v>42769</c:v>
                </c:pt>
                <c:pt idx="6244">
                  <c:v>42770</c:v>
                </c:pt>
                <c:pt idx="6245">
                  <c:v>42771</c:v>
                </c:pt>
                <c:pt idx="6246">
                  <c:v>42772</c:v>
                </c:pt>
                <c:pt idx="6247">
                  <c:v>42773</c:v>
                </c:pt>
                <c:pt idx="6248">
                  <c:v>42774</c:v>
                </c:pt>
                <c:pt idx="6249">
                  <c:v>42775</c:v>
                </c:pt>
                <c:pt idx="6250">
                  <c:v>42776</c:v>
                </c:pt>
                <c:pt idx="6251">
                  <c:v>42777</c:v>
                </c:pt>
                <c:pt idx="6252">
                  <c:v>42778</c:v>
                </c:pt>
                <c:pt idx="6253">
                  <c:v>42779</c:v>
                </c:pt>
                <c:pt idx="6254">
                  <c:v>42780</c:v>
                </c:pt>
                <c:pt idx="6255">
                  <c:v>42781</c:v>
                </c:pt>
                <c:pt idx="6256">
                  <c:v>42782</c:v>
                </c:pt>
                <c:pt idx="6257">
                  <c:v>42783</c:v>
                </c:pt>
                <c:pt idx="6258">
                  <c:v>42784</c:v>
                </c:pt>
                <c:pt idx="6259">
                  <c:v>42785</c:v>
                </c:pt>
                <c:pt idx="6260">
                  <c:v>42786</c:v>
                </c:pt>
                <c:pt idx="6261">
                  <c:v>42787</c:v>
                </c:pt>
                <c:pt idx="6262">
                  <c:v>42788</c:v>
                </c:pt>
                <c:pt idx="6263">
                  <c:v>42789</c:v>
                </c:pt>
                <c:pt idx="6264">
                  <c:v>42790</c:v>
                </c:pt>
                <c:pt idx="6265">
                  <c:v>42791</c:v>
                </c:pt>
                <c:pt idx="6266">
                  <c:v>42792</c:v>
                </c:pt>
                <c:pt idx="6267">
                  <c:v>42793</c:v>
                </c:pt>
                <c:pt idx="6268">
                  <c:v>42794</c:v>
                </c:pt>
                <c:pt idx="6269">
                  <c:v>42795</c:v>
                </c:pt>
                <c:pt idx="6270">
                  <c:v>42796</c:v>
                </c:pt>
                <c:pt idx="6271">
                  <c:v>42797</c:v>
                </c:pt>
                <c:pt idx="6272">
                  <c:v>42798</c:v>
                </c:pt>
                <c:pt idx="6273">
                  <c:v>42799</c:v>
                </c:pt>
                <c:pt idx="6274">
                  <c:v>42800</c:v>
                </c:pt>
                <c:pt idx="6275">
                  <c:v>42801</c:v>
                </c:pt>
                <c:pt idx="6276">
                  <c:v>42802</c:v>
                </c:pt>
                <c:pt idx="6277">
                  <c:v>42803</c:v>
                </c:pt>
                <c:pt idx="6278">
                  <c:v>42804</c:v>
                </c:pt>
                <c:pt idx="6279">
                  <c:v>42805</c:v>
                </c:pt>
                <c:pt idx="6280">
                  <c:v>42806</c:v>
                </c:pt>
                <c:pt idx="6281">
                  <c:v>42807</c:v>
                </c:pt>
                <c:pt idx="6282">
                  <c:v>42808</c:v>
                </c:pt>
                <c:pt idx="6283">
                  <c:v>42809</c:v>
                </c:pt>
                <c:pt idx="6284">
                  <c:v>42810</c:v>
                </c:pt>
                <c:pt idx="6285">
                  <c:v>42811</c:v>
                </c:pt>
                <c:pt idx="6286">
                  <c:v>42812</c:v>
                </c:pt>
                <c:pt idx="6287">
                  <c:v>42813</c:v>
                </c:pt>
                <c:pt idx="6288">
                  <c:v>42814</c:v>
                </c:pt>
                <c:pt idx="6289">
                  <c:v>42815</c:v>
                </c:pt>
                <c:pt idx="6290">
                  <c:v>42816</c:v>
                </c:pt>
                <c:pt idx="6291">
                  <c:v>42817</c:v>
                </c:pt>
                <c:pt idx="6292">
                  <c:v>42818</c:v>
                </c:pt>
                <c:pt idx="6293">
                  <c:v>42819</c:v>
                </c:pt>
                <c:pt idx="6294">
                  <c:v>42820</c:v>
                </c:pt>
                <c:pt idx="6295">
                  <c:v>42821</c:v>
                </c:pt>
                <c:pt idx="6296">
                  <c:v>42822</c:v>
                </c:pt>
                <c:pt idx="6297">
                  <c:v>42823</c:v>
                </c:pt>
                <c:pt idx="6298">
                  <c:v>42824</c:v>
                </c:pt>
                <c:pt idx="6299">
                  <c:v>42825</c:v>
                </c:pt>
                <c:pt idx="6300">
                  <c:v>42826</c:v>
                </c:pt>
                <c:pt idx="6301">
                  <c:v>42827</c:v>
                </c:pt>
                <c:pt idx="6302">
                  <c:v>42828</c:v>
                </c:pt>
                <c:pt idx="6303">
                  <c:v>42829</c:v>
                </c:pt>
                <c:pt idx="6304">
                  <c:v>42830</c:v>
                </c:pt>
                <c:pt idx="6305">
                  <c:v>42831</c:v>
                </c:pt>
                <c:pt idx="6306">
                  <c:v>42832</c:v>
                </c:pt>
                <c:pt idx="6307">
                  <c:v>42833</c:v>
                </c:pt>
                <c:pt idx="6308">
                  <c:v>42834</c:v>
                </c:pt>
                <c:pt idx="6309">
                  <c:v>42835</c:v>
                </c:pt>
                <c:pt idx="6310">
                  <c:v>42836</c:v>
                </c:pt>
                <c:pt idx="6311">
                  <c:v>42837</c:v>
                </c:pt>
                <c:pt idx="6312">
                  <c:v>42838</c:v>
                </c:pt>
                <c:pt idx="6313">
                  <c:v>42839</c:v>
                </c:pt>
                <c:pt idx="6314">
                  <c:v>42840</c:v>
                </c:pt>
                <c:pt idx="6315">
                  <c:v>42841</c:v>
                </c:pt>
                <c:pt idx="6316">
                  <c:v>42842</c:v>
                </c:pt>
                <c:pt idx="6317">
                  <c:v>42843</c:v>
                </c:pt>
                <c:pt idx="6318">
                  <c:v>42844</c:v>
                </c:pt>
                <c:pt idx="6319">
                  <c:v>42845</c:v>
                </c:pt>
                <c:pt idx="6320">
                  <c:v>42846</c:v>
                </c:pt>
                <c:pt idx="6321">
                  <c:v>42847</c:v>
                </c:pt>
                <c:pt idx="6322">
                  <c:v>42848</c:v>
                </c:pt>
                <c:pt idx="6323">
                  <c:v>42849</c:v>
                </c:pt>
                <c:pt idx="6324">
                  <c:v>42850</c:v>
                </c:pt>
                <c:pt idx="6325">
                  <c:v>42851</c:v>
                </c:pt>
                <c:pt idx="6326">
                  <c:v>42852</c:v>
                </c:pt>
                <c:pt idx="6327">
                  <c:v>42853</c:v>
                </c:pt>
                <c:pt idx="6328">
                  <c:v>42854</c:v>
                </c:pt>
                <c:pt idx="6329">
                  <c:v>42855</c:v>
                </c:pt>
                <c:pt idx="6330">
                  <c:v>42856</c:v>
                </c:pt>
                <c:pt idx="6331">
                  <c:v>42857</c:v>
                </c:pt>
                <c:pt idx="6332">
                  <c:v>42858</c:v>
                </c:pt>
                <c:pt idx="6333">
                  <c:v>42859</c:v>
                </c:pt>
                <c:pt idx="6334">
                  <c:v>42860</c:v>
                </c:pt>
                <c:pt idx="6335">
                  <c:v>42861</c:v>
                </c:pt>
                <c:pt idx="6336">
                  <c:v>42862</c:v>
                </c:pt>
                <c:pt idx="6337">
                  <c:v>42863</c:v>
                </c:pt>
                <c:pt idx="6338">
                  <c:v>42864</c:v>
                </c:pt>
                <c:pt idx="6339">
                  <c:v>42865</c:v>
                </c:pt>
                <c:pt idx="6340">
                  <c:v>42866</c:v>
                </c:pt>
                <c:pt idx="6341">
                  <c:v>42867</c:v>
                </c:pt>
                <c:pt idx="6342">
                  <c:v>42868</c:v>
                </c:pt>
                <c:pt idx="6343">
                  <c:v>42869</c:v>
                </c:pt>
                <c:pt idx="6344">
                  <c:v>42870</c:v>
                </c:pt>
                <c:pt idx="6345">
                  <c:v>42871</c:v>
                </c:pt>
                <c:pt idx="6346">
                  <c:v>42872</c:v>
                </c:pt>
                <c:pt idx="6347">
                  <c:v>42873</c:v>
                </c:pt>
                <c:pt idx="6348">
                  <c:v>42874</c:v>
                </c:pt>
                <c:pt idx="6349">
                  <c:v>42875</c:v>
                </c:pt>
                <c:pt idx="6350">
                  <c:v>42876</c:v>
                </c:pt>
                <c:pt idx="6351">
                  <c:v>42877</c:v>
                </c:pt>
                <c:pt idx="6352">
                  <c:v>42878</c:v>
                </c:pt>
                <c:pt idx="6353">
                  <c:v>42879</c:v>
                </c:pt>
                <c:pt idx="6354">
                  <c:v>42880</c:v>
                </c:pt>
                <c:pt idx="6355">
                  <c:v>42881</c:v>
                </c:pt>
                <c:pt idx="6356">
                  <c:v>42882</c:v>
                </c:pt>
                <c:pt idx="6357">
                  <c:v>42883</c:v>
                </c:pt>
                <c:pt idx="6358">
                  <c:v>42884</c:v>
                </c:pt>
                <c:pt idx="6359">
                  <c:v>42885</c:v>
                </c:pt>
                <c:pt idx="6360">
                  <c:v>42886</c:v>
                </c:pt>
                <c:pt idx="6361">
                  <c:v>42887</c:v>
                </c:pt>
                <c:pt idx="6362">
                  <c:v>42888</c:v>
                </c:pt>
                <c:pt idx="6363">
                  <c:v>42889</c:v>
                </c:pt>
                <c:pt idx="6364">
                  <c:v>42890</c:v>
                </c:pt>
                <c:pt idx="6365">
                  <c:v>42891</c:v>
                </c:pt>
                <c:pt idx="6366">
                  <c:v>42892</c:v>
                </c:pt>
                <c:pt idx="6367">
                  <c:v>42893</c:v>
                </c:pt>
                <c:pt idx="6368">
                  <c:v>42894</c:v>
                </c:pt>
                <c:pt idx="6369">
                  <c:v>42895</c:v>
                </c:pt>
                <c:pt idx="6370">
                  <c:v>42896</c:v>
                </c:pt>
                <c:pt idx="6371">
                  <c:v>42897</c:v>
                </c:pt>
                <c:pt idx="6372">
                  <c:v>42898</c:v>
                </c:pt>
                <c:pt idx="6373">
                  <c:v>42899</c:v>
                </c:pt>
                <c:pt idx="6374">
                  <c:v>42900</c:v>
                </c:pt>
                <c:pt idx="6375">
                  <c:v>42901</c:v>
                </c:pt>
                <c:pt idx="6376">
                  <c:v>42902</c:v>
                </c:pt>
                <c:pt idx="6377">
                  <c:v>42903</c:v>
                </c:pt>
                <c:pt idx="6378">
                  <c:v>42904</c:v>
                </c:pt>
                <c:pt idx="6379">
                  <c:v>42905</c:v>
                </c:pt>
                <c:pt idx="6380">
                  <c:v>42906</c:v>
                </c:pt>
                <c:pt idx="6381">
                  <c:v>42907</c:v>
                </c:pt>
                <c:pt idx="6382">
                  <c:v>42908</c:v>
                </c:pt>
                <c:pt idx="6383">
                  <c:v>42909</c:v>
                </c:pt>
                <c:pt idx="6384">
                  <c:v>42910</c:v>
                </c:pt>
                <c:pt idx="6385">
                  <c:v>42911</c:v>
                </c:pt>
                <c:pt idx="6386">
                  <c:v>42912</c:v>
                </c:pt>
                <c:pt idx="6387">
                  <c:v>42913</c:v>
                </c:pt>
                <c:pt idx="6388">
                  <c:v>42914</c:v>
                </c:pt>
                <c:pt idx="6389">
                  <c:v>42915</c:v>
                </c:pt>
                <c:pt idx="6390">
                  <c:v>42916</c:v>
                </c:pt>
                <c:pt idx="6391">
                  <c:v>42917</c:v>
                </c:pt>
                <c:pt idx="6392">
                  <c:v>42918</c:v>
                </c:pt>
                <c:pt idx="6393">
                  <c:v>42919</c:v>
                </c:pt>
                <c:pt idx="6394">
                  <c:v>42920</c:v>
                </c:pt>
                <c:pt idx="6395">
                  <c:v>42921</c:v>
                </c:pt>
                <c:pt idx="6396">
                  <c:v>42922</c:v>
                </c:pt>
                <c:pt idx="6397">
                  <c:v>42923</c:v>
                </c:pt>
                <c:pt idx="6398">
                  <c:v>42924</c:v>
                </c:pt>
                <c:pt idx="6399">
                  <c:v>42925</c:v>
                </c:pt>
                <c:pt idx="6400">
                  <c:v>42926</c:v>
                </c:pt>
                <c:pt idx="6401">
                  <c:v>42927</c:v>
                </c:pt>
                <c:pt idx="6402">
                  <c:v>42928</c:v>
                </c:pt>
                <c:pt idx="6403">
                  <c:v>42929</c:v>
                </c:pt>
                <c:pt idx="6404">
                  <c:v>42930</c:v>
                </c:pt>
                <c:pt idx="6405">
                  <c:v>42931</c:v>
                </c:pt>
                <c:pt idx="6406">
                  <c:v>42932</c:v>
                </c:pt>
                <c:pt idx="6407">
                  <c:v>42933</c:v>
                </c:pt>
                <c:pt idx="6408">
                  <c:v>42934</c:v>
                </c:pt>
                <c:pt idx="6409">
                  <c:v>42935</c:v>
                </c:pt>
                <c:pt idx="6410">
                  <c:v>42936</c:v>
                </c:pt>
                <c:pt idx="6411">
                  <c:v>42937</c:v>
                </c:pt>
                <c:pt idx="6412">
                  <c:v>42938</c:v>
                </c:pt>
                <c:pt idx="6413">
                  <c:v>42939</c:v>
                </c:pt>
                <c:pt idx="6414">
                  <c:v>42940</c:v>
                </c:pt>
                <c:pt idx="6415">
                  <c:v>42941</c:v>
                </c:pt>
                <c:pt idx="6416">
                  <c:v>42942</c:v>
                </c:pt>
                <c:pt idx="6417">
                  <c:v>42943</c:v>
                </c:pt>
                <c:pt idx="6418">
                  <c:v>42944</c:v>
                </c:pt>
                <c:pt idx="6419">
                  <c:v>42945</c:v>
                </c:pt>
                <c:pt idx="6420">
                  <c:v>42946</c:v>
                </c:pt>
                <c:pt idx="6421">
                  <c:v>42947</c:v>
                </c:pt>
                <c:pt idx="6422">
                  <c:v>42948</c:v>
                </c:pt>
                <c:pt idx="6423">
                  <c:v>42949</c:v>
                </c:pt>
                <c:pt idx="6424">
                  <c:v>42950</c:v>
                </c:pt>
                <c:pt idx="6425">
                  <c:v>42951</c:v>
                </c:pt>
                <c:pt idx="6426">
                  <c:v>42952</c:v>
                </c:pt>
                <c:pt idx="6427">
                  <c:v>42953</c:v>
                </c:pt>
                <c:pt idx="6428">
                  <c:v>42954</c:v>
                </c:pt>
                <c:pt idx="6429">
                  <c:v>42955</c:v>
                </c:pt>
                <c:pt idx="6430">
                  <c:v>42956</c:v>
                </c:pt>
                <c:pt idx="6431">
                  <c:v>42957</c:v>
                </c:pt>
                <c:pt idx="6432">
                  <c:v>42958</c:v>
                </c:pt>
                <c:pt idx="6433">
                  <c:v>42959</c:v>
                </c:pt>
                <c:pt idx="6434">
                  <c:v>42960</c:v>
                </c:pt>
                <c:pt idx="6435">
                  <c:v>42961</c:v>
                </c:pt>
                <c:pt idx="6436">
                  <c:v>42962</c:v>
                </c:pt>
                <c:pt idx="6437">
                  <c:v>42963</c:v>
                </c:pt>
                <c:pt idx="6438">
                  <c:v>42964</c:v>
                </c:pt>
                <c:pt idx="6439">
                  <c:v>42965</c:v>
                </c:pt>
                <c:pt idx="6440">
                  <c:v>42966</c:v>
                </c:pt>
                <c:pt idx="6441">
                  <c:v>42967</c:v>
                </c:pt>
                <c:pt idx="6442">
                  <c:v>42968</c:v>
                </c:pt>
                <c:pt idx="6443">
                  <c:v>42969</c:v>
                </c:pt>
                <c:pt idx="6444">
                  <c:v>42970</c:v>
                </c:pt>
                <c:pt idx="6445">
                  <c:v>42971</c:v>
                </c:pt>
                <c:pt idx="6446">
                  <c:v>42972</c:v>
                </c:pt>
                <c:pt idx="6447">
                  <c:v>42973</c:v>
                </c:pt>
                <c:pt idx="6448">
                  <c:v>42974</c:v>
                </c:pt>
                <c:pt idx="6449">
                  <c:v>42975</c:v>
                </c:pt>
                <c:pt idx="6450">
                  <c:v>42976</c:v>
                </c:pt>
                <c:pt idx="6451">
                  <c:v>42977</c:v>
                </c:pt>
                <c:pt idx="6452">
                  <c:v>42978</c:v>
                </c:pt>
                <c:pt idx="6453">
                  <c:v>42979</c:v>
                </c:pt>
                <c:pt idx="6454">
                  <c:v>42980</c:v>
                </c:pt>
                <c:pt idx="6455">
                  <c:v>42981</c:v>
                </c:pt>
                <c:pt idx="6456">
                  <c:v>42982</c:v>
                </c:pt>
                <c:pt idx="6457">
                  <c:v>42983</c:v>
                </c:pt>
                <c:pt idx="6458">
                  <c:v>42984</c:v>
                </c:pt>
                <c:pt idx="6459">
                  <c:v>42985</c:v>
                </c:pt>
                <c:pt idx="6460">
                  <c:v>42986</c:v>
                </c:pt>
                <c:pt idx="6461">
                  <c:v>42987</c:v>
                </c:pt>
                <c:pt idx="6462">
                  <c:v>42988</c:v>
                </c:pt>
                <c:pt idx="6463">
                  <c:v>42989</c:v>
                </c:pt>
                <c:pt idx="6464">
                  <c:v>42990</c:v>
                </c:pt>
                <c:pt idx="6465">
                  <c:v>42991</c:v>
                </c:pt>
                <c:pt idx="6466">
                  <c:v>42992</c:v>
                </c:pt>
                <c:pt idx="6467">
                  <c:v>42993</c:v>
                </c:pt>
                <c:pt idx="6468">
                  <c:v>42994</c:v>
                </c:pt>
                <c:pt idx="6469">
                  <c:v>42995</c:v>
                </c:pt>
                <c:pt idx="6470">
                  <c:v>42996</c:v>
                </c:pt>
                <c:pt idx="6471">
                  <c:v>42997</c:v>
                </c:pt>
                <c:pt idx="6472">
                  <c:v>42998</c:v>
                </c:pt>
                <c:pt idx="6473">
                  <c:v>42999</c:v>
                </c:pt>
                <c:pt idx="6474">
                  <c:v>43000</c:v>
                </c:pt>
                <c:pt idx="6475">
                  <c:v>43001</c:v>
                </c:pt>
                <c:pt idx="6476">
                  <c:v>43002</c:v>
                </c:pt>
                <c:pt idx="6477">
                  <c:v>43003</c:v>
                </c:pt>
                <c:pt idx="6478">
                  <c:v>43004</c:v>
                </c:pt>
                <c:pt idx="6479">
                  <c:v>43005</c:v>
                </c:pt>
                <c:pt idx="6480">
                  <c:v>43006</c:v>
                </c:pt>
                <c:pt idx="6481">
                  <c:v>43007</c:v>
                </c:pt>
                <c:pt idx="6482">
                  <c:v>43008</c:v>
                </c:pt>
                <c:pt idx="6483">
                  <c:v>43009</c:v>
                </c:pt>
                <c:pt idx="6484">
                  <c:v>43010</c:v>
                </c:pt>
                <c:pt idx="6485">
                  <c:v>43011</c:v>
                </c:pt>
                <c:pt idx="6486">
                  <c:v>43012</c:v>
                </c:pt>
                <c:pt idx="6487">
                  <c:v>43013</c:v>
                </c:pt>
                <c:pt idx="6488">
                  <c:v>43014</c:v>
                </c:pt>
                <c:pt idx="6489">
                  <c:v>43015</c:v>
                </c:pt>
                <c:pt idx="6490">
                  <c:v>43016</c:v>
                </c:pt>
                <c:pt idx="6491">
                  <c:v>43017</c:v>
                </c:pt>
                <c:pt idx="6492">
                  <c:v>43018</c:v>
                </c:pt>
                <c:pt idx="6493">
                  <c:v>43019</c:v>
                </c:pt>
                <c:pt idx="6494">
                  <c:v>43020</c:v>
                </c:pt>
                <c:pt idx="6495">
                  <c:v>43021</c:v>
                </c:pt>
                <c:pt idx="6496">
                  <c:v>43022</c:v>
                </c:pt>
                <c:pt idx="6497">
                  <c:v>43023</c:v>
                </c:pt>
                <c:pt idx="6498">
                  <c:v>43024</c:v>
                </c:pt>
                <c:pt idx="6499">
                  <c:v>43025</c:v>
                </c:pt>
                <c:pt idx="6500">
                  <c:v>43026</c:v>
                </c:pt>
                <c:pt idx="6501">
                  <c:v>43027</c:v>
                </c:pt>
                <c:pt idx="6502">
                  <c:v>43028</c:v>
                </c:pt>
                <c:pt idx="6503">
                  <c:v>43029</c:v>
                </c:pt>
                <c:pt idx="6504">
                  <c:v>43030</c:v>
                </c:pt>
                <c:pt idx="6505">
                  <c:v>43031</c:v>
                </c:pt>
                <c:pt idx="6506">
                  <c:v>43032</c:v>
                </c:pt>
                <c:pt idx="6507">
                  <c:v>43033</c:v>
                </c:pt>
                <c:pt idx="6508">
                  <c:v>43034</c:v>
                </c:pt>
                <c:pt idx="6509">
                  <c:v>43035</c:v>
                </c:pt>
                <c:pt idx="6510">
                  <c:v>43036</c:v>
                </c:pt>
                <c:pt idx="6511">
                  <c:v>43037</c:v>
                </c:pt>
                <c:pt idx="6512">
                  <c:v>43038</c:v>
                </c:pt>
                <c:pt idx="6513">
                  <c:v>43039</c:v>
                </c:pt>
                <c:pt idx="6514">
                  <c:v>43040</c:v>
                </c:pt>
                <c:pt idx="6515">
                  <c:v>43041</c:v>
                </c:pt>
                <c:pt idx="6516">
                  <c:v>43042</c:v>
                </c:pt>
                <c:pt idx="6517">
                  <c:v>43043</c:v>
                </c:pt>
                <c:pt idx="6518">
                  <c:v>43044</c:v>
                </c:pt>
                <c:pt idx="6519">
                  <c:v>43045</c:v>
                </c:pt>
                <c:pt idx="6520">
                  <c:v>43046</c:v>
                </c:pt>
                <c:pt idx="6521">
                  <c:v>43047</c:v>
                </c:pt>
                <c:pt idx="6522">
                  <c:v>43048</c:v>
                </c:pt>
                <c:pt idx="6523">
                  <c:v>43049</c:v>
                </c:pt>
                <c:pt idx="6524">
                  <c:v>43050</c:v>
                </c:pt>
                <c:pt idx="6525">
                  <c:v>43051</c:v>
                </c:pt>
                <c:pt idx="6526">
                  <c:v>43052</c:v>
                </c:pt>
                <c:pt idx="6527">
                  <c:v>43053</c:v>
                </c:pt>
                <c:pt idx="6528">
                  <c:v>43054</c:v>
                </c:pt>
                <c:pt idx="6529">
                  <c:v>43055</c:v>
                </c:pt>
                <c:pt idx="6530">
                  <c:v>43056</c:v>
                </c:pt>
                <c:pt idx="6531">
                  <c:v>43057</c:v>
                </c:pt>
                <c:pt idx="6532">
                  <c:v>43058</c:v>
                </c:pt>
                <c:pt idx="6533">
                  <c:v>43059</c:v>
                </c:pt>
                <c:pt idx="6534">
                  <c:v>43060</c:v>
                </c:pt>
                <c:pt idx="6535">
                  <c:v>43061</c:v>
                </c:pt>
                <c:pt idx="6536">
                  <c:v>43062</c:v>
                </c:pt>
                <c:pt idx="6537">
                  <c:v>43063</c:v>
                </c:pt>
                <c:pt idx="6538">
                  <c:v>43064</c:v>
                </c:pt>
                <c:pt idx="6539">
                  <c:v>43065</c:v>
                </c:pt>
                <c:pt idx="6540">
                  <c:v>43066</c:v>
                </c:pt>
                <c:pt idx="6541">
                  <c:v>43067</c:v>
                </c:pt>
                <c:pt idx="6542">
                  <c:v>43068</c:v>
                </c:pt>
                <c:pt idx="6543">
                  <c:v>43069</c:v>
                </c:pt>
                <c:pt idx="6544">
                  <c:v>43070</c:v>
                </c:pt>
                <c:pt idx="6545">
                  <c:v>43071</c:v>
                </c:pt>
                <c:pt idx="6546">
                  <c:v>43072</c:v>
                </c:pt>
                <c:pt idx="6547">
                  <c:v>43073</c:v>
                </c:pt>
                <c:pt idx="6548">
                  <c:v>43074</c:v>
                </c:pt>
                <c:pt idx="6549">
                  <c:v>43075</c:v>
                </c:pt>
                <c:pt idx="6550">
                  <c:v>43076</c:v>
                </c:pt>
                <c:pt idx="6551">
                  <c:v>43077</c:v>
                </c:pt>
                <c:pt idx="6552">
                  <c:v>43078</c:v>
                </c:pt>
                <c:pt idx="6553">
                  <c:v>43079</c:v>
                </c:pt>
                <c:pt idx="6554">
                  <c:v>43080</c:v>
                </c:pt>
                <c:pt idx="6555">
                  <c:v>43081</c:v>
                </c:pt>
                <c:pt idx="6556">
                  <c:v>43082</c:v>
                </c:pt>
                <c:pt idx="6557">
                  <c:v>43083</c:v>
                </c:pt>
                <c:pt idx="6558">
                  <c:v>43084</c:v>
                </c:pt>
                <c:pt idx="6559">
                  <c:v>43085</c:v>
                </c:pt>
                <c:pt idx="6560">
                  <c:v>43086</c:v>
                </c:pt>
                <c:pt idx="6561">
                  <c:v>43087</c:v>
                </c:pt>
                <c:pt idx="6562">
                  <c:v>43088</c:v>
                </c:pt>
                <c:pt idx="6563">
                  <c:v>43089</c:v>
                </c:pt>
                <c:pt idx="6564">
                  <c:v>43090</c:v>
                </c:pt>
                <c:pt idx="6565">
                  <c:v>43091</c:v>
                </c:pt>
                <c:pt idx="6566">
                  <c:v>43092</c:v>
                </c:pt>
                <c:pt idx="6567">
                  <c:v>43093</c:v>
                </c:pt>
                <c:pt idx="6568">
                  <c:v>43094</c:v>
                </c:pt>
                <c:pt idx="6569">
                  <c:v>43095</c:v>
                </c:pt>
                <c:pt idx="6570">
                  <c:v>43096</c:v>
                </c:pt>
                <c:pt idx="6571">
                  <c:v>43097</c:v>
                </c:pt>
                <c:pt idx="6572">
                  <c:v>43098</c:v>
                </c:pt>
                <c:pt idx="6573">
                  <c:v>43099</c:v>
                </c:pt>
                <c:pt idx="6574">
                  <c:v>43100</c:v>
                </c:pt>
                <c:pt idx="6575">
                  <c:v>43101</c:v>
                </c:pt>
                <c:pt idx="6576">
                  <c:v>43102</c:v>
                </c:pt>
                <c:pt idx="6577">
                  <c:v>43103</c:v>
                </c:pt>
                <c:pt idx="6578">
                  <c:v>43104</c:v>
                </c:pt>
                <c:pt idx="6579">
                  <c:v>43105</c:v>
                </c:pt>
                <c:pt idx="6580">
                  <c:v>43106</c:v>
                </c:pt>
                <c:pt idx="6581">
                  <c:v>43107</c:v>
                </c:pt>
                <c:pt idx="6582">
                  <c:v>43108</c:v>
                </c:pt>
                <c:pt idx="6583">
                  <c:v>43109</c:v>
                </c:pt>
                <c:pt idx="6584">
                  <c:v>43110</c:v>
                </c:pt>
                <c:pt idx="6585">
                  <c:v>43111</c:v>
                </c:pt>
                <c:pt idx="6586">
                  <c:v>43112</c:v>
                </c:pt>
                <c:pt idx="6587">
                  <c:v>43113</c:v>
                </c:pt>
                <c:pt idx="6588">
                  <c:v>43114</c:v>
                </c:pt>
                <c:pt idx="6589">
                  <c:v>43115</c:v>
                </c:pt>
                <c:pt idx="6590">
                  <c:v>43116</c:v>
                </c:pt>
                <c:pt idx="6591">
                  <c:v>43117</c:v>
                </c:pt>
                <c:pt idx="6592">
                  <c:v>43118</c:v>
                </c:pt>
                <c:pt idx="6593">
                  <c:v>43119</c:v>
                </c:pt>
                <c:pt idx="6594">
                  <c:v>43120</c:v>
                </c:pt>
                <c:pt idx="6595">
                  <c:v>43121</c:v>
                </c:pt>
                <c:pt idx="6596">
                  <c:v>43122</c:v>
                </c:pt>
                <c:pt idx="6597">
                  <c:v>43123</c:v>
                </c:pt>
                <c:pt idx="6598">
                  <c:v>43124</c:v>
                </c:pt>
                <c:pt idx="6599">
                  <c:v>43125</c:v>
                </c:pt>
                <c:pt idx="6600">
                  <c:v>43126</c:v>
                </c:pt>
                <c:pt idx="6601">
                  <c:v>43127</c:v>
                </c:pt>
                <c:pt idx="6602">
                  <c:v>43128</c:v>
                </c:pt>
                <c:pt idx="6603">
                  <c:v>43129</c:v>
                </c:pt>
                <c:pt idx="6604">
                  <c:v>43130</c:v>
                </c:pt>
                <c:pt idx="6605">
                  <c:v>43131</c:v>
                </c:pt>
                <c:pt idx="6606">
                  <c:v>43132</c:v>
                </c:pt>
                <c:pt idx="6607">
                  <c:v>43133</c:v>
                </c:pt>
                <c:pt idx="6608">
                  <c:v>43134</c:v>
                </c:pt>
                <c:pt idx="6609">
                  <c:v>43135</c:v>
                </c:pt>
                <c:pt idx="6610">
                  <c:v>43136</c:v>
                </c:pt>
                <c:pt idx="6611">
                  <c:v>43137</c:v>
                </c:pt>
                <c:pt idx="6612">
                  <c:v>43138</c:v>
                </c:pt>
                <c:pt idx="6613">
                  <c:v>43139</c:v>
                </c:pt>
                <c:pt idx="6614">
                  <c:v>43140</c:v>
                </c:pt>
                <c:pt idx="6615">
                  <c:v>43141</c:v>
                </c:pt>
                <c:pt idx="6616">
                  <c:v>43142</c:v>
                </c:pt>
                <c:pt idx="6617">
                  <c:v>43143</c:v>
                </c:pt>
                <c:pt idx="6618">
                  <c:v>43144</c:v>
                </c:pt>
                <c:pt idx="6619">
                  <c:v>43145</c:v>
                </c:pt>
                <c:pt idx="6620">
                  <c:v>43146</c:v>
                </c:pt>
                <c:pt idx="6621">
                  <c:v>43147</c:v>
                </c:pt>
                <c:pt idx="6622">
                  <c:v>43148</c:v>
                </c:pt>
                <c:pt idx="6623">
                  <c:v>43149</c:v>
                </c:pt>
                <c:pt idx="6624">
                  <c:v>43150</c:v>
                </c:pt>
                <c:pt idx="6625">
                  <c:v>43151</c:v>
                </c:pt>
                <c:pt idx="6626">
                  <c:v>43152</c:v>
                </c:pt>
                <c:pt idx="6627">
                  <c:v>43153</c:v>
                </c:pt>
                <c:pt idx="6628">
                  <c:v>43154</c:v>
                </c:pt>
                <c:pt idx="6629">
                  <c:v>43155</c:v>
                </c:pt>
                <c:pt idx="6630">
                  <c:v>43156</c:v>
                </c:pt>
                <c:pt idx="6631">
                  <c:v>43157</c:v>
                </c:pt>
                <c:pt idx="6632">
                  <c:v>43158</c:v>
                </c:pt>
                <c:pt idx="6633">
                  <c:v>43159</c:v>
                </c:pt>
                <c:pt idx="6634">
                  <c:v>43160</c:v>
                </c:pt>
                <c:pt idx="6635">
                  <c:v>43161</c:v>
                </c:pt>
                <c:pt idx="6636">
                  <c:v>43162</c:v>
                </c:pt>
                <c:pt idx="6637">
                  <c:v>43163</c:v>
                </c:pt>
                <c:pt idx="6638">
                  <c:v>43164</c:v>
                </c:pt>
                <c:pt idx="6639">
                  <c:v>43165</c:v>
                </c:pt>
                <c:pt idx="6640">
                  <c:v>43166</c:v>
                </c:pt>
                <c:pt idx="6641">
                  <c:v>43167</c:v>
                </c:pt>
                <c:pt idx="6642">
                  <c:v>43168</c:v>
                </c:pt>
                <c:pt idx="6643">
                  <c:v>43169</c:v>
                </c:pt>
                <c:pt idx="6644">
                  <c:v>43170</c:v>
                </c:pt>
                <c:pt idx="6645">
                  <c:v>43171</c:v>
                </c:pt>
                <c:pt idx="6646">
                  <c:v>43172</c:v>
                </c:pt>
                <c:pt idx="6647">
                  <c:v>43173</c:v>
                </c:pt>
                <c:pt idx="6648">
                  <c:v>43174</c:v>
                </c:pt>
                <c:pt idx="6649">
                  <c:v>43175</c:v>
                </c:pt>
                <c:pt idx="6650">
                  <c:v>43176</c:v>
                </c:pt>
                <c:pt idx="6651">
                  <c:v>43177</c:v>
                </c:pt>
                <c:pt idx="6652">
                  <c:v>43178</c:v>
                </c:pt>
                <c:pt idx="6653">
                  <c:v>43179</c:v>
                </c:pt>
                <c:pt idx="6654">
                  <c:v>43180</c:v>
                </c:pt>
                <c:pt idx="6655">
                  <c:v>43181</c:v>
                </c:pt>
                <c:pt idx="6656">
                  <c:v>43182</c:v>
                </c:pt>
                <c:pt idx="6657">
                  <c:v>43183</c:v>
                </c:pt>
                <c:pt idx="6658">
                  <c:v>43184</c:v>
                </c:pt>
                <c:pt idx="6659">
                  <c:v>43185</c:v>
                </c:pt>
                <c:pt idx="6660">
                  <c:v>43186</c:v>
                </c:pt>
                <c:pt idx="6661">
                  <c:v>43187</c:v>
                </c:pt>
                <c:pt idx="6662">
                  <c:v>43188</c:v>
                </c:pt>
                <c:pt idx="6663">
                  <c:v>43189</c:v>
                </c:pt>
                <c:pt idx="6664">
                  <c:v>43190</c:v>
                </c:pt>
                <c:pt idx="6665">
                  <c:v>43191</c:v>
                </c:pt>
                <c:pt idx="6666">
                  <c:v>43192</c:v>
                </c:pt>
                <c:pt idx="6667">
                  <c:v>43193</c:v>
                </c:pt>
                <c:pt idx="6668">
                  <c:v>43194</c:v>
                </c:pt>
                <c:pt idx="6669">
                  <c:v>43195</c:v>
                </c:pt>
                <c:pt idx="6670">
                  <c:v>43196</c:v>
                </c:pt>
                <c:pt idx="6671">
                  <c:v>43197</c:v>
                </c:pt>
                <c:pt idx="6672">
                  <c:v>43198</c:v>
                </c:pt>
                <c:pt idx="6673">
                  <c:v>43199</c:v>
                </c:pt>
                <c:pt idx="6674">
                  <c:v>43200</c:v>
                </c:pt>
                <c:pt idx="6675">
                  <c:v>43201</c:v>
                </c:pt>
                <c:pt idx="6676">
                  <c:v>43202</c:v>
                </c:pt>
                <c:pt idx="6677">
                  <c:v>43203</c:v>
                </c:pt>
                <c:pt idx="6678">
                  <c:v>43204</c:v>
                </c:pt>
                <c:pt idx="6679">
                  <c:v>43205</c:v>
                </c:pt>
                <c:pt idx="6680">
                  <c:v>43206</c:v>
                </c:pt>
                <c:pt idx="6681">
                  <c:v>43207</c:v>
                </c:pt>
                <c:pt idx="6682">
                  <c:v>43208</c:v>
                </c:pt>
                <c:pt idx="6683">
                  <c:v>43209</c:v>
                </c:pt>
                <c:pt idx="6684">
                  <c:v>43210</c:v>
                </c:pt>
                <c:pt idx="6685">
                  <c:v>43211</c:v>
                </c:pt>
                <c:pt idx="6686">
                  <c:v>43212</c:v>
                </c:pt>
                <c:pt idx="6687">
                  <c:v>43213</c:v>
                </c:pt>
                <c:pt idx="6688">
                  <c:v>43214</c:v>
                </c:pt>
                <c:pt idx="6689">
                  <c:v>43215</c:v>
                </c:pt>
                <c:pt idx="6690">
                  <c:v>43216</c:v>
                </c:pt>
                <c:pt idx="6691">
                  <c:v>43217</c:v>
                </c:pt>
                <c:pt idx="6692">
                  <c:v>43218</c:v>
                </c:pt>
                <c:pt idx="6693">
                  <c:v>43219</c:v>
                </c:pt>
                <c:pt idx="6694">
                  <c:v>43220</c:v>
                </c:pt>
                <c:pt idx="6695">
                  <c:v>43221</c:v>
                </c:pt>
                <c:pt idx="6696">
                  <c:v>43222</c:v>
                </c:pt>
                <c:pt idx="6697">
                  <c:v>43223</c:v>
                </c:pt>
                <c:pt idx="6698">
                  <c:v>43224</c:v>
                </c:pt>
                <c:pt idx="6699">
                  <c:v>43225</c:v>
                </c:pt>
                <c:pt idx="6700">
                  <c:v>43226</c:v>
                </c:pt>
                <c:pt idx="6701">
                  <c:v>43227</c:v>
                </c:pt>
                <c:pt idx="6702">
                  <c:v>43228</c:v>
                </c:pt>
                <c:pt idx="6703">
                  <c:v>43229</c:v>
                </c:pt>
                <c:pt idx="6704">
                  <c:v>43230</c:v>
                </c:pt>
                <c:pt idx="6705">
                  <c:v>43231</c:v>
                </c:pt>
                <c:pt idx="6706">
                  <c:v>43232</c:v>
                </c:pt>
                <c:pt idx="6707">
                  <c:v>43233</c:v>
                </c:pt>
                <c:pt idx="6708">
                  <c:v>43234</c:v>
                </c:pt>
                <c:pt idx="6709">
                  <c:v>43235</c:v>
                </c:pt>
                <c:pt idx="6710">
                  <c:v>43236</c:v>
                </c:pt>
                <c:pt idx="6711">
                  <c:v>43237</c:v>
                </c:pt>
                <c:pt idx="6712">
                  <c:v>43238</c:v>
                </c:pt>
                <c:pt idx="6713">
                  <c:v>43239</c:v>
                </c:pt>
                <c:pt idx="6714">
                  <c:v>43240</c:v>
                </c:pt>
                <c:pt idx="6715">
                  <c:v>43241</c:v>
                </c:pt>
                <c:pt idx="6716">
                  <c:v>43242</c:v>
                </c:pt>
                <c:pt idx="6717">
                  <c:v>43243</c:v>
                </c:pt>
                <c:pt idx="6718">
                  <c:v>43244</c:v>
                </c:pt>
                <c:pt idx="6719">
                  <c:v>43245</c:v>
                </c:pt>
                <c:pt idx="6720">
                  <c:v>43246</c:v>
                </c:pt>
                <c:pt idx="6721">
                  <c:v>43247</c:v>
                </c:pt>
                <c:pt idx="6722">
                  <c:v>43248</c:v>
                </c:pt>
                <c:pt idx="6723">
                  <c:v>43249</c:v>
                </c:pt>
                <c:pt idx="6724">
                  <c:v>43250</c:v>
                </c:pt>
                <c:pt idx="6725">
                  <c:v>43251</c:v>
                </c:pt>
                <c:pt idx="6726">
                  <c:v>43252</c:v>
                </c:pt>
                <c:pt idx="6727">
                  <c:v>43253</c:v>
                </c:pt>
                <c:pt idx="6728">
                  <c:v>43254</c:v>
                </c:pt>
                <c:pt idx="6729">
                  <c:v>43255</c:v>
                </c:pt>
                <c:pt idx="6730">
                  <c:v>43256</c:v>
                </c:pt>
                <c:pt idx="6731">
                  <c:v>43257</c:v>
                </c:pt>
                <c:pt idx="6732">
                  <c:v>43258</c:v>
                </c:pt>
                <c:pt idx="6733">
                  <c:v>43259</c:v>
                </c:pt>
                <c:pt idx="6734">
                  <c:v>43260</c:v>
                </c:pt>
                <c:pt idx="6735">
                  <c:v>43261</c:v>
                </c:pt>
                <c:pt idx="6736">
                  <c:v>43262</c:v>
                </c:pt>
                <c:pt idx="6737">
                  <c:v>43263</c:v>
                </c:pt>
                <c:pt idx="6738">
                  <c:v>43264</c:v>
                </c:pt>
                <c:pt idx="6739">
                  <c:v>43265</c:v>
                </c:pt>
                <c:pt idx="6740">
                  <c:v>43266</c:v>
                </c:pt>
                <c:pt idx="6741">
                  <c:v>43267</c:v>
                </c:pt>
                <c:pt idx="6742">
                  <c:v>43268</c:v>
                </c:pt>
                <c:pt idx="6743">
                  <c:v>43269</c:v>
                </c:pt>
                <c:pt idx="6744">
                  <c:v>43270</c:v>
                </c:pt>
                <c:pt idx="6745">
                  <c:v>43271</c:v>
                </c:pt>
                <c:pt idx="6746">
                  <c:v>43272</c:v>
                </c:pt>
                <c:pt idx="6747">
                  <c:v>43273</c:v>
                </c:pt>
                <c:pt idx="6748">
                  <c:v>43274</c:v>
                </c:pt>
                <c:pt idx="6749">
                  <c:v>43275</c:v>
                </c:pt>
                <c:pt idx="6750">
                  <c:v>43276</c:v>
                </c:pt>
                <c:pt idx="6751">
                  <c:v>43277</c:v>
                </c:pt>
                <c:pt idx="6752">
                  <c:v>43278</c:v>
                </c:pt>
                <c:pt idx="6753">
                  <c:v>43279</c:v>
                </c:pt>
                <c:pt idx="6754">
                  <c:v>43280</c:v>
                </c:pt>
                <c:pt idx="6755">
                  <c:v>43281</c:v>
                </c:pt>
                <c:pt idx="6756">
                  <c:v>43282</c:v>
                </c:pt>
                <c:pt idx="6757">
                  <c:v>43283</c:v>
                </c:pt>
                <c:pt idx="6758">
                  <c:v>43284</c:v>
                </c:pt>
                <c:pt idx="6759">
                  <c:v>43285</c:v>
                </c:pt>
                <c:pt idx="6760">
                  <c:v>43286</c:v>
                </c:pt>
                <c:pt idx="6761">
                  <c:v>43287</c:v>
                </c:pt>
                <c:pt idx="6762">
                  <c:v>43288</c:v>
                </c:pt>
                <c:pt idx="6763">
                  <c:v>43289</c:v>
                </c:pt>
                <c:pt idx="6764">
                  <c:v>43290</c:v>
                </c:pt>
                <c:pt idx="6765">
                  <c:v>43291</c:v>
                </c:pt>
                <c:pt idx="6766">
                  <c:v>43292</c:v>
                </c:pt>
                <c:pt idx="6767">
                  <c:v>43293</c:v>
                </c:pt>
                <c:pt idx="6768">
                  <c:v>43294</c:v>
                </c:pt>
                <c:pt idx="6769">
                  <c:v>43295</c:v>
                </c:pt>
                <c:pt idx="6770">
                  <c:v>43296</c:v>
                </c:pt>
                <c:pt idx="6771">
                  <c:v>43297</c:v>
                </c:pt>
                <c:pt idx="6772">
                  <c:v>43298</c:v>
                </c:pt>
                <c:pt idx="6773">
                  <c:v>43299</c:v>
                </c:pt>
                <c:pt idx="6774">
                  <c:v>43300</c:v>
                </c:pt>
                <c:pt idx="6775">
                  <c:v>43301</c:v>
                </c:pt>
                <c:pt idx="6776">
                  <c:v>43302</c:v>
                </c:pt>
                <c:pt idx="6777">
                  <c:v>43303</c:v>
                </c:pt>
                <c:pt idx="6778">
                  <c:v>43304</c:v>
                </c:pt>
                <c:pt idx="6779">
                  <c:v>43305</c:v>
                </c:pt>
                <c:pt idx="6780">
                  <c:v>43306</c:v>
                </c:pt>
                <c:pt idx="6781">
                  <c:v>43307</c:v>
                </c:pt>
                <c:pt idx="6782">
                  <c:v>43308</c:v>
                </c:pt>
                <c:pt idx="6783">
                  <c:v>43309</c:v>
                </c:pt>
                <c:pt idx="6784">
                  <c:v>43310</c:v>
                </c:pt>
                <c:pt idx="6785">
                  <c:v>43311</c:v>
                </c:pt>
                <c:pt idx="6786">
                  <c:v>43312</c:v>
                </c:pt>
                <c:pt idx="6787">
                  <c:v>43313</c:v>
                </c:pt>
                <c:pt idx="6788">
                  <c:v>43314</c:v>
                </c:pt>
                <c:pt idx="6789">
                  <c:v>43315</c:v>
                </c:pt>
                <c:pt idx="6790">
                  <c:v>43316</c:v>
                </c:pt>
                <c:pt idx="6791">
                  <c:v>43317</c:v>
                </c:pt>
                <c:pt idx="6792">
                  <c:v>43318</c:v>
                </c:pt>
                <c:pt idx="6793">
                  <c:v>43319</c:v>
                </c:pt>
                <c:pt idx="6794">
                  <c:v>43320</c:v>
                </c:pt>
                <c:pt idx="6795">
                  <c:v>43321</c:v>
                </c:pt>
                <c:pt idx="6796">
                  <c:v>43322</c:v>
                </c:pt>
                <c:pt idx="6797">
                  <c:v>43323</c:v>
                </c:pt>
                <c:pt idx="6798">
                  <c:v>43324</c:v>
                </c:pt>
                <c:pt idx="6799">
                  <c:v>43325</c:v>
                </c:pt>
                <c:pt idx="6800">
                  <c:v>43326</c:v>
                </c:pt>
                <c:pt idx="6801">
                  <c:v>43327</c:v>
                </c:pt>
                <c:pt idx="6802">
                  <c:v>43328</c:v>
                </c:pt>
                <c:pt idx="6803">
                  <c:v>43329</c:v>
                </c:pt>
                <c:pt idx="6804">
                  <c:v>43330</c:v>
                </c:pt>
                <c:pt idx="6805">
                  <c:v>43331</c:v>
                </c:pt>
                <c:pt idx="6806">
                  <c:v>43332</c:v>
                </c:pt>
                <c:pt idx="6807">
                  <c:v>43333</c:v>
                </c:pt>
                <c:pt idx="6808">
                  <c:v>43334</c:v>
                </c:pt>
                <c:pt idx="6809">
                  <c:v>43335</c:v>
                </c:pt>
                <c:pt idx="6810">
                  <c:v>43336</c:v>
                </c:pt>
                <c:pt idx="6811">
                  <c:v>43337</c:v>
                </c:pt>
                <c:pt idx="6812">
                  <c:v>43338</c:v>
                </c:pt>
                <c:pt idx="6813">
                  <c:v>43339</c:v>
                </c:pt>
                <c:pt idx="6814">
                  <c:v>43340</c:v>
                </c:pt>
                <c:pt idx="6815">
                  <c:v>43341</c:v>
                </c:pt>
                <c:pt idx="6816">
                  <c:v>43342</c:v>
                </c:pt>
                <c:pt idx="6817">
                  <c:v>43343</c:v>
                </c:pt>
                <c:pt idx="6818">
                  <c:v>43344</c:v>
                </c:pt>
                <c:pt idx="6819">
                  <c:v>43345</c:v>
                </c:pt>
                <c:pt idx="6820">
                  <c:v>43346</c:v>
                </c:pt>
                <c:pt idx="6821">
                  <c:v>43347</c:v>
                </c:pt>
                <c:pt idx="6822">
                  <c:v>43348</c:v>
                </c:pt>
                <c:pt idx="6823">
                  <c:v>43349</c:v>
                </c:pt>
                <c:pt idx="6824">
                  <c:v>43350</c:v>
                </c:pt>
                <c:pt idx="6825">
                  <c:v>43351</c:v>
                </c:pt>
                <c:pt idx="6826">
                  <c:v>43352</c:v>
                </c:pt>
                <c:pt idx="6827">
                  <c:v>43353</c:v>
                </c:pt>
                <c:pt idx="6828">
                  <c:v>43354</c:v>
                </c:pt>
                <c:pt idx="6829">
                  <c:v>43355</c:v>
                </c:pt>
                <c:pt idx="6830">
                  <c:v>43356</c:v>
                </c:pt>
                <c:pt idx="6831">
                  <c:v>43357</c:v>
                </c:pt>
                <c:pt idx="6832">
                  <c:v>43358</c:v>
                </c:pt>
                <c:pt idx="6833">
                  <c:v>43359</c:v>
                </c:pt>
                <c:pt idx="6834">
                  <c:v>43360</c:v>
                </c:pt>
                <c:pt idx="6835">
                  <c:v>43361</c:v>
                </c:pt>
                <c:pt idx="6836">
                  <c:v>43362</c:v>
                </c:pt>
                <c:pt idx="6837">
                  <c:v>43363</c:v>
                </c:pt>
                <c:pt idx="6838">
                  <c:v>43364</c:v>
                </c:pt>
                <c:pt idx="6839">
                  <c:v>43365</c:v>
                </c:pt>
                <c:pt idx="6840">
                  <c:v>43366</c:v>
                </c:pt>
                <c:pt idx="6841">
                  <c:v>43367</c:v>
                </c:pt>
                <c:pt idx="6842">
                  <c:v>43368</c:v>
                </c:pt>
                <c:pt idx="6843">
                  <c:v>43369</c:v>
                </c:pt>
                <c:pt idx="6844">
                  <c:v>43370</c:v>
                </c:pt>
                <c:pt idx="6845">
                  <c:v>43371</c:v>
                </c:pt>
                <c:pt idx="6846">
                  <c:v>43372</c:v>
                </c:pt>
                <c:pt idx="6847">
                  <c:v>43373</c:v>
                </c:pt>
                <c:pt idx="6848">
                  <c:v>43374</c:v>
                </c:pt>
                <c:pt idx="6849">
                  <c:v>43375</c:v>
                </c:pt>
                <c:pt idx="6850">
                  <c:v>43376</c:v>
                </c:pt>
                <c:pt idx="6851">
                  <c:v>43377</c:v>
                </c:pt>
                <c:pt idx="6852">
                  <c:v>43378</c:v>
                </c:pt>
                <c:pt idx="6853">
                  <c:v>43379</c:v>
                </c:pt>
                <c:pt idx="6854">
                  <c:v>43380</c:v>
                </c:pt>
                <c:pt idx="6855">
                  <c:v>43381</c:v>
                </c:pt>
                <c:pt idx="6856">
                  <c:v>43382</c:v>
                </c:pt>
                <c:pt idx="6857">
                  <c:v>43383</c:v>
                </c:pt>
                <c:pt idx="6858">
                  <c:v>43384</c:v>
                </c:pt>
                <c:pt idx="6859">
                  <c:v>43385</c:v>
                </c:pt>
                <c:pt idx="6860">
                  <c:v>43386</c:v>
                </c:pt>
                <c:pt idx="6861">
                  <c:v>43387</c:v>
                </c:pt>
                <c:pt idx="6862">
                  <c:v>43388</c:v>
                </c:pt>
                <c:pt idx="6863">
                  <c:v>43389</c:v>
                </c:pt>
                <c:pt idx="6864">
                  <c:v>43390</c:v>
                </c:pt>
                <c:pt idx="6865">
                  <c:v>43391</c:v>
                </c:pt>
                <c:pt idx="6866">
                  <c:v>43392</c:v>
                </c:pt>
                <c:pt idx="6867">
                  <c:v>43393</c:v>
                </c:pt>
                <c:pt idx="6868">
                  <c:v>43394</c:v>
                </c:pt>
                <c:pt idx="6869">
                  <c:v>43395</c:v>
                </c:pt>
                <c:pt idx="6870">
                  <c:v>43396</c:v>
                </c:pt>
                <c:pt idx="6871">
                  <c:v>43397</c:v>
                </c:pt>
                <c:pt idx="6872">
                  <c:v>43398</c:v>
                </c:pt>
                <c:pt idx="6873">
                  <c:v>43399</c:v>
                </c:pt>
                <c:pt idx="6874">
                  <c:v>43400</c:v>
                </c:pt>
                <c:pt idx="6875">
                  <c:v>43401</c:v>
                </c:pt>
                <c:pt idx="6876">
                  <c:v>43402</c:v>
                </c:pt>
                <c:pt idx="6877">
                  <c:v>43403</c:v>
                </c:pt>
                <c:pt idx="6878">
                  <c:v>43404</c:v>
                </c:pt>
                <c:pt idx="6879">
                  <c:v>43405</c:v>
                </c:pt>
                <c:pt idx="6880">
                  <c:v>43406</c:v>
                </c:pt>
                <c:pt idx="6881">
                  <c:v>43407</c:v>
                </c:pt>
                <c:pt idx="6882">
                  <c:v>43408</c:v>
                </c:pt>
                <c:pt idx="6883">
                  <c:v>43409</c:v>
                </c:pt>
                <c:pt idx="6884">
                  <c:v>43410</c:v>
                </c:pt>
                <c:pt idx="6885">
                  <c:v>43411</c:v>
                </c:pt>
                <c:pt idx="6886">
                  <c:v>43412</c:v>
                </c:pt>
                <c:pt idx="6887">
                  <c:v>43413</c:v>
                </c:pt>
                <c:pt idx="6888">
                  <c:v>43414</c:v>
                </c:pt>
                <c:pt idx="6889">
                  <c:v>43415</c:v>
                </c:pt>
                <c:pt idx="6890">
                  <c:v>43416</c:v>
                </c:pt>
                <c:pt idx="6891">
                  <c:v>43417</c:v>
                </c:pt>
                <c:pt idx="6892">
                  <c:v>43418</c:v>
                </c:pt>
                <c:pt idx="6893">
                  <c:v>43419</c:v>
                </c:pt>
                <c:pt idx="6894">
                  <c:v>43420</c:v>
                </c:pt>
                <c:pt idx="6895">
                  <c:v>43421</c:v>
                </c:pt>
                <c:pt idx="6896">
                  <c:v>43422</c:v>
                </c:pt>
                <c:pt idx="6897">
                  <c:v>43423</c:v>
                </c:pt>
                <c:pt idx="6898">
                  <c:v>43424</c:v>
                </c:pt>
                <c:pt idx="6899">
                  <c:v>43425</c:v>
                </c:pt>
                <c:pt idx="6900">
                  <c:v>43426</c:v>
                </c:pt>
                <c:pt idx="6901">
                  <c:v>43427</c:v>
                </c:pt>
                <c:pt idx="6902">
                  <c:v>43428</c:v>
                </c:pt>
                <c:pt idx="6903">
                  <c:v>43429</c:v>
                </c:pt>
                <c:pt idx="6904">
                  <c:v>43430</c:v>
                </c:pt>
                <c:pt idx="6905">
                  <c:v>43431</c:v>
                </c:pt>
                <c:pt idx="6906">
                  <c:v>43432</c:v>
                </c:pt>
                <c:pt idx="6907">
                  <c:v>43433</c:v>
                </c:pt>
                <c:pt idx="6908">
                  <c:v>43434</c:v>
                </c:pt>
                <c:pt idx="6909">
                  <c:v>43435</c:v>
                </c:pt>
                <c:pt idx="6910">
                  <c:v>43436</c:v>
                </c:pt>
                <c:pt idx="6911">
                  <c:v>43437</c:v>
                </c:pt>
                <c:pt idx="6912">
                  <c:v>43438</c:v>
                </c:pt>
                <c:pt idx="6913">
                  <c:v>43439</c:v>
                </c:pt>
                <c:pt idx="6914">
                  <c:v>43440</c:v>
                </c:pt>
                <c:pt idx="6915">
                  <c:v>43441</c:v>
                </c:pt>
                <c:pt idx="6916">
                  <c:v>43442</c:v>
                </c:pt>
                <c:pt idx="6917">
                  <c:v>43443</c:v>
                </c:pt>
                <c:pt idx="6918">
                  <c:v>43444</c:v>
                </c:pt>
                <c:pt idx="6919">
                  <c:v>43445</c:v>
                </c:pt>
                <c:pt idx="6920">
                  <c:v>43446</c:v>
                </c:pt>
                <c:pt idx="6921">
                  <c:v>43447</c:v>
                </c:pt>
                <c:pt idx="6922">
                  <c:v>43448</c:v>
                </c:pt>
                <c:pt idx="6923">
                  <c:v>43449</c:v>
                </c:pt>
                <c:pt idx="6924">
                  <c:v>43450</c:v>
                </c:pt>
                <c:pt idx="6925">
                  <c:v>43451</c:v>
                </c:pt>
                <c:pt idx="6926">
                  <c:v>43452</c:v>
                </c:pt>
                <c:pt idx="6927">
                  <c:v>43453</c:v>
                </c:pt>
                <c:pt idx="6928">
                  <c:v>43454</c:v>
                </c:pt>
                <c:pt idx="6929">
                  <c:v>43455</c:v>
                </c:pt>
                <c:pt idx="6930">
                  <c:v>43456</c:v>
                </c:pt>
                <c:pt idx="6931">
                  <c:v>43457</c:v>
                </c:pt>
                <c:pt idx="6932">
                  <c:v>43458</c:v>
                </c:pt>
                <c:pt idx="6933">
                  <c:v>43459</c:v>
                </c:pt>
                <c:pt idx="6934">
                  <c:v>43460</c:v>
                </c:pt>
                <c:pt idx="6935">
                  <c:v>43461</c:v>
                </c:pt>
                <c:pt idx="6936">
                  <c:v>43462</c:v>
                </c:pt>
                <c:pt idx="6937">
                  <c:v>43463</c:v>
                </c:pt>
                <c:pt idx="6938">
                  <c:v>43464</c:v>
                </c:pt>
                <c:pt idx="6939">
                  <c:v>43465</c:v>
                </c:pt>
                <c:pt idx="6940">
                  <c:v>43466</c:v>
                </c:pt>
                <c:pt idx="6941">
                  <c:v>43467</c:v>
                </c:pt>
                <c:pt idx="6942">
                  <c:v>43468</c:v>
                </c:pt>
                <c:pt idx="6943">
                  <c:v>43469</c:v>
                </c:pt>
                <c:pt idx="6944">
                  <c:v>43470</c:v>
                </c:pt>
                <c:pt idx="6945">
                  <c:v>43471</c:v>
                </c:pt>
                <c:pt idx="6946">
                  <c:v>43472</c:v>
                </c:pt>
                <c:pt idx="6947">
                  <c:v>43473</c:v>
                </c:pt>
                <c:pt idx="6948">
                  <c:v>43474</c:v>
                </c:pt>
                <c:pt idx="6949">
                  <c:v>43475</c:v>
                </c:pt>
                <c:pt idx="6950">
                  <c:v>43476</c:v>
                </c:pt>
                <c:pt idx="6951">
                  <c:v>43477</c:v>
                </c:pt>
                <c:pt idx="6952">
                  <c:v>43478</c:v>
                </c:pt>
                <c:pt idx="6953">
                  <c:v>43479</c:v>
                </c:pt>
                <c:pt idx="6954">
                  <c:v>43480</c:v>
                </c:pt>
                <c:pt idx="6955">
                  <c:v>43481</c:v>
                </c:pt>
                <c:pt idx="6956">
                  <c:v>43482</c:v>
                </c:pt>
                <c:pt idx="6957">
                  <c:v>43483</c:v>
                </c:pt>
                <c:pt idx="6958">
                  <c:v>43484</c:v>
                </c:pt>
                <c:pt idx="6959">
                  <c:v>43485</c:v>
                </c:pt>
                <c:pt idx="6960">
                  <c:v>43486</c:v>
                </c:pt>
                <c:pt idx="6961">
                  <c:v>43487</c:v>
                </c:pt>
                <c:pt idx="6962">
                  <c:v>43488</c:v>
                </c:pt>
                <c:pt idx="6963">
                  <c:v>43489</c:v>
                </c:pt>
                <c:pt idx="6964">
                  <c:v>43490</c:v>
                </c:pt>
                <c:pt idx="6965">
                  <c:v>43491</c:v>
                </c:pt>
                <c:pt idx="6966">
                  <c:v>43492</c:v>
                </c:pt>
                <c:pt idx="6967">
                  <c:v>43493</c:v>
                </c:pt>
                <c:pt idx="6968">
                  <c:v>43494</c:v>
                </c:pt>
                <c:pt idx="6969">
                  <c:v>43495</c:v>
                </c:pt>
                <c:pt idx="6970">
                  <c:v>43496</c:v>
                </c:pt>
                <c:pt idx="6971">
                  <c:v>43497</c:v>
                </c:pt>
                <c:pt idx="6972">
                  <c:v>43498</c:v>
                </c:pt>
                <c:pt idx="6973">
                  <c:v>43499</c:v>
                </c:pt>
                <c:pt idx="6974">
                  <c:v>43500</c:v>
                </c:pt>
                <c:pt idx="6975">
                  <c:v>43501</c:v>
                </c:pt>
                <c:pt idx="6976">
                  <c:v>43502</c:v>
                </c:pt>
                <c:pt idx="6977">
                  <c:v>43503</c:v>
                </c:pt>
                <c:pt idx="6978">
                  <c:v>43504</c:v>
                </c:pt>
                <c:pt idx="6979">
                  <c:v>43505</c:v>
                </c:pt>
                <c:pt idx="6980">
                  <c:v>43506</c:v>
                </c:pt>
                <c:pt idx="6981">
                  <c:v>43507</c:v>
                </c:pt>
                <c:pt idx="6982">
                  <c:v>43508</c:v>
                </c:pt>
                <c:pt idx="6983">
                  <c:v>43509</c:v>
                </c:pt>
                <c:pt idx="6984">
                  <c:v>43510</c:v>
                </c:pt>
                <c:pt idx="6985">
                  <c:v>43511</c:v>
                </c:pt>
                <c:pt idx="6986">
                  <c:v>43512</c:v>
                </c:pt>
                <c:pt idx="6987">
                  <c:v>43513</c:v>
                </c:pt>
                <c:pt idx="6988">
                  <c:v>43514</c:v>
                </c:pt>
                <c:pt idx="6989">
                  <c:v>43515</c:v>
                </c:pt>
                <c:pt idx="6990">
                  <c:v>43516</c:v>
                </c:pt>
                <c:pt idx="6991">
                  <c:v>43517</c:v>
                </c:pt>
                <c:pt idx="6992">
                  <c:v>43518</c:v>
                </c:pt>
                <c:pt idx="6993">
                  <c:v>43519</c:v>
                </c:pt>
                <c:pt idx="6994">
                  <c:v>43520</c:v>
                </c:pt>
                <c:pt idx="6995">
                  <c:v>43521</c:v>
                </c:pt>
                <c:pt idx="6996">
                  <c:v>43522</c:v>
                </c:pt>
                <c:pt idx="6997">
                  <c:v>43523</c:v>
                </c:pt>
                <c:pt idx="6998">
                  <c:v>43524</c:v>
                </c:pt>
                <c:pt idx="6999">
                  <c:v>43525</c:v>
                </c:pt>
                <c:pt idx="7000">
                  <c:v>43526</c:v>
                </c:pt>
                <c:pt idx="7001">
                  <c:v>43527</c:v>
                </c:pt>
                <c:pt idx="7002">
                  <c:v>43528</c:v>
                </c:pt>
                <c:pt idx="7003">
                  <c:v>43529</c:v>
                </c:pt>
                <c:pt idx="7004">
                  <c:v>43530</c:v>
                </c:pt>
                <c:pt idx="7005">
                  <c:v>43531</c:v>
                </c:pt>
                <c:pt idx="7006">
                  <c:v>43532</c:v>
                </c:pt>
                <c:pt idx="7007">
                  <c:v>43533</c:v>
                </c:pt>
                <c:pt idx="7008">
                  <c:v>43534</c:v>
                </c:pt>
                <c:pt idx="7009">
                  <c:v>43535</c:v>
                </c:pt>
                <c:pt idx="7010">
                  <c:v>43536</c:v>
                </c:pt>
                <c:pt idx="7011">
                  <c:v>43537</c:v>
                </c:pt>
                <c:pt idx="7012">
                  <c:v>43538</c:v>
                </c:pt>
                <c:pt idx="7013">
                  <c:v>43539</c:v>
                </c:pt>
                <c:pt idx="7014">
                  <c:v>43540</c:v>
                </c:pt>
                <c:pt idx="7015">
                  <c:v>43541</c:v>
                </c:pt>
                <c:pt idx="7016">
                  <c:v>43542</c:v>
                </c:pt>
                <c:pt idx="7017">
                  <c:v>43543</c:v>
                </c:pt>
                <c:pt idx="7018">
                  <c:v>43544</c:v>
                </c:pt>
                <c:pt idx="7019">
                  <c:v>43545</c:v>
                </c:pt>
                <c:pt idx="7020">
                  <c:v>43546</c:v>
                </c:pt>
                <c:pt idx="7021">
                  <c:v>43547</c:v>
                </c:pt>
                <c:pt idx="7022">
                  <c:v>43548</c:v>
                </c:pt>
                <c:pt idx="7023">
                  <c:v>43549</c:v>
                </c:pt>
                <c:pt idx="7024">
                  <c:v>43550</c:v>
                </c:pt>
                <c:pt idx="7025">
                  <c:v>43551</c:v>
                </c:pt>
                <c:pt idx="7026">
                  <c:v>43552</c:v>
                </c:pt>
                <c:pt idx="7027">
                  <c:v>43553</c:v>
                </c:pt>
                <c:pt idx="7028">
                  <c:v>43554</c:v>
                </c:pt>
                <c:pt idx="7029">
                  <c:v>43555</c:v>
                </c:pt>
                <c:pt idx="7030">
                  <c:v>43556</c:v>
                </c:pt>
                <c:pt idx="7031">
                  <c:v>43557</c:v>
                </c:pt>
                <c:pt idx="7032">
                  <c:v>43558</c:v>
                </c:pt>
                <c:pt idx="7033">
                  <c:v>43559</c:v>
                </c:pt>
                <c:pt idx="7034">
                  <c:v>43560</c:v>
                </c:pt>
                <c:pt idx="7035">
                  <c:v>43561</c:v>
                </c:pt>
                <c:pt idx="7036">
                  <c:v>43562</c:v>
                </c:pt>
                <c:pt idx="7037">
                  <c:v>43563</c:v>
                </c:pt>
                <c:pt idx="7038">
                  <c:v>43564</c:v>
                </c:pt>
                <c:pt idx="7039">
                  <c:v>43565</c:v>
                </c:pt>
                <c:pt idx="7040">
                  <c:v>43566</c:v>
                </c:pt>
                <c:pt idx="7041">
                  <c:v>43567</c:v>
                </c:pt>
                <c:pt idx="7042">
                  <c:v>43568</c:v>
                </c:pt>
                <c:pt idx="7043">
                  <c:v>43569</c:v>
                </c:pt>
                <c:pt idx="7044">
                  <c:v>43570</c:v>
                </c:pt>
                <c:pt idx="7045">
                  <c:v>43571</c:v>
                </c:pt>
                <c:pt idx="7046">
                  <c:v>43572</c:v>
                </c:pt>
                <c:pt idx="7047">
                  <c:v>43573</c:v>
                </c:pt>
                <c:pt idx="7048">
                  <c:v>43574</c:v>
                </c:pt>
                <c:pt idx="7049">
                  <c:v>43575</c:v>
                </c:pt>
                <c:pt idx="7050">
                  <c:v>43576</c:v>
                </c:pt>
                <c:pt idx="7051">
                  <c:v>43577</c:v>
                </c:pt>
                <c:pt idx="7052">
                  <c:v>43578</c:v>
                </c:pt>
                <c:pt idx="7053">
                  <c:v>43579</c:v>
                </c:pt>
                <c:pt idx="7054">
                  <c:v>43580</c:v>
                </c:pt>
                <c:pt idx="7055">
                  <c:v>43581</c:v>
                </c:pt>
                <c:pt idx="7056">
                  <c:v>43582</c:v>
                </c:pt>
                <c:pt idx="7057">
                  <c:v>43583</c:v>
                </c:pt>
                <c:pt idx="7058">
                  <c:v>43584</c:v>
                </c:pt>
                <c:pt idx="7059">
                  <c:v>43585</c:v>
                </c:pt>
                <c:pt idx="7060">
                  <c:v>43586</c:v>
                </c:pt>
                <c:pt idx="7061">
                  <c:v>43587</c:v>
                </c:pt>
                <c:pt idx="7062">
                  <c:v>43588</c:v>
                </c:pt>
                <c:pt idx="7063">
                  <c:v>43589</c:v>
                </c:pt>
                <c:pt idx="7064">
                  <c:v>43590</c:v>
                </c:pt>
                <c:pt idx="7065">
                  <c:v>43591</c:v>
                </c:pt>
                <c:pt idx="7066">
                  <c:v>43592</c:v>
                </c:pt>
                <c:pt idx="7067">
                  <c:v>43593</c:v>
                </c:pt>
                <c:pt idx="7068">
                  <c:v>43594</c:v>
                </c:pt>
                <c:pt idx="7069">
                  <c:v>43595</c:v>
                </c:pt>
                <c:pt idx="7070">
                  <c:v>43596</c:v>
                </c:pt>
                <c:pt idx="7071">
                  <c:v>43597</c:v>
                </c:pt>
                <c:pt idx="7072">
                  <c:v>43598</c:v>
                </c:pt>
                <c:pt idx="7073">
                  <c:v>43599</c:v>
                </c:pt>
                <c:pt idx="7074">
                  <c:v>43600</c:v>
                </c:pt>
                <c:pt idx="7075">
                  <c:v>43601</c:v>
                </c:pt>
                <c:pt idx="7076">
                  <c:v>43602</c:v>
                </c:pt>
                <c:pt idx="7077">
                  <c:v>43603</c:v>
                </c:pt>
                <c:pt idx="7078">
                  <c:v>43604</c:v>
                </c:pt>
                <c:pt idx="7079">
                  <c:v>43605</c:v>
                </c:pt>
                <c:pt idx="7080">
                  <c:v>43606</c:v>
                </c:pt>
                <c:pt idx="7081">
                  <c:v>43607</c:v>
                </c:pt>
                <c:pt idx="7082">
                  <c:v>43608</c:v>
                </c:pt>
                <c:pt idx="7083">
                  <c:v>43609</c:v>
                </c:pt>
                <c:pt idx="7084">
                  <c:v>43610</c:v>
                </c:pt>
                <c:pt idx="7085">
                  <c:v>43611</c:v>
                </c:pt>
                <c:pt idx="7086">
                  <c:v>43612</c:v>
                </c:pt>
                <c:pt idx="7087">
                  <c:v>43613</c:v>
                </c:pt>
                <c:pt idx="7088">
                  <c:v>43614</c:v>
                </c:pt>
                <c:pt idx="7089">
                  <c:v>43615</c:v>
                </c:pt>
                <c:pt idx="7090">
                  <c:v>43616</c:v>
                </c:pt>
                <c:pt idx="7091">
                  <c:v>43617</c:v>
                </c:pt>
                <c:pt idx="7092">
                  <c:v>43618</c:v>
                </c:pt>
                <c:pt idx="7093">
                  <c:v>43619</c:v>
                </c:pt>
                <c:pt idx="7094">
                  <c:v>43620</c:v>
                </c:pt>
                <c:pt idx="7095">
                  <c:v>43621</c:v>
                </c:pt>
                <c:pt idx="7096">
                  <c:v>43622</c:v>
                </c:pt>
                <c:pt idx="7097">
                  <c:v>43623</c:v>
                </c:pt>
                <c:pt idx="7098">
                  <c:v>43624</c:v>
                </c:pt>
                <c:pt idx="7099">
                  <c:v>43625</c:v>
                </c:pt>
                <c:pt idx="7100">
                  <c:v>43626</c:v>
                </c:pt>
                <c:pt idx="7101">
                  <c:v>43627</c:v>
                </c:pt>
                <c:pt idx="7102">
                  <c:v>43628</c:v>
                </c:pt>
                <c:pt idx="7103">
                  <c:v>43629</c:v>
                </c:pt>
                <c:pt idx="7104">
                  <c:v>43630</c:v>
                </c:pt>
                <c:pt idx="7105">
                  <c:v>43631</c:v>
                </c:pt>
                <c:pt idx="7106">
                  <c:v>43632</c:v>
                </c:pt>
                <c:pt idx="7107">
                  <c:v>43633</c:v>
                </c:pt>
                <c:pt idx="7108">
                  <c:v>43634</c:v>
                </c:pt>
                <c:pt idx="7109">
                  <c:v>43635</c:v>
                </c:pt>
                <c:pt idx="7110">
                  <c:v>43636</c:v>
                </c:pt>
                <c:pt idx="7111">
                  <c:v>43637</c:v>
                </c:pt>
                <c:pt idx="7112">
                  <c:v>43638</c:v>
                </c:pt>
                <c:pt idx="7113">
                  <c:v>43639</c:v>
                </c:pt>
                <c:pt idx="7114">
                  <c:v>43640</c:v>
                </c:pt>
                <c:pt idx="7115">
                  <c:v>43641</c:v>
                </c:pt>
                <c:pt idx="7116">
                  <c:v>43642</c:v>
                </c:pt>
                <c:pt idx="7117">
                  <c:v>43643</c:v>
                </c:pt>
                <c:pt idx="7118">
                  <c:v>43644</c:v>
                </c:pt>
                <c:pt idx="7119">
                  <c:v>43645</c:v>
                </c:pt>
                <c:pt idx="7120">
                  <c:v>43646</c:v>
                </c:pt>
                <c:pt idx="7121">
                  <c:v>43647</c:v>
                </c:pt>
                <c:pt idx="7122">
                  <c:v>43648</c:v>
                </c:pt>
                <c:pt idx="7123">
                  <c:v>43649</c:v>
                </c:pt>
                <c:pt idx="7124">
                  <c:v>43650</c:v>
                </c:pt>
                <c:pt idx="7125">
                  <c:v>43651</c:v>
                </c:pt>
                <c:pt idx="7126">
                  <c:v>43652</c:v>
                </c:pt>
                <c:pt idx="7127">
                  <c:v>43653</c:v>
                </c:pt>
                <c:pt idx="7128">
                  <c:v>43654</c:v>
                </c:pt>
                <c:pt idx="7129">
                  <c:v>43655</c:v>
                </c:pt>
                <c:pt idx="7130">
                  <c:v>43656</c:v>
                </c:pt>
                <c:pt idx="7131">
                  <c:v>43657</c:v>
                </c:pt>
                <c:pt idx="7132">
                  <c:v>43658</c:v>
                </c:pt>
                <c:pt idx="7133">
                  <c:v>43659</c:v>
                </c:pt>
                <c:pt idx="7134">
                  <c:v>43660</c:v>
                </c:pt>
                <c:pt idx="7135">
                  <c:v>43661</c:v>
                </c:pt>
                <c:pt idx="7136">
                  <c:v>43662</c:v>
                </c:pt>
                <c:pt idx="7137">
                  <c:v>43663</c:v>
                </c:pt>
                <c:pt idx="7138">
                  <c:v>43664</c:v>
                </c:pt>
                <c:pt idx="7139">
                  <c:v>43665</c:v>
                </c:pt>
                <c:pt idx="7140">
                  <c:v>43666</c:v>
                </c:pt>
                <c:pt idx="7141">
                  <c:v>43667</c:v>
                </c:pt>
                <c:pt idx="7142">
                  <c:v>43668</c:v>
                </c:pt>
                <c:pt idx="7143">
                  <c:v>43669</c:v>
                </c:pt>
                <c:pt idx="7144">
                  <c:v>43670</c:v>
                </c:pt>
                <c:pt idx="7145">
                  <c:v>43671</c:v>
                </c:pt>
                <c:pt idx="7146">
                  <c:v>43672</c:v>
                </c:pt>
                <c:pt idx="7147">
                  <c:v>43673</c:v>
                </c:pt>
                <c:pt idx="7148">
                  <c:v>43674</c:v>
                </c:pt>
                <c:pt idx="7149">
                  <c:v>43675</c:v>
                </c:pt>
                <c:pt idx="7150">
                  <c:v>43676</c:v>
                </c:pt>
                <c:pt idx="7151">
                  <c:v>43677</c:v>
                </c:pt>
                <c:pt idx="7152">
                  <c:v>43678</c:v>
                </c:pt>
                <c:pt idx="7153">
                  <c:v>43679</c:v>
                </c:pt>
                <c:pt idx="7154">
                  <c:v>43680</c:v>
                </c:pt>
                <c:pt idx="7155">
                  <c:v>43681</c:v>
                </c:pt>
                <c:pt idx="7156">
                  <c:v>43682</c:v>
                </c:pt>
                <c:pt idx="7157">
                  <c:v>43683</c:v>
                </c:pt>
                <c:pt idx="7158">
                  <c:v>43684</c:v>
                </c:pt>
                <c:pt idx="7159">
                  <c:v>43685</c:v>
                </c:pt>
                <c:pt idx="7160">
                  <c:v>43686</c:v>
                </c:pt>
                <c:pt idx="7161">
                  <c:v>43687</c:v>
                </c:pt>
                <c:pt idx="7162">
                  <c:v>43688</c:v>
                </c:pt>
                <c:pt idx="7163">
                  <c:v>43689</c:v>
                </c:pt>
                <c:pt idx="7164">
                  <c:v>43690</c:v>
                </c:pt>
                <c:pt idx="7165">
                  <c:v>43691</c:v>
                </c:pt>
                <c:pt idx="7166">
                  <c:v>43692</c:v>
                </c:pt>
                <c:pt idx="7167">
                  <c:v>43693</c:v>
                </c:pt>
                <c:pt idx="7168">
                  <c:v>43694</c:v>
                </c:pt>
                <c:pt idx="7169">
                  <c:v>43695</c:v>
                </c:pt>
                <c:pt idx="7170">
                  <c:v>43696</c:v>
                </c:pt>
                <c:pt idx="7171">
                  <c:v>43697</c:v>
                </c:pt>
                <c:pt idx="7172">
                  <c:v>43698</c:v>
                </c:pt>
                <c:pt idx="7173">
                  <c:v>43699</c:v>
                </c:pt>
                <c:pt idx="7174">
                  <c:v>43700</c:v>
                </c:pt>
                <c:pt idx="7175">
                  <c:v>43701</c:v>
                </c:pt>
                <c:pt idx="7176">
                  <c:v>43702</c:v>
                </c:pt>
                <c:pt idx="7177">
                  <c:v>43703</c:v>
                </c:pt>
                <c:pt idx="7178">
                  <c:v>43704</c:v>
                </c:pt>
                <c:pt idx="7179">
                  <c:v>43705</c:v>
                </c:pt>
                <c:pt idx="7180">
                  <c:v>43706</c:v>
                </c:pt>
                <c:pt idx="7181">
                  <c:v>43707</c:v>
                </c:pt>
                <c:pt idx="7182">
                  <c:v>43708</c:v>
                </c:pt>
                <c:pt idx="7183">
                  <c:v>43709</c:v>
                </c:pt>
                <c:pt idx="7184">
                  <c:v>43710</c:v>
                </c:pt>
                <c:pt idx="7185">
                  <c:v>43711</c:v>
                </c:pt>
                <c:pt idx="7186">
                  <c:v>43712</c:v>
                </c:pt>
                <c:pt idx="7187">
                  <c:v>43713</c:v>
                </c:pt>
                <c:pt idx="7188">
                  <c:v>43714</c:v>
                </c:pt>
                <c:pt idx="7189">
                  <c:v>43715</c:v>
                </c:pt>
                <c:pt idx="7190">
                  <c:v>43716</c:v>
                </c:pt>
                <c:pt idx="7191">
                  <c:v>43717</c:v>
                </c:pt>
                <c:pt idx="7192">
                  <c:v>43718</c:v>
                </c:pt>
                <c:pt idx="7193">
                  <c:v>43719</c:v>
                </c:pt>
                <c:pt idx="7194">
                  <c:v>43720</c:v>
                </c:pt>
                <c:pt idx="7195">
                  <c:v>43721</c:v>
                </c:pt>
                <c:pt idx="7196">
                  <c:v>43722</c:v>
                </c:pt>
                <c:pt idx="7197">
                  <c:v>43723</c:v>
                </c:pt>
                <c:pt idx="7198">
                  <c:v>43724</c:v>
                </c:pt>
                <c:pt idx="7199">
                  <c:v>43725</c:v>
                </c:pt>
                <c:pt idx="7200">
                  <c:v>43726</c:v>
                </c:pt>
                <c:pt idx="7201">
                  <c:v>43727</c:v>
                </c:pt>
                <c:pt idx="7202">
                  <c:v>43728</c:v>
                </c:pt>
                <c:pt idx="7203">
                  <c:v>43729</c:v>
                </c:pt>
                <c:pt idx="7204">
                  <c:v>43730</c:v>
                </c:pt>
                <c:pt idx="7205">
                  <c:v>43731</c:v>
                </c:pt>
                <c:pt idx="7206">
                  <c:v>43732</c:v>
                </c:pt>
                <c:pt idx="7207">
                  <c:v>43733</c:v>
                </c:pt>
                <c:pt idx="7208">
                  <c:v>43734</c:v>
                </c:pt>
                <c:pt idx="7209">
                  <c:v>43735</c:v>
                </c:pt>
                <c:pt idx="7210">
                  <c:v>43736</c:v>
                </c:pt>
                <c:pt idx="7211">
                  <c:v>43737</c:v>
                </c:pt>
                <c:pt idx="7212">
                  <c:v>43738</c:v>
                </c:pt>
                <c:pt idx="7213">
                  <c:v>43739</c:v>
                </c:pt>
                <c:pt idx="7214">
                  <c:v>43740</c:v>
                </c:pt>
                <c:pt idx="7215">
                  <c:v>43741</c:v>
                </c:pt>
                <c:pt idx="7216">
                  <c:v>43742</c:v>
                </c:pt>
                <c:pt idx="7217">
                  <c:v>43743</c:v>
                </c:pt>
                <c:pt idx="7218">
                  <c:v>43744</c:v>
                </c:pt>
                <c:pt idx="7219">
                  <c:v>43745</c:v>
                </c:pt>
                <c:pt idx="7220">
                  <c:v>43746</c:v>
                </c:pt>
                <c:pt idx="7221">
                  <c:v>43747</c:v>
                </c:pt>
                <c:pt idx="7222">
                  <c:v>43748</c:v>
                </c:pt>
                <c:pt idx="7223">
                  <c:v>43749</c:v>
                </c:pt>
                <c:pt idx="7224">
                  <c:v>43750</c:v>
                </c:pt>
                <c:pt idx="7225">
                  <c:v>43751</c:v>
                </c:pt>
                <c:pt idx="7226">
                  <c:v>43752</c:v>
                </c:pt>
                <c:pt idx="7227">
                  <c:v>43753</c:v>
                </c:pt>
                <c:pt idx="7228">
                  <c:v>43754</c:v>
                </c:pt>
                <c:pt idx="7229">
                  <c:v>43755</c:v>
                </c:pt>
                <c:pt idx="7230">
                  <c:v>43756</c:v>
                </c:pt>
                <c:pt idx="7231">
                  <c:v>43757</c:v>
                </c:pt>
                <c:pt idx="7232">
                  <c:v>43758</c:v>
                </c:pt>
                <c:pt idx="7233">
                  <c:v>43759</c:v>
                </c:pt>
                <c:pt idx="7234">
                  <c:v>43760</c:v>
                </c:pt>
                <c:pt idx="7235">
                  <c:v>43761</c:v>
                </c:pt>
                <c:pt idx="7236">
                  <c:v>43762</c:v>
                </c:pt>
                <c:pt idx="7237">
                  <c:v>43763</c:v>
                </c:pt>
                <c:pt idx="7238">
                  <c:v>43764</c:v>
                </c:pt>
                <c:pt idx="7239">
                  <c:v>43765</c:v>
                </c:pt>
                <c:pt idx="7240">
                  <c:v>43766</c:v>
                </c:pt>
                <c:pt idx="7241">
                  <c:v>43767</c:v>
                </c:pt>
                <c:pt idx="7242">
                  <c:v>43768</c:v>
                </c:pt>
                <c:pt idx="7243">
                  <c:v>43769</c:v>
                </c:pt>
                <c:pt idx="7244">
                  <c:v>43770</c:v>
                </c:pt>
                <c:pt idx="7245">
                  <c:v>43771</c:v>
                </c:pt>
                <c:pt idx="7246">
                  <c:v>43772</c:v>
                </c:pt>
                <c:pt idx="7247">
                  <c:v>43773</c:v>
                </c:pt>
                <c:pt idx="7248">
                  <c:v>43774</c:v>
                </c:pt>
                <c:pt idx="7249">
                  <c:v>43775</c:v>
                </c:pt>
                <c:pt idx="7250">
                  <c:v>43776</c:v>
                </c:pt>
                <c:pt idx="7251">
                  <c:v>43777</c:v>
                </c:pt>
                <c:pt idx="7252">
                  <c:v>43778</c:v>
                </c:pt>
                <c:pt idx="7253">
                  <c:v>43779</c:v>
                </c:pt>
                <c:pt idx="7254">
                  <c:v>43780</c:v>
                </c:pt>
                <c:pt idx="7255">
                  <c:v>43781</c:v>
                </c:pt>
                <c:pt idx="7256">
                  <c:v>43782</c:v>
                </c:pt>
                <c:pt idx="7257">
                  <c:v>43783</c:v>
                </c:pt>
                <c:pt idx="7258">
                  <c:v>43784</c:v>
                </c:pt>
                <c:pt idx="7259">
                  <c:v>43785</c:v>
                </c:pt>
                <c:pt idx="7260">
                  <c:v>43786</c:v>
                </c:pt>
                <c:pt idx="7261">
                  <c:v>43787</c:v>
                </c:pt>
                <c:pt idx="7262">
                  <c:v>43788</c:v>
                </c:pt>
                <c:pt idx="7263">
                  <c:v>43789</c:v>
                </c:pt>
                <c:pt idx="7264">
                  <c:v>43790</c:v>
                </c:pt>
                <c:pt idx="7265">
                  <c:v>43791</c:v>
                </c:pt>
                <c:pt idx="7266">
                  <c:v>43792</c:v>
                </c:pt>
                <c:pt idx="7267">
                  <c:v>43793</c:v>
                </c:pt>
                <c:pt idx="7268">
                  <c:v>43794</c:v>
                </c:pt>
                <c:pt idx="7269">
                  <c:v>43795</c:v>
                </c:pt>
                <c:pt idx="7270">
                  <c:v>43796</c:v>
                </c:pt>
                <c:pt idx="7271">
                  <c:v>43797</c:v>
                </c:pt>
                <c:pt idx="7272">
                  <c:v>43798</c:v>
                </c:pt>
                <c:pt idx="7273">
                  <c:v>43799</c:v>
                </c:pt>
                <c:pt idx="7274">
                  <c:v>43800</c:v>
                </c:pt>
                <c:pt idx="7275">
                  <c:v>43801</c:v>
                </c:pt>
                <c:pt idx="7276">
                  <c:v>43802</c:v>
                </c:pt>
                <c:pt idx="7277">
                  <c:v>43803</c:v>
                </c:pt>
                <c:pt idx="7278">
                  <c:v>43804</c:v>
                </c:pt>
                <c:pt idx="7279">
                  <c:v>43805</c:v>
                </c:pt>
                <c:pt idx="7280">
                  <c:v>43806</c:v>
                </c:pt>
                <c:pt idx="7281">
                  <c:v>43807</c:v>
                </c:pt>
                <c:pt idx="7282">
                  <c:v>43808</c:v>
                </c:pt>
                <c:pt idx="7283">
                  <c:v>43809</c:v>
                </c:pt>
                <c:pt idx="7284">
                  <c:v>43810</c:v>
                </c:pt>
                <c:pt idx="7285">
                  <c:v>43811</c:v>
                </c:pt>
                <c:pt idx="7286">
                  <c:v>43812</c:v>
                </c:pt>
                <c:pt idx="7287">
                  <c:v>43813</c:v>
                </c:pt>
                <c:pt idx="7288">
                  <c:v>43814</c:v>
                </c:pt>
                <c:pt idx="7289">
                  <c:v>43815</c:v>
                </c:pt>
                <c:pt idx="7290">
                  <c:v>43816</c:v>
                </c:pt>
                <c:pt idx="7291">
                  <c:v>43817</c:v>
                </c:pt>
                <c:pt idx="7292">
                  <c:v>43818</c:v>
                </c:pt>
                <c:pt idx="7293">
                  <c:v>43819</c:v>
                </c:pt>
                <c:pt idx="7294">
                  <c:v>43820</c:v>
                </c:pt>
                <c:pt idx="7295">
                  <c:v>43821</c:v>
                </c:pt>
                <c:pt idx="7296">
                  <c:v>43822</c:v>
                </c:pt>
                <c:pt idx="7297">
                  <c:v>43823</c:v>
                </c:pt>
                <c:pt idx="7298">
                  <c:v>43824</c:v>
                </c:pt>
                <c:pt idx="7299">
                  <c:v>43825</c:v>
                </c:pt>
                <c:pt idx="7300">
                  <c:v>43826</c:v>
                </c:pt>
                <c:pt idx="7301">
                  <c:v>43827</c:v>
                </c:pt>
                <c:pt idx="7302">
                  <c:v>43828</c:v>
                </c:pt>
                <c:pt idx="7303">
                  <c:v>43829</c:v>
                </c:pt>
                <c:pt idx="7304">
                  <c:v>43830</c:v>
                </c:pt>
                <c:pt idx="7305">
                  <c:v>43831</c:v>
                </c:pt>
                <c:pt idx="7306">
                  <c:v>43832</c:v>
                </c:pt>
                <c:pt idx="7307">
                  <c:v>43833</c:v>
                </c:pt>
                <c:pt idx="7308">
                  <c:v>43834</c:v>
                </c:pt>
                <c:pt idx="7309">
                  <c:v>43835</c:v>
                </c:pt>
                <c:pt idx="7310">
                  <c:v>43836</c:v>
                </c:pt>
                <c:pt idx="7311">
                  <c:v>43837</c:v>
                </c:pt>
                <c:pt idx="7312">
                  <c:v>43838</c:v>
                </c:pt>
                <c:pt idx="7313">
                  <c:v>43839</c:v>
                </c:pt>
                <c:pt idx="7314">
                  <c:v>43840</c:v>
                </c:pt>
                <c:pt idx="7315">
                  <c:v>43841</c:v>
                </c:pt>
                <c:pt idx="7316">
                  <c:v>43842</c:v>
                </c:pt>
                <c:pt idx="7317">
                  <c:v>43843</c:v>
                </c:pt>
                <c:pt idx="7318">
                  <c:v>43844</c:v>
                </c:pt>
                <c:pt idx="7319">
                  <c:v>43845</c:v>
                </c:pt>
                <c:pt idx="7320">
                  <c:v>43846</c:v>
                </c:pt>
                <c:pt idx="7321">
                  <c:v>43847</c:v>
                </c:pt>
                <c:pt idx="7322">
                  <c:v>43848</c:v>
                </c:pt>
                <c:pt idx="7323">
                  <c:v>43849</c:v>
                </c:pt>
                <c:pt idx="7324">
                  <c:v>43850</c:v>
                </c:pt>
                <c:pt idx="7325">
                  <c:v>43851</c:v>
                </c:pt>
                <c:pt idx="7326">
                  <c:v>43852</c:v>
                </c:pt>
                <c:pt idx="7327">
                  <c:v>43853</c:v>
                </c:pt>
                <c:pt idx="7328">
                  <c:v>43854</c:v>
                </c:pt>
                <c:pt idx="7329">
                  <c:v>43855</c:v>
                </c:pt>
                <c:pt idx="7330">
                  <c:v>43856</c:v>
                </c:pt>
                <c:pt idx="7331">
                  <c:v>43857</c:v>
                </c:pt>
                <c:pt idx="7332">
                  <c:v>43858</c:v>
                </c:pt>
                <c:pt idx="7333">
                  <c:v>43859</c:v>
                </c:pt>
                <c:pt idx="7334">
                  <c:v>43860</c:v>
                </c:pt>
                <c:pt idx="7335">
                  <c:v>43861</c:v>
                </c:pt>
                <c:pt idx="7336">
                  <c:v>43862</c:v>
                </c:pt>
                <c:pt idx="7337">
                  <c:v>43863</c:v>
                </c:pt>
                <c:pt idx="7338">
                  <c:v>43864</c:v>
                </c:pt>
                <c:pt idx="7339">
                  <c:v>43865</c:v>
                </c:pt>
                <c:pt idx="7340">
                  <c:v>43866</c:v>
                </c:pt>
                <c:pt idx="7341">
                  <c:v>43867</c:v>
                </c:pt>
                <c:pt idx="7342">
                  <c:v>43868</c:v>
                </c:pt>
                <c:pt idx="7343">
                  <c:v>43869</c:v>
                </c:pt>
                <c:pt idx="7344">
                  <c:v>43870</c:v>
                </c:pt>
                <c:pt idx="7345">
                  <c:v>43871</c:v>
                </c:pt>
                <c:pt idx="7346">
                  <c:v>43872</c:v>
                </c:pt>
                <c:pt idx="7347">
                  <c:v>43873</c:v>
                </c:pt>
                <c:pt idx="7348">
                  <c:v>43874</c:v>
                </c:pt>
                <c:pt idx="7349">
                  <c:v>43875</c:v>
                </c:pt>
                <c:pt idx="7350">
                  <c:v>43876</c:v>
                </c:pt>
                <c:pt idx="7351">
                  <c:v>43877</c:v>
                </c:pt>
                <c:pt idx="7352">
                  <c:v>43878</c:v>
                </c:pt>
                <c:pt idx="7353">
                  <c:v>43879</c:v>
                </c:pt>
                <c:pt idx="7354">
                  <c:v>43880</c:v>
                </c:pt>
                <c:pt idx="7355">
                  <c:v>43881</c:v>
                </c:pt>
                <c:pt idx="7356">
                  <c:v>43882</c:v>
                </c:pt>
                <c:pt idx="7357">
                  <c:v>43883</c:v>
                </c:pt>
                <c:pt idx="7358">
                  <c:v>43884</c:v>
                </c:pt>
                <c:pt idx="7359">
                  <c:v>43885</c:v>
                </c:pt>
                <c:pt idx="7360">
                  <c:v>43886</c:v>
                </c:pt>
                <c:pt idx="7361">
                  <c:v>43887</c:v>
                </c:pt>
                <c:pt idx="7362">
                  <c:v>43888</c:v>
                </c:pt>
                <c:pt idx="7363">
                  <c:v>43889</c:v>
                </c:pt>
                <c:pt idx="7364">
                  <c:v>43890</c:v>
                </c:pt>
                <c:pt idx="7365">
                  <c:v>43891</c:v>
                </c:pt>
                <c:pt idx="7366">
                  <c:v>43892</c:v>
                </c:pt>
                <c:pt idx="7367">
                  <c:v>43893</c:v>
                </c:pt>
                <c:pt idx="7368">
                  <c:v>43894</c:v>
                </c:pt>
                <c:pt idx="7369">
                  <c:v>43895</c:v>
                </c:pt>
                <c:pt idx="7370">
                  <c:v>43896</c:v>
                </c:pt>
                <c:pt idx="7371">
                  <c:v>43897</c:v>
                </c:pt>
                <c:pt idx="7372">
                  <c:v>43898</c:v>
                </c:pt>
                <c:pt idx="7373">
                  <c:v>43899</c:v>
                </c:pt>
                <c:pt idx="7374">
                  <c:v>43900</c:v>
                </c:pt>
                <c:pt idx="7375">
                  <c:v>43901</c:v>
                </c:pt>
                <c:pt idx="7376">
                  <c:v>43902</c:v>
                </c:pt>
                <c:pt idx="7377">
                  <c:v>43903</c:v>
                </c:pt>
                <c:pt idx="7378">
                  <c:v>43904</c:v>
                </c:pt>
                <c:pt idx="7379">
                  <c:v>43905</c:v>
                </c:pt>
                <c:pt idx="7380">
                  <c:v>43906</c:v>
                </c:pt>
                <c:pt idx="7381">
                  <c:v>43907</c:v>
                </c:pt>
                <c:pt idx="7382">
                  <c:v>43908</c:v>
                </c:pt>
                <c:pt idx="7383">
                  <c:v>43909</c:v>
                </c:pt>
                <c:pt idx="7384">
                  <c:v>43910</c:v>
                </c:pt>
                <c:pt idx="7385">
                  <c:v>43911</c:v>
                </c:pt>
                <c:pt idx="7386">
                  <c:v>43912</c:v>
                </c:pt>
                <c:pt idx="7387">
                  <c:v>43913</c:v>
                </c:pt>
                <c:pt idx="7388">
                  <c:v>43914</c:v>
                </c:pt>
                <c:pt idx="7389">
                  <c:v>43915</c:v>
                </c:pt>
                <c:pt idx="7390">
                  <c:v>43916</c:v>
                </c:pt>
                <c:pt idx="7391">
                  <c:v>43917</c:v>
                </c:pt>
                <c:pt idx="7392">
                  <c:v>43918</c:v>
                </c:pt>
                <c:pt idx="7393">
                  <c:v>43919</c:v>
                </c:pt>
                <c:pt idx="7394">
                  <c:v>43920</c:v>
                </c:pt>
                <c:pt idx="7395">
                  <c:v>43921</c:v>
                </c:pt>
                <c:pt idx="7396">
                  <c:v>43922</c:v>
                </c:pt>
                <c:pt idx="7397">
                  <c:v>43923</c:v>
                </c:pt>
                <c:pt idx="7398">
                  <c:v>43924</c:v>
                </c:pt>
                <c:pt idx="7399">
                  <c:v>43925</c:v>
                </c:pt>
                <c:pt idx="7400">
                  <c:v>43926</c:v>
                </c:pt>
                <c:pt idx="7401">
                  <c:v>43927</c:v>
                </c:pt>
                <c:pt idx="7402">
                  <c:v>43928</c:v>
                </c:pt>
                <c:pt idx="7403">
                  <c:v>43929</c:v>
                </c:pt>
                <c:pt idx="7404">
                  <c:v>43930</c:v>
                </c:pt>
                <c:pt idx="7405">
                  <c:v>43931</c:v>
                </c:pt>
                <c:pt idx="7406">
                  <c:v>43932</c:v>
                </c:pt>
                <c:pt idx="7407">
                  <c:v>43933</c:v>
                </c:pt>
                <c:pt idx="7408">
                  <c:v>43934</c:v>
                </c:pt>
                <c:pt idx="7409">
                  <c:v>43935</c:v>
                </c:pt>
                <c:pt idx="7410">
                  <c:v>43936</c:v>
                </c:pt>
                <c:pt idx="7411">
                  <c:v>43937</c:v>
                </c:pt>
                <c:pt idx="7412">
                  <c:v>43938</c:v>
                </c:pt>
                <c:pt idx="7413">
                  <c:v>43939</c:v>
                </c:pt>
                <c:pt idx="7414">
                  <c:v>43940</c:v>
                </c:pt>
                <c:pt idx="7415">
                  <c:v>43941</c:v>
                </c:pt>
                <c:pt idx="7416">
                  <c:v>43942</c:v>
                </c:pt>
                <c:pt idx="7417">
                  <c:v>43943</c:v>
                </c:pt>
                <c:pt idx="7418">
                  <c:v>43944</c:v>
                </c:pt>
                <c:pt idx="7419">
                  <c:v>43945</c:v>
                </c:pt>
                <c:pt idx="7420">
                  <c:v>43946</c:v>
                </c:pt>
                <c:pt idx="7421">
                  <c:v>43947</c:v>
                </c:pt>
                <c:pt idx="7422">
                  <c:v>43948</c:v>
                </c:pt>
                <c:pt idx="7423">
                  <c:v>43949</c:v>
                </c:pt>
                <c:pt idx="7424">
                  <c:v>43950</c:v>
                </c:pt>
                <c:pt idx="7425">
                  <c:v>43951</c:v>
                </c:pt>
                <c:pt idx="7426">
                  <c:v>43952</c:v>
                </c:pt>
                <c:pt idx="7427">
                  <c:v>43953</c:v>
                </c:pt>
                <c:pt idx="7428">
                  <c:v>43954</c:v>
                </c:pt>
                <c:pt idx="7429">
                  <c:v>43955</c:v>
                </c:pt>
                <c:pt idx="7430">
                  <c:v>43956</c:v>
                </c:pt>
                <c:pt idx="7431">
                  <c:v>43957</c:v>
                </c:pt>
                <c:pt idx="7432">
                  <c:v>43958</c:v>
                </c:pt>
                <c:pt idx="7433">
                  <c:v>43959</c:v>
                </c:pt>
                <c:pt idx="7434">
                  <c:v>43960</c:v>
                </c:pt>
                <c:pt idx="7435">
                  <c:v>43961</c:v>
                </c:pt>
                <c:pt idx="7436">
                  <c:v>43962</c:v>
                </c:pt>
                <c:pt idx="7437">
                  <c:v>43963</c:v>
                </c:pt>
                <c:pt idx="7438">
                  <c:v>43964</c:v>
                </c:pt>
                <c:pt idx="7439">
                  <c:v>43965</c:v>
                </c:pt>
                <c:pt idx="7440">
                  <c:v>43966</c:v>
                </c:pt>
                <c:pt idx="7441">
                  <c:v>43967</c:v>
                </c:pt>
                <c:pt idx="7442">
                  <c:v>43968</c:v>
                </c:pt>
                <c:pt idx="7443">
                  <c:v>43969</c:v>
                </c:pt>
                <c:pt idx="7444">
                  <c:v>43970</c:v>
                </c:pt>
                <c:pt idx="7445">
                  <c:v>43971</c:v>
                </c:pt>
                <c:pt idx="7446">
                  <c:v>43972</c:v>
                </c:pt>
                <c:pt idx="7447">
                  <c:v>43973</c:v>
                </c:pt>
                <c:pt idx="7448">
                  <c:v>43974</c:v>
                </c:pt>
                <c:pt idx="7449">
                  <c:v>43975</c:v>
                </c:pt>
                <c:pt idx="7450">
                  <c:v>43976</c:v>
                </c:pt>
                <c:pt idx="7451">
                  <c:v>43977</c:v>
                </c:pt>
                <c:pt idx="7452">
                  <c:v>43978</c:v>
                </c:pt>
                <c:pt idx="7453">
                  <c:v>43979</c:v>
                </c:pt>
                <c:pt idx="7454">
                  <c:v>43980</c:v>
                </c:pt>
                <c:pt idx="7455">
                  <c:v>43981</c:v>
                </c:pt>
                <c:pt idx="7456">
                  <c:v>43982</c:v>
                </c:pt>
                <c:pt idx="7457">
                  <c:v>43983</c:v>
                </c:pt>
                <c:pt idx="7458">
                  <c:v>43984</c:v>
                </c:pt>
                <c:pt idx="7459">
                  <c:v>43985</c:v>
                </c:pt>
                <c:pt idx="7460">
                  <c:v>43986</c:v>
                </c:pt>
                <c:pt idx="7461">
                  <c:v>43987</c:v>
                </c:pt>
                <c:pt idx="7462">
                  <c:v>43988</c:v>
                </c:pt>
                <c:pt idx="7463">
                  <c:v>43989</c:v>
                </c:pt>
                <c:pt idx="7464">
                  <c:v>43990</c:v>
                </c:pt>
                <c:pt idx="7465">
                  <c:v>43991</c:v>
                </c:pt>
                <c:pt idx="7466">
                  <c:v>43992</c:v>
                </c:pt>
                <c:pt idx="7467">
                  <c:v>43993</c:v>
                </c:pt>
                <c:pt idx="7468">
                  <c:v>43994</c:v>
                </c:pt>
                <c:pt idx="7469">
                  <c:v>43995</c:v>
                </c:pt>
                <c:pt idx="7470">
                  <c:v>43996</c:v>
                </c:pt>
                <c:pt idx="7471">
                  <c:v>43997</c:v>
                </c:pt>
                <c:pt idx="7472">
                  <c:v>43998</c:v>
                </c:pt>
                <c:pt idx="7473">
                  <c:v>43999</c:v>
                </c:pt>
                <c:pt idx="7474">
                  <c:v>44000</c:v>
                </c:pt>
                <c:pt idx="7475">
                  <c:v>44001</c:v>
                </c:pt>
                <c:pt idx="7476">
                  <c:v>44002</c:v>
                </c:pt>
                <c:pt idx="7477">
                  <c:v>44003</c:v>
                </c:pt>
                <c:pt idx="7478">
                  <c:v>44004</c:v>
                </c:pt>
                <c:pt idx="7479">
                  <c:v>44005</c:v>
                </c:pt>
                <c:pt idx="7480">
                  <c:v>44006</c:v>
                </c:pt>
                <c:pt idx="7481">
                  <c:v>44007</c:v>
                </c:pt>
                <c:pt idx="7482">
                  <c:v>44008</c:v>
                </c:pt>
                <c:pt idx="7483">
                  <c:v>44009</c:v>
                </c:pt>
                <c:pt idx="7484">
                  <c:v>44010</c:v>
                </c:pt>
                <c:pt idx="7485">
                  <c:v>44011</c:v>
                </c:pt>
                <c:pt idx="7486">
                  <c:v>44012</c:v>
                </c:pt>
                <c:pt idx="7487">
                  <c:v>44013</c:v>
                </c:pt>
                <c:pt idx="7488">
                  <c:v>44014</c:v>
                </c:pt>
                <c:pt idx="7489">
                  <c:v>44015</c:v>
                </c:pt>
                <c:pt idx="7490">
                  <c:v>44016</c:v>
                </c:pt>
                <c:pt idx="7491">
                  <c:v>44017</c:v>
                </c:pt>
                <c:pt idx="7492">
                  <c:v>44018</c:v>
                </c:pt>
                <c:pt idx="7493">
                  <c:v>44019</c:v>
                </c:pt>
                <c:pt idx="7494">
                  <c:v>44020</c:v>
                </c:pt>
                <c:pt idx="7495">
                  <c:v>44021</c:v>
                </c:pt>
                <c:pt idx="7496">
                  <c:v>44022</c:v>
                </c:pt>
                <c:pt idx="7497">
                  <c:v>44023</c:v>
                </c:pt>
                <c:pt idx="7498">
                  <c:v>44024</c:v>
                </c:pt>
                <c:pt idx="7499">
                  <c:v>44025</c:v>
                </c:pt>
                <c:pt idx="7500">
                  <c:v>44026</c:v>
                </c:pt>
                <c:pt idx="7501">
                  <c:v>44027</c:v>
                </c:pt>
                <c:pt idx="7502">
                  <c:v>44028</c:v>
                </c:pt>
                <c:pt idx="7503">
                  <c:v>44029</c:v>
                </c:pt>
                <c:pt idx="7504">
                  <c:v>44030</c:v>
                </c:pt>
                <c:pt idx="7505">
                  <c:v>44031</c:v>
                </c:pt>
                <c:pt idx="7506">
                  <c:v>44032</c:v>
                </c:pt>
                <c:pt idx="7507">
                  <c:v>44033</c:v>
                </c:pt>
                <c:pt idx="7508">
                  <c:v>44034</c:v>
                </c:pt>
                <c:pt idx="7509">
                  <c:v>44035</c:v>
                </c:pt>
                <c:pt idx="7510">
                  <c:v>44036</c:v>
                </c:pt>
                <c:pt idx="7511">
                  <c:v>44037</c:v>
                </c:pt>
                <c:pt idx="7512">
                  <c:v>44038</c:v>
                </c:pt>
                <c:pt idx="7513">
                  <c:v>44039</c:v>
                </c:pt>
                <c:pt idx="7514">
                  <c:v>44040</c:v>
                </c:pt>
                <c:pt idx="7515">
                  <c:v>44041</c:v>
                </c:pt>
                <c:pt idx="7516">
                  <c:v>44042</c:v>
                </c:pt>
                <c:pt idx="7517">
                  <c:v>44043</c:v>
                </c:pt>
                <c:pt idx="7518">
                  <c:v>44044</c:v>
                </c:pt>
                <c:pt idx="7519">
                  <c:v>44045</c:v>
                </c:pt>
                <c:pt idx="7520">
                  <c:v>44046</c:v>
                </c:pt>
                <c:pt idx="7521">
                  <c:v>44047</c:v>
                </c:pt>
                <c:pt idx="7522">
                  <c:v>44048</c:v>
                </c:pt>
                <c:pt idx="7523">
                  <c:v>44049</c:v>
                </c:pt>
                <c:pt idx="7524">
                  <c:v>44050</c:v>
                </c:pt>
                <c:pt idx="7525">
                  <c:v>44051</c:v>
                </c:pt>
                <c:pt idx="7526">
                  <c:v>44052</c:v>
                </c:pt>
                <c:pt idx="7527">
                  <c:v>44053</c:v>
                </c:pt>
                <c:pt idx="7528">
                  <c:v>44054</c:v>
                </c:pt>
                <c:pt idx="7529">
                  <c:v>44055</c:v>
                </c:pt>
                <c:pt idx="7530">
                  <c:v>44056</c:v>
                </c:pt>
                <c:pt idx="7531">
                  <c:v>44057</c:v>
                </c:pt>
                <c:pt idx="7532">
                  <c:v>44058</c:v>
                </c:pt>
                <c:pt idx="7533">
                  <c:v>44059</c:v>
                </c:pt>
                <c:pt idx="7534">
                  <c:v>44060</c:v>
                </c:pt>
                <c:pt idx="7535">
                  <c:v>44061</c:v>
                </c:pt>
                <c:pt idx="7536">
                  <c:v>44062</c:v>
                </c:pt>
                <c:pt idx="7537">
                  <c:v>44063</c:v>
                </c:pt>
                <c:pt idx="7538">
                  <c:v>44064</c:v>
                </c:pt>
                <c:pt idx="7539">
                  <c:v>44065</c:v>
                </c:pt>
                <c:pt idx="7540">
                  <c:v>44066</c:v>
                </c:pt>
                <c:pt idx="7541">
                  <c:v>44067</c:v>
                </c:pt>
                <c:pt idx="7542">
                  <c:v>44068</c:v>
                </c:pt>
                <c:pt idx="7543">
                  <c:v>44069</c:v>
                </c:pt>
                <c:pt idx="7544">
                  <c:v>44070</c:v>
                </c:pt>
                <c:pt idx="7545">
                  <c:v>44071</c:v>
                </c:pt>
                <c:pt idx="7546">
                  <c:v>44072</c:v>
                </c:pt>
                <c:pt idx="7547">
                  <c:v>44073</c:v>
                </c:pt>
                <c:pt idx="7548">
                  <c:v>44074</c:v>
                </c:pt>
                <c:pt idx="7549">
                  <c:v>44075</c:v>
                </c:pt>
                <c:pt idx="7550">
                  <c:v>44076</c:v>
                </c:pt>
                <c:pt idx="7551">
                  <c:v>44077</c:v>
                </c:pt>
                <c:pt idx="7552">
                  <c:v>44078</c:v>
                </c:pt>
                <c:pt idx="7553">
                  <c:v>44079</c:v>
                </c:pt>
                <c:pt idx="7554">
                  <c:v>44080</c:v>
                </c:pt>
                <c:pt idx="7555">
                  <c:v>44081</c:v>
                </c:pt>
                <c:pt idx="7556">
                  <c:v>44082</c:v>
                </c:pt>
                <c:pt idx="7557">
                  <c:v>44083</c:v>
                </c:pt>
                <c:pt idx="7558">
                  <c:v>44084</c:v>
                </c:pt>
                <c:pt idx="7559">
                  <c:v>44085</c:v>
                </c:pt>
                <c:pt idx="7560">
                  <c:v>44086</c:v>
                </c:pt>
                <c:pt idx="7561">
                  <c:v>44087</c:v>
                </c:pt>
                <c:pt idx="7562">
                  <c:v>44088</c:v>
                </c:pt>
                <c:pt idx="7563">
                  <c:v>44089</c:v>
                </c:pt>
                <c:pt idx="7564">
                  <c:v>44090</c:v>
                </c:pt>
                <c:pt idx="7565">
                  <c:v>44091</c:v>
                </c:pt>
                <c:pt idx="7566">
                  <c:v>44092</c:v>
                </c:pt>
                <c:pt idx="7567">
                  <c:v>44093</c:v>
                </c:pt>
                <c:pt idx="7568">
                  <c:v>44094</c:v>
                </c:pt>
                <c:pt idx="7569">
                  <c:v>44095</c:v>
                </c:pt>
                <c:pt idx="7570">
                  <c:v>44096</c:v>
                </c:pt>
                <c:pt idx="7571">
                  <c:v>44097</c:v>
                </c:pt>
                <c:pt idx="7572">
                  <c:v>44098</c:v>
                </c:pt>
                <c:pt idx="7573">
                  <c:v>44099</c:v>
                </c:pt>
                <c:pt idx="7574">
                  <c:v>44100</c:v>
                </c:pt>
                <c:pt idx="7575">
                  <c:v>44101</c:v>
                </c:pt>
                <c:pt idx="7576">
                  <c:v>44102</c:v>
                </c:pt>
                <c:pt idx="7577">
                  <c:v>44103</c:v>
                </c:pt>
                <c:pt idx="7578">
                  <c:v>44104</c:v>
                </c:pt>
                <c:pt idx="7579">
                  <c:v>44105</c:v>
                </c:pt>
                <c:pt idx="7580">
                  <c:v>44106</c:v>
                </c:pt>
                <c:pt idx="7581">
                  <c:v>44107</c:v>
                </c:pt>
                <c:pt idx="7582">
                  <c:v>44108</c:v>
                </c:pt>
                <c:pt idx="7583">
                  <c:v>44109</c:v>
                </c:pt>
                <c:pt idx="7584">
                  <c:v>44110</c:v>
                </c:pt>
                <c:pt idx="7585">
                  <c:v>44111</c:v>
                </c:pt>
                <c:pt idx="7586">
                  <c:v>44112</c:v>
                </c:pt>
                <c:pt idx="7587">
                  <c:v>44113</c:v>
                </c:pt>
                <c:pt idx="7588">
                  <c:v>44114</c:v>
                </c:pt>
                <c:pt idx="7589">
                  <c:v>44115</c:v>
                </c:pt>
                <c:pt idx="7590">
                  <c:v>44116</c:v>
                </c:pt>
                <c:pt idx="7591">
                  <c:v>44117</c:v>
                </c:pt>
                <c:pt idx="7592">
                  <c:v>44118</c:v>
                </c:pt>
                <c:pt idx="7593">
                  <c:v>44119</c:v>
                </c:pt>
                <c:pt idx="7594">
                  <c:v>44120</c:v>
                </c:pt>
                <c:pt idx="7595">
                  <c:v>44121</c:v>
                </c:pt>
                <c:pt idx="7596">
                  <c:v>44122</c:v>
                </c:pt>
                <c:pt idx="7597">
                  <c:v>44123</c:v>
                </c:pt>
                <c:pt idx="7598">
                  <c:v>44124</c:v>
                </c:pt>
                <c:pt idx="7599">
                  <c:v>44125</c:v>
                </c:pt>
                <c:pt idx="7600">
                  <c:v>44126</c:v>
                </c:pt>
                <c:pt idx="7601">
                  <c:v>44127</c:v>
                </c:pt>
                <c:pt idx="7602">
                  <c:v>44128</c:v>
                </c:pt>
                <c:pt idx="7603">
                  <c:v>44129</c:v>
                </c:pt>
                <c:pt idx="7604">
                  <c:v>44130</c:v>
                </c:pt>
                <c:pt idx="7605">
                  <c:v>44131</c:v>
                </c:pt>
                <c:pt idx="7606">
                  <c:v>44132</c:v>
                </c:pt>
                <c:pt idx="7607">
                  <c:v>44133</c:v>
                </c:pt>
                <c:pt idx="7608">
                  <c:v>44134</c:v>
                </c:pt>
                <c:pt idx="7609">
                  <c:v>44135</c:v>
                </c:pt>
                <c:pt idx="7610">
                  <c:v>44136</c:v>
                </c:pt>
                <c:pt idx="7611">
                  <c:v>44137</c:v>
                </c:pt>
                <c:pt idx="7612">
                  <c:v>44138</c:v>
                </c:pt>
                <c:pt idx="7613">
                  <c:v>44139</c:v>
                </c:pt>
                <c:pt idx="7614">
                  <c:v>44140</c:v>
                </c:pt>
                <c:pt idx="7615">
                  <c:v>44141</c:v>
                </c:pt>
                <c:pt idx="7616">
                  <c:v>44142</c:v>
                </c:pt>
                <c:pt idx="7617">
                  <c:v>44143</c:v>
                </c:pt>
                <c:pt idx="7618">
                  <c:v>44144</c:v>
                </c:pt>
                <c:pt idx="7619">
                  <c:v>44145</c:v>
                </c:pt>
                <c:pt idx="7620">
                  <c:v>44146</c:v>
                </c:pt>
                <c:pt idx="7621">
                  <c:v>44147</c:v>
                </c:pt>
                <c:pt idx="7622">
                  <c:v>44148</c:v>
                </c:pt>
                <c:pt idx="7623">
                  <c:v>44149</c:v>
                </c:pt>
                <c:pt idx="7624">
                  <c:v>44150</c:v>
                </c:pt>
                <c:pt idx="7625">
                  <c:v>44151</c:v>
                </c:pt>
                <c:pt idx="7626">
                  <c:v>44152</c:v>
                </c:pt>
                <c:pt idx="7627">
                  <c:v>44153</c:v>
                </c:pt>
                <c:pt idx="7628">
                  <c:v>44154</c:v>
                </c:pt>
                <c:pt idx="7629">
                  <c:v>44155</c:v>
                </c:pt>
                <c:pt idx="7630">
                  <c:v>44156</c:v>
                </c:pt>
                <c:pt idx="7631">
                  <c:v>44157</c:v>
                </c:pt>
                <c:pt idx="7632">
                  <c:v>44158</c:v>
                </c:pt>
                <c:pt idx="7633">
                  <c:v>44159</c:v>
                </c:pt>
                <c:pt idx="7634">
                  <c:v>44160</c:v>
                </c:pt>
                <c:pt idx="7635">
                  <c:v>44161</c:v>
                </c:pt>
                <c:pt idx="7636">
                  <c:v>44162</c:v>
                </c:pt>
                <c:pt idx="7637">
                  <c:v>44163</c:v>
                </c:pt>
                <c:pt idx="7638">
                  <c:v>44164</c:v>
                </c:pt>
                <c:pt idx="7639">
                  <c:v>44165</c:v>
                </c:pt>
                <c:pt idx="7640">
                  <c:v>44166</c:v>
                </c:pt>
                <c:pt idx="7641">
                  <c:v>44167</c:v>
                </c:pt>
                <c:pt idx="7642">
                  <c:v>44168</c:v>
                </c:pt>
                <c:pt idx="7643">
                  <c:v>44169</c:v>
                </c:pt>
                <c:pt idx="7644">
                  <c:v>44170</c:v>
                </c:pt>
                <c:pt idx="7645">
                  <c:v>44171</c:v>
                </c:pt>
                <c:pt idx="7646">
                  <c:v>44172</c:v>
                </c:pt>
                <c:pt idx="7647">
                  <c:v>44173</c:v>
                </c:pt>
                <c:pt idx="7648">
                  <c:v>44174</c:v>
                </c:pt>
                <c:pt idx="7649">
                  <c:v>44175</c:v>
                </c:pt>
                <c:pt idx="7650">
                  <c:v>44176</c:v>
                </c:pt>
                <c:pt idx="7651">
                  <c:v>44177</c:v>
                </c:pt>
                <c:pt idx="7652">
                  <c:v>44178</c:v>
                </c:pt>
                <c:pt idx="7653">
                  <c:v>44179</c:v>
                </c:pt>
                <c:pt idx="7654">
                  <c:v>44180</c:v>
                </c:pt>
                <c:pt idx="7655">
                  <c:v>44181</c:v>
                </c:pt>
                <c:pt idx="7656">
                  <c:v>44182</c:v>
                </c:pt>
                <c:pt idx="7657">
                  <c:v>44183</c:v>
                </c:pt>
                <c:pt idx="7658">
                  <c:v>44184</c:v>
                </c:pt>
                <c:pt idx="7659">
                  <c:v>44185</c:v>
                </c:pt>
                <c:pt idx="7660">
                  <c:v>44186</c:v>
                </c:pt>
                <c:pt idx="7661">
                  <c:v>44187</c:v>
                </c:pt>
                <c:pt idx="7662">
                  <c:v>44188</c:v>
                </c:pt>
                <c:pt idx="7663">
                  <c:v>44189</c:v>
                </c:pt>
                <c:pt idx="7664">
                  <c:v>44190</c:v>
                </c:pt>
                <c:pt idx="7665">
                  <c:v>44191</c:v>
                </c:pt>
                <c:pt idx="7666">
                  <c:v>44192</c:v>
                </c:pt>
                <c:pt idx="7667">
                  <c:v>44193</c:v>
                </c:pt>
                <c:pt idx="7668">
                  <c:v>44194</c:v>
                </c:pt>
                <c:pt idx="7669">
                  <c:v>44195</c:v>
                </c:pt>
                <c:pt idx="7670">
                  <c:v>44196</c:v>
                </c:pt>
                <c:pt idx="7671">
                  <c:v>44197</c:v>
                </c:pt>
                <c:pt idx="7672">
                  <c:v>44198</c:v>
                </c:pt>
                <c:pt idx="7673">
                  <c:v>44199</c:v>
                </c:pt>
                <c:pt idx="7674">
                  <c:v>44200</c:v>
                </c:pt>
                <c:pt idx="7675">
                  <c:v>44201</c:v>
                </c:pt>
                <c:pt idx="7676">
                  <c:v>44202</c:v>
                </c:pt>
                <c:pt idx="7677">
                  <c:v>44203</c:v>
                </c:pt>
                <c:pt idx="7678">
                  <c:v>44204</c:v>
                </c:pt>
                <c:pt idx="7679">
                  <c:v>44205</c:v>
                </c:pt>
                <c:pt idx="7680">
                  <c:v>44206</c:v>
                </c:pt>
                <c:pt idx="7681">
                  <c:v>44207</c:v>
                </c:pt>
                <c:pt idx="7682">
                  <c:v>44208</c:v>
                </c:pt>
                <c:pt idx="7683">
                  <c:v>44209</c:v>
                </c:pt>
                <c:pt idx="7684">
                  <c:v>44210</c:v>
                </c:pt>
                <c:pt idx="7685">
                  <c:v>44211</c:v>
                </c:pt>
                <c:pt idx="7686">
                  <c:v>44212</c:v>
                </c:pt>
                <c:pt idx="7687">
                  <c:v>44213</c:v>
                </c:pt>
                <c:pt idx="7688">
                  <c:v>44214</c:v>
                </c:pt>
                <c:pt idx="7689">
                  <c:v>44215</c:v>
                </c:pt>
                <c:pt idx="7690">
                  <c:v>44216</c:v>
                </c:pt>
                <c:pt idx="7691">
                  <c:v>44217</c:v>
                </c:pt>
                <c:pt idx="7692">
                  <c:v>44218</c:v>
                </c:pt>
                <c:pt idx="7693">
                  <c:v>44219</c:v>
                </c:pt>
                <c:pt idx="7694">
                  <c:v>44220</c:v>
                </c:pt>
                <c:pt idx="7695">
                  <c:v>44221</c:v>
                </c:pt>
                <c:pt idx="7696">
                  <c:v>44222</c:v>
                </c:pt>
                <c:pt idx="7697">
                  <c:v>44223</c:v>
                </c:pt>
                <c:pt idx="7698">
                  <c:v>44224</c:v>
                </c:pt>
                <c:pt idx="7699">
                  <c:v>44225</c:v>
                </c:pt>
                <c:pt idx="7700">
                  <c:v>44226</c:v>
                </c:pt>
                <c:pt idx="7701">
                  <c:v>44227</c:v>
                </c:pt>
                <c:pt idx="7702">
                  <c:v>44228</c:v>
                </c:pt>
                <c:pt idx="7703">
                  <c:v>44229</c:v>
                </c:pt>
                <c:pt idx="7704">
                  <c:v>44230</c:v>
                </c:pt>
                <c:pt idx="7705">
                  <c:v>44231</c:v>
                </c:pt>
                <c:pt idx="7706">
                  <c:v>44232</c:v>
                </c:pt>
                <c:pt idx="7707">
                  <c:v>44233</c:v>
                </c:pt>
                <c:pt idx="7708">
                  <c:v>44234</c:v>
                </c:pt>
                <c:pt idx="7709">
                  <c:v>44235</c:v>
                </c:pt>
                <c:pt idx="7710">
                  <c:v>44236</c:v>
                </c:pt>
                <c:pt idx="7711">
                  <c:v>44237</c:v>
                </c:pt>
                <c:pt idx="7712">
                  <c:v>44238</c:v>
                </c:pt>
                <c:pt idx="7713">
                  <c:v>44239</c:v>
                </c:pt>
                <c:pt idx="7714">
                  <c:v>44240</c:v>
                </c:pt>
                <c:pt idx="7715">
                  <c:v>44241</c:v>
                </c:pt>
                <c:pt idx="7716">
                  <c:v>44242</c:v>
                </c:pt>
                <c:pt idx="7717">
                  <c:v>44243</c:v>
                </c:pt>
                <c:pt idx="7718">
                  <c:v>44244</c:v>
                </c:pt>
                <c:pt idx="7719">
                  <c:v>44245</c:v>
                </c:pt>
                <c:pt idx="7720">
                  <c:v>44246</c:v>
                </c:pt>
                <c:pt idx="7721">
                  <c:v>44247</c:v>
                </c:pt>
                <c:pt idx="7722">
                  <c:v>44248</c:v>
                </c:pt>
                <c:pt idx="7723">
                  <c:v>44249</c:v>
                </c:pt>
                <c:pt idx="7724">
                  <c:v>44250</c:v>
                </c:pt>
                <c:pt idx="7725">
                  <c:v>44251</c:v>
                </c:pt>
                <c:pt idx="7726">
                  <c:v>44252</c:v>
                </c:pt>
                <c:pt idx="7727">
                  <c:v>44253</c:v>
                </c:pt>
                <c:pt idx="7728">
                  <c:v>44254</c:v>
                </c:pt>
                <c:pt idx="7729">
                  <c:v>44255</c:v>
                </c:pt>
                <c:pt idx="7730">
                  <c:v>44256</c:v>
                </c:pt>
                <c:pt idx="7731">
                  <c:v>44257</c:v>
                </c:pt>
                <c:pt idx="7732">
                  <c:v>44258</c:v>
                </c:pt>
                <c:pt idx="7733">
                  <c:v>44259</c:v>
                </c:pt>
                <c:pt idx="7734">
                  <c:v>44260</c:v>
                </c:pt>
                <c:pt idx="7735">
                  <c:v>44261</c:v>
                </c:pt>
                <c:pt idx="7736">
                  <c:v>44262</c:v>
                </c:pt>
                <c:pt idx="7737">
                  <c:v>44263</c:v>
                </c:pt>
                <c:pt idx="7738">
                  <c:v>44264</c:v>
                </c:pt>
                <c:pt idx="7739">
                  <c:v>44265</c:v>
                </c:pt>
                <c:pt idx="7740">
                  <c:v>44266</c:v>
                </c:pt>
                <c:pt idx="7741">
                  <c:v>44267</c:v>
                </c:pt>
                <c:pt idx="7742">
                  <c:v>44268</c:v>
                </c:pt>
                <c:pt idx="7743">
                  <c:v>44269</c:v>
                </c:pt>
                <c:pt idx="7744">
                  <c:v>44270</c:v>
                </c:pt>
                <c:pt idx="7745">
                  <c:v>44271</c:v>
                </c:pt>
                <c:pt idx="7746">
                  <c:v>44272</c:v>
                </c:pt>
                <c:pt idx="7747">
                  <c:v>44273</c:v>
                </c:pt>
                <c:pt idx="7748">
                  <c:v>44274</c:v>
                </c:pt>
                <c:pt idx="7749">
                  <c:v>44275</c:v>
                </c:pt>
                <c:pt idx="7750">
                  <c:v>44276</c:v>
                </c:pt>
                <c:pt idx="7751">
                  <c:v>44277</c:v>
                </c:pt>
                <c:pt idx="7752">
                  <c:v>44278</c:v>
                </c:pt>
                <c:pt idx="7753">
                  <c:v>44279</c:v>
                </c:pt>
                <c:pt idx="7754">
                  <c:v>44280</c:v>
                </c:pt>
                <c:pt idx="7755">
                  <c:v>44281</c:v>
                </c:pt>
                <c:pt idx="7756">
                  <c:v>44282</c:v>
                </c:pt>
                <c:pt idx="7757">
                  <c:v>44283</c:v>
                </c:pt>
                <c:pt idx="7758">
                  <c:v>44284</c:v>
                </c:pt>
                <c:pt idx="7759">
                  <c:v>44285</c:v>
                </c:pt>
                <c:pt idx="7760">
                  <c:v>44286</c:v>
                </c:pt>
                <c:pt idx="7761">
                  <c:v>44287</c:v>
                </c:pt>
                <c:pt idx="7762">
                  <c:v>44288</c:v>
                </c:pt>
                <c:pt idx="7763">
                  <c:v>44289</c:v>
                </c:pt>
                <c:pt idx="7764">
                  <c:v>44290</c:v>
                </c:pt>
                <c:pt idx="7765">
                  <c:v>44291</c:v>
                </c:pt>
                <c:pt idx="7766">
                  <c:v>44292</c:v>
                </c:pt>
                <c:pt idx="7767">
                  <c:v>44293</c:v>
                </c:pt>
                <c:pt idx="7768">
                  <c:v>44294</c:v>
                </c:pt>
                <c:pt idx="7769">
                  <c:v>44295</c:v>
                </c:pt>
                <c:pt idx="7770">
                  <c:v>44296</c:v>
                </c:pt>
                <c:pt idx="7771">
                  <c:v>44297</c:v>
                </c:pt>
                <c:pt idx="7772">
                  <c:v>44298</c:v>
                </c:pt>
                <c:pt idx="7773">
                  <c:v>44299</c:v>
                </c:pt>
                <c:pt idx="7774">
                  <c:v>44300</c:v>
                </c:pt>
                <c:pt idx="7775">
                  <c:v>44301</c:v>
                </c:pt>
                <c:pt idx="7776">
                  <c:v>44302</c:v>
                </c:pt>
                <c:pt idx="7777">
                  <c:v>44303</c:v>
                </c:pt>
                <c:pt idx="7778">
                  <c:v>44304</c:v>
                </c:pt>
                <c:pt idx="7779">
                  <c:v>44305</c:v>
                </c:pt>
                <c:pt idx="7780">
                  <c:v>44306</c:v>
                </c:pt>
                <c:pt idx="7781">
                  <c:v>44307</c:v>
                </c:pt>
                <c:pt idx="7782">
                  <c:v>44308</c:v>
                </c:pt>
                <c:pt idx="7783">
                  <c:v>44309</c:v>
                </c:pt>
                <c:pt idx="7784">
                  <c:v>44310</c:v>
                </c:pt>
                <c:pt idx="7785">
                  <c:v>44311</c:v>
                </c:pt>
                <c:pt idx="7786">
                  <c:v>44312</c:v>
                </c:pt>
                <c:pt idx="7787">
                  <c:v>44313</c:v>
                </c:pt>
                <c:pt idx="7788">
                  <c:v>44314</c:v>
                </c:pt>
                <c:pt idx="7789">
                  <c:v>44315</c:v>
                </c:pt>
                <c:pt idx="7790">
                  <c:v>44316</c:v>
                </c:pt>
                <c:pt idx="7791">
                  <c:v>44317</c:v>
                </c:pt>
                <c:pt idx="7792">
                  <c:v>44318</c:v>
                </c:pt>
                <c:pt idx="7793">
                  <c:v>44319</c:v>
                </c:pt>
                <c:pt idx="7794">
                  <c:v>44320</c:v>
                </c:pt>
                <c:pt idx="7795">
                  <c:v>44321</c:v>
                </c:pt>
                <c:pt idx="7796">
                  <c:v>44322</c:v>
                </c:pt>
                <c:pt idx="7797">
                  <c:v>44323</c:v>
                </c:pt>
                <c:pt idx="7798">
                  <c:v>44324</c:v>
                </c:pt>
                <c:pt idx="7799">
                  <c:v>44325</c:v>
                </c:pt>
                <c:pt idx="7800">
                  <c:v>44326</c:v>
                </c:pt>
                <c:pt idx="7801">
                  <c:v>44327</c:v>
                </c:pt>
                <c:pt idx="7802">
                  <c:v>44328</c:v>
                </c:pt>
                <c:pt idx="7803">
                  <c:v>44329</c:v>
                </c:pt>
                <c:pt idx="7804">
                  <c:v>44330</c:v>
                </c:pt>
                <c:pt idx="7805">
                  <c:v>44331</c:v>
                </c:pt>
                <c:pt idx="7806">
                  <c:v>44332</c:v>
                </c:pt>
                <c:pt idx="7807">
                  <c:v>44333</c:v>
                </c:pt>
                <c:pt idx="7808">
                  <c:v>44334</c:v>
                </c:pt>
                <c:pt idx="7809">
                  <c:v>44335</c:v>
                </c:pt>
                <c:pt idx="7810">
                  <c:v>44336</c:v>
                </c:pt>
                <c:pt idx="7811">
                  <c:v>44337</c:v>
                </c:pt>
                <c:pt idx="7812">
                  <c:v>44338</c:v>
                </c:pt>
                <c:pt idx="7813">
                  <c:v>44339</c:v>
                </c:pt>
                <c:pt idx="7814">
                  <c:v>44340</c:v>
                </c:pt>
                <c:pt idx="7815">
                  <c:v>44341</c:v>
                </c:pt>
                <c:pt idx="7816">
                  <c:v>44342</c:v>
                </c:pt>
                <c:pt idx="7817">
                  <c:v>44343</c:v>
                </c:pt>
                <c:pt idx="7818">
                  <c:v>44344</c:v>
                </c:pt>
                <c:pt idx="7819">
                  <c:v>44345</c:v>
                </c:pt>
                <c:pt idx="7820">
                  <c:v>44346</c:v>
                </c:pt>
                <c:pt idx="7821">
                  <c:v>44347</c:v>
                </c:pt>
                <c:pt idx="7822">
                  <c:v>44348</c:v>
                </c:pt>
                <c:pt idx="7823">
                  <c:v>44349</c:v>
                </c:pt>
                <c:pt idx="7824">
                  <c:v>44350</c:v>
                </c:pt>
                <c:pt idx="7825">
                  <c:v>44351</c:v>
                </c:pt>
                <c:pt idx="7826">
                  <c:v>44352</c:v>
                </c:pt>
                <c:pt idx="7827">
                  <c:v>44353</c:v>
                </c:pt>
                <c:pt idx="7828">
                  <c:v>44354</c:v>
                </c:pt>
                <c:pt idx="7829">
                  <c:v>44355</c:v>
                </c:pt>
                <c:pt idx="7830">
                  <c:v>44356</c:v>
                </c:pt>
                <c:pt idx="7831">
                  <c:v>44357</c:v>
                </c:pt>
                <c:pt idx="7832">
                  <c:v>44358</c:v>
                </c:pt>
                <c:pt idx="7833">
                  <c:v>44359</c:v>
                </c:pt>
                <c:pt idx="7834">
                  <c:v>44360</c:v>
                </c:pt>
                <c:pt idx="7835">
                  <c:v>44361</c:v>
                </c:pt>
                <c:pt idx="7836">
                  <c:v>44362</c:v>
                </c:pt>
                <c:pt idx="7837">
                  <c:v>44363</c:v>
                </c:pt>
                <c:pt idx="7838">
                  <c:v>44364</c:v>
                </c:pt>
                <c:pt idx="7839">
                  <c:v>44365</c:v>
                </c:pt>
                <c:pt idx="7840">
                  <c:v>44366</c:v>
                </c:pt>
                <c:pt idx="7841">
                  <c:v>44367</c:v>
                </c:pt>
                <c:pt idx="7842">
                  <c:v>44368</c:v>
                </c:pt>
                <c:pt idx="7843">
                  <c:v>44369</c:v>
                </c:pt>
                <c:pt idx="7844">
                  <c:v>44370</c:v>
                </c:pt>
                <c:pt idx="7845">
                  <c:v>44371</c:v>
                </c:pt>
                <c:pt idx="7846">
                  <c:v>44372</c:v>
                </c:pt>
                <c:pt idx="7847">
                  <c:v>44373</c:v>
                </c:pt>
                <c:pt idx="7848">
                  <c:v>44374</c:v>
                </c:pt>
                <c:pt idx="7849">
                  <c:v>44375</c:v>
                </c:pt>
                <c:pt idx="7850">
                  <c:v>44376</c:v>
                </c:pt>
                <c:pt idx="7851">
                  <c:v>44377</c:v>
                </c:pt>
                <c:pt idx="7852">
                  <c:v>44378</c:v>
                </c:pt>
                <c:pt idx="7853">
                  <c:v>44379</c:v>
                </c:pt>
                <c:pt idx="7854">
                  <c:v>44380</c:v>
                </c:pt>
                <c:pt idx="7855">
                  <c:v>44381</c:v>
                </c:pt>
                <c:pt idx="7856">
                  <c:v>44382</c:v>
                </c:pt>
                <c:pt idx="7857">
                  <c:v>44383</c:v>
                </c:pt>
                <c:pt idx="7858">
                  <c:v>44384</c:v>
                </c:pt>
                <c:pt idx="7859">
                  <c:v>44385</c:v>
                </c:pt>
                <c:pt idx="7860">
                  <c:v>44386</c:v>
                </c:pt>
                <c:pt idx="7861">
                  <c:v>44387</c:v>
                </c:pt>
                <c:pt idx="7862">
                  <c:v>44388</c:v>
                </c:pt>
                <c:pt idx="7863">
                  <c:v>44389</c:v>
                </c:pt>
                <c:pt idx="7864">
                  <c:v>44390</c:v>
                </c:pt>
                <c:pt idx="7865">
                  <c:v>44391</c:v>
                </c:pt>
                <c:pt idx="7866">
                  <c:v>44392</c:v>
                </c:pt>
                <c:pt idx="7867">
                  <c:v>44393</c:v>
                </c:pt>
                <c:pt idx="7868">
                  <c:v>44394</c:v>
                </c:pt>
                <c:pt idx="7869">
                  <c:v>44395</c:v>
                </c:pt>
                <c:pt idx="7870">
                  <c:v>44396</c:v>
                </c:pt>
                <c:pt idx="7871">
                  <c:v>44397</c:v>
                </c:pt>
                <c:pt idx="7872">
                  <c:v>44398</c:v>
                </c:pt>
                <c:pt idx="7873">
                  <c:v>44399</c:v>
                </c:pt>
                <c:pt idx="7874">
                  <c:v>44400</c:v>
                </c:pt>
                <c:pt idx="7875">
                  <c:v>44401</c:v>
                </c:pt>
                <c:pt idx="7876">
                  <c:v>44402</c:v>
                </c:pt>
                <c:pt idx="7877">
                  <c:v>44403</c:v>
                </c:pt>
                <c:pt idx="7878">
                  <c:v>44404</c:v>
                </c:pt>
                <c:pt idx="7879">
                  <c:v>44405</c:v>
                </c:pt>
                <c:pt idx="7880">
                  <c:v>44406</c:v>
                </c:pt>
                <c:pt idx="7881">
                  <c:v>44407</c:v>
                </c:pt>
                <c:pt idx="7882">
                  <c:v>44408</c:v>
                </c:pt>
                <c:pt idx="7883">
                  <c:v>44409</c:v>
                </c:pt>
                <c:pt idx="7884">
                  <c:v>44410</c:v>
                </c:pt>
                <c:pt idx="7885">
                  <c:v>44411</c:v>
                </c:pt>
                <c:pt idx="7886">
                  <c:v>44412</c:v>
                </c:pt>
                <c:pt idx="7887">
                  <c:v>44413</c:v>
                </c:pt>
                <c:pt idx="7888">
                  <c:v>44414</c:v>
                </c:pt>
                <c:pt idx="7889">
                  <c:v>44415</c:v>
                </c:pt>
                <c:pt idx="7890">
                  <c:v>44416</c:v>
                </c:pt>
                <c:pt idx="7891">
                  <c:v>44417</c:v>
                </c:pt>
                <c:pt idx="7892">
                  <c:v>44418</c:v>
                </c:pt>
                <c:pt idx="7893">
                  <c:v>44419</c:v>
                </c:pt>
                <c:pt idx="7894">
                  <c:v>44420</c:v>
                </c:pt>
                <c:pt idx="7895">
                  <c:v>44421</c:v>
                </c:pt>
                <c:pt idx="7896">
                  <c:v>44422</c:v>
                </c:pt>
                <c:pt idx="7897">
                  <c:v>44423</c:v>
                </c:pt>
                <c:pt idx="7898">
                  <c:v>44424</c:v>
                </c:pt>
                <c:pt idx="7899">
                  <c:v>44425</c:v>
                </c:pt>
                <c:pt idx="7900">
                  <c:v>44426</c:v>
                </c:pt>
                <c:pt idx="7901">
                  <c:v>44427</c:v>
                </c:pt>
                <c:pt idx="7902">
                  <c:v>44428</c:v>
                </c:pt>
                <c:pt idx="7903">
                  <c:v>44429</c:v>
                </c:pt>
                <c:pt idx="7904">
                  <c:v>44430</c:v>
                </c:pt>
                <c:pt idx="7905">
                  <c:v>44431</c:v>
                </c:pt>
                <c:pt idx="7906">
                  <c:v>44432</c:v>
                </c:pt>
                <c:pt idx="7907">
                  <c:v>44433</c:v>
                </c:pt>
                <c:pt idx="7908">
                  <c:v>44434</c:v>
                </c:pt>
                <c:pt idx="7909">
                  <c:v>44435</c:v>
                </c:pt>
                <c:pt idx="7910">
                  <c:v>44436</c:v>
                </c:pt>
                <c:pt idx="7911">
                  <c:v>44437</c:v>
                </c:pt>
                <c:pt idx="7912">
                  <c:v>44438</c:v>
                </c:pt>
                <c:pt idx="7913">
                  <c:v>44439</c:v>
                </c:pt>
                <c:pt idx="7914">
                  <c:v>44440</c:v>
                </c:pt>
                <c:pt idx="7915">
                  <c:v>44441</c:v>
                </c:pt>
                <c:pt idx="7916">
                  <c:v>44442</c:v>
                </c:pt>
                <c:pt idx="7917">
                  <c:v>44443</c:v>
                </c:pt>
                <c:pt idx="7918">
                  <c:v>44444</c:v>
                </c:pt>
                <c:pt idx="7919">
                  <c:v>44445</c:v>
                </c:pt>
                <c:pt idx="7920">
                  <c:v>44446</c:v>
                </c:pt>
                <c:pt idx="7921">
                  <c:v>44447</c:v>
                </c:pt>
                <c:pt idx="7922">
                  <c:v>44448</c:v>
                </c:pt>
                <c:pt idx="7923">
                  <c:v>44449</c:v>
                </c:pt>
                <c:pt idx="7924">
                  <c:v>44450</c:v>
                </c:pt>
                <c:pt idx="7925">
                  <c:v>44451</c:v>
                </c:pt>
                <c:pt idx="7926">
                  <c:v>44452</c:v>
                </c:pt>
                <c:pt idx="7927">
                  <c:v>44453</c:v>
                </c:pt>
                <c:pt idx="7928">
                  <c:v>44454</c:v>
                </c:pt>
                <c:pt idx="7929">
                  <c:v>44455</c:v>
                </c:pt>
                <c:pt idx="7930">
                  <c:v>44456</c:v>
                </c:pt>
                <c:pt idx="7931">
                  <c:v>44457</c:v>
                </c:pt>
                <c:pt idx="7932">
                  <c:v>44458</c:v>
                </c:pt>
                <c:pt idx="7933">
                  <c:v>44459</c:v>
                </c:pt>
                <c:pt idx="7934">
                  <c:v>44460</c:v>
                </c:pt>
                <c:pt idx="7935">
                  <c:v>44461</c:v>
                </c:pt>
                <c:pt idx="7936">
                  <c:v>44462</c:v>
                </c:pt>
                <c:pt idx="7937">
                  <c:v>44463</c:v>
                </c:pt>
                <c:pt idx="7938">
                  <c:v>44464</c:v>
                </c:pt>
                <c:pt idx="7939">
                  <c:v>44465</c:v>
                </c:pt>
                <c:pt idx="7940">
                  <c:v>44466</c:v>
                </c:pt>
                <c:pt idx="7941">
                  <c:v>44467</c:v>
                </c:pt>
                <c:pt idx="7942">
                  <c:v>44468</c:v>
                </c:pt>
                <c:pt idx="7943">
                  <c:v>44469</c:v>
                </c:pt>
                <c:pt idx="7944">
                  <c:v>44470</c:v>
                </c:pt>
                <c:pt idx="7945">
                  <c:v>44471</c:v>
                </c:pt>
                <c:pt idx="7946">
                  <c:v>44472</c:v>
                </c:pt>
                <c:pt idx="7947">
                  <c:v>44473</c:v>
                </c:pt>
                <c:pt idx="7948">
                  <c:v>44474</c:v>
                </c:pt>
                <c:pt idx="7949">
                  <c:v>44475</c:v>
                </c:pt>
                <c:pt idx="7950">
                  <c:v>44476</c:v>
                </c:pt>
                <c:pt idx="7951">
                  <c:v>44477</c:v>
                </c:pt>
                <c:pt idx="7952">
                  <c:v>44478</c:v>
                </c:pt>
                <c:pt idx="7953">
                  <c:v>44479</c:v>
                </c:pt>
                <c:pt idx="7954">
                  <c:v>44480</c:v>
                </c:pt>
                <c:pt idx="7955">
                  <c:v>44481</c:v>
                </c:pt>
                <c:pt idx="7956">
                  <c:v>44482</c:v>
                </c:pt>
                <c:pt idx="7957">
                  <c:v>44483</c:v>
                </c:pt>
                <c:pt idx="7958">
                  <c:v>44484</c:v>
                </c:pt>
                <c:pt idx="7959">
                  <c:v>44485</c:v>
                </c:pt>
                <c:pt idx="7960">
                  <c:v>44486</c:v>
                </c:pt>
                <c:pt idx="7961">
                  <c:v>44487</c:v>
                </c:pt>
                <c:pt idx="7962">
                  <c:v>44488</c:v>
                </c:pt>
                <c:pt idx="7963">
                  <c:v>44489</c:v>
                </c:pt>
                <c:pt idx="7964">
                  <c:v>44490</c:v>
                </c:pt>
                <c:pt idx="7965">
                  <c:v>44491</c:v>
                </c:pt>
                <c:pt idx="7966">
                  <c:v>44492</c:v>
                </c:pt>
                <c:pt idx="7967">
                  <c:v>44493</c:v>
                </c:pt>
                <c:pt idx="7968">
                  <c:v>44494</c:v>
                </c:pt>
                <c:pt idx="7969">
                  <c:v>44495</c:v>
                </c:pt>
                <c:pt idx="7970">
                  <c:v>44496</c:v>
                </c:pt>
                <c:pt idx="7971">
                  <c:v>44497</c:v>
                </c:pt>
                <c:pt idx="7972">
                  <c:v>44498</c:v>
                </c:pt>
                <c:pt idx="7973">
                  <c:v>44499</c:v>
                </c:pt>
                <c:pt idx="7974">
                  <c:v>44500</c:v>
                </c:pt>
                <c:pt idx="7975">
                  <c:v>44501</c:v>
                </c:pt>
                <c:pt idx="7976">
                  <c:v>44502</c:v>
                </c:pt>
                <c:pt idx="7977">
                  <c:v>44503</c:v>
                </c:pt>
                <c:pt idx="7978">
                  <c:v>44504</c:v>
                </c:pt>
                <c:pt idx="7979">
                  <c:v>44505</c:v>
                </c:pt>
                <c:pt idx="7980">
                  <c:v>44506</c:v>
                </c:pt>
                <c:pt idx="7981">
                  <c:v>44507</c:v>
                </c:pt>
                <c:pt idx="7982">
                  <c:v>44508</c:v>
                </c:pt>
                <c:pt idx="7983">
                  <c:v>44509</c:v>
                </c:pt>
                <c:pt idx="7984">
                  <c:v>44510</c:v>
                </c:pt>
                <c:pt idx="7985">
                  <c:v>44511</c:v>
                </c:pt>
                <c:pt idx="7986">
                  <c:v>44512</c:v>
                </c:pt>
                <c:pt idx="7987">
                  <c:v>44513</c:v>
                </c:pt>
                <c:pt idx="7988">
                  <c:v>44514</c:v>
                </c:pt>
                <c:pt idx="7989">
                  <c:v>44515</c:v>
                </c:pt>
                <c:pt idx="7990">
                  <c:v>44516</c:v>
                </c:pt>
                <c:pt idx="7991">
                  <c:v>44517</c:v>
                </c:pt>
                <c:pt idx="7992">
                  <c:v>44518</c:v>
                </c:pt>
                <c:pt idx="7993">
                  <c:v>44519</c:v>
                </c:pt>
                <c:pt idx="7994">
                  <c:v>44520</c:v>
                </c:pt>
                <c:pt idx="7995">
                  <c:v>44521</c:v>
                </c:pt>
                <c:pt idx="7996">
                  <c:v>44522</c:v>
                </c:pt>
                <c:pt idx="7997">
                  <c:v>44523</c:v>
                </c:pt>
                <c:pt idx="7998">
                  <c:v>44524</c:v>
                </c:pt>
                <c:pt idx="7999">
                  <c:v>44525</c:v>
                </c:pt>
                <c:pt idx="8000">
                  <c:v>44526</c:v>
                </c:pt>
                <c:pt idx="8001">
                  <c:v>44527</c:v>
                </c:pt>
                <c:pt idx="8002">
                  <c:v>44528</c:v>
                </c:pt>
                <c:pt idx="8003">
                  <c:v>44529</c:v>
                </c:pt>
                <c:pt idx="8004">
                  <c:v>44530</c:v>
                </c:pt>
                <c:pt idx="8005">
                  <c:v>44531</c:v>
                </c:pt>
                <c:pt idx="8006">
                  <c:v>44532</c:v>
                </c:pt>
                <c:pt idx="8007">
                  <c:v>44533</c:v>
                </c:pt>
                <c:pt idx="8008">
                  <c:v>44534</c:v>
                </c:pt>
                <c:pt idx="8009">
                  <c:v>44535</c:v>
                </c:pt>
                <c:pt idx="8010">
                  <c:v>44536</c:v>
                </c:pt>
                <c:pt idx="8011">
                  <c:v>44537</c:v>
                </c:pt>
                <c:pt idx="8012">
                  <c:v>44538</c:v>
                </c:pt>
                <c:pt idx="8013">
                  <c:v>44539</c:v>
                </c:pt>
                <c:pt idx="8014">
                  <c:v>44540</c:v>
                </c:pt>
                <c:pt idx="8015">
                  <c:v>44541</c:v>
                </c:pt>
                <c:pt idx="8016">
                  <c:v>44542</c:v>
                </c:pt>
                <c:pt idx="8017">
                  <c:v>44543</c:v>
                </c:pt>
                <c:pt idx="8018">
                  <c:v>44544</c:v>
                </c:pt>
                <c:pt idx="8019">
                  <c:v>44545</c:v>
                </c:pt>
                <c:pt idx="8020">
                  <c:v>44546</c:v>
                </c:pt>
                <c:pt idx="8021">
                  <c:v>44547</c:v>
                </c:pt>
                <c:pt idx="8022">
                  <c:v>44548</c:v>
                </c:pt>
                <c:pt idx="8023">
                  <c:v>44549</c:v>
                </c:pt>
                <c:pt idx="8024">
                  <c:v>44550</c:v>
                </c:pt>
                <c:pt idx="8025">
                  <c:v>44551</c:v>
                </c:pt>
                <c:pt idx="8026">
                  <c:v>44552</c:v>
                </c:pt>
                <c:pt idx="8027">
                  <c:v>44553</c:v>
                </c:pt>
                <c:pt idx="8028">
                  <c:v>44554</c:v>
                </c:pt>
                <c:pt idx="8029">
                  <c:v>44555</c:v>
                </c:pt>
                <c:pt idx="8030">
                  <c:v>44556</c:v>
                </c:pt>
                <c:pt idx="8031">
                  <c:v>44557</c:v>
                </c:pt>
                <c:pt idx="8032">
                  <c:v>44558</c:v>
                </c:pt>
                <c:pt idx="8033">
                  <c:v>44559</c:v>
                </c:pt>
                <c:pt idx="8034">
                  <c:v>44560</c:v>
                </c:pt>
                <c:pt idx="8035">
                  <c:v>44561</c:v>
                </c:pt>
                <c:pt idx="8036">
                  <c:v>44562</c:v>
                </c:pt>
                <c:pt idx="8037">
                  <c:v>44563</c:v>
                </c:pt>
                <c:pt idx="8038">
                  <c:v>44564</c:v>
                </c:pt>
                <c:pt idx="8039">
                  <c:v>44565</c:v>
                </c:pt>
                <c:pt idx="8040">
                  <c:v>44566</c:v>
                </c:pt>
                <c:pt idx="8041">
                  <c:v>44567</c:v>
                </c:pt>
                <c:pt idx="8042">
                  <c:v>44568</c:v>
                </c:pt>
                <c:pt idx="8043">
                  <c:v>44569</c:v>
                </c:pt>
                <c:pt idx="8044">
                  <c:v>44570</c:v>
                </c:pt>
                <c:pt idx="8045">
                  <c:v>44571</c:v>
                </c:pt>
                <c:pt idx="8046">
                  <c:v>44572</c:v>
                </c:pt>
                <c:pt idx="8047">
                  <c:v>44573</c:v>
                </c:pt>
                <c:pt idx="8048">
                  <c:v>44574</c:v>
                </c:pt>
                <c:pt idx="8049">
                  <c:v>44575</c:v>
                </c:pt>
                <c:pt idx="8050">
                  <c:v>44576</c:v>
                </c:pt>
                <c:pt idx="8051">
                  <c:v>44577</c:v>
                </c:pt>
                <c:pt idx="8052">
                  <c:v>44578</c:v>
                </c:pt>
                <c:pt idx="8053">
                  <c:v>44579</c:v>
                </c:pt>
                <c:pt idx="8054">
                  <c:v>44580</c:v>
                </c:pt>
                <c:pt idx="8055">
                  <c:v>44581</c:v>
                </c:pt>
                <c:pt idx="8056">
                  <c:v>44582</c:v>
                </c:pt>
                <c:pt idx="8057">
                  <c:v>44583</c:v>
                </c:pt>
                <c:pt idx="8058">
                  <c:v>44584</c:v>
                </c:pt>
                <c:pt idx="8059">
                  <c:v>44585</c:v>
                </c:pt>
                <c:pt idx="8060">
                  <c:v>44586</c:v>
                </c:pt>
                <c:pt idx="8061">
                  <c:v>44587</c:v>
                </c:pt>
                <c:pt idx="8062">
                  <c:v>44588</c:v>
                </c:pt>
                <c:pt idx="8063">
                  <c:v>44589</c:v>
                </c:pt>
                <c:pt idx="8064">
                  <c:v>44590</c:v>
                </c:pt>
                <c:pt idx="8065">
                  <c:v>44591</c:v>
                </c:pt>
                <c:pt idx="8066">
                  <c:v>44592</c:v>
                </c:pt>
                <c:pt idx="8067">
                  <c:v>44593</c:v>
                </c:pt>
                <c:pt idx="8068">
                  <c:v>44594</c:v>
                </c:pt>
                <c:pt idx="8069">
                  <c:v>44595</c:v>
                </c:pt>
                <c:pt idx="8070">
                  <c:v>44596</c:v>
                </c:pt>
                <c:pt idx="8071">
                  <c:v>44597</c:v>
                </c:pt>
                <c:pt idx="8072">
                  <c:v>44598</c:v>
                </c:pt>
                <c:pt idx="8073">
                  <c:v>44599</c:v>
                </c:pt>
                <c:pt idx="8074">
                  <c:v>44600</c:v>
                </c:pt>
                <c:pt idx="8075">
                  <c:v>44601</c:v>
                </c:pt>
                <c:pt idx="8076">
                  <c:v>44602</c:v>
                </c:pt>
                <c:pt idx="8077">
                  <c:v>44603</c:v>
                </c:pt>
                <c:pt idx="8078">
                  <c:v>44604</c:v>
                </c:pt>
                <c:pt idx="8079">
                  <c:v>44605</c:v>
                </c:pt>
                <c:pt idx="8080">
                  <c:v>44606</c:v>
                </c:pt>
                <c:pt idx="8081">
                  <c:v>44607</c:v>
                </c:pt>
                <c:pt idx="8082">
                  <c:v>44608</c:v>
                </c:pt>
                <c:pt idx="8083">
                  <c:v>44609</c:v>
                </c:pt>
                <c:pt idx="8084">
                  <c:v>44610</c:v>
                </c:pt>
                <c:pt idx="8085">
                  <c:v>44611</c:v>
                </c:pt>
                <c:pt idx="8086">
                  <c:v>44612</c:v>
                </c:pt>
                <c:pt idx="8087">
                  <c:v>44613</c:v>
                </c:pt>
                <c:pt idx="8088">
                  <c:v>44614</c:v>
                </c:pt>
                <c:pt idx="8089">
                  <c:v>44615</c:v>
                </c:pt>
                <c:pt idx="8090">
                  <c:v>44616</c:v>
                </c:pt>
                <c:pt idx="8091">
                  <c:v>44617</c:v>
                </c:pt>
                <c:pt idx="8092">
                  <c:v>44618</c:v>
                </c:pt>
                <c:pt idx="8093">
                  <c:v>44619</c:v>
                </c:pt>
                <c:pt idx="8094">
                  <c:v>44620</c:v>
                </c:pt>
                <c:pt idx="8095">
                  <c:v>44621</c:v>
                </c:pt>
                <c:pt idx="8096">
                  <c:v>44622</c:v>
                </c:pt>
                <c:pt idx="8097">
                  <c:v>44623</c:v>
                </c:pt>
                <c:pt idx="8098">
                  <c:v>44624</c:v>
                </c:pt>
                <c:pt idx="8099">
                  <c:v>44625</c:v>
                </c:pt>
                <c:pt idx="8100">
                  <c:v>44626</c:v>
                </c:pt>
                <c:pt idx="8101">
                  <c:v>44627</c:v>
                </c:pt>
                <c:pt idx="8102">
                  <c:v>44628</c:v>
                </c:pt>
                <c:pt idx="8103">
                  <c:v>44629</c:v>
                </c:pt>
                <c:pt idx="8104">
                  <c:v>44630</c:v>
                </c:pt>
                <c:pt idx="8105">
                  <c:v>44631</c:v>
                </c:pt>
                <c:pt idx="8106">
                  <c:v>44632</c:v>
                </c:pt>
                <c:pt idx="8107">
                  <c:v>44633</c:v>
                </c:pt>
                <c:pt idx="8108">
                  <c:v>44634</c:v>
                </c:pt>
                <c:pt idx="8109">
                  <c:v>44635</c:v>
                </c:pt>
                <c:pt idx="8110">
                  <c:v>44636</c:v>
                </c:pt>
                <c:pt idx="8111">
                  <c:v>44637</c:v>
                </c:pt>
                <c:pt idx="8112">
                  <c:v>44638</c:v>
                </c:pt>
                <c:pt idx="8113">
                  <c:v>44639</c:v>
                </c:pt>
                <c:pt idx="8114">
                  <c:v>44640</c:v>
                </c:pt>
                <c:pt idx="8115">
                  <c:v>44641</c:v>
                </c:pt>
                <c:pt idx="8116">
                  <c:v>44642</c:v>
                </c:pt>
                <c:pt idx="8117">
                  <c:v>44643</c:v>
                </c:pt>
                <c:pt idx="8118">
                  <c:v>44644</c:v>
                </c:pt>
                <c:pt idx="8119">
                  <c:v>44645</c:v>
                </c:pt>
                <c:pt idx="8120">
                  <c:v>44646</c:v>
                </c:pt>
                <c:pt idx="8121">
                  <c:v>44647</c:v>
                </c:pt>
                <c:pt idx="8122">
                  <c:v>44648</c:v>
                </c:pt>
                <c:pt idx="8123">
                  <c:v>44649</c:v>
                </c:pt>
                <c:pt idx="8124">
                  <c:v>44650</c:v>
                </c:pt>
                <c:pt idx="8125">
                  <c:v>44651</c:v>
                </c:pt>
                <c:pt idx="8126">
                  <c:v>44652</c:v>
                </c:pt>
                <c:pt idx="8127">
                  <c:v>44653</c:v>
                </c:pt>
                <c:pt idx="8128">
                  <c:v>44654</c:v>
                </c:pt>
                <c:pt idx="8129">
                  <c:v>44655</c:v>
                </c:pt>
                <c:pt idx="8130">
                  <c:v>44656</c:v>
                </c:pt>
                <c:pt idx="8131">
                  <c:v>44657</c:v>
                </c:pt>
                <c:pt idx="8132">
                  <c:v>44658</c:v>
                </c:pt>
                <c:pt idx="8133">
                  <c:v>44659</c:v>
                </c:pt>
                <c:pt idx="8134">
                  <c:v>44660</c:v>
                </c:pt>
                <c:pt idx="8135">
                  <c:v>44661</c:v>
                </c:pt>
                <c:pt idx="8136">
                  <c:v>44662</c:v>
                </c:pt>
                <c:pt idx="8137">
                  <c:v>44663</c:v>
                </c:pt>
                <c:pt idx="8138">
                  <c:v>44664</c:v>
                </c:pt>
                <c:pt idx="8139">
                  <c:v>44665</c:v>
                </c:pt>
                <c:pt idx="8140">
                  <c:v>44666</c:v>
                </c:pt>
                <c:pt idx="8141">
                  <c:v>44667</c:v>
                </c:pt>
                <c:pt idx="8142">
                  <c:v>44668</c:v>
                </c:pt>
                <c:pt idx="8143">
                  <c:v>44669</c:v>
                </c:pt>
                <c:pt idx="8144">
                  <c:v>44670</c:v>
                </c:pt>
                <c:pt idx="8145">
                  <c:v>44671</c:v>
                </c:pt>
                <c:pt idx="8146">
                  <c:v>44672</c:v>
                </c:pt>
                <c:pt idx="8147">
                  <c:v>44673</c:v>
                </c:pt>
                <c:pt idx="8148">
                  <c:v>44674</c:v>
                </c:pt>
                <c:pt idx="8149">
                  <c:v>44675</c:v>
                </c:pt>
                <c:pt idx="8150">
                  <c:v>44676</c:v>
                </c:pt>
                <c:pt idx="8151">
                  <c:v>44677</c:v>
                </c:pt>
                <c:pt idx="8152">
                  <c:v>44678</c:v>
                </c:pt>
                <c:pt idx="8153">
                  <c:v>44679</c:v>
                </c:pt>
                <c:pt idx="8154">
                  <c:v>44680</c:v>
                </c:pt>
                <c:pt idx="8155">
                  <c:v>44681</c:v>
                </c:pt>
                <c:pt idx="8156">
                  <c:v>44682</c:v>
                </c:pt>
                <c:pt idx="8157">
                  <c:v>44683</c:v>
                </c:pt>
                <c:pt idx="8158">
                  <c:v>44684</c:v>
                </c:pt>
                <c:pt idx="8159">
                  <c:v>44685</c:v>
                </c:pt>
                <c:pt idx="8160">
                  <c:v>44686</c:v>
                </c:pt>
                <c:pt idx="8161">
                  <c:v>44687</c:v>
                </c:pt>
                <c:pt idx="8162">
                  <c:v>44688</c:v>
                </c:pt>
                <c:pt idx="8163">
                  <c:v>44689</c:v>
                </c:pt>
                <c:pt idx="8164">
                  <c:v>44690</c:v>
                </c:pt>
                <c:pt idx="8165">
                  <c:v>44691</c:v>
                </c:pt>
                <c:pt idx="8166">
                  <c:v>44692</c:v>
                </c:pt>
                <c:pt idx="8167">
                  <c:v>44693</c:v>
                </c:pt>
                <c:pt idx="8168">
                  <c:v>44694</c:v>
                </c:pt>
                <c:pt idx="8169">
                  <c:v>44695</c:v>
                </c:pt>
                <c:pt idx="8170">
                  <c:v>44696</c:v>
                </c:pt>
                <c:pt idx="8171">
                  <c:v>44697</c:v>
                </c:pt>
                <c:pt idx="8172">
                  <c:v>44698</c:v>
                </c:pt>
                <c:pt idx="8173">
                  <c:v>44699</c:v>
                </c:pt>
                <c:pt idx="8174">
                  <c:v>44700</c:v>
                </c:pt>
                <c:pt idx="8175">
                  <c:v>44701</c:v>
                </c:pt>
                <c:pt idx="8176">
                  <c:v>44702</c:v>
                </c:pt>
                <c:pt idx="8177">
                  <c:v>44703</c:v>
                </c:pt>
                <c:pt idx="8178">
                  <c:v>44704</c:v>
                </c:pt>
                <c:pt idx="8179">
                  <c:v>44705</c:v>
                </c:pt>
                <c:pt idx="8180">
                  <c:v>44706</c:v>
                </c:pt>
                <c:pt idx="8181">
                  <c:v>44707</c:v>
                </c:pt>
                <c:pt idx="8182">
                  <c:v>44708</c:v>
                </c:pt>
                <c:pt idx="8183">
                  <c:v>44709</c:v>
                </c:pt>
                <c:pt idx="8184">
                  <c:v>44710</c:v>
                </c:pt>
                <c:pt idx="8185">
                  <c:v>44711</c:v>
                </c:pt>
                <c:pt idx="8186">
                  <c:v>44712</c:v>
                </c:pt>
                <c:pt idx="8187">
                  <c:v>44713</c:v>
                </c:pt>
                <c:pt idx="8188">
                  <c:v>44714</c:v>
                </c:pt>
                <c:pt idx="8189">
                  <c:v>44715</c:v>
                </c:pt>
                <c:pt idx="8190">
                  <c:v>44716</c:v>
                </c:pt>
                <c:pt idx="8191">
                  <c:v>44717</c:v>
                </c:pt>
                <c:pt idx="8192">
                  <c:v>44718</c:v>
                </c:pt>
                <c:pt idx="8193">
                  <c:v>44719</c:v>
                </c:pt>
                <c:pt idx="8194">
                  <c:v>44720</c:v>
                </c:pt>
                <c:pt idx="8195">
                  <c:v>44721</c:v>
                </c:pt>
                <c:pt idx="8196">
                  <c:v>44722</c:v>
                </c:pt>
                <c:pt idx="8197">
                  <c:v>44723</c:v>
                </c:pt>
                <c:pt idx="8198">
                  <c:v>44724</c:v>
                </c:pt>
                <c:pt idx="8199">
                  <c:v>44725</c:v>
                </c:pt>
                <c:pt idx="8200">
                  <c:v>44726</c:v>
                </c:pt>
                <c:pt idx="8201">
                  <c:v>44727</c:v>
                </c:pt>
                <c:pt idx="8202">
                  <c:v>44728</c:v>
                </c:pt>
                <c:pt idx="8203">
                  <c:v>44729</c:v>
                </c:pt>
                <c:pt idx="8204">
                  <c:v>44730</c:v>
                </c:pt>
                <c:pt idx="8205">
                  <c:v>44731</c:v>
                </c:pt>
                <c:pt idx="8206">
                  <c:v>44732</c:v>
                </c:pt>
                <c:pt idx="8207">
                  <c:v>44733</c:v>
                </c:pt>
                <c:pt idx="8208">
                  <c:v>44734</c:v>
                </c:pt>
                <c:pt idx="8209">
                  <c:v>44735</c:v>
                </c:pt>
                <c:pt idx="8210">
                  <c:v>44736</c:v>
                </c:pt>
                <c:pt idx="8211">
                  <c:v>44737</c:v>
                </c:pt>
                <c:pt idx="8212">
                  <c:v>44738</c:v>
                </c:pt>
                <c:pt idx="8213">
                  <c:v>44739</c:v>
                </c:pt>
                <c:pt idx="8214">
                  <c:v>44740</c:v>
                </c:pt>
                <c:pt idx="8215">
                  <c:v>44741</c:v>
                </c:pt>
                <c:pt idx="8216">
                  <c:v>44742</c:v>
                </c:pt>
                <c:pt idx="8217">
                  <c:v>44743</c:v>
                </c:pt>
                <c:pt idx="8218">
                  <c:v>44744</c:v>
                </c:pt>
                <c:pt idx="8219">
                  <c:v>44745</c:v>
                </c:pt>
                <c:pt idx="8220">
                  <c:v>44746</c:v>
                </c:pt>
                <c:pt idx="8221">
                  <c:v>44747</c:v>
                </c:pt>
                <c:pt idx="8222">
                  <c:v>44748</c:v>
                </c:pt>
                <c:pt idx="8223">
                  <c:v>44749</c:v>
                </c:pt>
                <c:pt idx="8224">
                  <c:v>44750</c:v>
                </c:pt>
                <c:pt idx="8225">
                  <c:v>44751</c:v>
                </c:pt>
                <c:pt idx="8226">
                  <c:v>44752</c:v>
                </c:pt>
                <c:pt idx="8227">
                  <c:v>44753</c:v>
                </c:pt>
                <c:pt idx="8228">
                  <c:v>44754</c:v>
                </c:pt>
                <c:pt idx="8229">
                  <c:v>44755</c:v>
                </c:pt>
                <c:pt idx="8230">
                  <c:v>44756</c:v>
                </c:pt>
                <c:pt idx="8231">
                  <c:v>44757</c:v>
                </c:pt>
                <c:pt idx="8232">
                  <c:v>44758</c:v>
                </c:pt>
                <c:pt idx="8233">
                  <c:v>44759</c:v>
                </c:pt>
                <c:pt idx="8234">
                  <c:v>44760</c:v>
                </c:pt>
                <c:pt idx="8235">
                  <c:v>44761</c:v>
                </c:pt>
                <c:pt idx="8236">
                  <c:v>44762</c:v>
                </c:pt>
                <c:pt idx="8237">
                  <c:v>44763</c:v>
                </c:pt>
                <c:pt idx="8238">
                  <c:v>44764</c:v>
                </c:pt>
                <c:pt idx="8239">
                  <c:v>44765</c:v>
                </c:pt>
                <c:pt idx="8240">
                  <c:v>44766</c:v>
                </c:pt>
                <c:pt idx="8241">
                  <c:v>44767</c:v>
                </c:pt>
                <c:pt idx="8242">
                  <c:v>44768</c:v>
                </c:pt>
                <c:pt idx="8243">
                  <c:v>44769</c:v>
                </c:pt>
                <c:pt idx="8244">
                  <c:v>44770</c:v>
                </c:pt>
                <c:pt idx="8245">
                  <c:v>44771</c:v>
                </c:pt>
                <c:pt idx="8246">
                  <c:v>44772</c:v>
                </c:pt>
                <c:pt idx="8247">
                  <c:v>44773</c:v>
                </c:pt>
                <c:pt idx="8248">
                  <c:v>44774</c:v>
                </c:pt>
                <c:pt idx="8249">
                  <c:v>44775</c:v>
                </c:pt>
                <c:pt idx="8250">
                  <c:v>44776</c:v>
                </c:pt>
                <c:pt idx="8251">
                  <c:v>44777</c:v>
                </c:pt>
                <c:pt idx="8252">
                  <c:v>44778</c:v>
                </c:pt>
                <c:pt idx="8253">
                  <c:v>44779</c:v>
                </c:pt>
                <c:pt idx="8254">
                  <c:v>44780</c:v>
                </c:pt>
                <c:pt idx="8255">
                  <c:v>44781</c:v>
                </c:pt>
                <c:pt idx="8256">
                  <c:v>44782</c:v>
                </c:pt>
                <c:pt idx="8257">
                  <c:v>44783</c:v>
                </c:pt>
                <c:pt idx="8258">
                  <c:v>44784</c:v>
                </c:pt>
                <c:pt idx="8259">
                  <c:v>44785</c:v>
                </c:pt>
                <c:pt idx="8260">
                  <c:v>44786</c:v>
                </c:pt>
                <c:pt idx="8261">
                  <c:v>44787</c:v>
                </c:pt>
                <c:pt idx="8262">
                  <c:v>44788</c:v>
                </c:pt>
                <c:pt idx="8263">
                  <c:v>44789</c:v>
                </c:pt>
                <c:pt idx="8264">
                  <c:v>44790</c:v>
                </c:pt>
                <c:pt idx="8265">
                  <c:v>44791</c:v>
                </c:pt>
                <c:pt idx="8266">
                  <c:v>44792</c:v>
                </c:pt>
                <c:pt idx="8267">
                  <c:v>44793</c:v>
                </c:pt>
                <c:pt idx="8268">
                  <c:v>44794</c:v>
                </c:pt>
                <c:pt idx="8269">
                  <c:v>44795</c:v>
                </c:pt>
                <c:pt idx="8270">
                  <c:v>44796</c:v>
                </c:pt>
                <c:pt idx="8271">
                  <c:v>44797</c:v>
                </c:pt>
                <c:pt idx="8272">
                  <c:v>44798</c:v>
                </c:pt>
                <c:pt idx="8273">
                  <c:v>44799</c:v>
                </c:pt>
                <c:pt idx="8274">
                  <c:v>44800</c:v>
                </c:pt>
                <c:pt idx="8275">
                  <c:v>44801</c:v>
                </c:pt>
                <c:pt idx="8276">
                  <c:v>44802</c:v>
                </c:pt>
                <c:pt idx="8277">
                  <c:v>44803</c:v>
                </c:pt>
                <c:pt idx="8278">
                  <c:v>44804</c:v>
                </c:pt>
                <c:pt idx="8279">
                  <c:v>44805</c:v>
                </c:pt>
                <c:pt idx="8280">
                  <c:v>44806</c:v>
                </c:pt>
                <c:pt idx="8281">
                  <c:v>44807</c:v>
                </c:pt>
                <c:pt idx="8282">
                  <c:v>44808</c:v>
                </c:pt>
                <c:pt idx="8283">
                  <c:v>44809</c:v>
                </c:pt>
                <c:pt idx="8284">
                  <c:v>44810</c:v>
                </c:pt>
                <c:pt idx="8285">
                  <c:v>44811</c:v>
                </c:pt>
                <c:pt idx="8286">
                  <c:v>44812</c:v>
                </c:pt>
                <c:pt idx="8287">
                  <c:v>44813</c:v>
                </c:pt>
                <c:pt idx="8288">
                  <c:v>44814</c:v>
                </c:pt>
                <c:pt idx="8289">
                  <c:v>44815</c:v>
                </c:pt>
                <c:pt idx="8290">
                  <c:v>44816</c:v>
                </c:pt>
                <c:pt idx="8291">
                  <c:v>44817</c:v>
                </c:pt>
                <c:pt idx="8292">
                  <c:v>44818</c:v>
                </c:pt>
                <c:pt idx="8293">
                  <c:v>44819</c:v>
                </c:pt>
                <c:pt idx="8294">
                  <c:v>44820</c:v>
                </c:pt>
                <c:pt idx="8295">
                  <c:v>44821</c:v>
                </c:pt>
                <c:pt idx="8296">
                  <c:v>44822</c:v>
                </c:pt>
                <c:pt idx="8297">
                  <c:v>44823</c:v>
                </c:pt>
                <c:pt idx="8298">
                  <c:v>44824</c:v>
                </c:pt>
                <c:pt idx="8299">
                  <c:v>44825</c:v>
                </c:pt>
                <c:pt idx="8300">
                  <c:v>44826</c:v>
                </c:pt>
                <c:pt idx="8301">
                  <c:v>44827</c:v>
                </c:pt>
                <c:pt idx="8302">
                  <c:v>44828</c:v>
                </c:pt>
                <c:pt idx="8303">
                  <c:v>44829</c:v>
                </c:pt>
                <c:pt idx="8304">
                  <c:v>44830</c:v>
                </c:pt>
                <c:pt idx="8305">
                  <c:v>44831</c:v>
                </c:pt>
                <c:pt idx="8306">
                  <c:v>44832</c:v>
                </c:pt>
                <c:pt idx="8307">
                  <c:v>44833</c:v>
                </c:pt>
                <c:pt idx="8308">
                  <c:v>44834</c:v>
                </c:pt>
                <c:pt idx="8309">
                  <c:v>44835</c:v>
                </c:pt>
                <c:pt idx="8310">
                  <c:v>44836</c:v>
                </c:pt>
                <c:pt idx="8311">
                  <c:v>44837</c:v>
                </c:pt>
                <c:pt idx="8312">
                  <c:v>44838</c:v>
                </c:pt>
                <c:pt idx="8313">
                  <c:v>44839</c:v>
                </c:pt>
                <c:pt idx="8314">
                  <c:v>44840</c:v>
                </c:pt>
                <c:pt idx="8315">
                  <c:v>44841</c:v>
                </c:pt>
                <c:pt idx="8316">
                  <c:v>44842</c:v>
                </c:pt>
                <c:pt idx="8317">
                  <c:v>44843</c:v>
                </c:pt>
                <c:pt idx="8318">
                  <c:v>44844</c:v>
                </c:pt>
                <c:pt idx="8319">
                  <c:v>44845</c:v>
                </c:pt>
                <c:pt idx="8320">
                  <c:v>44846</c:v>
                </c:pt>
                <c:pt idx="8321">
                  <c:v>44847</c:v>
                </c:pt>
                <c:pt idx="8322">
                  <c:v>44848</c:v>
                </c:pt>
                <c:pt idx="8323">
                  <c:v>44849</c:v>
                </c:pt>
                <c:pt idx="8324">
                  <c:v>44850</c:v>
                </c:pt>
                <c:pt idx="8325">
                  <c:v>44851</c:v>
                </c:pt>
                <c:pt idx="8326">
                  <c:v>44852</c:v>
                </c:pt>
                <c:pt idx="8327">
                  <c:v>44853</c:v>
                </c:pt>
                <c:pt idx="8328">
                  <c:v>44854</c:v>
                </c:pt>
                <c:pt idx="8329">
                  <c:v>44855</c:v>
                </c:pt>
                <c:pt idx="8330">
                  <c:v>44856</c:v>
                </c:pt>
                <c:pt idx="8331">
                  <c:v>44857</c:v>
                </c:pt>
                <c:pt idx="8332">
                  <c:v>44858</c:v>
                </c:pt>
                <c:pt idx="8333">
                  <c:v>44859</c:v>
                </c:pt>
                <c:pt idx="8334">
                  <c:v>44860</c:v>
                </c:pt>
                <c:pt idx="8335">
                  <c:v>44861</c:v>
                </c:pt>
                <c:pt idx="8336">
                  <c:v>44862</c:v>
                </c:pt>
                <c:pt idx="8337">
                  <c:v>44863</c:v>
                </c:pt>
                <c:pt idx="8338">
                  <c:v>44864</c:v>
                </c:pt>
                <c:pt idx="8339">
                  <c:v>44865</c:v>
                </c:pt>
                <c:pt idx="8340">
                  <c:v>44866</c:v>
                </c:pt>
                <c:pt idx="8341">
                  <c:v>44867</c:v>
                </c:pt>
                <c:pt idx="8342">
                  <c:v>44868</c:v>
                </c:pt>
                <c:pt idx="8343">
                  <c:v>44869</c:v>
                </c:pt>
                <c:pt idx="8344">
                  <c:v>44870</c:v>
                </c:pt>
                <c:pt idx="8345">
                  <c:v>44871</c:v>
                </c:pt>
                <c:pt idx="8346">
                  <c:v>44872</c:v>
                </c:pt>
                <c:pt idx="8347">
                  <c:v>44873</c:v>
                </c:pt>
                <c:pt idx="8348">
                  <c:v>44874</c:v>
                </c:pt>
                <c:pt idx="8349">
                  <c:v>44875</c:v>
                </c:pt>
                <c:pt idx="8350">
                  <c:v>44876</c:v>
                </c:pt>
                <c:pt idx="8351">
                  <c:v>44877</c:v>
                </c:pt>
                <c:pt idx="8352">
                  <c:v>44878</c:v>
                </c:pt>
                <c:pt idx="8353">
                  <c:v>44879</c:v>
                </c:pt>
                <c:pt idx="8354">
                  <c:v>44880</c:v>
                </c:pt>
                <c:pt idx="8355">
                  <c:v>44881</c:v>
                </c:pt>
                <c:pt idx="8356">
                  <c:v>44882</c:v>
                </c:pt>
                <c:pt idx="8357">
                  <c:v>44883</c:v>
                </c:pt>
                <c:pt idx="8358">
                  <c:v>44884</c:v>
                </c:pt>
                <c:pt idx="8359">
                  <c:v>44885</c:v>
                </c:pt>
                <c:pt idx="8360">
                  <c:v>44886</c:v>
                </c:pt>
                <c:pt idx="8361">
                  <c:v>44887</c:v>
                </c:pt>
                <c:pt idx="8362">
                  <c:v>44888</c:v>
                </c:pt>
                <c:pt idx="8363">
                  <c:v>44889</c:v>
                </c:pt>
                <c:pt idx="8364">
                  <c:v>44890</c:v>
                </c:pt>
                <c:pt idx="8365">
                  <c:v>44891</c:v>
                </c:pt>
                <c:pt idx="8366">
                  <c:v>44892</c:v>
                </c:pt>
                <c:pt idx="8367">
                  <c:v>44893</c:v>
                </c:pt>
                <c:pt idx="8368">
                  <c:v>44894</c:v>
                </c:pt>
                <c:pt idx="8369">
                  <c:v>44895</c:v>
                </c:pt>
                <c:pt idx="8370">
                  <c:v>44896</c:v>
                </c:pt>
                <c:pt idx="8371">
                  <c:v>44897</c:v>
                </c:pt>
                <c:pt idx="8372">
                  <c:v>44898</c:v>
                </c:pt>
                <c:pt idx="8373">
                  <c:v>44899</c:v>
                </c:pt>
                <c:pt idx="8374">
                  <c:v>44900</c:v>
                </c:pt>
                <c:pt idx="8375">
                  <c:v>44901</c:v>
                </c:pt>
                <c:pt idx="8376">
                  <c:v>44902</c:v>
                </c:pt>
                <c:pt idx="8377">
                  <c:v>44903</c:v>
                </c:pt>
                <c:pt idx="8378">
                  <c:v>44904</c:v>
                </c:pt>
                <c:pt idx="8379">
                  <c:v>44905</c:v>
                </c:pt>
                <c:pt idx="8380">
                  <c:v>44906</c:v>
                </c:pt>
                <c:pt idx="8381">
                  <c:v>44907</c:v>
                </c:pt>
                <c:pt idx="8382">
                  <c:v>44908</c:v>
                </c:pt>
                <c:pt idx="8383">
                  <c:v>44909</c:v>
                </c:pt>
                <c:pt idx="8384">
                  <c:v>44910</c:v>
                </c:pt>
                <c:pt idx="8385">
                  <c:v>44911</c:v>
                </c:pt>
                <c:pt idx="8386">
                  <c:v>44912</c:v>
                </c:pt>
                <c:pt idx="8387">
                  <c:v>44913</c:v>
                </c:pt>
                <c:pt idx="8388">
                  <c:v>44914</c:v>
                </c:pt>
                <c:pt idx="8389">
                  <c:v>44915</c:v>
                </c:pt>
                <c:pt idx="8390">
                  <c:v>44916</c:v>
                </c:pt>
                <c:pt idx="8391">
                  <c:v>44917</c:v>
                </c:pt>
                <c:pt idx="8392">
                  <c:v>44918</c:v>
                </c:pt>
                <c:pt idx="8393">
                  <c:v>44919</c:v>
                </c:pt>
                <c:pt idx="8394">
                  <c:v>44920</c:v>
                </c:pt>
                <c:pt idx="8395">
                  <c:v>44921</c:v>
                </c:pt>
                <c:pt idx="8396">
                  <c:v>44922</c:v>
                </c:pt>
                <c:pt idx="8397">
                  <c:v>44923</c:v>
                </c:pt>
                <c:pt idx="8398">
                  <c:v>44924</c:v>
                </c:pt>
                <c:pt idx="8399">
                  <c:v>44925</c:v>
                </c:pt>
                <c:pt idx="8400">
                  <c:v>44926</c:v>
                </c:pt>
                <c:pt idx="8401">
                  <c:v>44927</c:v>
                </c:pt>
                <c:pt idx="8402">
                  <c:v>44928</c:v>
                </c:pt>
                <c:pt idx="8403">
                  <c:v>44929</c:v>
                </c:pt>
                <c:pt idx="8404">
                  <c:v>44930</c:v>
                </c:pt>
                <c:pt idx="8405">
                  <c:v>44931</c:v>
                </c:pt>
                <c:pt idx="8406">
                  <c:v>44932</c:v>
                </c:pt>
                <c:pt idx="8407">
                  <c:v>44933</c:v>
                </c:pt>
                <c:pt idx="8408">
                  <c:v>44934</c:v>
                </c:pt>
                <c:pt idx="8409">
                  <c:v>44935</c:v>
                </c:pt>
                <c:pt idx="8410">
                  <c:v>44936</c:v>
                </c:pt>
                <c:pt idx="8411">
                  <c:v>44937</c:v>
                </c:pt>
                <c:pt idx="8412">
                  <c:v>44938</c:v>
                </c:pt>
                <c:pt idx="8413">
                  <c:v>44939</c:v>
                </c:pt>
                <c:pt idx="8414">
                  <c:v>44940</c:v>
                </c:pt>
                <c:pt idx="8415">
                  <c:v>44941</c:v>
                </c:pt>
                <c:pt idx="8416">
                  <c:v>44942</c:v>
                </c:pt>
                <c:pt idx="8417">
                  <c:v>44943</c:v>
                </c:pt>
                <c:pt idx="8418">
                  <c:v>44944</c:v>
                </c:pt>
                <c:pt idx="8419">
                  <c:v>44945</c:v>
                </c:pt>
                <c:pt idx="8420">
                  <c:v>44946</c:v>
                </c:pt>
                <c:pt idx="8421">
                  <c:v>44947</c:v>
                </c:pt>
                <c:pt idx="8422">
                  <c:v>44948</c:v>
                </c:pt>
                <c:pt idx="8423">
                  <c:v>44949</c:v>
                </c:pt>
                <c:pt idx="8424">
                  <c:v>44950</c:v>
                </c:pt>
                <c:pt idx="8425">
                  <c:v>44951</c:v>
                </c:pt>
                <c:pt idx="8426">
                  <c:v>44952</c:v>
                </c:pt>
                <c:pt idx="8427">
                  <c:v>44953</c:v>
                </c:pt>
                <c:pt idx="8428">
                  <c:v>44954</c:v>
                </c:pt>
                <c:pt idx="8429">
                  <c:v>44955</c:v>
                </c:pt>
                <c:pt idx="8430">
                  <c:v>44956</c:v>
                </c:pt>
                <c:pt idx="8431">
                  <c:v>44957</c:v>
                </c:pt>
                <c:pt idx="8432">
                  <c:v>44958</c:v>
                </c:pt>
                <c:pt idx="8433">
                  <c:v>44959</c:v>
                </c:pt>
                <c:pt idx="8434">
                  <c:v>44960</c:v>
                </c:pt>
                <c:pt idx="8435">
                  <c:v>44961</c:v>
                </c:pt>
                <c:pt idx="8436">
                  <c:v>44962</c:v>
                </c:pt>
                <c:pt idx="8437">
                  <c:v>44963</c:v>
                </c:pt>
                <c:pt idx="8438">
                  <c:v>44964</c:v>
                </c:pt>
                <c:pt idx="8439">
                  <c:v>44965</c:v>
                </c:pt>
                <c:pt idx="8440">
                  <c:v>44966</c:v>
                </c:pt>
                <c:pt idx="8441">
                  <c:v>44967</c:v>
                </c:pt>
                <c:pt idx="8442">
                  <c:v>44968</c:v>
                </c:pt>
                <c:pt idx="8443">
                  <c:v>44969</c:v>
                </c:pt>
                <c:pt idx="8444">
                  <c:v>44970</c:v>
                </c:pt>
                <c:pt idx="8445">
                  <c:v>44971</c:v>
                </c:pt>
                <c:pt idx="8446">
                  <c:v>44972</c:v>
                </c:pt>
                <c:pt idx="8447">
                  <c:v>44973</c:v>
                </c:pt>
                <c:pt idx="8448">
                  <c:v>44974</c:v>
                </c:pt>
                <c:pt idx="8449">
                  <c:v>44975</c:v>
                </c:pt>
                <c:pt idx="8450">
                  <c:v>44976</c:v>
                </c:pt>
                <c:pt idx="8451">
                  <c:v>44977</c:v>
                </c:pt>
                <c:pt idx="8452">
                  <c:v>44978</c:v>
                </c:pt>
                <c:pt idx="8453">
                  <c:v>44979</c:v>
                </c:pt>
                <c:pt idx="8454">
                  <c:v>44980</c:v>
                </c:pt>
                <c:pt idx="8455">
                  <c:v>44981</c:v>
                </c:pt>
                <c:pt idx="8456">
                  <c:v>44982</c:v>
                </c:pt>
                <c:pt idx="8457">
                  <c:v>44983</c:v>
                </c:pt>
                <c:pt idx="8458">
                  <c:v>44984</c:v>
                </c:pt>
                <c:pt idx="8459">
                  <c:v>44985</c:v>
                </c:pt>
                <c:pt idx="8460">
                  <c:v>44986</c:v>
                </c:pt>
                <c:pt idx="8461">
                  <c:v>44987</c:v>
                </c:pt>
                <c:pt idx="8462">
                  <c:v>44988</c:v>
                </c:pt>
                <c:pt idx="8463">
                  <c:v>44989</c:v>
                </c:pt>
                <c:pt idx="8464">
                  <c:v>44990</c:v>
                </c:pt>
                <c:pt idx="8465">
                  <c:v>44991</c:v>
                </c:pt>
                <c:pt idx="8466">
                  <c:v>44992</c:v>
                </c:pt>
                <c:pt idx="8467">
                  <c:v>44993</c:v>
                </c:pt>
                <c:pt idx="8468">
                  <c:v>44994</c:v>
                </c:pt>
                <c:pt idx="8469">
                  <c:v>44995</c:v>
                </c:pt>
                <c:pt idx="8470">
                  <c:v>44996</c:v>
                </c:pt>
                <c:pt idx="8471">
                  <c:v>44997</c:v>
                </c:pt>
                <c:pt idx="8472">
                  <c:v>44998</c:v>
                </c:pt>
                <c:pt idx="8473">
                  <c:v>44999</c:v>
                </c:pt>
                <c:pt idx="8474">
                  <c:v>45000</c:v>
                </c:pt>
                <c:pt idx="8475">
                  <c:v>45001</c:v>
                </c:pt>
                <c:pt idx="8476">
                  <c:v>45002</c:v>
                </c:pt>
                <c:pt idx="8477">
                  <c:v>45003</c:v>
                </c:pt>
                <c:pt idx="8478">
                  <c:v>45004</c:v>
                </c:pt>
                <c:pt idx="8479">
                  <c:v>45005</c:v>
                </c:pt>
                <c:pt idx="8480">
                  <c:v>45006</c:v>
                </c:pt>
                <c:pt idx="8481">
                  <c:v>45007</c:v>
                </c:pt>
                <c:pt idx="8482">
                  <c:v>45008</c:v>
                </c:pt>
                <c:pt idx="8483">
                  <c:v>45009</c:v>
                </c:pt>
                <c:pt idx="8484">
                  <c:v>45010</c:v>
                </c:pt>
                <c:pt idx="8485">
                  <c:v>45011</c:v>
                </c:pt>
                <c:pt idx="8486">
                  <c:v>45012</c:v>
                </c:pt>
                <c:pt idx="8487">
                  <c:v>45013</c:v>
                </c:pt>
                <c:pt idx="8488">
                  <c:v>45014</c:v>
                </c:pt>
                <c:pt idx="8489">
                  <c:v>45015</c:v>
                </c:pt>
                <c:pt idx="8490">
                  <c:v>45016</c:v>
                </c:pt>
                <c:pt idx="8491">
                  <c:v>45017</c:v>
                </c:pt>
                <c:pt idx="8492">
                  <c:v>45018</c:v>
                </c:pt>
                <c:pt idx="8493">
                  <c:v>45019</c:v>
                </c:pt>
                <c:pt idx="8494">
                  <c:v>45020</c:v>
                </c:pt>
                <c:pt idx="8495">
                  <c:v>45021</c:v>
                </c:pt>
                <c:pt idx="8496">
                  <c:v>45022</c:v>
                </c:pt>
                <c:pt idx="8497">
                  <c:v>45023</c:v>
                </c:pt>
                <c:pt idx="8498">
                  <c:v>45024</c:v>
                </c:pt>
                <c:pt idx="8499">
                  <c:v>45025</c:v>
                </c:pt>
                <c:pt idx="8500">
                  <c:v>45026</c:v>
                </c:pt>
                <c:pt idx="8501">
                  <c:v>45027</c:v>
                </c:pt>
                <c:pt idx="8502">
                  <c:v>45028</c:v>
                </c:pt>
                <c:pt idx="8503">
                  <c:v>45029</c:v>
                </c:pt>
                <c:pt idx="8504">
                  <c:v>45030</c:v>
                </c:pt>
                <c:pt idx="8505">
                  <c:v>45031</c:v>
                </c:pt>
                <c:pt idx="8506">
                  <c:v>45032</c:v>
                </c:pt>
                <c:pt idx="8507">
                  <c:v>45033</c:v>
                </c:pt>
                <c:pt idx="8508">
                  <c:v>45034</c:v>
                </c:pt>
                <c:pt idx="8509">
                  <c:v>45035</c:v>
                </c:pt>
                <c:pt idx="8510">
                  <c:v>45036</c:v>
                </c:pt>
                <c:pt idx="8511">
                  <c:v>45037</c:v>
                </c:pt>
                <c:pt idx="8512">
                  <c:v>45038</c:v>
                </c:pt>
                <c:pt idx="8513">
                  <c:v>45039</c:v>
                </c:pt>
                <c:pt idx="8514">
                  <c:v>45040</c:v>
                </c:pt>
                <c:pt idx="8515">
                  <c:v>45041</c:v>
                </c:pt>
                <c:pt idx="8516">
                  <c:v>45042</c:v>
                </c:pt>
                <c:pt idx="8517">
                  <c:v>45043</c:v>
                </c:pt>
                <c:pt idx="8518">
                  <c:v>45044</c:v>
                </c:pt>
                <c:pt idx="8519">
                  <c:v>45045</c:v>
                </c:pt>
                <c:pt idx="8520">
                  <c:v>45046</c:v>
                </c:pt>
                <c:pt idx="8521">
                  <c:v>45047</c:v>
                </c:pt>
                <c:pt idx="8522">
                  <c:v>45048</c:v>
                </c:pt>
                <c:pt idx="8523">
                  <c:v>45049</c:v>
                </c:pt>
                <c:pt idx="8524">
                  <c:v>45050</c:v>
                </c:pt>
                <c:pt idx="8525">
                  <c:v>45051</c:v>
                </c:pt>
                <c:pt idx="8526">
                  <c:v>45052</c:v>
                </c:pt>
                <c:pt idx="8527">
                  <c:v>45053</c:v>
                </c:pt>
                <c:pt idx="8528">
                  <c:v>45054</c:v>
                </c:pt>
                <c:pt idx="8529">
                  <c:v>45055</c:v>
                </c:pt>
                <c:pt idx="8530">
                  <c:v>45056</c:v>
                </c:pt>
                <c:pt idx="8531">
                  <c:v>45057</c:v>
                </c:pt>
                <c:pt idx="8532">
                  <c:v>45058</c:v>
                </c:pt>
                <c:pt idx="8533">
                  <c:v>45059</c:v>
                </c:pt>
                <c:pt idx="8534">
                  <c:v>45060</c:v>
                </c:pt>
                <c:pt idx="8535">
                  <c:v>45061</c:v>
                </c:pt>
                <c:pt idx="8536">
                  <c:v>45062</c:v>
                </c:pt>
                <c:pt idx="8537">
                  <c:v>45063</c:v>
                </c:pt>
                <c:pt idx="8538">
                  <c:v>45064</c:v>
                </c:pt>
                <c:pt idx="8539">
                  <c:v>45065</c:v>
                </c:pt>
                <c:pt idx="8540">
                  <c:v>45066</c:v>
                </c:pt>
                <c:pt idx="8541">
                  <c:v>45067</c:v>
                </c:pt>
                <c:pt idx="8542">
                  <c:v>45068</c:v>
                </c:pt>
                <c:pt idx="8543">
                  <c:v>45069</c:v>
                </c:pt>
                <c:pt idx="8544">
                  <c:v>45070</c:v>
                </c:pt>
                <c:pt idx="8545">
                  <c:v>45071</c:v>
                </c:pt>
                <c:pt idx="8546">
                  <c:v>45072</c:v>
                </c:pt>
                <c:pt idx="8547">
                  <c:v>45073</c:v>
                </c:pt>
                <c:pt idx="8548">
                  <c:v>45074</c:v>
                </c:pt>
                <c:pt idx="8549">
                  <c:v>45075</c:v>
                </c:pt>
                <c:pt idx="8550">
                  <c:v>45076</c:v>
                </c:pt>
                <c:pt idx="8551">
                  <c:v>45077</c:v>
                </c:pt>
                <c:pt idx="8552">
                  <c:v>45078</c:v>
                </c:pt>
                <c:pt idx="8553">
                  <c:v>45079</c:v>
                </c:pt>
                <c:pt idx="8554">
                  <c:v>45080</c:v>
                </c:pt>
                <c:pt idx="8555">
                  <c:v>45081</c:v>
                </c:pt>
                <c:pt idx="8556">
                  <c:v>45082</c:v>
                </c:pt>
                <c:pt idx="8557">
                  <c:v>45083</c:v>
                </c:pt>
                <c:pt idx="8558">
                  <c:v>45084</c:v>
                </c:pt>
                <c:pt idx="8559">
                  <c:v>45085</c:v>
                </c:pt>
                <c:pt idx="8560">
                  <c:v>45086</c:v>
                </c:pt>
                <c:pt idx="8561">
                  <c:v>45087</c:v>
                </c:pt>
                <c:pt idx="8562">
                  <c:v>45088</c:v>
                </c:pt>
                <c:pt idx="8563">
                  <c:v>45089</c:v>
                </c:pt>
                <c:pt idx="8564">
                  <c:v>45090</c:v>
                </c:pt>
                <c:pt idx="8565">
                  <c:v>45091</c:v>
                </c:pt>
                <c:pt idx="8566">
                  <c:v>45092</c:v>
                </c:pt>
                <c:pt idx="8567">
                  <c:v>45093</c:v>
                </c:pt>
                <c:pt idx="8568">
                  <c:v>45094</c:v>
                </c:pt>
                <c:pt idx="8569">
                  <c:v>45095</c:v>
                </c:pt>
                <c:pt idx="8570">
                  <c:v>45096</c:v>
                </c:pt>
                <c:pt idx="8571">
                  <c:v>45097</c:v>
                </c:pt>
                <c:pt idx="8572">
                  <c:v>45098</c:v>
                </c:pt>
                <c:pt idx="8573">
                  <c:v>45099</c:v>
                </c:pt>
                <c:pt idx="8574">
                  <c:v>45100</c:v>
                </c:pt>
                <c:pt idx="8575">
                  <c:v>45101</c:v>
                </c:pt>
                <c:pt idx="8576">
                  <c:v>45102</c:v>
                </c:pt>
                <c:pt idx="8577">
                  <c:v>45103</c:v>
                </c:pt>
                <c:pt idx="8578">
                  <c:v>45104</c:v>
                </c:pt>
                <c:pt idx="8579">
                  <c:v>45105</c:v>
                </c:pt>
                <c:pt idx="8580">
                  <c:v>45106</c:v>
                </c:pt>
                <c:pt idx="8581">
                  <c:v>45107</c:v>
                </c:pt>
                <c:pt idx="8582">
                  <c:v>45108</c:v>
                </c:pt>
                <c:pt idx="8583">
                  <c:v>45109</c:v>
                </c:pt>
                <c:pt idx="8584">
                  <c:v>45110</c:v>
                </c:pt>
                <c:pt idx="8585">
                  <c:v>45111</c:v>
                </c:pt>
                <c:pt idx="8586">
                  <c:v>45112</c:v>
                </c:pt>
                <c:pt idx="8587">
                  <c:v>45113</c:v>
                </c:pt>
                <c:pt idx="8588">
                  <c:v>45114</c:v>
                </c:pt>
                <c:pt idx="8589">
                  <c:v>45115</c:v>
                </c:pt>
                <c:pt idx="8590">
                  <c:v>45116</c:v>
                </c:pt>
                <c:pt idx="8591">
                  <c:v>45117</c:v>
                </c:pt>
                <c:pt idx="8592">
                  <c:v>45118</c:v>
                </c:pt>
                <c:pt idx="8593">
                  <c:v>45119</c:v>
                </c:pt>
                <c:pt idx="8594">
                  <c:v>45120</c:v>
                </c:pt>
                <c:pt idx="8595">
                  <c:v>45121</c:v>
                </c:pt>
                <c:pt idx="8596">
                  <c:v>45122</c:v>
                </c:pt>
                <c:pt idx="8597">
                  <c:v>45123</c:v>
                </c:pt>
                <c:pt idx="8598">
                  <c:v>45124</c:v>
                </c:pt>
                <c:pt idx="8599">
                  <c:v>45125</c:v>
                </c:pt>
                <c:pt idx="8600">
                  <c:v>45126</c:v>
                </c:pt>
                <c:pt idx="8601">
                  <c:v>45127</c:v>
                </c:pt>
                <c:pt idx="8602">
                  <c:v>45128</c:v>
                </c:pt>
                <c:pt idx="8603">
                  <c:v>45129</c:v>
                </c:pt>
                <c:pt idx="8604">
                  <c:v>45130</c:v>
                </c:pt>
                <c:pt idx="8605">
                  <c:v>45131</c:v>
                </c:pt>
                <c:pt idx="8606">
                  <c:v>45132</c:v>
                </c:pt>
                <c:pt idx="8607">
                  <c:v>45133</c:v>
                </c:pt>
                <c:pt idx="8608">
                  <c:v>45134</c:v>
                </c:pt>
                <c:pt idx="8609">
                  <c:v>45135</c:v>
                </c:pt>
                <c:pt idx="8610">
                  <c:v>45136</c:v>
                </c:pt>
                <c:pt idx="8611">
                  <c:v>45137</c:v>
                </c:pt>
                <c:pt idx="8612">
                  <c:v>45138</c:v>
                </c:pt>
                <c:pt idx="8613">
                  <c:v>45139</c:v>
                </c:pt>
                <c:pt idx="8614">
                  <c:v>45140</c:v>
                </c:pt>
                <c:pt idx="8615">
                  <c:v>45141</c:v>
                </c:pt>
                <c:pt idx="8616">
                  <c:v>45142</c:v>
                </c:pt>
                <c:pt idx="8617">
                  <c:v>45143</c:v>
                </c:pt>
                <c:pt idx="8618">
                  <c:v>45144</c:v>
                </c:pt>
                <c:pt idx="8619">
                  <c:v>45145</c:v>
                </c:pt>
                <c:pt idx="8620">
                  <c:v>45146</c:v>
                </c:pt>
                <c:pt idx="8621">
                  <c:v>45147</c:v>
                </c:pt>
                <c:pt idx="8622">
                  <c:v>45148</c:v>
                </c:pt>
                <c:pt idx="8623">
                  <c:v>45149</c:v>
                </c:pt>
                <c:pt idx="8624">
                  <c:v>45150</c:v>
                </c:pt>
                <c:pt idx="8625">
                  <c:v>45151</c:v>
                </c:pt>
                <c:pt idx="8626">
                  <c:v>45152</c:v>
                </c:pt>
                <c:pt idx="8627">
                  <c:v>45153</c:v>
                </c:pt>
                <c:pt idx="8628">
                  <c:v>45154</c:v>
                </c:pt>
                <c:pt idx="8629">
                  <c:v>45155</c:v>
                </c:pt>
                <c:pt idx="8630">
                  <c:v>45156</c:v>
                </c:pt>
                <c:pt idx="8631">
                  <c:v>45157</c:v>
                </c:pt>
                <c:pt idx="8632">
                  <c:v>45158</c:v>
                </c:pt>
                <c:pt idx="8633">
                  <c:v>45159</c:v>
                </c:pt>
                <c:pt idx="8634">
                  <c:v>45160</c:v>
                </c:pt>
                <c:pt idx="8635">
                  <c:v>45161</c:v>
                </c:pt>
                <c:pt idx="8636">
                  <c:v>45162</c:v>
                </c:pt>
                <c:pt idx="8637">
                  <c:v>45163</c:v>
                </c:pt>
                <c:pt idx="8638">
                  <c:v>45164</c:v>
                </c:pt>
                <c:pt idx="8639">
                  <c:v>45165</c:v>
                </c:pt>
                <c:pt idx="8640">
                  <c:v>45166</c:v>
                </c:pt>
                <c:pt idx="8641">
                  <c:v>45167</c:v>
                </c:pt>
                <c:pt idx="8642">
                  <c:v>45168</c:v>
                </c:pt>
                <c:pt idx="8643">
                  <c:v>45169</c:v>
                </c:pt>
                <c:pt idx="8644">
                  <c:v>45170</c:v>
                </c:pt>
                <c:pt idx="8645">
                  <c:v>45171</c:v>
                </c:pt>
                <c:pt idx="8646">
                  <c:v>45172</c:v>
                </c:pt>
                <c:pt idx="8647">
                  <c:v>45173</c:v>
                </c:pt>
                <c:pt idx="8648">
                  <c:v>45174</c:v>
                </c:pt>
                <c:pt idx="8649">
                  <c:v>45175</c:v>
                </c:pt>
                <c:pt idx="8650">
                  <c:v>45176</c:v>
                </c:pt>
                <c:pt idx="8651">
                  <c:v>45177</c:v>
                </c:pt>
                <c:pt idx="8652">
                  <c:v>45178</c:v>
                </c:pt>
                <c:pt idx="8653">
                  <c:v>45179</c:v>
                </c:pt>
                <c:pt idx="8654">
                  <c:v>45180</c:v>
                </c:pt>
                <c:pt idx="8655">
                  <c:v>45181</c:v>
                </c:pt>
                <c:pt idx="8656">
                  <c:v>45182</c:v>
                </c:pt>
                <c:pt idx="8657">
                  <c:v>45183</c:v>
                </c:pt>
                <c:pt idx="8658">
                  <c:v>45184</c:v>
                </c:pt>
                <c:pt idx="8659">
                  <c:v>45185</c:v>
                </c:pt>
                <c:pt idx="8660">
                  <c:v>45186</c:v>
                </c:pt>
                <c:pt idx="8661">
                  <c:v>45187</c:v>
                </c:pt>
                <c:pt idx="8662">
                  <c:v>45188</c:v>
                </c:pt>
                <c:pt idx="8663">
                  <c:v>45189</c:v>
                </c:pt>
                <c:pt idx="8664">
                  <c:v>45190</c:v>
                </c:pt>
                <c:pt idx="8665">
                  <c:v>45191</c:v>
                </c:pt>
                <c:pt idx="8666">
                  <c:v>45192</c:v>
                </c:pt>
                <c:pt idx="8667">
                  <c:v>45193</c:v>
                </c:pt>
                <c:pt idx="8668">
                  <c:v>45194</c:v>
                </c:pt>
                <c:pt idx="8669">
                  <c:v>45195</c:v>
                </c:pt>
                <c:pt idx="8670">
                  <c:v>45196</c:v>
                </c:pt>
                <c:pt idx="8671">
                  <c:v>45197</c:v>
                </c:pt>
                <c:pt idx="8672">
                  <c:v>45198</c:v>
                </c:pt>
                <c:pt idx="8673">
                  <c:v>45199</c:v>
                </c:pt>
                <c:pt idx="8674">
                  <c:v>45200</c:v>
                </c:pt>
                <c:pt idx="8675">
                  <c:v>45201</c:v>
                </c:pt>
                <c:pt idx="8676">
                  <c:v>45202</c:v>
                </c:pt>
                <c:pt idx="8677">
                  <c:v>45203</c:v>
                </c:pt>
                <c:pt idx="8678">
                  <c:v>45204</c:v>
                </c:pt>
                <c:pt idx="8679">
                  <c:v>45205</c:v>
                </c:pt>
                <c:pt idx="8680">
                  <c:v>45206</c:v>
                </c:pt>
                <c:pt idx="8681">
                  <c:v>45207</c:v>
                </c:pt>
                <c:pt idx="8682">
                  <c:v>45208</c:v>
                </c:pt>
                <c:pt idx="8683">
                  <c:v>45209</c:v>
                </c:pt>
                <c:pt idx="8684">
                  <c:v>45210</c:v>
                </c:pt>
                <c:pt idx="8685">
                  <c:v>45211</c:v>
                </c:pt>
                <c:pt idx="8686">
                  <c:v>45212</c:v>
                </c:pt>
                <c:pt idx="8687">
                  <c:v>45213</c:v>
                </c:pt>
                <c:pt idx="8688">
                  <c:v>45214</c:v>
                </c:pt>
                <c:pt idx="8689">
                  <c:v>45215</c:v>
                </c:pt>
                <c:pt idx="8690">
                  <c:v>45216</c:v>
                </c:pt>
                <c:pt idx="8691">
                  <c:v>45217</c:v>
                </c:pt>
                <c:pt idx="8692">
                  <c:v>45218</c:v>
                </c:pt>
                <c:pt idx="8693">
                  <c:v>45219</c:v>
                </c:pt>
                <c:pt idx="8694">
                  <c:v>45220</c:v>
                </c:pt>
                <c:pt idx="8695">
                  <c:v>45221</c:v>
                </c:pt>
                <c:pt idx="8696">
                  <c:v>45222</c:v>
                </c:pt>
                <c:pt idx="8697">
                  <c:v>45223</c:v>
                </c:pt>
                <c:pt idx="8698">
                  <c:v>45224</c:v>
                </c:pt>
                <c:pt idx="8699">
                  <c:v>45225</c:v>
                </c:pt>
                <c:pt idx="8700">
                  <c:v>45226</c:v>
                </c:pt>
                <c:pt idx="8701">
                  <c:v>45227</c:v>
                </c:pt>
                <c:pt idx="8702">
                  <c:v>45228</c:v>
                </c:pt>
                <c:pt idx="8703">
                  <c:v>45229</c:v>
                </c:pt>
                <c:pt idx="8704">
                  <c:v>45230</c:v>
                </c:pt>
                <c:pt idx="8705">
                  <c:v>45231</c:v>
                </c:pt>
                <c:pt idx="8706">
                  <c:v>45232</c:v>
                </c:pt>
                <c:pt idx="8707">
                  <c:v>45233</c:v>
                </c:pt>
                <c:pt idx="8708">
                  <c:v>45234</c:v>
                </c:pt>
                <c:pt idx="8709">
                  <c:v>45235</c:v>
                </c:pt>
                <c:pt idx="8710">
                  <c:v>45236</c:v>
                </c:pt>
                <c:pt idx="8711">
                  <c:v>45237</c:v>
                </c:pt>
                <c:pt idx="8712">
                  <c:v>45238</c:v>
                </c:pt>
                <c:pt idx="8713">
                  <c:v>45239</c:v>
                </c:pt>
                <c:pt idx="8714">
                  <c:v>45240</c:v>
                </c:pt>
                <c:pt idx="8715">
                  <c:v>45241</c:v>
                </c:pt>
                <c:pt idx="8716">
                  <c:v>45242</c:v>
                </c:pt>
                <c:pt idx="8717">
                  <c:v>45243</c:v>
                </c:pt>
                <c:pt idx="8718">
                  <c:v>45244</c:v>
                </c:pt>
                <c:pt idx="8719">
                  <c:v>45245</c:v>
                </c:pt>
                <c:pt idx="8720">
                  <c:v>45246</c:v>
                </c:pt>
                <c:pt idx="8721">
                  <c:v>45247</c:v>
                </c:pt>
                <c:pt idx="8722">
                  <c:v>45248</c:v>
                </c:pt>
                <c:pt idx="8723">
                  <c:v>45249</c:v>
                </c:pt>
                <c:pt idx="8724">
                  <c:v>45250</c:v>
                </c:pt>
                <c:pt idx="8725">
                  <c:v>45251</c:v>
                </c:pt>
                <c:pt idx="8726">
                  <c:v>45252</c:v>
                </c:pt>
                <c:pt idx="8727">
                  <c:v>45253</c:v>
                </c:pt>
                <c:pt idx="8728">
                  <c:v>45254</c:v>
                </c:pt>
                <c:pt idx="8729">
                  <c:v>45255</c:v>
                </c:pt>
                <c:pt idx="8730">
                  <c:v>45256</c:v>
                </c:pt>
                <c:pt idx="8731">
                  <c:v>45257</c:v>
                </c:pt>
                <c:pt idx="8732">
                  <c:v>45258</c:v>
                </c:pt>
                <c:pt idx="8733">
                  <c:v>45259</c:v>
                </c:pt>
                <c:pt idx="8734">
                  <c:v>45260</c:v>
                </c:pt>
                <c:pt idx="8735">
                  <c:v>45261</c:v>
                </c:pt>
                <c:pt idx="8736">
                  <c:v>45262</c:v>
                </c:pt>
                <c:pt idx="8737">
                  <c:v>45263</c:v>
                </c:pt>
                <c:pt idx="8738">
                  <c:v>45264</c:v>
                </c:pt>
                <c:pt idx="8739">
                  <c:v>45265</c:v>
                </c:pt>
                <c:pt idx="8740">
                  <c:v>45266</c:v>
                </c:pt>
                <c:pt idx="8741">
                  <c:v>45267</c:v>
                </c:pt>
                <c:pt idx="8742">
                  <c:v>45268</c:v>
                </c:pt>
                <c:pt idx="8743">
                  <c:v>45269</c:v>
                </c:pt>
                <c:pt idx="8744">
                  <c:v>45270</c:v>
                </c:pt>
                <c:pt idx="8745">
                  <c:v>45271</c:v>
                </c:pt>
                <c:pt idx="8746">
                  <c:v>45272</c:v>
                </c:pt>
                <c:pt idx="8747">
                  <c:v>45273</c:v>
                </c:pt>
                <c:pt idx="8748">
                  <c:v>45274</c:v>
                </c:pt>
                <c:pt idx="8749">
                  <c:v>45275</c:v>
                </c:pt>
                <c:pt idx="8750">
                  <c:v>45276</c:v>
                </c:pt>
                <c:pt idx="8751">
                  <c:v>45277</c:v>
                </c:pt>
                <c:pt idx="8752">
                  <c:v>45278</c:v>
                </c:pt>
                <c:pt idx="8753">
                  <c:v>45279</c:v>
                </c:pt>
                <c:pt idx="8754">
                  <c:v>45280</c:v>
                </c:pt>
                <c:pt idx="8755">
                  <c:v>45281</c:v>
                </c:pt>
                <c:pt idx="8756">
                  <c:v>45282</c:v>
                </c:pt>
                <c:pt idx="8757">
                  <c:v>45283</c:v>
                </c:pt>
                <c:pt idx="8758">
                  <c:v>45284</c:v>
                </c:pt>
                <c:pt idx="8759">
                  <c:v>45285</c:v>
                </c:pt>
                <c:pt idx="8760">
                  <c:v>45286</c:v>
                </c:pt>
                <c:pt idx="8761">
                  <c:v>45287</c:v>
                </c:pt>
                <c:pt idx="8762">
                  <c:v>45288</c:v>
                </c:pt>
                <c:pt idx="8763">
                  <c:v>45289</c:v>
                </c:pt>
                <c:pt idx="8764">
                  <c:v>45290</c:v>
                </c:pt>
                <c:pt idx="8765">
                  <c:v>45291</c:v>
                </c:pt>
                <c:pt idx="8766">
                  <c:v>45292</c:v>
                </c:pt>
                <c:pt idx="8767">
                  <c:v>45293</c:v>
                </c:pt>
                <c:pt idx="8768">
                  <c:v>45294</c:v>
                </c:pt>
                <c:pt idx="8769">
                  <c:v>45295</c:v>
                </c:pt>
                <c:pt idx="8770">
                  <c:v>45296</c:v>
                </c:pt>
                <c:pt idx="8771">
                  <c:v>45297</c:v>
                </c:pt>
                <c:pt idx="8772">
                  <c:v>45298</c:v>
                </c:pt>
                <c:pt idx="8773">
                  <c:v>45299</c:v>
                </c:pt>
                <c:pt idx="8774">
                  <c:v>45300</c:v>
                </c:pt>
                <c:pt idx="8775">
                  <c:v>45301</c:v>
                </c:pt>
                <c:pt idx="8776">
                  <c:v>45302</c:v>
                </c:pt>
                <c:pt idx="8777">
                  <c:v>45303</c:v>
                </c:pt>
                <c:pt idx="8778">
                  <c:v>45304</c:v>
                </c:pt>
                <c:pt idx="8779">
                  <c:v>45305</c:v>
                </c:pt>
                <c:pt idx="8780">
                  <c:v>45306</c:v>
                </c:pt>
                <c:pt idx="8781">
                  <c:v>45307</c:v>
                </c:pt>
                <c:pt idx="8782">
                  <c:v>45308</c:v>
                </c:pt>
                <c:pt idx="8783">
                  <c:v>45309</c:v>
                </c:pt>
                <c:pt idx="8784">
                  <c:v>45310</c:v>
                </c:pt>
                <c:pt idx="8785">
                  <c:v>45311</c:v>
                </c:pt>
                <c:pt idx="8786">
                  <c:v>45312</c:v>
                </c:pt>
                <c:pt idx="8787">
                  <c:v>45313</c:v>
                </c:pt>
                <c:pt idx="8788">
                  <c:v>45314</c:v>
                </c:pt>
                <c:pt idx="8789">
                  <c:v>45315</c:v>
                </c:pt>
                <c:pt idx="8790">
                  <c:v>45316</c:v>
                </c:pt>
                <c:pt idx="8791">
                  <c:v>45317</c:v>
                </c:pt>
                <c:pt idx="8792">
                  <c:v>45318</c:v>
                </c:pt>
                <c:pt idx="8793">
                  <c:v>45319</c:v>
                </c:pt>
                <c:pt idx="8794">
                  <c:v>45320</c:v>
                </c:pt>
                <c:pt idx="8795">
                  <c:v>45321</c:v>
                </c:pt>
                <c:pt idx="8796">
                  <c:v>45322</c:v>
                </c:pt>
                <c:pt idx="8797">
                  <c:v>45323</c:v>
                </c:pt>
                <c:pt idx="8798">
                  <c:v>45324</c:v>
                </c:pt>
                <c:pt idx="8799">
                  <c:v>45325</c:v>
                </c:pt>
                <c:pt idx="8800">
                  <c:v>45326</c:v>
                </c:pt>
                <c:pt idx="8801">
                  <c:v>45327</c:v>
                </c:pt>
                <c:pt idx="8802">
                  <c:v>45328</c:v>
                </c:pt>
                <c:pt idx="8803">
                  <c:v>45329</c:v>
                </c:pt>
                <c:pt idx="8804">
                  <c:v>45330</c:v>
                </c:pt>
                <c:pt idx="8805">
                  <c:v>45331</c:v>
                </c:pt>
                <c:pt idx="8806">
                  <c:v>45332</c:v>
                </c:pt>
                <c:pt idx="8807">
                  <c:v>45333</c:v>
                </c:pt>
                <c:pt idx="8808">
                  <c:v>45334</c:v>
                </c:pt>
                <c:pt idx="8809">
                  <c:v>45335</c:v>
                </c:pt>
                <c:pt idx="8810">
                  <c:v>45336</c:v>
                </c:pt>
                <c:pt idx="8811">
                  <c:v>45337</c:v>
                </c:pt>
                <c:pt idx="8812">
                  <c:v>45338</c:v>
                </c:pt>
                <c:pt idx="8813">
                  <c:v>45339</c:v>
                </c:pt>
                <c:pt idx="8814">
                  <c:v>45340</c:v>
                </c:pt>
                <c:pt idx="8815">
                  <c:v>45341</c:v>
                </c:pt>
                <c:pt idx="8816">
                  <c:v>45342</c:v>
                </c:pt>
                <c:pt idx="8817">
                  <c:v>45343</c:v>
                </c:pt>
                <c:pt idx="8818">
                  <c:v>45344</c:v>
                </c:pt>
                <c:pt idx="8819">
                  <c:v>45345</c:v>
                </c:pt>
                <c:pt idx="8820">
                  <c:v>45346</c:v>
                </c:pt>
                <c:pt idx="8821">
                  <c:v>45347</c:v>
                </c:pt>
                <c:pt idx="8822">
                  <c:v>45348</c:v>
                </c:pt>
                <c:pt idx="8823">
                  <c:v>45349</c:v>
                </c:pt>
                <c:pt idx="8824">
                  <c:v>45350</c:v>
                </c:pt>
                <c:pt idx="8825">
                  <c:v>45351</c:v>
                </c:pt>
                <c:pt idx="8826">
                  <c:v>45352</c:v>
                </c:pt>
                <c:pt idx="8827">
                  <c:v>45353</c:v>
                </c:pt>
                <c:pt idx="8828">
                  <c:v>45354</c:v>
                </c:pt>
                <c:pt idx="8829">
                  <c:v>45355</c:v>
                </c:pt>
                <c:pt idx="8830">
                  <c:v>45356</c:v>
                </c:pt>
                <c:pt idx="8831">
                  <c:v>45357</c:v>
                </c:pt>
                <c:pt idx="8832">
                  <c:v>45358</c:v>
                </c:pt>
                <c:pt idx="8833">
                  <c:v>45359</c:v>
                </c:pt>
                <c:pt idx="8834">
                  <c:v>45360</c:v>
                </c:pt>
                <c:pt idx="8835">
                  <c:v>45361</c:v>
                </c:pt>
                <c:pt idx="8836">
                  <c:v>45362</c:v>
                </c:pt>
                <c:pt idx="8837">
                  <c:v>45363</c:v>
                </c:pt>
                <c:pt idx="8838">
                  <c:v>45364</c:v>
                </c:pt>
                <c:pt idx="8839">
                  <c:v>45365</c:v>
                </c:pt>
                <c:pt idx="8840">
                  <c:v>45366</c:v>
                </c:pt>
                <c:pt idx="8841">
                  <c:v>45367</c:v>
                </c:pt>
                <c:pt idx="8842">
                  <c:v>45368</c:v>
                </c:pt>
                <c:pt idx="8843">
                  <c:v>45369</c:v>
                </c:pt>
                <c:pt idx="8844">
                  <c:v>45370</c:v>
                </c:pt>
                <c:pt idx="8845">
                  <c:v>45371</c:v>
                </c:pt>
                <c:pt idx="8846">
                  <c:v>45372</c:v>
                </c:pt>
                <c:pt idx="8847">
                  <c:v>45373</c:v>
                </c:pt>
                <c:pt idx="8848">
                  <c:v>45374</c:v>
                </c:pt>
                <c:pt idx="8849">
                  <c:v>45375</c:v>
                </c:pt>
                <c:pt idx="8850">
                  <c:v>45376</c:v>
                </c:pt>
                <c:pt idx="8851">
                  <c:v>45377</c:v>
                </c:pt>
                <c:pt idx="8852">
                  <c:v>45378</c:v>
                </c:pt>
                <c:pt idx="8853">
                  <c:v>45379</c:v>
                </c:pt>
                <c:pt idx="8854">
                  <c:v>45380</c:v>
                </c:pt>
                <c:pt idx="8855">
                  <c:v>45381</c:v>
                </c:pt>
                <c:pt idx="8856">
                  <c:v>45382</c:v>
                </c:pt>
                <c:pt idx="8857">
                  <c:v>45383</c:v>
                </c:pt>
                <c:pt idx="8858">
                  <c:v>45384</c:v>
                </c:pt>
                <c:pt idx="8859">
                  <c:v>45385</c:v>
                </c:pt>
                <c:pt idx="8860">
                  <c:v>45386</c:v>
                </c:pt>
                <c:pt idx="8861">
                  <c:v>45387</c:v>
                </c:pt>
                <c:pt idx="8862">
                  <c:v>45388</c:v>
                </c:pt>
                <c:pt idx="8863">
                  <c:v>45389</c:v>
                </c:pt>
                <c:pt idx="8864">
                  <c:v>45390</c:v>
                </c:pt>
                <c:pt idx="8865">
                  <c:v>45391</c:v>
                </c:pt>
                <c:pt idx="8866">
                  <c:v>45392</c:v>
                </c:pt>
                <c:pt idx="8867">
                  <c:v>45393</c:v>
                </c:pt>
                <c:pt idx="8868">
                  <c:v>45394</c:v>
                </c:pt>
                <c:pt idx="8869">
                  <c:v>45395</c:v>
                </c:pt>
                <c:pt idx="8870">
                  <c:v>45396</c:v>
                </c:pt>
                <c:pt idx="8871">
                  <c:v>45397</c:v>
                </c:pt>
                <c:pt idx="8872">
                  <c:v>45398</c:v>
                </c:pt>
                <c:pt idx="8873">
                  <c:v>45399</c:v>
                </c:pt>
                <c:pt idx="8874">
                  <c:v>45400</c:v>
                </c:pt>
                <c:pt idx="8875">
                  <c:v>45401</c:v>
                </c:pt>
                <c:pt idx="8876">
                  <c:v>45402</c:v>
                </c:pt>
                <c:pt idx="8877">
                  <c:v>45403</c:v>
                </c:pt>
                <c:pt idx="8878">
                  <c:v>45404</c:v>
                </c:pt>
                <c:pt idx="8879">
                  <c:v>45405</c:v>
                </c:pt>
                <c:pt idx="8880">
                  <c:v>45406</c:v>
                </c:pt>
                <c:pt idx="8881">
                  <c:v>45407</c:v>
                </c:pt>
                <c:pt idx="8882">
                  <c:v>45408</c:v>
                </c:pt>
                <c:pt idx="8883">
                  <c:v>45409</c:v>
                </c:pt>
                <c:pt idx="8884">
                  <c:v>45410</c:v>
                </c:pt>
                <c:pt idx="8885">
                  <c:v>45411</c:v>
                </c:pt>
                <c:pt idx="8886">
                  <c:v>45412</c:v>
                </c:pt>
                <c:pt idx="8887">
                  <c:v>45413</c:v>
                </c:pt>
                <c:pt idx="8888">
                  <c:v>45414</c:v>
                </c:pt>
                <c:pt idx="8889">
                  <c:v>45415</c:v>
                </c:pt>
                <c:pt idx="8890">
                  <c:v>45416</c:v>
                </c:pt>
                <c:pt idx="8891">
                  <c:v>45417</c:v>
                </c:pt>
                <c:pt idx="8892">
                  <c:v>45418</c:v>
                </c:pt>
                <c:pt idx="8893">
                  <c:v>45419</c:v>
                </c:pt>
                <c:pt idx="8894">
                  <c:v>45420</c:v>
                </c:pt>
                <c:pt idx="8895">
                  <c:v>45421</c:v>
                </c:pt>
                <c:pt idx="8896">
                  <c:v>45422</c:v>
                </c:pt>
                <c:pt idx="8897">
                  <c:v>45423</c:v>
                </c:pt>
                <c:pt idx="8898">
                  <c:v>45424</c:v>
                </c:pt>
                <c:pt idx="8899">
                  <c:v>45425</c:v>
                </c:pt>
                <c:pt idx="8900">
                  <c:v>45426</c:v>
                </c:pt>
                <c:pt idx="8901">
                  <c:v>45427</c:v>
                </c:pt>
                <c:pt idx="8902">
                  <c:v>45428</c:v>
                </c:pt>
                <c:pt idx="8903">
                  <c:v>45429</c:v>
                </c:pt>
                <c:pt idx="8904">
                  <c:v>45430</c:v>
                </c:pt>
                <c:pt idx="8905">
                  <c:v>45431</c:v>
                </c:pt>
                <c:pt idx="8906">
                  <c:v>45432</c:v>
                </c:pt>
                <c:pt idx="8907">
                  <c:v>45433</c:v>
                </c:pt>
                <c:pt idx="8908">
                  <c:v>45434</c:v>
                </c:pt>
                <c:pt idx="8909">
                  <c:v>45435</c:v>
                </c:pt>
                <c:pt idx="8910">
                  <c:v>45436</c:v>
                </c:pt>
                <c:pt idx="8911">
                  <c:v>45437</c:v>
                </c:pt>
                <c:pt idx="8912">
                  <c:v>45438</c:v>
                </c:pt>
                <c:pt idx="8913">
                  <c:v>45439</c:v>
                </c:pt>
                <c:pt idx="8914">
                  <c:v>45440</c:v>
                </c:pt>
                <c:pt idx="8915">
                  <c:v>45441</c:v>
                </c:pt>
                <c:pt idx="8916">
                  <c:v>45442</c:v>
                </c:pt>
                <c:pt idx="8917">
                  <c:v>45443</c:v>
                </c:pt>
                <c:pt idx="8918">
                  <c:v>45444</c:v>
                </c:pt>
                <c:pt idx="8919">
                  <c:v>45445</c:v>
                </c:pt>
                <c:pt idx="8920">
                  <c:v>45446</c:v>
                </c:pt>
                <c:pt idx="8921">
                  <c:v>45447</c:v>
                </c:pt>
                <c:pt idx="8922">
                  <c:v>45448</c:v>
                </c:pt>
                <c:pt idx="8923">
                  <c:v>45449</c:v>
                </c:pt>
                <c:pt idx="8924">
                  <c:v>45450</c:v>
                </c:pt>
                <c:pt idx="8925">
                  <c:v>45451</c:v>
                </c:pt>
                <c:pt idx="8926">
                  <c:v>45452</c:v>
                </c:pt>
                <c:pt idx="8927">
                  <c:v>45453</c:v>
                </c:pt>
                <c:pt idx="8928">
                  <c:v>45454</c:v>
                </c:pt>
                <c:pt idx="8929">
                  <c:v>45455</c:v>
                </c:pt>
                <c:pt idx="8930">
                  <c:v>45456</c:v>
                </c:pt>
                <c:pt idx="8931">
                  <c:v>45457</c:v>
                </c:pt>
                <c:pt idx="8932">
                  <c:v>45458</c:v>
                </c:pt>
                <c:pt idx="8933">
                  <c:v>45459</c:v>
                </c:pt>
                <c:pt idx="8934">
                  <c:v>45460</c:v>
                </c:pt>
                <c:pt idx="8935">
                  <c:v>45461</c:v>
                </c:pt>
                <c:pt idx="8936">
                  <c:v>45462</c:v>
                </c:pt>
                <c:pt idx="8937">
                  <c:v>45463</c:v>
                </c:pt>
                <c:pt idx="8938">
                  <c:v>45464</c:v>
                </c:pt>
                <c:pt idx="8939">
                  <c:v>45465</c:v>
                </c:pt>
                <c:pt idx="8940">
                  <c:v>45466</c:v>
                </c:pt>
                <c:pt idx="8941">
                  <c:v>45467</c:v>
                </c:pt>
                <c:pt idx="8942">
                  <c:v>45468</c:v>
                </c:pt>
                <c:pt idx="8943">
                  <c:v>45469</c:v>
                </c:pt>
                <c:pt idx="8944">
                  <c:v>45470</c:v>
                </c:pt>
                <c:pt idx="8945">
                  <c:v>45471</c:v>
                </c:pt>
                <c:pt idx="8946">
                  <c:v>45472</c:v>
                </c:pt>
                <c:pt idx="8947">
                  <c:v>45473</c:v>
                </c:pt>
              </c:numCache>
            </c:numRef>
          </c:cat>
          <c:val>
            <c:numRef>
              <c:f>Sheet1!$Q$5:$Q$8952</c:f>
              <c:numCache>
                <c:formatCode>0.00%</c:formatCode>
                <c:ptCount val="8948"/>
                <c:pt idx="0">
                  <c:v>0</c:v>
                </c:pt>
                <c:pt idx="1">
                  <c:v>0</c:v>
                </c:pt>
                <c:pt idx="2">
                  <c:v>4.7500000000000001E-2</c:v>
                </c:pt>
                <c:pt idx="3">
                  <c:v>4.7500000000000001E-2</c:v>
                </c:pt>
                <c:pt idx="4">
                  <c:v>4.7500000000000001E-2</c:v>
                </c:pt>
                <c:pt idx="5">
                  <c:v>4.7500000000000001E-2</c:v>
                </c:pt>
                <c:pt idx="6">
                  <c:v>4.7500000000000001E-2</c:v>
                </c:pt>
                <c:pt idx="7">
                  <c:v>4.7500000000000001E-2</c:v>
                </c:pt>
                <c:pt idx="8">
                  <c:v>4.7500000000000001E-2</c:v>
                </c:pt>
                <c:pt idx="9">
                  <c:v>4.7500000000000001E-2</c:v>
                </c:pt>
                <c:pt idx="10">
                  <c:v>4.7500000000000001E-2</c:v>
                </c:pt>
                <c:pt idx="11">
                  <c:v>4.7500000000000001E-2</c:v>
                </c:pt>
                <c:pt idx="12">
                  <c:v>4.7500000000000001E-2</c:v>
                </c:pt>
                <c:pt idx="13">
                  <c:v>4.7500000000000001E-2</c:v>
                </c:pt>
                <c:pt idx="14">
                  <c:v>4.7500000000000001E-2</c:v>
                </c:pt>
                <c:pt idx="15">
                  <c:v>4.7500000000000001E-2</c:v>
                </c:pt>
                <c:pt idx="16">
                  <c:v>4.7500000000000001E-2</c:v>
                </c:pt>
                <c:pt idx="17">
                  <c:v>4.7500000000000001E-2</c:v>
                </c:pt>
                <c:pt idx="18">
                  <c:v>4.7500000000000001E-2</c:v>
                </c:pt>
                <c:pt idx="19">
                  <c:v>4.7500000000000001E-2</c:v>
                </c:pt>
                <c:pt idx="20">
                  <c:v>4.7500000000000001E-2</c:v>
                </c:pt>
                <c:pt idx="21">
                  <c:v>4.7500000000000001E-2</c:v>
                </c:pt>
                <c:pt idx="22">
                  <c:v>4.7500000000000001E-2</c:v>
                </c:pt>
                <c:pt idx="23">
                  <c:v>4.7500000000000001E-2</c:v>
                </c:pt>
                <c:pt idx="24">
                  <c:v>4.7500000000000001E-2</c:v>
                </c:pt>
                <c:pt idx="25">
                  <c:v>4.7500000000000001E-2</c:v>
                </c:pt>
                <c:pt idx="26">
                  <c:v>4.7500000000000001E-2</c:v>
                </c:pt>
                <c:pt idx="27">
                  <c:v>4.7500000000000001E-2</c:v>
                </c:pt>
                <c:pt idx="28">
                  <c:v>4.7500000000000001E-2</c:v>
                </c:pt>
                <c:pt idx="29">
                  <c:v>4.7500000000000001E-2</c:v>
                </c:pt>
                <c:pt idx="30">
                  <c:v>4.7500000000000001E-2</c:v>
                </c:pt>
                <c:pt idx="31">
                  <c:v>4.7500000000000001E-2</c:v>
                </c:pt>
                <c:pt idx="32">
                  <c:v>4.7500000000000001E-2</c:v>
                </c:pt>
                <c:pt idx="33">
                  <c:v>0.05</c:v>
                </c:pt>
                <c:pt idx="34">
                  <c:v>0.05</c:v>
                </c:pt>
                <c:pt idx="35">
                  <c:v>0.05</c:v>
                </c:pt>
                <c:pt idx="36">
                  <c:v>0.05</c:v>
                </c:pt>
                <c:pt idx="37">
                  <c:v>0.05</c:v>
                </c:pt>
                <c:pt idx="38">
                  <c:v>0.05</c:v>
                </c:pt>
                <c:pt idx="39">
                  <c:v>0.05</c:v>
                </c:pt>
                <c:pt idx="40">
                  <c:v>0.05</c:v>
                </c:pt>
                <c:pt idx="41">
                  <c:v>0.05</c:v>
                </c:pt>
                <c:pt idx="42">
                  <c:v>0.05</c:v>
                </c:pt>
                <c:pt idx="43">
                  <c:v>0.05</c:v>
                </c:pt>
                <c:pt idx="44">
                  <c:v>0.05</c:v>
                </c:pt>
                <c:pt idx="45">
                  <c:v>0.05</c:v>
                </c:pt>
                <c:pt idx="46">
                  <c:v>0.05</c:v>
                </c:pt>
                <c:pt idx="47">
                  <c:v>0.05</c:v>
                </c:pt>
                <c:pt idx="48">
                  <c:v>0.05</c:v>
                </c:pt>
                <c:pt idx="49">
                  <c:v>0.05</c:v>
                </c:pt>
                <c:pt idx="50">
                  <c:v>0.05</c:v>
                </c:pt>
                <c:pt idx="51">
                  <c:v>0.05</c:v>
                </c:pt>
                <c:pt idx="52">
                  <c:v>0.05</c:v>
                </c:pt>
                <c:pt idx="53">
                  <c:v>0.05</c:v>
                </c:pt>
                <c:pt idx="54">
                  <c:v>0.05</c:v>
                </c:pt>
                <c:pt idx="55">
                  <c:v>0.05</c:v>
                </c:pt>
                <c:pt idx="56">
                  <c:v>0.05</c:v>
                </c:pt>
                <c:pt idx="57">
                  <c:v>0.05</c:v>
                </c:pt>
                <c:pt idx="58">
                  <c:v>0.05</c:v>
                </c:pt>
                <c:pt idx="59">
                  <c:v>0.05</c:v>
                </c:pt>
                <c:pt idx="60">
                  <c:v>0.05</c:v>
                </c:pt>
                <c:pt idx="61">
                  <c:v>0.05</c:v>
                </c:pt>
                <c:pt idx="62">
                  <c:v>0.05</c:v>
                </c:pt>
                <c:pt idx="63">
                  <c:v>0.05</c:v>
                </c:pt>
                <c:pt idx="64">
                  <c:v>0.05</c:v>
                </c:pt>
                <c:pt idx="65">
                  <c:v>0.05</c:v>
                </c:pt>
                <c:pt idx="66">
                  <c:v>0.05</c:v>
                </c:pt>
                <c:pt idx="67">
                  <c:v>0.05</c:v>
                </c:pt>
                <c:pt idx="68">
                  <c:v>0.05</c:v>
                </c:pt>
                <c:pt idx="69">
                  <c:v>0.05</c:v>
                </c:pt>
                <c:pt idx="70">
                  <c:v>0.05</c:v>
                </c:pt>
                <c:pt idx="71">
                  <c:v>0.05</c:v>
                </c:pt>
                <c:pt idx="72">
                  <c:v>0.05</c:v>
                </c:pt>
                <c:pt idx="73">
                  <c:v>0.05</c:v>
                </c:pt>
                <c:pt idx="74">
                  <c:v>0.05</c:v>
                </c:pt>
                <c:pt idx="75">
                  <c:v>0.05</c:v>
                </c:pt>
                <c:pt idx="76">
                  <c:v>0.05</c:v>
                </c:pt>
                <c:pt idx="77">
                  <c:v>0.05</c:v>
                </c:pt>
                <c:pt idx="78">
                  <c:v>0.05</c:v>
                </c:pt>
                <c:pt idx="79">
                  <c:v>0.05</c:v>
                </c:pt>
                <c:pt idx="80">
                  <c:v>0.05</c:v>
                </c:pt>
                <c:pt idx="81">
                  <c:v>5.2499999999999998E-2</c:v>
                </c:pt>
                <c:pt idx="82">
                  <c:v>5.2499999999999998E-2</c:v>
                </c:pt>
                <c:pt idx="83">
                  <c:v>5.2499999999999998E-2</c:v>
                </c:pt>
                <c:pt idx="84">
                  <c:v>5.2499999999999998E-2</c:v>
                </c:pt>
                <c:pt idx="85">
                  <c:v>5.2499999999999998E-2</c:v>
                </c:pt>
                <c:pt idx="86">
                  <c:v>5.2499999999999998E-2</c:v>
                </c:pt>
                <c:pt idx="87">
                  <c:v>5.2499999999999998E-2</c:v>
                </c:pt>
                <c:pt idx="88">
                  <c:v>5.2499999999999998E-2</c:v>
                </c:pt>
                <c:pt idx="89">
                  <c:v>5.2499999999999998E-2</c:v>
                </c:pt>
                <c:pt idx="90">
                  <c:v>5.2499999999999998E-2</c:v>
                </c:pt>
                <c:pt idx="91">
                  <c:v>5.2499999999999998E-2</c:v>
                </c:pt>
                <c:pt idx="92">
                  <c:v>5.2499999999999998E-2</c:v>
                </c:pt>
                <c:pt idx="93">
                  <c:v>5.2499999999999998E-2</c:v>
                </c:pt>
                <c:pt idx="94">
                  <c:v>5.2499999999999998E-2</c:v>
                </c:pt>
                <c:pt idx="95">
                  <c:v>5.2499999999999998E-2</c:v>
                </c:pt>
                <c:pt idx="96">
                  <c:v>5.2499999999999998E-2</c:v>
                </c:pt>
                <c:pt idx="97">
                  <c:v>5.2499999999999998E-2</c:v>
                </c:pt>
                <c:pt idx="98">
                  <c:v>5.2499999999999998E-2</c:v>
                </c:pt>
                <c:pt idx="99">
                  <c:v>5.2499999999999998E-2</c:v>
                </c:pt>
                <c:pt idx="100">
                  <c:v>5.2499999999999998E-2</c:v>
                </c:pt>
                <c:pt idx="101">
                  <c:v>5.2499999999999998E-2</c:v>
                </c:pt>
                <c:pt idx="102">
                  <c:v>5.2499999999999998E-2</c:v>
                </c:pt>
                <c:pt idx="103">
                  <c:v>5.2499999999999998E-2</c:v>
                </c:pt>
                <c:pt idx="104">
                  <c:v>5.2499999999999998E-2</c:v>
                </c:pt>
                <c:pt idx="105">
                  <c:v>5.2499999999999998E-2</c:v>
                </c:pt>
                <c:pt idx="106">
                  <c:v>5.2499999999999998E-2</c:v>
                </c:pt>
                <c:pt idx="107">
                  <c:v>5.2499999999999998E-2</c:v>
                </c:pt>
                <c:pt idx="108">
                  <c:v>5.2499999999999998E-2</c:v>
                </c:pt>
                <c:pt idx="109">
                  <c:v>5.2499999999999998E-2</c:v>
                </c:pt>
                <c:pt idx="110">
                  <c:v>5.2499999999999998E-2</c:v>
                </c:pt>
                <c:pt idx="111">
                  <c:v>5.2499999999999998E-2</c:v>
                </c:pt>
                <c:pt idx="112">
                  <c:v>5.2499999999999998E-2</c:v>
                </c:pt>
                <c:pt idx="113">
                  <c:v>5.2499999999999998E-2</c:v>
                </c:pt>
                <c:pt idx="114">
                  <c:v>5.2499999999999998E-2</c:v>
                </c:pt>
                <c:pt idx="115">
                  <c:v>5.2499999999999998E-2</c:v>
                </c:pt>
                <c:pt idx="116">
                  <c:v>5.2499999999999998E-2</c:v>
                </c:pt>
                <c:pt idx="117">
                  <c:v>5.2499999999999998E-2</c:v>
                </c:pt>
                <c:pt idx="118">
                  <c:v>5.2499999999999998E-2</c:v>
                </c:pt>
                <c:pt idx="119">
                  <c:v>5.2499999999999998E-2</c:v>
                </c:pt>
                <c:pt idx="120">
                  <c:v>5.2499999999999998E-2</c:v>
                </c:pt>
                <c:pt idx="121">
                  <c:v>5.2499999999999998E-2</c:v>
                </c:pt>
                <c:pt idx="122">
                  <c:v>5.2499999999999998E-2</c:v>
                </c:pt>
                <c:pt idx="123">
                  <c:v>5.2499999999999998E-2</c:v>
                </c:pt>
                <c:pt idx="124">
                  <c:v>5.2499999999999998E-2</c:v>
                </c:pt>
                <c:pt idx="125">
                  <c:v>5.2499999999999998E-2</c:v>
                </c:pt>
                <c:pt idx="126">
                  <c:v>5.2499999999999998E-2</c:v>
                </c:pt>
                <c:pt idx="127">
                  <c:v>5.2499999999999998E-2</c:v>
                </c:pt>
                <c:pt idx="128">
                  <c:v>5.2499999999999998E-2</c:v>
                </c:pt>
                <c:pt idx="129">
                  <c:v>5.2499999999999998E-2</c:v>
                </c:pt>
                <c:pt idx="130">
                  <c:v>5.2499999999999998E-2</c:v>
                </c:pt>
                <c:pt idx="131">
                  <c:v>5.2499999999999998E-2</c:v>
                </c:pt>
                <c:pt idx="132">
                  <c:v>5.2499999999999998E-2</c:v>
                </c:pt>
                <c:pt idx="133">
                  <c:v>5.2499999999999998E-2</c:v>
                </c:pt>
                <c:pt idx="134">
                  <c:v>5.2499999999999998E-2</c:v>
                </c:pt>
                <c:pt idx="135">
                  <c:v>5.2499999999999998E-2</c:v>
                </c:pt>
                <c:pt idx="136">
                  <c:v>5.2499999999999998E-2</c:v>
                </c:pt>
                <c:pt idx="137">
                  <c:v>5.7500000000000002E-2</c:v>
                </c:pt>
                <c:pt idx="138">
                  <c:v>5.7500000000000002E-2</c:v>
                </c:pt>
                <c:pt idx="139">
                  <c:v>5.7500000000000002E-2</c:v>
                </c:pt>
                <c:pt idx="140">
                  <c:v>5.7500000000000002E-2</c:v>
                </c:pt>
                <c:pt idx="141">
                  <c:v>5.7500000000000002E-2</c:v>
                </c:pt>
                <c:pt idx="142">
                  <c:v>5.7500000000000002E-2</c:v>
                </c:pt>
                <c:pt idx="143">
                  <c:v>5.7500000000000002E-2</c:v>
                </c:pt>
                <c:pt idx="144">
                  <c:v>5.7500000000000002E-2</c:v>
                </c:pt>
                <c:pt idx="145">
                  <c:v>5.7500000000000002E-2</c:v>
                </c:pt>
                <c:pt idx="146">
                  <c:v>5.7500000000000002E-2</c:v>
                </c:pt>
                <c:pt idx="147">
                  <c:v>5.7500000000000002E-2</c:v>
                </c:pt>
                <c:pt idx="148">
                  <c:v>5.7500000000000002E-2</c:v>
                </c:pt>
                <c:pt idx="149">
                  <c:v>5.7500000000000002E-2</c:v>
                </c:pt>
                <c:pt idx="150">
                  <c:v>5.7500000000000002E-2</c:v>
                </c:pt>
                <c:pt idx="151">
                  <c:v>5.7500000000000002E-2</c:v>
                </c:pt>
                <c:pt idx="152">
                  <c:v>5.7500000000000002E-2</c:v>
                </c:pt>
                <c:pt idx="153">
                  <c:v>5.7500000000000002E-2</c:v>
                </c:pt>
                <c:pt idx="154">
                  <c:v>5.7500000000000002E-2</c:v>
                </c:pt>
                <c:pt idx="155">
                  <c:v>5.7500000000000002E-2</c:v>
                </c:pt>
                <c:pt idx="156">
                  <c:v>5.7500000000000002E-2</c:v>
                </c:pt>
                <c:pt idx="157">
                  <c:v>5.7500000000000002E-2</c:v>
                </c:pt>
                <c:pt idx="158">
                  <c:v>5.7500000000000002E-2</c:v>
                </c:pt>
                <c:pt idx="159">
                  <c:v>5.7500000000000002E-2</c:v>
                </c:pt>
                <c:pt idx="160">
                  <c:v>5.7500000000000002E-2</c:v>
                </c:pt>
                <c:pt idx="161">
                  <c:v>5.7500000000000002E-2</c:v>
                </c:pt>
                <c:pt idx="162">
                  <c:v>5.7500000000000002E-2</c:v>
                </c:pt>
                <c:pt idx="163">
                  <c:v>5.7500000000000002E-2</c:v>
                </c:pt>
                <c:pt idx="164">
                  <c:v>5.7500000000000002E-2</c:v>
                </c:pt>
                <c:pt idx="165">
                  <c:v>5.7500000000000002E-2</c:v>
                </c:pt>
                <c:pt idx="166">
                  <c:v>5.7500000000000002E-2</c:v>
                </c:pt>
                <c:pt idx="167">
                  <c:v>5.7500000000000002E-2</c:v>
                </c:pt>
                <c:pt idx="168">
                  <c:v>5.7500000000000002E-2</c:v>
                </c:pt>
                <c:pt idx="169">
                  <c:v>5.7500000000000002E-2</c:v>
                </c:pt>
                <c:pt idx="170">
                  <c:v>5.7500000000000002E-2</c:v>
                </c:pt>
                <c:pt idx="171">
                  <c:v>5.7500000000000002E-2</c:v>
                </c:pt>
                <c:pt idx="172">
                  <c:v>5.7500000000000002E-2</c:v>
                </c:pt>
                <c:pt idx="173">
                  <c:v>5.7500000000000002E-2</c:v>
                </c:pt>
                <c:pt idx="174">
                  <c:v>5.7500000000000002E-2</c:v>
                </c:pt>
                <c:pt idx="175">
                  <c:v>5.7500000000000002E-2</c:v>
                </c:pt>
                <c:pt idx="176">
                  <c:v>5.7500000000000002E-2</c:v>
                </c:pt>
                <c:pt idx="177">
                  <c:v>5.7500000000000002E-2</c:v>
                </c:pt>
                <c:pt idx="178">
                  <c:v>5.7500000000000002E-2</c:v>
                </c:pt>
                <c:pt idx="179">
                  <c:v>5.7500000000000002E-2</c:v>
                </c:pt>
                <c:pt idx="180">
                  <c:v>5.7500000000000002E-2</c:v>
                </c:pt>
                <c:pt idx="181">
                  <c:v>5.7500000000000002E-2</c:v>
                </c:pt>
                <c:pt idx="182">
                  <c:v>5.7500000000000002E-2</c:v>
                </c:pt>
                <c:pt idx="183">
                  <c:v>5.7500000000000002E-2</c:v>
                </c:pt>
                <c:pt idx="184">
                  <c:v>5.7500000000000002E-2</c:v>
                </c:pt>
                <c:pt idx="185">
                  <c:v>5.7500000000000002E-2</c:v>
                </c:pt>
                <c:pt idx="186">
                  <c:v>5.7500000000000002E-2</c:v>
                </c:pt>
                <c:pt idx="187">
                  <c:v>5.7500000000000002E-2</c:v>
                </c:pt>
                <c:pt idx="188">
                  <c:v>5.7500000000000002E-2</c:v>
                </c:pt>
                <c:pt idx="189">
                  <c:v>5.7500000000000002E-2</c:v>
                </c:pt>
                <c:pt idx="190">
                  <c:v>5.7500000000000002E-2</c:v>
                </c:pt>
                <c:pt idx="191">
                  <c:v>5.7500000000000002E-2</c:v>
                </c:pt>
                <c:pt idx="192">
                  <c:v>5.7500000000000002E-2</c:v>
                </c:pt>
                <c:pt idx="193">
                  <c:v>5.7500000000000002E-2</c:v>
                </c:pt>
                <c:pt idx="194">
                  <c:v>5.7500000000000002E-2</c:v>
                </c:pt>
                <c:pt idx="195">
                  <c:v>5.7500000000000002E-2</c:v>
                </c:pt>
                <c:pt idx="196">
                  <c:v>5.7500000000000002E-2</c:v>
                </c:pt>
                <c:pt idx="197">
                  <c:v>5.7500000000000002E-2</c:v>
                </c:pt>
                <c:pt idx="198">
                  <c:v>5.7500000000000002E-2</c:v>
                </c:pt>
                <c:pt idx="199">
                  <c:v>5.7500000000000002E-2</c:v>
                </c:pt>
                <c:pt idx="200">
                  <c:v>5.7500000000000002E-2</c:v>
                </c:pt>
                <c:pt idx="201">
                  <c:v>5.7500000000000002E-2</c:v>
                </c:pt>
                <c:pt idx="202">
                  <c:v>5.7500000000000002E-2</c:v>
                </c:pt>
                <c:pt idx="203">
                  <c:v>5.7500000000000002E-2</c:v>
                </c:pt>
                <c:pt idx="204">
                  <c:v>5.7500000000000002E-2</c:v>
                </c:pt>
                <c:pt idx="205">
                  <c:v>5.7500000000000002E-2</c:v>
                </c:pt>
                <c:pt idx="206">
                  <c:v>5.7500000000000002E-2</c:v>
                </c:pt>
                <c:pt idx="207">
                  <c:v>5.7500000000000002E-2</c:v>
                </c:pt>
                <c:pt idx="208">
                  <c:v>5.7500000000000002E-2</c:v>
                </c:pt>
                <c:pt idx="209">
                  <c:v>5.7500000000000002E-2</c:v>
                </c:pt>
                <c:pt idx="210">
                  <c:v>5.7500000000000002E-2</c:v>
                </c:pt>
                <c:pt idx="211">
                  <c:v>5.7500000000000002E-2</c:v>
                </c:pt>
                <c:pt idx="212">
                  <c:v>5.7500000000000002E-2</c:v>
                </c:pt>
                <c:pt idx="213">
                  <c:v>5.7500000000000002E-2</c:v>
                </c:pt>
                <c:pt idx="214">
                  <c:v>5.7500000000000002E-2</c:v>
                </c:pt>
                <c:pt idx="215">
                  <c:v>5.7500000000000002E-2</c:v>
                </c:pt>
                <c:pt idx="216">
                  <c:v>5.7500000000000002E-2</c:v>
                </c:pt>
                <c:pt idx="217">
                  <c:v>5.7500000000000002E-2</c:v>
                </c:pt>
                <c:pt idx="218">
                  <c:v>5.7500000000000002E-2</c:v>
                </c:pt>
                <c:pt idx="219">
                  <c:v>5.7500000000000002E-2</c:v>
                </c:pt>
                <c:pt idx="220">
                  <c:v>5.7500000000000002E-2</c:v>
                </c:pt>
                <c:pt idx="221">
                  <c:v>5.7500000000000002E-2</c:v>
                </c:pt>
                <c:pt idx="222">
                  <c:v>5.7500000000000002E-2</c:v>
                </c:pt>
                <c:pt idx="223">
                  <c:v>5.7500000000000002E-2</c:v>
                </c:pt>
                <c:pt idx="224">
                  <c:v>5.7500000000000002E-2</c:v>
                </c:pt>
                <c:pt idx="225">
                  <c:v>5.7500000000000002E-2</c:v>
                </c:pt>
                <c:pt idx="226">
                  <c:v>5.7500000000000002E-2</c:v>
                </c:pt>
                <c:pt idx="227">
                  <c:v>5.7500000000000002E-2</c:v>
                </c:pt>
                <c:pt idx="228">
                  <c:v>5.7500000000000002E-2</c:v>
                </c:pt>
                <c:pt idx="229">
                  <c:v>5.7500000000000002E-2</c:v>
                </c:pt>
                <c:pt idx="230">
                  <c:v>5.7500000000000002E-2</c:v>
                </c:pt>
                <c:pt idx="231">
                  <c:v>5.7500000000000002E-2</c:v>
                </c:pt>
                <c:pt idx="232">
                  <c:v>5.7500000000000002E-2</c:v>
                </c:pt>
                <c:pt idx="233">
                  <c:v>5.7500000000000002E-2</c:v>
                </c:pt>
                <c:pt idx="234">
                  <c:v>5.7500000000000002E-2</c:v>
                </c:pt>
                <c:pt idx="235">
                  <c:v>5.7500000000000002E-2</c:v>
                </c:pt>
                <c:pt idx="236">
                  <c:v>5.7500000000000002E-2</c:v>
                </c:pt>
                <c:pt idx="237">
                  <c:v>5.7500000000000002E-2</c:v>
                </c:pt>
                <c:pt idx="238">
                  <c:v>5.7500000000000002E-2</c:v>
                </c:pt>
                <c:pt idx="239">
                  <c:v>5.7500000000000002E-2</c:v>
                </c:pt>
                <c:pt idx="240">
                  <c:v>5.7500000000000002E-2</c:v>
                </c:pt>
                <c:pt idx="241">
                  <c:v>5.7500000000000002E-2</c:v>
                </c:pt>
                <c:pt idx="242">
                  <c:v>5.7500000000000002E-2</c:v>
                </c:pt>
                <c:pt idx="243">
                  <c:v>5.7500000000000002E-2</c:v>
                </c:pt>
                <c:pt idx="244">
                  <c:v>5.7500000000000002E-2</c:v>
                </c:pt>
                <c:pt idx="245">
                  <c:v>5.7500000000000002E-2</c:v>
                </c:pt>
                <c:pt idx="246">
                  <c:v>5.7500000000000002E-2</c:v>
                </c:pt>
                <c:pt idx="247">
                  <c:v>5.7500000000000002E-2</c:v>
                </c:pt>
                <c:pt idx="248">
                  <c:v>5.7500000000000002E-2</c:v>
                </c:pt>
                <c:pt idx="249">
                  <c:v>5.7500000000000002E-2</c:v>
                </c:pt>
                <c:pt idx="250">
                  <c:v>5.7500000000000002E-2</c:v>
                </c:pt>
                <c:pt idx="251">
                  <c:v>5.7500000000000002E-2</c:v>
                </c:pt>
                <c:pt idx="252">
                  <c:v>5.7500000000000002E-2</c:v>
                </c:pt>
                <c:pt idx="253">
                  <c:v>5.7500000000000002E-2</c:v>
                </c:pt>
                <c:pt idx="254">
                  <c:v>5.7500000000000002E-2</c:v>
                </c:pt>
                <c:pt idx="255">
                  <c:v>5.7500000000000002E-2</c:v>
                </c:pt>
                <c:pt idx="256">
                  <c:v>5.7500000000000002E-2</c:v>
                </c:pt>
                <c:pt idx="257">
                  <c:v>5.7500000000000002E-2</c:v>
                </c:pt>
                <c:pt idx="258">
                  <c:v>5.7500000000000002E-2</c:v>
                </c:pt>
                <c:pt idx="259">
                  <c:v>5.7500000000000002E-2</c:v>
                </c:pt>
                <c:pt idx="260">
                  <c:v>5.7500000000000002E-2</c:v>
                </c:pt>
                <c:pt idx="261">
                  <c:v>5.7500000000000002E-2</c:v>
                </c:pt>
                <c:pt idx="262">
                  <c:v>5.7500000000000002E-2</c:v>
                </c:pt>
                <c:pt idx="263">
                  <c:v>5.7500000000000002E-2</c:v>
                </c:pt>
                <c:pt idx="264">
                  <c:v>5.7500000000000002E-2</c:v>
                </c:pt>
                <c:pt idx="265">
                  <c:v>5.7500000000000002E-2</c:v>
                </c:pt>
                <c:pt idx="266">
                  <c:v>5.7500000000000002E-2</c:v>
                </c:pt>
                <c:pt idx="267">
                  <c:v>5.7500000000000002E-2</c:v>
                </c:pt>
                <c:pt idx="268">
                  <c:v>5.7500000000000002E-2</c:v>
                </c:pt>
                <c:pt idx="269">
                  <c:v>5.7500000000000002E-2</c:v>
                </c:pt>
                <c:pt idx="270">
                  <c:v>5.7500000000000002E-2</c:v>
                </c:pt>
                <c:pt idx="271">
                  <c:v>5.7500000000000002E-2</c:v>
                </c:pt>
                <c:pt idx="272">
                  <c:v>5.7500000000000002E-2</c:v>
                </c:pt>
                <c:pt idx="273">
                  <c:v>5.7500000000000002E-2</c:v>
                </c:pt>
                <c:pt idx="274">
                  <c:v>5.7500000000000002E-2</c:v>
                </c:pt>
                <c:pt idx="275">
                  <c:v>5.7500000000000002E-2</c:v>
                </c:pt>
                <c:pt idx="276">
                  <c:v>5.7500000000000002E-2</c:v>
                </c:pt>
                <c:pt idx="277">
                  <c:v>5.7500000000000002E-2</c:v>
                </c:pt>
                <c:pt idx="278">
                  <c:v>5.7500000000000002E-2</c:v>
                </c:pt>
                <c:pt idx="279">
                  <c:v>5.7500000000000002E-2</c:v>
                </c:pt>
                <c:pt idx="280">
                  <c:v>5.7500000000000002E-2</c:v>
                </c:pt>
                <c:pt idx="281">
                  <c:v>5.7500000000000002E-2</c:v>
                </c:pt>
                <c:pt idx="282">
                  <c:v>5.7500000000000002E-2</c:v>
                </c:pt>
                <c:pt idx="283">
                  <c:v>5.7500000000000002E-2</c:v>
                </c:pt>
                <c:pt idx="284">
                  <c:v>5.7500000000000002E-2</c:v>
                </c:pt>
                <c:pt idx="285">
                  <c:v>5.7500000000000002E-2</c:v>
                </c:pt>
                <c:pt idx="286">
                  <c:v>5.7500000000000002E-2</c:v>
                </c:pt>
                <c:pt idx="287">
                  <c:v>5.7500000000000002E-2</c:v>
                </c:pt>
                <c:pt idx="288">
                  <c:v>5.7500000000000002E-2</c:v>
                </c:pt>
                <c:pt idx="289">
                  <c:v>5.7500000000000002E-2</c:v>
                </c:pt>
                <c:pt idx="290">
                  <c:v>5.7500000000000002E-2</c:v>
                </c:pt>
                <c:pt idx="291">
                  <c:v>5.7500000000000002E-2</c:v>
                </c:pt>
                <c:pt idx="292">
                  <c:v>5.7500000000000002E-2</c:v>
                </c:pt>
                <c:pt idx="293">
                  <c:v>5.7500000000000002E-2</c:v>
                </c:pt>
                <c:pt idx="294">
                  <c:v>5.7500000000000002E-2</c:v>
                </c:pt>
                <c:pt idx="295">
                  <c:v>5.7500000000000002E-2</c:v>
                </c:pt>
                <c:pt idx="296">
                  <c:v>5.7500000000000002E-2</c:v>
                </c:pt>
                <c:pt idx="297">
                  <c:v>5.7500000000000002E-2</c:v>
                </c:pt>
                <c:pt idx="298">
                  <c:v>5.7500000000000002E-2</c:v>
                </c:pt>
                <c:pt idx="299">
                  <c:v>5.7500000000000002E-2</c:v>
                </c:pt>
                <c:pt idx="300">
                  <c:v>5.7500000000000002E-2</c:v>
                </c:pt>
                <c:pt idx="301">
                  <c:v>5.7500000000000002E-2</c:v>
                </c:pt>
                <c:pt idx="302">
                  <c:v>5.7500000000000002E-2</c:v>
                </c:pt>
                <c:pt idx="303">
                  <c:v>5.7500000000000002E-2</c:v>
                </c:pt>
                <c:pt idx="304">
                  <c:v>5.7500000000000002E-2</c:v>
                </c:pt>
                <c:pt idx="305">
                  <c:v>5.7500000000000002E-2</c:v>
                </c:pt>
                <c:pt idx="306">
                  <c:v>5.7500000000000002E-2</c:v>
                </c:pt>
                <c:pt idx="307">
                  <c:v>5.7500000000000002E-2</c:v>
                </c:pt>
                <c:pt idx="308">
                  <c:v>5.7500000000000002E-2</c:v>
                </c:pt>
                <c:pt idx="309">
                  <c:v>5.7500000000000002E-2</c:v>
                </c:pt>
                <c:pt idx="310">
                  <c:v>5.7500000000000002E-2</c:v>
                </c:pt>
                <c:pt idx="311">
                  <c:v>5.7500000000000002E-2</c:v>
                </c:pt>
                <c:pt idx="312">
                  <c:v>5.7500000000000002E-2</c:v>
                </c:pt>
                <c:pt idx="313">
                  <c:v>5.7500000000000002E-2</c:v>
                </c:pt>
                <c:pt idx="314">
                  <c:v>5.7500000000000002E-2</c:v>
                </c:pt>
                <c:pt idx="315">
                  <c:v>5.7500000000000002E-2</c:v>
                </c:pt>
                <c:pt idx="316">
                  <c:v>5.7500000000000002E-2</c:v>
                </c:pt>
                <c:pt idx="317">
                  <c:v>5.7500000000000002E-2</c:v>
                </c:pt>
                <c:pt idx="318">
                  <c:v>5.7500000000000002E-2</c:v>
                </c:pt>
                <c:pt idx="319">
                  <c:v>5.7500000000000002E-2</c:v>
                </c:pt>
                <c:pt idx="320">
                  <c:v>5.7500000000000002E-2</c:v>
                </c:pt>
                <c:pt idx="321">
                  <c:v>5.7500000000000002E-2</c:v>
                </c:pt>
                <c:pt idx="322">
                  <c:v>5.7500000000000002E-2</c:v>
                </c:pt>
                <c:pt idx="323">
                  <c:v>5.7500000000000002E-2</c:v>
                </c:pt>
                <c:pt idx="324">
                  <c:v>5.7500000000000002E-2</c:v>
                </c:pt>
                <c:pt idx="325">
                  <c:v>5.7500000000000002E-2</c:v>
                </c:pt>
                <c:pt idx="326">
                  <c:v>5.7500000000000002E-2</c:v>
                </c:pt>
                <c:pt idx="327">
                  <c:v>5.7500000000000002E-2</c:v>
                </c:pt>
                <c:pt idx="328">
                  <c:v>5.7500000000000002E-2</c:v>
                </c:pt>
                <c:pt idx="329">
                  <c:v>5.7500000000000002E-2</c:v>
                </c:pt>
                <c:pt idx="330">
                  <c:v>5.7500000000000002E-2</c:v>
                </c:pt>
                <c:pt idx="331">
                  <c:v>5.7500000000000002E-2</c:v>
                </c:pt>
                <c:pt idx="332">
                  <c:v>5.7500000000000002E-2</c:v>
                </c:pt>
                <c:pt idx="333">
                  <c:v>5.7500000000000002E-2</c:v>
                </c:pt>
                <c:pt idx="334">
                  <c:v>5.7500000000000002E-2</c:v>
                </c:pt>
                <c:pt idx="335">
                  <c:v>5.7500000000000002E-2</c:v>
                </c:pt>
                <c:pt idx="336">
                  <c:v>5.7500000000000002E-2</c:v>
                </c:pt>
                <c:pt idx="337">
                  <c:v>5.7500000000000002E-2</c:v>
                </c:pt>
                <c:pt idx="338">
                  <c:v>5.7500000000000002E-2</c:v>
                </c:pt>
                <c:pt idx="339">
                  <c:v>5.7500000000000002E-2</c:v>
                </c:pt>
                <c:pt idx="340">
                  <c:v>5.7500000000000002E-2</c:v>
                </c:pt>
                <c:pt idx="341">
                  <c:v>5.7500000000000002E-2</c:v>
                </c:pt>
                <c:pt idx="342">
                  <c:v>5.7500000000000002E-2</c:v>
                </c:pt>
                <c:pt idx="343">
                  <c:v>5.7500000000000002E-2</c:v>
                </c:pt>
                <c:pt idx="344">
                  <c:v>5.7500000000000002E-2</c:v>
                </c:pt>
                <c:pt idx="345">
                  <c:v>5.7500000000000002E-2</c:v>
                </c:pt>
                <c:pt idx="346">
                  <c:v>5.7500000000000002E-2</c:v>
                </c:pt>
                <c:pt idx="347">
                  <c:v>5.7500000000000002E-2</c:v>
                </c:pt>
                <c:pt idx="348">
                  <c:v>5.7500000000000002E-2</c:v>
                </c:pt>
                <c:pt idx="349">
                  <c:v>5.7500000000000002E-2</c:v>
                </c:pt>
                <c:pt idx="350">
                  <c:v>5.7500000000000002E-2</c:v>
                </c:pt>
                <c:pt idx="351">
                  <c:v>5.7500000000000002E-2</c:v>
                </c:pt>
                <c:pt idx="352">
                  <c:v>5.7500000000000002E-2</c:v>
                </c:pt>
                <c:pt idx="353">
                  <c:v>5.7500000000000002E-2</c:v>
                </c:pt>
                <c:pt idx="354">
                  <c:v>5.7500000000000002E-2</c:v>
                </c:pt>
                <c:pt idx="355">
                  <c:v>5.7500000000000002E-2</c:v>
                </c:pt>
                <c:pt idx="356">
                  <c:v>5.7500000000000002E-2</c:v>
                </c:pt>
                <c:pt idx="357">
                  <c:v>5.7500000000000002E-2</c:v>
                </c:pt>
                <c:pt idx="358">
                  <c:v>5.7500000000000002E-2</c:v>
                </c:pt>
                <c:pt idx="359">
                  <c:v>5.7500000000000002E-2</c:v>
                </c:pt>
                <c:pt idx="360">
                  <c:v>5.7500000000000002E-2</c:v>
                </c:pt>
                <c:pt idx="361">
                  <c:v>5.7500000000000002E-2</c:v>
                </c:pt>
                <c:pt idx="362">
                  <c:v>5.7500000000000002E-2</c:v>
                </c:pt>
                <c:pt idx="363">
                  <c:v>5.7500000000000002E-2</c:v>
                </c:pt>
                <c:pt idx="364">
                  <c:v>5.7500000000000002E-2</c:v>
                </c:pt>
                <c:pt idx="365">
                  <c:v>5.7500000000000002E-2</c:v>
                </c:pt>
                <c:pt idx="366">
                  <c:v>5.7500000000000002E-2</c:v>
                </c:pt>
                <c:pt idx="367">
                  <c:v>5.7500000000000002E-2</c:v>
                </c:pt>
                <c:pt idx="368">
                  <c:v>5.7500000000000002E-2</c:v>
                </c:pt>
                <c:pt idx="369">
                  <c:v>5.7500000000000002E-2</c:v>
                </c:pt>
                <c:pt idx="370">
                  <c:v>5.7500000000000002E-2</c:v>
                </c:pt>
                <c:pt idx="371">
                  <c:v>5.7500000000000002E-2</c:v>
                </c:pt>
                <c:pt idx="372">
                  <c:v>5.7500000000000002E-2</c:v>
                </c:pt>
                <c:pt idx="373">
                  <c:v>5.7500000000000002E-2</c:v>
                </c:pt>
                <c:pt idx="374">
                  <c:v>5.7500000000000002E-2</c:v>
                </c:pt>
                <c:pt idx="375">
                  <c:v>5.7500000000000002E-2</c:v>
                </c:pt>
                <c:pt idx="376">
                  <c:v>5.7500000000000002E-2</c:v>
                </c:pt>
                <c:pt idx="377">
                  <c:v>5.7500000000000002E-2</c:v>
                </c:pt>
                <c:pt idx="378">
                  <c:v>5.7500000000000002E-2</c:v>
                </c:pt>
                <c:pt idx="379">
                  <c:v>5.7500000000000002E-2</c:v>
                </c:pt>
                <c:pt idx="380">
                  <c:v>5.7500000000000002E-2</c:v>
                </c:pt>
                <c:pt idx="381">
                  <c:v>5.7500000000000002E-2</c:v>
                </c:pt>
                <c:pt idx="382">
                  <c:v>5.7500000000000002E-2</c:v>
                </c:pt>
                <c:pt idx="383">
                  <c:v>5.7500000000000002E-2</c:v>
                </c:pt>
                <c:pt idx="384">
                  <c:v>5.7500000000000002E-2</c:v>
                </c:pt>
                <c:pt idx="385">
                  <c:v>5.7500000000000002E-2</c:v>
                </c:pt>
                <c:pt idx="386">
                  <c:v>5.7500000000000002E-2</c:v>
                </c:pt>
                <c:pt idx="387">
                  <c:v>5.7500000000000002E-2</c:v>
                </c:pt>
                <c:pt idx="388">
                  <c:v>5.5E-2</c:v>
                </c:pt>
                <c:pt idx="389">
                  <c:v>5.5E-2</c:v>
                </c:pt>
                <c:pt idx="390">
                  <c:v>5.5E-2</c:v>
                </c:pt>
                <c:pt idx="391">
                  <c:v>5.5E-2</c:v>
                </c:pt>
                <c:pt idx="392">
                  <c:v>5.5E-2</c:v>
                </c:pt>
                <c:pt idx="393">
                  <c:v>5.5E-2</c:v>
                </c:pt>
                <c:pt idx="394">
                  <c:v>5.5E-2</c:v>
                </c:pt>
                <c:pt idx="395">
                  <c:v>5.5E-2</c:v>
                </c:pt>
                <c:pt idx="396">
                  <c:v>5.5E-2</c:v>
                </c:pt>
                <c:pt idx="397">
                  <c:v>5.5E-2</c:v>
                </c:pt>
                <c:pt idx="398">
                  <c:v>5.5E-2</c:v>
                </c:pt>
                <c:pt idx="399">
                  <c:v>5.5E-2</c:v>
                </c:pt>
                <c:pt idx="400">
                  <c:v>5.5E-2</c:v>
                </c:pt>
                <c:pt idx="401">
                  <c:v>5.5E-2</c:v>
                </c:pt>
                <c:pt idx="402">
                  <c:v>5.5E-2</c:v>
                </c:pt>
                <c:pt idx="403">
                  <c:v>5.5E-2</c:v>
                </c:pt>
                <c:pt idx="404">
                  <c:v>5.5E-2</c:v>
                </c:pt>
                <c:pt idx="405">
                  <c:v>5.5E-2</c:v>
                </c:pt>
                <c:pt idx="406">
                  <c:v>5.5E-2</c:v>
                </c:pt>
                <c:pt idx="407">
                  <c:v>5.5E-2</c:v>
                </c:pt>
                <c:pt idx="408">
                  <c:v>5.5E-2</c:v>
                </c:pt>
                <c:pt idx="409">
                  <c:v>5.5E-2</c:v>
                </c:pt>
                <c:pt idx="410">
                  <c:v>5.5E-2</c:v>
                </c:pt>
                <c:pt idx="411">
                  <c:v>5.5E-2</c:v>
                </c:pt>
                <c:pt idx="412">
                  <c:v>5.5E-2</c:v>
                </c:pt>
                <c:pt idx="413">
                  <c:v>5.5E-2</c:v>
                </c:pt>
                <c:pt idx="414">
                  <c:v>5.5E-2</c:v>
                </c:pt>
                <c:pt idx="415">
                  <c:v>5.5E-2</c:v>
                </c:pt>
                <c:pt idx="416">
                  <c:v>5.5E-2</c:v>
                </c:pt>
                <c:pt idx="417">
                  <c:v>5.5E-2</c:v>
                </c:pt>
                <c:pt idx="418">
                  <c:v>5.5E-2</c:v>
                </c:pt>
                <c:pt idx="419">
                  <c:v>5.5E-2</c:v>
                </c:pt>
                <c:pt idx="420">
                  <c:v>5.5E-2</c:v>
                </c:pt>
                <c:pt idx="421">
                  <c:v>5.5E-2</c:v>
                </c:pt>
                <c:pt idx="422">
                  <c:v>5.5E-2</c:v>
                </c:pt>
                <c:pt idx="423">
                  <c:v>5.5E-2</c:v>
                </c:pt>
                <c:pt idx="424">
                  <c:v>5.5E-2</c:v>
                </c:pt>
                <c:pt idx="425">
                  <c:v>5.5E-2</c:v>
                </c:pt>
                <c:pt idx="426">
                  <c:v>5.5E-2</c:v>
                </c:pt>
                <c:pt idx="427">
                  <c:v>5.5E-2</c:v>
                </c:pt>
                <c:pt idx="428">
                  <c:v>5.5E-2</c:v>
                </c:pt>
                <c:pt idx="429">
                  <c:v>5.5E-2</c:v>
                </c:pt>
                <c:pt idx="430">
                  <c:v>0.05</c:v>
                </c:pt>
                <c:pt idx="431">
                  <c:v>0.05</c:v>
                </c:pt>
                <c:pt idx="432">
                  <c:v>0.05</c:v>
                </c:pt>
                <c:pt idx="433">
                  <c:v>0.05</c:v>
                </c:pt>
                <c:pt idx="434">
                  <c:v>0.05</c:v>
                </c:pt>
                <c:pt idx="435">
                  <c:v>0.05</c:v>
                </c:pt>
                <c:pt idx="436">
                  <c:v>0.05</c:v>
                </c:pt>
                <c:pt idx="437">
                  <c:v>0.05</c:v>
                </c:pt>
                <c:pt idx="438">
                  <c:v>0.05</c:v>
                </c:pt>
                <c:pt idx="439">
                  <c:v>0.05</c:v>
                </c:pt>
                <c:pt idx="440">
                  <c:v>0.05</c:v>
                </c:pt>
                <c:pt idx="441">
                  <c:v>0.05</c:v>
                </c:pt>
                <c:pt idx="442">
                  <c:v>0.05</c:v>
                </c:pt>
                <c:pt idx="443">
                  <c:v>0.05</c:v>
                </c:pt>
                <c:pt idx="444">
                  <c:v>0.05</c:v>
                </c:pt>
                <c:pt idx="445">
                  <c:v>0.05</c:v>
                </c:pt>
                <c:pt idx="446">
                  <c:v>0.05</c:v>
                </c:pt>
                <c:pt idx="447">
                  <c:v>0.05</c:v>
                </c:pt>
                <c:pt idx="448">
                  <c:v>0.05</c:v>
                </c:pt>
                <c:pt idx="449">
                  <c:v>0.05</c:v>
                </c:pt>
                <c:pt idx="450">
                  <c:v>0.05</c:v>
                </c:pt>
                <c:pt idx="451">
                  <c:v>0.05</c:v>
                </c:pt>
                <c:pt idx="452">
                  <c:v>0.05</c:v>
                </c:pt>
                <c:pt idx="453">
                  <c:v>0.05</c:v>
                </c:pt>
                <c:pt idx="454">
                  <c:v>0.05</c:v>
                </c:pt>
                <c:pt idx="455">
                  <c:v>0.05</c:v>
                </c:pt>
                <c:pt idx="456">
                  <c:v>0.05</c:v>
                </c:pt>
                <c:pt idx="457">
                  <c:v>0.05</c:v>
                </c:pt>
                <c:pt idx="458">
                  <c:v>0.05</c:v>
                </c:pt>
                <c:pt idx="459">
                  <c:v>0.05</c:v>
                </c:pt>
                <c:pt idx="460">
                  <c:v>0.05</c:v>
                </c:pt>
                <c:pt idx="461">
                  <c:v>0.05</c:v>
                </c:pt>
                <c:pt idx="462">
                  <c:v>0.05</c:v>
                </c:pt>
                <c:pt idx="463">
                  <c:v>0.05</c:v>
                </c:pt>
                <c:pt idx="464">
                  <c:v>0.05</c:v>
                </c:pt>
                <c:pt idx="465">
                  <c:v>0.05</c:v>
                </c:pt>
                <c:pt idx="466">
                  <c:v>0.05</c:v>
                </c:pt>
                <c:pt idx="467">
                  <c:v>0.05</c:v>
                </c:pt>
                <c:pt idx="468">
                  <c:v>0.05</c:v>
                </c:pt>
                <c:pt idx="469">
                  <c:v>0.05</c:v>
                </c:pt>
                <c:pt idx="470">
                  <c:v>0.05</c:v>
                </c:pt>
                <c:pt idx="471">
                  <c:v>0.05</c:v>
                </c:pt>
                <c:pt idx="472">
                  <c:v>4.7500000000000001E-2</c:v>
                </c:pt>
                <c:pt idx="473">
                  <c:v>4.7500000000000001E-2</c:v>
                </c:pt>
                <c:pt idx="474">
                  <c:v>4.7500000000000001E-2</c:v>
                </c:pt>
                <c:pt idx="475">
                  <c:v>4.7500000000000001E-2</c:v>
                </c:pt>
                <c:pt idx="476">
                  <c:v>4.7500000000000001E-2</c:v>
                </c:pt>
                <c:pt idx="477">
                  <c:v>4.7500000000000001E-2</c:v>
                </c:pt>
                <c:pt idx="478">
                  <c:v>4.7500000000000001E-2</c:v>
                </c:pt>
                <c:pt idx="479">
                  <c:v>4.7500000000000001E-2</c:v>
                </c:pt>
                <c:pt idx="480">
                  <c:v>4.7500000000000001E-2</c:v>
                </c:pt>
                <c:pt idx="481">
                  <c:v>4.7500000000000001E-2</c:v>
                </c:pt>
                <c:pt idx="482">
                  <c:v>4.7500000000000001E-2</c:v>
                </c:pt>
                <c:pt idx="483">
                  <c:v>4.7500000000000001E-2</c:v>
                </c:pt>
                <c:pt idx="484">
                  <c:v>4.7500000000000001E-2</c:v>
                </c:pt>
                <c:pt idx="485">
                  <c:v>4.7500000000000001E-2</c:v>
                </c:pt>
                <c:pt idx="486">
                  <c:v>4.7500000000000001E-2</c:v>
                </c:pt>
                <c:pt idx="487">
                  <c:v>4.7500000000000001E-2</c:v>
                </c:pt>
                <c:pt idx="488">
                  <c:v>4.7500000000000001E-2</c:v>
                </c:pt>
                <c:pt idx="489">
                  <c:v>4.7500000000000001E-2</c:v>
                </c:pt>
                <c:pt idx="490">
                  <c:v>4.7500000000000001E-2</c:v>
                </c:pt>
                <c:pt idx="491">
                  <c:v>4.7500000000000001E-2</c:v>
                </c:pt>
                <c:pt idx="492">
                  <c:v>4.7500000000000001E-2</c:v>
                </c:pt>
                <c:pt idx="493">
                  <c:v>4.7500000000000001E-2</c:v>
                </c:pt>
                <c:pt idx="494">
                  <c:v>4.7500000000000001E-2</c:v>
                </c:pt>
                <c:pt idx="495">
                  <c:v>4.7500000000000001E-2</c:v>
                </c:pt>
                <c:pt idx="496">
                  <c:v>4.7500000000000001E-2</c:v>
                </c:pt>
                <c:pt idx="497">
                  <c:v>4.7500000000000001E-2</c:v>
                </c:pt>
                <c:pt idx="498">
                  <c:v>4.7500000000000001E-2</c:v>
                </c:pt>
                <c:pt idx="499">
                  <c:v>4.7500000000000001E-2</c:v>
                </c:pt>
                <c:pt idx="500">
                  <c:v>4.7500000000000001E-2</c:v>
                </c:pt>
                <c:pt idx="501">
                  <c:v>4.7500000000000001E-2</c:v>
                </c:pt>
                <c:pt idx="502">
                  <c:v>4.7500000000000001E-2</c:v>
                </c:pt>
                <c:pt idx="503">
                  <c:v>4.7500000000000001E-2</c:v>
                </c:pt>
                <c:pt idx="504">
                  <c:v>4.7500000000000001E-2</c:v>
                </c:pt>
                <c:pt idx="505">
                  <c:v>4.7500000000000001E-2</c:v>
                </c:pt>
                <c:pt idx="506">
                  <c:v>4.7500000000000001E-2</c:v>
                </c:pt>
                <c:pt idx="507">
                  <c:v>4.7500000000000001E-2</c:v>
                </c:pt>
                <c:pt idx="508">
                  <c:v>4.7500000000000001E-2</c:v>
                </c:pt>
                <c:pt idx="509">
                  <c:v>4.7500000000000001E-2</c:v>
                </c:pt>
                <c:pt idx="510">
                  <c:v>4.7500000000000001E-2</c:v>
                </c:pt>
                <c:pt idx="511">
                  <c:v>4.7500000000000001E-2</c:v>
                </c:pt>
                <c:pt idx="512">
                  <c:v>4.7500000000000001E-2</c:v>
                </c:pt>
                <c:pt idx="513">
                  <c:v>4.7500000000000001E-2</c:v>
                </c:pt>
                <c:pt idx="514">
                  <c:v>4.4999999999999998E-2</c:v>
                </c:pt>
                <c:pt idx="515">
                  <c:v>4.4999999999999998E-2</c:v>
                </c:pt>
                <c:pt idx="516">
                  <c:v>4.4999999999999998E-2</c:v>
                </c:pt>
                <c:pt idx="517">
                  <c:v>4.4999999999999998E-2</c:v>
                </c:pt>
                <c:pt idx="518">
                  <c:v>4.4999999999999998E-2</c:v>
                </c:pt>
                <c:pt idx="519">
                  <c:v>4.4999999999999998E-2</c:v>
                </c:pt>
                <c:pt idx="520">
                  <c:v>4.4999999999999998E-2</c:v>
                </c:pt>
                <c:pt idx="521">
                  <c:v>4.4999999999999998E-2</c:v>
                </c:pt>
                <c:pt idx="522">
                  <c:v>4.4999999999999998E-2</c:v>
                </c:pt>
                <c:pt idx="523">
                  <c:v>4.4999999999999998E-2</c:v>
                </c:pt>
                <c:pt idx="524">
                  <c:v>4.4999999999999998E-2</c:v>
                </c:pt>
                <c:pt idx="525">
                  <c:v>4.4999999999999998E-2</c:v>
                </c:pt>
                <c:pt idx="526">
                  <c:v>4.4999999999999998E-2</c:v>
                </c:pt>
                <c:pt idx="527">
                  <c:v>4.4999999999999998E-2</c:v>
                </c:pt>
                <c:pt idx="528">
                  <c:v>4.4999999999999998E-2</c:v>
                </c:pt>
                <c:pt idx="529">
                  <c:v>4.4999999999999998E-2</c:v>
                </c:pt>
                <c:pt idx="530">
                  <c:v>4.4999999999999998E-2</c:v>
                </c:pt>
                <c:pt idx="531">
                  <c:v>4.4999999999999998E-2</c:v>
                </c:pt>
                <c:pt idx="532">
                  <c:v>4.4999999999999998E-2</c:v>
                </c:pt>
                <c:pt idx="533">
                  <c:v>4.4999999999999998E-2</c:v>
                </c:pt>
                <c:pt idx="534">
                  <c:v>4.4999999999999998E-2</c:v>
                </c:pt>
                <c:pt idx="535">
                  <c:v>4.4999999999999998E-2</c:v>
                </c:pt>
                <c:pt idx="536">
                  <c:v>4.4999999999999998E-2</c:v>
                </c:pt>
                <c:pt idx="537">
                  <c:v>4.4999999999999998E-2</c:v>
                </c:pt>
                <c:pt idx="538">
                  <c:v>4.4999999999999998E-2</c:v>
                </c:pt>
                <c:pt idx="539">
                  <c:v>4.4999999999999998E-2</c:v>
                </c:pt>
                <c:pt idx="540">
                  <c:v>4.4999999999999998E-2</c:v>
                </c:pt>
                <c:pt idx="541">
                  <c:v>4.4999999999999998E-2</c:v>
                </c:pt>
                <c:pt idx="542">
                  <c:v>4.4999999999999998E-2</c:v>
                </c:pt>
                <c:pt idx="543">
                  <c:v>4.4999999999999998E-2</c:v>
                </c:pt>
                <c:pt idx="544">
                  <c:v>4.4999999999999998E-2</c:v>
                </c:pt>
                <c:pt idx="545">
                  <c:v>4.4999999999999998E-2</c:v>
                </c:pt>
                <c:pt idx="546">
                  <c:v>4.4999999999999998E-2</c:v>
                </c:pt>
                <c:pt idx="547">
                  <c:v>4.4999999999999998E-2</c:v>
                </c:pt>
                <c:pt idx="548">
                  <c:v>4.4999999999999998E-2</c:v>
                </c:pt>
                <c:pt idx="549">
                  <c:v>4.4999999999999998E-2</c:v>
                </c:pt>
                <c:pt idx="550">
                  <c:v>4.4999999999999998E-2</c:v>
                </c:pt>
                <c:pt idx="551">
                  <c:v>4.4999999999999998E-2</c:v>
                </c:pt>
                <c:pt idx="552">
                  <c:v>4.4999999999999998E-2</c:v>
                </c:pt>
                <c:pt idx="553">
                  <c:v>4.4999999999999998E-2</c:v>
                </c:pt>
                <c:pt idx="554">
                  <c:v>4.4999999999999998E-2</c:v>
                </c:pt>
                <c:pt idx="555">
                  <c:v>4.4999999999999998E-2</c:v>
                </c:pt>
                <c:pt idx="556">
                  <c:v>4.4999999999999998E-2</c:v>
                </c:pt>
                <c:pt idx="557">
                  <c:v>4.4999999999999998E-2</c:v>
                </c:pt>
                <c:pt idx="558">
                  <c:v>4.4999999999999998E-2</c:v>
                </c:pt>
                <c:pt idx="559">
                  <c:v>4.4999999999999998E-2</c:v>
                </c:pt>
                <c:pt idx="560">
                  <c:v>4.4999999999999998E-2</c:v>
                </c:pt>
                <c:pt idx="561">
                  <c:v>4.4999999999999998E-2</c:v>
                </c:pt>
                <c:pt idx="562">
                  <c:v>4.4999999999999998E-2</c:v>
                </c:pt>
                <c:pt idx="563">
                  <c:v>4.2500000000000003E-2</c:v>
                </c:pt>
                <c:pt idx="564">
                  <c:v>4.2500000000000003E-2</c:v>
                </c:pt>
                <c:pt idx="565">
                  <c:v>4.2500000000000003E-2</c:v>
                </c:pt>
                <c:pt idx="566">
                  <c:v>4.2500000000000003E-2</c:v>
                </c:pt>
                <c:pt idx="567">
                  <c:v>4.2500000000000003E-2</c:v>
                </c:pt>
                <c:pt idx="568">
                  <c:v>4.2500000000000003E-2</c:v>
                </c:pt>
                <c:pt idx="569">
                  <c:v>4.2500000000000003E-2</c:v>
                </c:pt>
                <c:pt idx="570">
                  <c:v>4.2500000000000003E-2</c:v>
                </c:pt>
                <c:pt idx="571">
                  <c:v>4.2500000000000003E-2</c:v>
                </c:pt>
                <c:pt idx="572">
                  <c:v>4.2500000000000003E-2</c:v>
                </c:pt>
                <c:pt idx="573">
                  <c:v>4.2500000000000003E-2</c:v>
                </c:pt>
                <c:pt idx="574">
                  <c:v>4.2500000000000003E-2</c:v>
                </c:pt>
                <c:pt idx="575">
                  <c:v>4.2500000000000003E-2</c:v>
                </c:pt>
                <c:pt idx="576">
                  <c:v>4.2500000000000003E-2</c:v>
                </c:pt>
                <c:pt idx="577">
                  <c:v>4.2500000000000003E-2</c:v>
                </c:pt>
                <c:pt idx="578">
                  <c:v>4.2500000000000003E-2</c:v>
                </c:pt>
                <c:pt idx="579">
                  <c:v>4.2500000000000003E-2</c:v>
                </c:pt>
                <c:pt idx="580">
                  <c:v>4.2500000000000003E-2</c:v>
                </c:pt>
                <c:pt idx="581">
                  <c:v>4.2500000000000003E-2</c:v>
                </c:pt>
                <c:pt idx="582">
                  <c:v>4.2500000000000003E-2</c:v>
                </c:pt>
                <c:pt idx="583">
                  <c:v>4.2500000000000003E-2</c:v>
                </c:pt>
                <c:pt idx="584">
                  <c:v>4.2500000000000003E-2</c:v>
                </c:pt>
                <c:pt idx="585">
                  <c:v>4.2500000000000003E-2</c:v>
                </c:pt>
                <c:pt idx="586">
                  <c:v>4.2500000000000003E-2</c:v>
                </c:pt>
                <c:pt idx="587">
                  <c:v>4.2500000000000003E-2</c:v>
                </c:pt>
                <c:pt idx="588">
                  <c:v>4.2500000000000003E-2</c:v>
                </c:pt>
                <c:pt idx="589">
                  <c:v>4.2500000000000003E-2</c:v>
                </c:pt>
                <c:pt idx="590">
                  <c:v>4.2500000000000003E-2</c:v>
                </c:pt>
                <c:pt idx="591">
                  <c:v>4.2500000000000003E-2</c:v>
                </c:pt>
                <c:pt idx="592">
                  <c:v>4.2500000000000003E-2</c:v>
                </c:pt>
                <c:pt idx="593">
                  <c:v>4.2500000000000003E-2</c:v>
                </c:pt>
                <c:pt idx="594">
                  <c:v>4.2500000000000003E-2</c:v>
                </c:pt>
                <c:pt idx="595">
                  <c:v>4.2500000000000003E-2</c:v>
                </c:pt>
                <c:pt idx="596">
                  <c:v>4.2500000000000003E-2</c:v>
                </c:pt>
                <c:pt idx="597">
                  <c:v>4.2500000000000003E-2</c:v>
                </c:pt>
                <c:pt idx="598">
                  <c:v>4.2500000000000003E-2</c:v>
                </c:pt>
                <c:pt idx="599">
                  <c:v>4.2500000000000003E-2</c:v>
                </c:pt>
                <c:pt idx="600">
                  <c:v>4.2500000000000003E-2</c:v>
                </c:pt>
                <c:pt idx="601">
                  <c:v>4.2500000000000003E-2</c:v>
                </c:pt>
                <c:pt idx="602">
                  <c:v>4.2500000000000003E-2</c:v>
                </c:pt>
                <c:pt idx="603">
                  <c:v>4.2500000000000003E-2</c:v>
                </c:pt>
                <c:pt idx="604">
                  <c:v>4.2500000000000003E-2</c:v>
                </c:pt>
                <c:pt idx="605">
                  <c:v>0.04</c:v>
                </c:pt>
                <c:pt idx="606">
                  <c:v>0.04</c:v>
                </c:pt>
                <c:pt idx="607">
                  <c:v>0.04</c:v>
                </c:pt>
                <c:pt idx="608">
                  <c:v>0.04</c:v>
                </c:pt>
                <c:pt idx="609">
                  <c:v>0.04</c:v>
                </c:pt>
                <c:pt idx="610">
                  <c:v>0.04</c:v>
                </c:pt>
                <c:pt idx="611">
                  <c:v>0.04</c:v>
                </c:pt>
                <c:pt idx="612">
                  <c:v>0.04</c:v>
                </c:pt>
                <c:pt idx="613">
                  <c:v>0.04</c:v>
                </c:pt>
                <c:pt idx="614">
                  <c:v>0.04</c:v>
                </c:pt>
                <c:pt idx="615">
                  <c:v>0.04</c:v>
                </c:pt>
                <c:pt idx="616">
                  <c:v>0.04</c:v>
                </c:pt>
                <c:pt idx="617">
                  <c:v>0.04</c:v>
                </c:pt>
                <c:pt idx="618">
                  <c:v>0.04</c:v>
                </c:pt>
                <c:pt idx="619">
                  <c:v>0.04</c:v>
                </c:pt>
                <c:pt idx="620">
                  <c:v>0.04</c:v>
                </c:pt>
                <c:pt idx="621">
                  <c:v>0.04</c:v>
                </c:pt>
                <c:pt idx="622">
                  <c:v>0.04</c:v>
                </c:pt>
                <c:pt idx="623">
                  <c:v>0.04</c:v>
                </c:pt>
                <c:pt idx="624">
                  <c:v>0.04</c:v>
                </c:pt>
                <c:pt idx="625">
                  <c:v>3.5000000000000003E-2</c:v>
                </c:pt>
                <c:pt idx="626">
                  <c:v>3.5000000000000003E-2</c:v>
                </c:pt>
                <c:pt idx="627">
                  <c:v>3.5000000000000003E-2</c:v>
                </c:pt>
                <c:pt idx="628">
                  <c:v>3.5000000000000003E-2</c:v>
                </c:pt>
                <c:pt idx="629">
                  <c:v>3.5000000000000003E-2</c:v>
                </c:pt>
                <c:pt idx="630">
                  <c:v>3.5000000000000003E-2</c:v>
                </c:pt>
                <c:pt idx="631">
                  <c:v>3.5000000000000003E-2</c:v>
                </c:pt>
                <c:pt idx="632">
                  <c:v>3.5000000000000003E-2</c:v>
                </c:pt>
                <c:pt idx="633">
                  <c:v>3.5000000000000003E-2</c:v>
                </c:pt>
                <c:pt idx="634">
                  <c:v>3.5000000000000003E-2</c:v>
                </c:pt>
                <c:pt idx="635">
                  <c:v>3.5000000000000003E-2</c:v>
                </c:pt>
                <c:pt idx="636">
                  <c:v>3.5000000000000003E-2</c:v>
                </c:pt>
                <c:pt idx="637">
                  <c:v>3.5000000000000003E-2</c:v>
                </c:pt>
                <c:pt idx="638">
                  <c:v>3.5000000000000003E-2</c:v>
                </c:pt>
                <c:pt idx="639">
                  <c:v>3.5000000000000003E-2</c:v>
                </c:pt>
                <c:pt idx="640">
                  <c:v>3.5000000000000003E-2</c:v>
                </c:pt>
                <c:pt idx="641">
                  <c:v>3.5000000000000003E-2</c:v>
                </c:pt>
                <c:pt idx="642">
                  <c:v>3.5000000000000003E-2</c:v>
                </c:pt>
                <c:pt idx="643">
                  <c:v>3.5000000000000003E-2</c:v>
                </c:pt>
                <c:pt idx="644">
                  <c:v>3.5000000000000003E-2</c:v>
                </c:pt>
                <c:pt idx="645">
                  <c:v>3.5000000000000003E-2</c:v>
                </c:pt>
                <c:pt idx="646">
                  <c:v>3.5000000000000003E-2</c:v>
                </c:pt>
                <c:pt idx="647">
                  <c:v>3.5000000000000003E-2</c:v>
                </c:pt>
                <c:pt idx="648">
                  <c:v>3.5000000000000003E-2</c:v>
                </c:pt>
                <c:pt idx="649">
                  <c:v>3.5000000000000003E-2</c:v>
                </c:pt>
                <c:pt idx="650">
                  <c:v>3.5000000000000003E-2</c:v>
                </c:pt>
                <c:pt idx="651">
                  <c:v>3.5000000000000003E-2</c:v>
                </c:pt>
                <c:pt idx="652">
                  <c:v>3.5000000000000003E-2</c:v>
                </c:pt>
                <c:pt idx="653">
                  <c:v>3.5000000000000003E-2</c:v>
                </c:pt>
                <c:pt idx="654">
                  <c:v>3.5000000000000003E-2</c:v>
                </c:pt>
                <c:pt idx="655">
                  <c:v>3.5000000000000003E-2</c:v>
                </c:pt>
                <c:pt idx="656">
                  <c:v>3.5000000000000003E-2</c:v>
                </c:pt>
                <c:pt idx="657">
                  <c:v>3.5000000000000003E-2</c:v>
                </c:pt>
                <c:pt idx="658">
                  <c:v>3.5000000000000003E-2</c:v>
                </c:pt>
                <c:pt idx="659">
                  <c:v>3.5000000000000003E-2</c:v>
                </c:pt>
                <c:pt idx="660">
                  <c:v>3.5000000000000003E-2</c:v>
                </c:pt>
                <c:pt idx="661">
                  <c:v>2.75E-2</c:v>
                </c:pt>
                <c:pt idx="662">
                  <c:v>2.75E-2</c:v>
                </c:pt>
                <c:pt idx="663">
                  <c:v>2.75E-2</c:v>
                </c:pt>
                <c:pt idx="664">
                  <c:v>2.75E-2</c:v>
                </c:pt>
                <c:pt idx="665">
                  <c:v>2.75E-2</c:v>
                </c:pt>
                <c:pt idx="666">
                  <c:v>2.75E-2</c:v>
                </c:pt>
                <c:pt idx="667">
                  <c:v>2.75E-2</c:v>
                </c:pt>
                <c:pt idx="668">
                  <c:v>2.75E-2</c:v>
                </c:pt>
                <c:pt idx="669">
                  <c:v>2.75E-2</c:v>
                </c:pt>
                <c:pt idx="670">
                  <c:v>2.75E-2</c:v>
                </c:pt>
                <c:pt idx="671">
                  <c:v>2.75E-2</c:v>
                </c:pt>
                <c:pt idx="672">
                  <c:v>2.75E-2</c:v>
                </c:pt>
                <c:pt idx="673">
                  <c:v>2.75E-2</c:v>
                </c:pt>
                <c:pt idx="674">
                  <c:v>2.75E-2</c:v>
                </c:pt>
                <c:pt idx="675">
                  <c:v>2.75E-2</c:v>
                </c:pt>
                <c:pt idx="676">
                  <c:v>2.75E-2</c:v>
                </c:pt>
                <c:pt idx="677">
                  <c:v>2.75E-2</c:v>
                </c:pt>
                <c:pt idx="678">
                  <c:v>2.75E-2</c:v>
                </c:pt>
                <c:pt idx="679">
                  <c:v>2.75E-2</c:v>
                </c:pt>
                <c:pt idx="680">
                  <c:v>2.75E-2</c:v>
                </c:pt>
                <c:pt idx="681">
                  <c:v>2.75E-2</c:v>
                </c:pt>
                <c:pt idx="682">
                  <c:v>2.75E-2</c:v>
                </c:pt>
                <c:pt idx="683">
                  <c:v>2.75E-2</c:v>
                </c:pt>
                <c:pt idx="684">
                  <c:v>2.75E-2</c:v>
                </c:pt>
                <c:pt idx="685">
                  <c:v>2.75E-2</c:v>
                </c:pt>
                <c:pt idx="686">
                  <c:v>2.75E-2</c:v>
                </c:pt>
                <c:pt idx="687">
                  <c:v>2.75E-2</c:v>
                </c:pt>
                <c:pt idx="688">
                  <c:v>2.75E-2</c:v>
                </c:pt>
                <c:pt idx="689">
                  <c:v>2.75E-2</c:v>
                </c:pt>
                <c:pt idx="690">
                  <c:v>2.75E-2</c:v>
                </c:pt>
                <c:pt idx="691">
                  <c:v>2.75E-2</c:v>
                </c:pt>
                <c:pt idx="692">
                  <c:v>2.75E-2</c:v>
                </c:pt>
                <c:pt idx="693">
                  <c:v>2.75E-2</c:v>
                </c:pt>
                <c:pt idx="694">
                  <c:v>2.75E-2</c:v>
                </c:pt>
                <c:pt idx="695">
                  <c:v>2.75E-2</c:v>
                </c:pt>
                <c:pt idx="696">
                  <c:v>2.2499999999999999E-2</c:v>
                </c:pt>
                <c:pt idx="697">
                  <c:v>2.2499999999999999E-2</c:v>
                </c:pt>
                <c:pt idx="698">
                  <c:v>2.2499999999999999E-2</c:v>
                </c:pt>
                <c:pt idx="699">
                  <c:v>2.2499999999999999E-2</c:v>
                </c:pt>
                <c:pt idx="700">
                  <c:v>2.2499999999999999E-2</c:v>
                </c:pt>
                <c:pt idx="701">
                  <c:v>2.2499999999999999E-2</c:v>
                </c:pt>
                <c:pt idx="702">
                  <c:v>2.2499999999999999E-2</c:v>
                </c:pt>
                <c:pt idx="703">
                  <c:v>2.2499999999999999E-2</c:v>
                </c:pt>
                <c:pt idx="704">
                  <c:v>2.2499999999999999E-2</c:v>
                </c:pt>
                <c:pt idx="705">
                  <c:v>2.2499999999999999E-2</c:v>
                </c:pt>
                <c:pt idx="706">
                  <c:v>2.2499999999999999E-2</c:v>
                </c:pt>
                <c:pt idx="707">
                  <c:v>2.2499999999999999E-2</c:v>
                </c:pt>
                <c:pt idx="708">
                  <c:v>2.2499999999999999E-2</c:v>
                </c:pt>
                <c:pt idx="709">
                  <c:v>2.2499999999999999E-2</c:v>
                </c:pt>
                <c:pt idx="710">
                  <c:v>2.2499999999999999E-2</c:v>
                </c:pt>
                <c:pt idx="711">
                  <c:v>2.2499999999999999E-2</c:v>
                </c:pt>
                <c:pt idx="712">
                  <c:v>2.2499999999999999E-2</c:v>
                </c:pt>
                <c:pt idx="713">
                  <c:v>2.2499999999999999E-2</c:v>
                </c:pt>
                <c:pt idx="714">
                  <c:v>2.2499999999999999E-2</c:v>
                </c:pt>
                <c:pt idx="715">
                  <c:v>2.2499999999999999E-2</c:v>
                </c:pt>
                <c:pt idx="716">
                  <c:v>2.2499999999999999E-2</c:v>
                </c:pt>
                <c:pt idx="717">
                  <c:v>2.2499999999999999E-2</c:v>
                </c:pt>
                <c:pt idx="718">
                  <c:v>2.2499999999999999E-2</c:v>
                </c:pt>
                <c:pt idx="719">
                  <c:v>2.2499999999999999E-2</c:v>
                </c:pt>
                <c:pt idx="720">
                  <c:v>2.2499999999999999E-2</c:v>
                </c:pt>
                <c:pt idx="721">
                  <c:v>2.2499999999999999E-2</c:v>
                </c:pt>
                <c:pt idx="722">
                  <c:v>2.2499999999999999E-2</c:v>
                </c:pt>
                <c:pt idx="723">
                  <c:v>2.2499999999999999E-2</c:v>
                </c:pt>
                <c:pt idx="724">
                  <c:v>2.2499999999999999E-2</c:v>
                </c:pt>
                <c:pt idx="725">
                  <c:v>2.2499999999999999E-2</c:v>
                </c:pt>
                <c:pt idx="726">
                  <c:v>2.2499999999999999E-2</c:v>
                </c:pt>
                <c:pt idx="727">
                  <c:v>2.2499999999999999E-2</c:v>
                </c:pt>
                <c:pt idx="728">
                  <c:v>2.2499999999999999E-2</c:v>
                </c:pt>
                <c:pt idx="729">
                  <c:v>2.2499999999999999E-2</c:v>
                </c:pt>
                <c:pt idx="730">
                  <c:v>2.2499999999999999E-2</c:v>
                </c:pt>
                <c:pt idx="731">
                  <c:v>2.2499999999999999E-2</c:v>
                </c:pt>
                <c:pt idx="732">
                  <c:v>2.2499999999999999E-2</c:v>
                </c:pt>
                <c:pt idx="733">
                  <c:v>2.2499999999999999E-2</c:v>
                </c:pt>
                <c:pt idx="734">
                  <c:v>2.2499999999999999E-2</c:v>
                </c:pt>
                <c:pt idx="735">
                  <c:v>2.2499999999999999E-2</c:v>
                </c:pt>
                <c:pt idx="736">
                  <c:v>2.2499999999999999E-2</c:v>
                </c:pt>
                <c:pt idx="737">
                  <c:v>2.2499999999999999E-2</c:v>
                </c:pt>
                <c:pt idx="738">
                  <c:v>2.2499999999999999E-2</c:v>
                </c:pt>
                <c:pt idx="739">
                  <c:v>2.2499999999999999E-2</c:v>
                </c:pt>
                <c:pt idx="740">
                  <c:v>2.2499999999999999E-2</c:v>
                </c:pt>
                <c:pt idx="741">
                  <c:v>2.2499999999999999E-2</c:v>
                </c:pt>
                <c:pt idx="742">
                  <c:v>2.2499999999999999E-2</c:v>
                </c:pt>
                <c:pt idx="743">
                  <c:v>2.2499999999999999E-2</c:v>
                </c:pt>
                <c:pt idx="744">
                  <c:v>2.2499999999999999E-2</c:v>
                </c:pt>
                <c:pt idx="745">
                  <c:v>0.02</c:v>
                </c:pt>
                <c:pt idx="746">
                  <c:v>0.02</c:v>
                </c:pt>
                <c:pt idx="747">
                  <c:v>0.02</c:v>
                </c:pt>
                <c:pt idx="748">
                  <c:v>0.02</c:v>
                </c:pt>
                <c:pt idx="749">
                  <c:v>0.02</c:v>
                </c:pt>
                <c:pt idx="750">
                  <c:v>0.02</c:v>
                </c:pt>
                <c:pt idx="751">
                  <c:v>0.02</c:v>
                </c:pt>
                <c:pt idx="752">
                  <c:v>0.02</c:v>
                </c:pt>
                <c:pt idx="753">
                  <c:v>0.02</c:v>
                </c:pt>
                <c:pt idx="754">
                  <c:v>0.02</c:v>
                </c:pt>
                <c:pt idx="755">
                  <c:v>0.02</c:v>
                </c:pt>
                <c:pt idx="756">
                  <c:v>0.02</c:v>
                </c:pt>
                <c:pt idx="757">
                  <c:v>0.02</c:v>
                </c:pt>
                <c:pt idx="758">
                  <c:v>0.02</c:v>
                </c:pt>
                <c:pt idx="759">
                  <c:v>0.02</c:v>
                </c:pt>
                <c:pt idx="760">
                  <c:v>0.02</c:v>
                </c:pt>
                <c:pt idx="761">
                  <c:v>0.02</c:v>
                </c:pt>
                <c:pt idx="762">
                  <c:v>0.02</c:v>
                </c:pt>
                <c:pt idx="763">
                  <c:v>0.02</c:v>
                </c:pt>
                <c:pt idx="764">
                  <c:v>0.02</c:v>
                </c:pt>
                <c:pt idx="765">
                  <c:v>0.02</c:v>
                </c:pt>
                <c:pt idx="766">
                  <c:v>0.02</c:v>
                </c:pt>
                <c:pt idx="767">
                  <c:v>0.02</c:v>
                </c:pt>
                <c:pt idx="768">
                  <c:v>0.02</c:v>
                </c:pt>
                <c:pt idx="769">
                  <c:v>0.02</c:v>
                </c:pt>
                <c:pt idx="770">
                  <c:v>0.02</c:v>
                </c:pt>
                <c:pt idx="771">
                  <c:v>0.02</c:v>
                </c:pt>
                <c:pt idx="772">
                  <c:v>0.02</c:v>
                </c:pt>
                <c:pt idx="773">
                  <c:v>0.02</c:v>
                </c:pt>
                <c:pt idx="774">
                  <c:v>0.02</c:v>
                </c:pt>
                <c:pt idx="775">
                  <c:v>0.02</c:v>
                </c:pt>
                <c:pt idx="776">
                  <c:v>0.02</c:v>
                </c:pt>
                <c:pt idx="777">
                  <c:v>0.02</c:v>
                </c:pt>
                <c:pt idx="778">
                  <c:v>0.02</c:v>
                </c:pt>
                <c:pt idx="779">
                  <c:v>0.02</c:v>
                </c:pt>
                <c:pt idx="780">
                  <c:v>0.02</c:v>
                </c:pt>
                <c:pt idx="781">
                  <c:v>0.02</c:v>
                </c:pt>
                <c:pt idx="782">
                  <c:v>0.02</c:v>
                </c:pt>
                <c:pt idx="783">
                  <c:v>0.02</c:v>
                </c:pt>
                <c:pt idx="784">
                  <c:v>0.02</c:v>
                </c:pt>
                <c:pt idx="785">
                  <c:v>0.02</c:v>
                </c:pt>
                <c:pt idx="786">
                  <c:v>0.02</c:v>
                </c:pt>
                <c:pt idx="787">
                  <c:v>0.02</c:v>
                </c:pt>
                <c:pt idx="788">
                  <c:v>0.02</c:v>
                </c:pt>
                <c:pt idx="789">
                  <c:v>0.02</c:v>
                </c:pt>
                <c:pt idx="790">
                  <c:v>0.02</c:v>
                </c:pt>
                <c:pt idx="791">
                  <c:v>0.02</c:v>
                </c:pt>
                <c:pt idx="792">
                  <c:v>0.02</c:v>
                </c:pt>
                <c:pt idx="793">
                  <c:v>0.02</c:v>
                </c:pt>
                <c:pt idx="794">
                  <c:v>0.02</c:v>
                </c:pt>
                <c:pt idx="795">
                  <c:v>0.02</c:v>
                </c:pt>
                <c:pt idx="796">
                  <c:v>0.02</c:v>
                </c:pt>
                <c:pt idx="797">
                  <c:v>0.02</c:v>
                </c:pt>
                <c:pt idx="798">
                  <c:v>0.02</c:v>
                </c:pt>
                <c:pt idx="799">
                  <c:v>0.02</c:v>
                </c:pt>
                <c:pt idx="800">
                  <c:v>0.02</c:v>
                </c:pt>
                <c:pt idx="801">
                  <c:v>0.02</c:v>
                </c:pt>
                <c:pt idx="802">
                  <c:v>0.02</c:v>
                </c:pt>
                <c:pt idx="803">
                  <c:v>0.02</c:v>
                </c:pt>
                <c:pt idx="804">
                  <c:v>0.02</c:v>
                </c:pt>
                <c:pt idx="805">
                  <c:v>0.02</c:v>
                </c:pt>
                <c:pt idx="806">
                  <c:v>0.02</c:v>
                </c:pt>
                <c:pt idx="807">
                  <c:v>0.02</c:v>
                </c:pt>
                <c:pt idx="808">
                  <c:v>0.02</c:v>
                </c:pt>
                <c:pt idx="809">
                  <c:v>0.02</c:v>
                </c:pt>
                <c:pt idx="810">
                  <c:v>0.02</c:v>
                </c:pt>
                <c:pt idx="811">
                  <c:v>0.02</c:v>
                </c:pt>
                <c:pt idx="812">
                  <c:v>0.02</c:v>
                </c:pt>
                <c:pt idx="813">
                  <c:v>0.02</c:v>
                </c:pt>
                <c:pt idx="814">
                  <c:v>0.02</c:v>
                </c:pt>
                <c:pt idx="815">
                  <c:v>0.02</c:v>
                </c:pt>
                <c:pt idx="816">
                  <c:v>0.02</c:v>
                </c:pt>
                <c:pt idx="817">
                  <c:v>0.02</c:v>
                </c:pt>
                <c:pt idx="818">
                  <c:v>0.02</c:v>
                </c:pt>
                <c:pt idx="819">
                  <c:v>0.02</c:v>
                </c:pt>
                <c:pt idx="820">
                  <c:v>0.02</c:v>
                </c:pt>
                <c:pt idx="821">
                  <c:v>0.02</c:v>
                </c:pt>
                <c:pt idx="822">
                  <c:v>0.02</c:v>
                </c:pt>
                <c:pt idx="823">
                  <c:v>0.02</c:v>
                </c:pt>
                <c:pt idx="824">
                  <c:v>0.02</c:v>
                </c:pt>
                <c:pt idx="825">
                  <c:v>0.02</c:v>
                </c:pt>
                <c:pt idx="826">
                  <c:v>0.02</c:v>
                </c:pt>
                <c:pt idx="827">
                  <c:v>0.02</c:v>
                </c:pt>
                <c:pt idx="828">
                  <c:v>0.02</c:v>
                </c:pt>
                <c:pt idx="829">
                  <c:v>0.02</c:v>
                </c:pt>
                <c:pt idx="830">
                  <c:v>0.02</c:v>
                </c:pt>
                <c:pt idx="831">
                  <c:v>0.02</c:v>
                </c:pt>
                <c:pt idx="832">
                  <c:v>0.02</c:v>
                </c:pt>
                <c:pt idx="833">
                  <c:v>0.02</c:v>
                </c:pt>
                <c:pt idx="834">
                  <c:v>0.02</c:v>
                </c:pt>
                <c:pt idx="835">
                  <c:v>0.02</c:v>
                </c:pt>
                <c:pt idx="836">
                  <c:v>2.2499999999999999E-2</c:v>
                </c:pt>
                <c:pt idx="837">
                  <c:v>2.2499999999999999E-2</c:v>
                </c:pt>
                <c:pt idx="838">
                  <c:v>2.2499999999999999E-2</c:v>
                </c:pt>
                <c:pt idx="839">
                  <c:v>2.2499999999999999E-2</c:v>
                </c:pt>
                <c:pt idx="840">
                  <c:v>2.2499999999999999E-2</c:v>
                </c:pt>
                <c:pt idx="841">
                  <c:v>2.2499999999999999E-2</c:v>
                </c:pt>
                <c:pt idx="842">
                  <c:v>2.2499999999999999E-2</c:v>
                </c:pt>
                <c:pt idx="843">
                  <c:v>2.2499999999999999E-2</c:v>
                </c:pt>
                <c:pt idx="844">
                  <c:v>2.2499999999999999E-2</c:v>
                </c:pt>
                <c:pt idx="845">
                  <c:v>2.2499999999999999E-2</c:v>
                </c:pt>
                <c:pt idx="846">
                  <c:v>2.2499999999999999E-2</c:v>
                </c:pt>
                <c:pt idx="847">
                  <c:v>2.2499999999999999E-2</c:v>
                </c:pt>
                <c:pt idx="848">
                  <c:v>2.2499999999999999E-2</c:v>
                </c:pt>
                <c:pt idx="849">
                  <c:v>2.2499999999999999E-2</c:v>
                </c:pt>
                <c:pt idx="850">
                  <c:v>2.2499999999999999E-2</c:v>
                </c:pt>
                <c:pt idx="851">
                  <c:v>2.2499999999999999E-2</c:v>
                </c:pt>
                <c:pt idx="852">
                  <c:v>2.2499999999999999E-2</c:v>
                </c:pt>
                <c:pt idx="853">
                  <c:v>2.2499999999999999E-2</c:v>
                </c:pt>
                <c:pt idx="854">
                  <c:v>2.2499999999999999E-2</c:v>
                </c:pt>
                <c:pt idx="855">
                  <c:v>2.2499999999999999E-2</c:v>
                </c:pt>
                <c:pt idx="856">
                  <c:v>2.2499999999999999E-2</c:v>
                </c:pt>
                <c:pt idx="857">
                  <c:v>2.2499999999999999E-2</c:v>
                </c:pt>
                <c:pt idx="858">
                  <c:v>2.2499999999999999E-2</c:v>
                </c:pt>
                <c:pt idx="859">
                  <c:v>2.2499999999999999E-2</c:v>
                </c:pt>
                <c:pt idx="860">
                  <c:v>2.2499999999999999E-2</c:v>
                </c:pt>
                <c:pt idx="861">
                  <c:v>2.2499999999999999E-2</c:v>
                </c:pt>
                <c:pt idx="862">
                  <c:v>2.2499999999999999E-2</c:v>
                </c:pt>
                <c:pt idx="863">
                  <c:v>2.2499999999999999E-2</c:v>
                </c:pt>
                <c:pt idx="864">
                  <c:v>2.2499999999999999E-2</c:v>
                </c:pt>
                <c:pt idx="865">
                  <c:v>2.2499999999999999E-2</c:v>
                </c:pt>
                <c:pt idx="866">
                  <c:v>2.2499999999999999E-2</c:v>
                </c:pt>
                <c:pt idx="867">
                  <c:v>2.2499999999999999E-2</c:v>
                </c:pt>
                <c:pt idx="868">
                  <c:v>2.2499999999999999E-2</c:v>
                </c:pt>
                <c:pt idx="869">
                  <c:v>2.2499999999999999E-2</c:v>
                </c:pt>
                <c:pt idx="870">
                  <c:v>2.2499999999999999E-2</c:v>
                </c:pt>
                <c:pt idx="871">
                  <c:v>2.2499999999999999E-2</c:v>
                </c:pt>
                <c:pt idx="872">
                  <c:v>2.2499999999999999E-2</c:v>
                </c:pt>
                <c:pt idx="873">
                  <c:v>2.2499999999999999E-2</c:v>
                </c:pt>
                <c:pt idx="874">
                  <c:v>2.2499999999999999E-2</c:v>
                </c:pt>
                <c:pt idx="875">
                  <c:v>2.2499999999999999E-2</c:v>
                </c:pt>
                <c:pt idx="876">
                  <c:v>2.2499999999999999E-2</c:v>
                </c:pt>
                <c:pt idx="877">
                  <c:v>2.2499999999999999E-2</c:v>
                </c:pt>
                <c:pt idx="878">
                  <c:v>2.2499999999999999E-2</c:v>
                </c:pt>
                <c:pt idx="879">
                  <c:v>2.2499999999999999E-2</c:v>
                </c:pt>
                <c:pt idx="880">
                  <c:v>2.2499999999999999E-2</c:v>
                </c:pt>
                <c:pt idx="881">
                  <c:v>2.2499999999999999E-2</c:v>
                </c:pt>
                <c:pt idx="882">
                  <c:v>2.2499999999999999E-2</c:v>
                </c:pt>
                <c:pt idx="883">
                  <c:v>2.2499999999999999E-2</c:v>
                </c:pt>
                <c:pt idx="884">
                  <c:v>2.2499999999999999E-2</c:v>
                </c:pt>
                <c:pt idx="885">
                  <c:v>2.5000000000000001E-2</c:v>
                </c:pt>
                <c:pt idx="886">
                  <c:v>2.5000000000000001E-2</c:v>
                </c:pt>
                <c:pt idx="887">
                  <c:v>2.5000000000000001E-2</c:v>
                </c:pt>
                <c:pt idx="888">
                  <c:v>2.5000000000000001E-2</c:v>
                </c:pt>
                <c:pt idx="889">
                  <c:v>2.5000000000000001E-2</c:v>
                </c:pt>
                <c:pt idx="890">
                  <c:v>2.5000000000000001E-2</c:v>
                </c:pt>
                <c:pt idx="891">
                  <c:v>2.5000000000000001E-2</c:v>
                </c:pt>
                <c:pt idx="892">
                  <c:v>2.5000000000000001E-2</c:v>
                </c:pt>
                <c:pt idx="893">
                  <c:v>2.5000000000000001E-2</c:v>
                </c:pt>
                <c:pt idx="894">
                  <c:v>2.5000000000000001E-2</c:v>
                </c:pt>
                <c:pt idx="895">
                  <c:v>2.5000000000000001E-2</c:v>
                </c:pt>
                <c:pt idx="896">
                  <c:v>2.5000000000000001E-2</c:v>
                </c:pt>
                <c:pt idx="897">
                  <c:v>2.5000000000000001E-2</c:v>
                </c:pt>
                <c:pt idx="898">
                  <c:v>2.5000000000000001E-2</c:v>
                </c:pt>
                <c:pt idx="899">
                  <c:v>2.5000000000000001E-2</c:v>
                </c:pt>
                <c:pt idx="900">
                  <c:v>2.5000000000000001E-2</c:v>
                </c:pt>
                <c:pt idx="901">
                  <c:v>2.5000000000000001E-2</c:v>
                </c:pt>
                <c:pt idx="902">
                  <c:v>2.5000000000000001E-2</c:v>
                </c:pt>
                <c:pt idx="903">
                  <c:v>2.5000000000000001E-2</c:v>
                </c:pt>
                <c:pt idx="904">
                  <c:v>2.5000000000000001E-2</c:v>
                </c:pt>
                <c:pt idx="905">
                  <c:v>2.5000000000000001E-2</c:v>
                </c:pt>
                <c:pt idx="906">
                  <c:v>2.5000000000000001E-2</c:v>
                </c:pt>
                <c:pt idx="907">
                  <c:v>2.5000000000000001E-2</c:v>
                </c:pt>
                <c:pt idx="908">
                  <c:v>2.5000000000000001E-2</c:v>
                </c:pt>
                <c:pt idx="909">
                  <c:v>2.5000000000000001E-2</c:v>
                </c:pt>
                <c:pt idx="910">
                  <c:v>2.5000000000000001E-2</c:v>
                </c:pt>
                <c:pt idx="911">
                  <c:v>2.5000000000000001E-2</c:v>
                </c:pt>
                <c:pt idx="912">
                  <c:v>2.5000000000000001E-2</c:v>
                </c:pt>
                <c:pt idx="913">
                  <c:v>2.5000000000000001E-2</c:v>
                </c:pt>
                <c:pt idx="914">
                  <c:v>2.5000000000000001E-2</c:v>
                </c:pt>
                <c:pt idx="915">
                  <c:v>2.5000000000000001E-2</c:v>
                </c:pt>
                <c:pt idx="916">
                  <c:v>2.5000000000000001E-2</c:v>
                </c:pt>
                <c:pt idx="917">
                  <c:v>2.5000000000000001E-2</c:v>
                </c:pt>
                <c:pt idx="918">
                  <c:v>2.5000000000000001E-2</c:v>
                </c:pt>
                <c:pt idx="919">
                  <c:v>2.5000000000000001E-2</c:v>
                </c:pt>
                <c:pt idx="920">
                  <c:v>2.5000000000000001E-2</c:v>
                </c:pt>
                <c:pt idx="921">
                  <c:v>2.5000000000000001E-2</c:v>
                </c:pt>
                <c:pt idx="922">
                  <c:v>2.5000000000000001E-2</c:v>
                </c:pt>
                <c:pt idx="923">
                  <c:v>2.5000000000000001E-2</c:v>
                </c:pt>
                <c:pt idx="924">
                  <c:v>2.5000000000000001E-2</c:v>
                </c:pt>
                <c:pt idx="925">
                  <c:v>2.5000000000000001E-2</c:v>
                </c:pt>
                <c:pt idx="926">
                  <c:v>2.5000000000000001E-2</c:v>
                </c:pt>
                <c:pt idx="927">
                  <c:v>2.75E-2</c:v>
                </c:pt>
                <c:pt idx="928">
                  <c:v>2.75E-2</c:v>
                </c:pt>
                <c:pt idx="929">
                  <c:v>2.75E-2</c:v>
                </c:pt>
                <c:pt idx="930">
                  <c:v>2.75E-2</c:v>
                </c:pt>
                <c:pt idx="931">
                  <c:v>2.75E-2</c:v>
                </c:pt>
                <c:pt idx="932">
                  <c:v>2.75E-2</c:v>
                </c:pt>
                <c:pt idx="933">
                  <c:v>2.75E-2</c:v>
                </c:pt>
                <c:pt idx="934">
                  <c:v>2.75E-2</c:v>
                </c:pt>
                <c:pt idx="935">
                  <c:v>2.75E-2</c:v>
                </c:pt>
                <c:pt idx="936">
                  <c:v>2.75E-2</c:v>
                </c:pt>
                <c:pt idx="937">
                  <c:v>2.75E-2</c:v>
                </c:pt>
                <c:pt idx="938">
                  <c:v>2.75E-2</c:v>
                </c:pt>
                <c:pt idx="939">
                  <c:v>2.75E-2</c:v>
                </c:pt>
                <c:pt idx="940">
                  <c:v>2.75E-2</c:v>
                </c:pt>
                <c:pt idx="941">
                  <c:v>2.75E-2</c:v>
                </c:pt>
                <c:pt idx="942">
                  <c:v>2.75E-2</c:v>
                </c:pt>
                <c:pt idx="943">
                  <c:v>2.75E-2</c:v>
                </c:pt>
                <c:pt idx="944">
                  <c:v>2.75E-2</c:v>
                </c:pt>
                <c:pt idx="945">
                  <c:v>2.75E-2</c:v>
                </c:pt>
                <c:pt idx="946">
                  <c:v>2.75E-2</c:v>
                </c:pt>
                <c:pt idx="947">
                  <c:v>2.75E-2</c:v>
                </c:pt>
                <c:pt idx="948">
                  <c:v>2.75E-2</c:v>
                </c:pt>
                <c:pt idx="949">
                  <c:v>2.75E-2</c:v>
                </c:pt>
                <c:pt idx="950">
                  <c:v>2.75E-2</c:v>
                </c:pt>
                <c:pt idx="951">
                  <c:v>2.75E-2</c:v>
                </c:pt>
                <c:pt idx="952">
                  <c:v>2.75E-2</c:v>
                </c:pt>
                <c:pt idx="953">
                  <c:v>2.75E-2</c:v>
                </c:pt>
                <c:pt idx="954">
                  <c:v>2.75E-2</c:v>
                </c:pt>
                <c:pt idx="955">
                  <c:v>2.75E-2</c:v>
                </c:pt>
                <c:pt idx="956">
                  <c:v>2.75E-2</c:v>
                </c:pt>
                <c:pt idx="957">
                  <c:v>2.75E-2</c:v>
                </c:pt>
                <c:pt idx="958">
                  <c:v>2.75E-2</c:v>
                </c:pt>
                <c:pt idx="959">
                  <c:v>2.75E-2</c:v>
                </c:pt>
                <c:pt idx="960">
                  <c:v>2.75E-2</c:v>
                </c:pt>
                <c:pt idx="961">
                  <c:v>2.75E-2</c:v>
                </c:pt>
                <c:pt idx="962">
                  <c:v>2.75E-2</c:v>
                </c:pt>
                <c:pt idx="963">
                  <c:v>2.75E-2</c:v>
                </c:pt>
                <c:pt idx="964">
                  <c:v>2.75E-2</c:v>
                </c:pt>
                <c:pt idx="965">
                  <c:v>2.75E-2</c:v>
                </c:pt>
                <c:pt idx="966">
                  <c:v>2.75E-2</c:v>
                </c:pt>
                <c:pt idx="967">
                  <c:v>2.75E-2</c:v>
                </c:pt>
                <c:pt idx="968">
                  <c:v>2.75E-2</c:v>
                </c:pt>
                <c:pt idx="969">
                  <c:v>2.75E-2</c:v>
                </c:pt>
                <c:pt idx="970">
                  <c:v>2.75E-2</c:v>
                </c:pt>
                <c:pt idx="971">
                  <c:v>2.75E-2</c:v>
                </c:pt>
                <c:pt idx="972">
                  <c:v>2.75E-2</c:v>
                </c:pt>
                <c:pt idx="973">
                  <c:v>2.75E-2</c:v>
                </c:pt>
                <c:pt idx="974">
                  <c:v>2.75E-2</c:v>
                </c:pt>
                <c:pt idx="975">
                  <c:v>2.75E-2</c:v>
                </c:pt>
                <c:pt idx="976">
                  <c:v>2.75E-2</c:v>
                </c:pt>
                <c:pt idx="977">
                  <c:v>2.75E-2</c:v>
                </c:pt>
                <c:pt idx="978">
                  <c:v>2.75E-2</c:v>
                </c:pt>
                <c:pt idx="979">
                  <c:v>2.75E-2</c:v>
                </c:pt>
                <c:pt idx="980">
                  <c:v>2.75E-2</c:v>
                </c:pt>
                <c:pt idx="981">
                  <c:v>2.75E-2</c:v>
                </c:pt>
                <c:pt idx="982">
                  <c:v>2.75E-2</c:v>
                </c:pt>
                <c:pt idx="983">
                  <c:v>2.75E-2</c:v>
                </c:pt>
                <c:pt idx="984">
                  <c:v>2.75E-2</c:v>
                </c:pt>
                <c:pt idx="985">
                  <c:v>2.75E-2</c:v>
                </c:pt>
                <c:pt idx="986">
                  <c:v>2.75E-2</c:v>
                </c:pt>
                <c:pt idx="987">
                  <c:v>2.75E-2</c:v>
                </c:pt>
                <c:pt idx="988">
                  <c:v>2.75E-2</c:v>
                </c:pt>
                <c:pt idx="989">
                  <c:v>2.75E-2</c:v>
                </c:pt>
                <c:pt idx="990">
                  <c:v>2.75E-2</c:v>
                </c:pt>
                <c:pt idx="991">
                  <c:v>2.75E-2</c:v>
                </c:pt>
                <c:pt idx="992">
                  <c:v>2.75E-2</c:v>
                </c:pt>
                <c:pt idx="993">
                  <c:v>2.75E-2</c:v>
                </c:pt>
                <c:pt idx="994">
                  <c:v>2.75E-2</c:v>
                </c:pt>
                <c:pt idx="995">
                  <c:v>2.75E-2</c:v>
                </c:pt>
                <c:pt idx="996">
                  <c:v>2.75E-2</c:v>
                </c:pt>
                <c:pt idx="997">
                  <c:v>2.75E-2</c:v>
                </c:pt>
                <c:pt idx="998">
                  <c:v>2.75E-2</c:v>
                </c:pt>
                <c:pt idx="999">
                  <c:v>2.75E-2</c:v>
                </c:pt>
                <c:pt idx="1000">
                  <c:v>2.75E-2</c:v>
                </c:pt>
                <c:pt idx="1001">
                  <c:v>2.75E-2</c:v>
                </c:pt>
                <c:pt idx="1002">
                  <c:v>2.75E-2</c:v>
                </c:pt>
                <c:pt idx="1003">
                  <c:v>2.75E-2</c:v>
                </c:pt>
                <c:pt idx="1004">
                  <c:v>2.75E-2</c:v>
                </c:pt>
                <c:pt idx="1005">
                  <c:v>2.75E-2</c:v>
                </c:pt>
                <c:pt idx="1006">
                  <c:v>2.75E-2</c:v>
                </c:pt>
                <c:pt idx="1007">
                  <c:v>2.75E-2</c:v>
                </c:pt>
                <c:pt idx="1008">
                  <c:v>2.75E-2</c:v>
                </c:pt>
                <c:pt idx="1009">
                  <c:v>2.75E-2</c:v>
                </c:pt>
                <c:pt idx="1010">
                  <c:v>2.75E-2</c:v>
                </c:pt>
                <c:pt idx="1011">
                  <c:v>2.75E-2</c:v>
                </c:pt>
                <c:pt idx="1012">
                  <c:v>2.75E-2</c:v>
                </c:pt>
                <c:pt idx="1013">
                  <c:v>2.75E-2</c:v>
                </c:pt>
                <c:pt idx="1014">
                  <c:v>2.75E-2</c:v>
                </c:pt>
                <c:pt idx="1015">
                  <c:v>2.75E-2</c:v>
                </c:pt>
                <c:pt idx="1016">
                  <c:v>2.75E-2</c:v>
                </c:pt>
                <c:pt idx="1017">
                  <c:v>2.75E-2</c:v>
                </c:pt>
                <c:pt idx="1018">
                  <c:v>2.75E-2</c:v>
                </c:pt>
                <c:pt idx="1019">
                  <c:v>2.75E-2</c:v>
                </c:pt>
                <c:pt idx="1020">
                  <c:v>2.75E-2</c:v>
                </c:pt>
                <c:pt idx="1021">
                  <c:v>2.75E-2</c:v>
                </c:pt>
                <c:pt idx="1022">
                  <c:v>2.75E-2</c:v>
                </c:pt>
                <c:pt idx="1023">
                  <c:v>2.75E-2</c:v>
                </c:pt>
                <c:pt idx="1024">
                  <c:v>2.75E-2</c:v>
                </c:pt>
                <c:pt idx="1025">
                  <c:v>2.75E-2</c:v>
                </c:pt>
                <c:pt idx="1026">
                  <c:v>2.75E-2</c:v>
                </c:pt>
                <c:pt idx="1027">
                  <c:v>2.75E-2</c:v>
                </c:pt>
                <c:pt idx="1028">
                  <c:v>2.75E-2</c:v>
                </c:pt>
                <c:pt idx="1029">
                  <c:v>2.75E-2</c:v>
                </c:pt>
                <c:pt idx="1030">
                  <c:v>2.75E-2</c:v>
                </c:pt>
                <c:pt idx="1031">
                  <c:v>2.75E-2</c:v>
                </c:pt>
                <c:pt idx="1032">
                  <c:v>2.75E-2</c:v>
                </c:pt>
                <c:pt idx="1033">
                  <c:v>2.75E-2</c:v>
                </c:pt>
                <c:pt idx="1034">
                  <c:v>2.75E-2</c:v>
                </c:pt>
                <c:pt idx="1035">
                  <c:v>2.75E-2</c:v>
                </c:pt>
                <c:pt idx="1036">
                  <c:v>2.75E-2</c:v>
                </c:pt>
                <c:pt idx="1037">
                  <c:v>2.75E-2</c:v>
                </c:pt>
                <c:pt idx="1038">
                  <c:v>2.75E-2</c:v>
                </c:pt>
                <c:pt idx="1039">
                  <c:v>2.75E-2</c:v>
                </c:pt>
                <c:pt idx="1040">
                  <c:v>2.75E-2</c:v>
                </c:pt>
                <c:pt idx="1041">
                  <c:v>2.75E-2</c:v>
                </c:pt>
                <c:pt idx="1042">
                  <c:v>2.75E-2</c:v>
                </c:pt>
                <c:pt idx="1043">
                  <c:v>2.75E-2</c:v>
                </c:pt>
                <c:pt idx="1044">
                  <c:v>2.75E-2</c:v>
                </c:pt>
                <c:pt idx="1045">
                  <c:v>2.75E-2</c:v>
                </c:pt>
                <c:pt idx="1046">
                  <c:v>2.75E-2</c:v>
                </c:pt>
                <c:pt idx="1047">
                  <c:v>2.75E-2</c:v>
                </c:pt>
                <c:pt idx="1048">
                  <c:v>2.75E-2</c:v>
                </c:pt>
                <c:pt idx="1049">
                  <c:v>2.75E-2</c:v>
                </c:pt>
                <c:pt idx="1050">
                  <c:v>2.75E-2</c:v>
                </c:pt>
                <c:pt idx="1051">
                  <c:v>2.75E-2</c:v>
                </c:pt>
                <c:pt idx="1052">
                  <c:v>2.75E-2</c:v>
                </c:pt>
                <c:pt idx="1053">
                  <c:v>2.75E-2</c:v>
                </c:pt>
                <c:pt idx="1054">
                  <c:v>2.75E-2</c:v>
                </c:pt>
                <c:pt idx="1055">
                  <c:v>2.75E-2</c:v>
                </c:pt>
                <c:pt idx="1056">
                  <c:v>2.75E-2</c:v>
                </c:pt>
                <c:pt idx="1057">
                  <c:v>2.75E-2</c:v>
                </c:pt>
                <c:pt idx="1058">
                  <c:v>2.75E-2</c:v>
                </c:pt>
                <c:pt idx="1059">
                  <c:v>2.75E-2</c:v>
                </c:pt>
                <c:pt idx="1060">
                  <c:v>2.75E-2</c:v>
                </c:pt>
                <c:pt idx="1061">
                  <c:v>2.75E-2</c:v>
                </c:pt>
                <c:pt idx="1062">
                  <c:v>2.75E-2</c:v>
                </c:pt>
                <c:pt idx="1063">
                  <c:v>2.75E-2</c:v>
                </c:pt>
                <c:pt idx="1064">
                  <c:v>2.75E-2</c:v>
                </c:pt>
                <c:pt idx="1065">
                  <c:v>2.75E-2</c:v>
                </c:pt>
                <c:pt idx="1066">
                  <c:v>2.75E-2</c:v>
                </c:pt>
                <c:pt idx="1067">
                  <c:v>2.75E-2</c:v>
                </c:pt>
                <c:pt idx="1068">
                  <c:v>2.75E-2</c:v>
                </c:pt>
                <c:pt idx="1069">
                  <c:v>2.75E-2</c:v>
                </c:pt>
                <c:pt idx="1070">
                  <c:v>2.75E-2</c:v>
                </c:pt>
                <c:pt idx="1071">
                  <c:v>2.75E-2</c:v>
                </c:pt>
                <c:pt idx="1072">
                  <c:v>2.75E-2</c:v>
                </c:pt>
                <c:pt idx="1073">
                  <c:v>2.75E-2</c:v>
                </c:pt>
                <c:pt idx="1074">
                  <c:v>2.75E-2</c:v>
                </c:pt>
                <c:pt idx="1075">
                  <c:v>2.75E-2</c:v>
                </c:pt>
                <c:pt idx="1076">
                  <c:v>2.75E-2</c:v>
                </c:pt>
                <c:pt idx="1077">
                  <c:v>2.75E-2</c:v>
                </c:pt>
                <c:pt idx="1078">
                  <c:v>2.75E-2</c:v>
                </c:pt>
                <c:pt idx="1079">
                  <c:v>2.75E-2</c:v>
                </c:pt>
                <c:pt idx="1080">
                  <c:v>2.75E-2</c:v>
                </c:pt>
                <c:pt idx="1081">
                  <c:v>2.75E-2</c:v>
                </c:pt>
                <c:pt idx="1082">
                  <c:v>2.75E-2</c:v>
                </c:pt>
                <c:pt idx="1083">
                  <c:v>2.75E-2</c:v>
                </c:pt>
                <c:pt idx="1084">
                  <c:v>2.75E-2</c:v>
                </c:pt>
                <c:pt idx="1085">
                  <c:v>2.75E-2</c:v>
                </c:pt>
                <c:pt idx="1086">
                  <c:v>2.75E-2</c:v>
                </c:pt>
                <c:pt idx="1087">
                  <c:v>2.75E-2</c:v>
                </c:pt>
                <c:pt idx="1088">
                  <c:v>2.75E-2</c:v>
                </c:pt>
                <c:pt idx="1089">
                  <c:v>2.75E-2</c:v>
                </c:pt>
                <c:pt idx="1090">
                  <c:v>2.75E-2</c:v>
                </c:pt>
                <c:pt idx="1091">
                  <c:v>2.75E-2</c:v>
                </c:pt>
                <c:pt idx="1092">
                  <c:v>2.75E-2</c:v>
                </c:pt>
                <c:pt idx="1093">
                  <c:v>2.75E-2</c:v>
                </c:pt>
                <c:pt idx="1094">
                  <c:v>2.75E-2</c:v>
                </c:pt>
                <c:pt idx="1095">
                  <c:v>2.75E-2</c:v>
                </c:pt>
                <c:pt idx="1096">
                  <c:v>2.75E-2</c:v>
                </c:pt>
                <c:pt idx="1097">
                  <c:v>2.75E-2</c:v>
                </c:pt>
                <c:pt idx="1098">
                  <c:v>2.75E-2</c:v>
                </c:pt>
                <c:pt idx="1099">
                  <c:v>2.75E-2</c:v>
                </c:pt>
                <c:pt idx="1100">
                  <c:v>2.75E-2</c:v>
                </c:pt>
                <c:pt idx="1101">
                  <c:v>2.75E-2</c:v>
                </c:pt>
                <c:pt idx="1102">
                  <c:v>2.75E-2</c:v>
                </c:pt>
                <c:pt idx="1103">
                  <c:v>2.75E-2</c:v>
                </c:pt>
                <c:pt idx="1104">
                  <c:v>2.75E-2</c:v>
                </c:pt>
                <c:pt idx="1105">
                  <c:v>2.75E-2</c:v>
                </c:pt>
                <c:pt idx="1106">
                  <c:v>2.75E-2</c:v>
                </c:pt>
                <c:pt idx="1107">
                  <c:v>2.75E-2</c:v>
                </c:pt>
                <c:pt idx="1108">
                  <c:v>2.75E-2</c:v>
                </c:pt>
                <c:pt idx="1109">
                  <c:v>2.75E-2</c:v>
                </c:pt>
                <c:pt idx="1110">
                  <c:v>2.75E-2</c:v>
                </c:pt>
                <c:pt idx="1111">
                  <c:v>2.75E-2</c:v>
                </c:pt>
                <c:pt idx="1112">
                  <c:v>2.75E-2</c:v>
                </c:pt>
                <c:pt idx="1113">
                  <c:v>2.75E-2</c:v>
                </c:pt>
                <c:pt idx="1114">
                  <c:v>2.75E-2</c:v>
                </c:pt>
                <c:pt idx="1115">
                  <c:v>2.75E-2</c:v>
                </c:pt>
                <c:pt idx="1116">
                  <c:v>2.75E-2</c:v>
                </c:pt>
                <c:pt idx="1117">
                  <c:v>2.75E-2</c:v>
                </c:pt>
                <c:pt idx="1118">
                  <c:v>2.75E-2</c:v>
                </c:pt>
                <c:pt idx="1119">
                  <c:v>2.75E-2</c:v>
                </c:pt>
                <c:pt idx="1120">
                  <c:v>2.75E-2</c:v>
                </c:pt>
                <c:pt idx="1121">
                  <c:v>2.75E-2</c:v>
                </c:pt>
                <c:pt idx="1122">
                  <c:v>2.75E-2</c:v>
                </c:pt>
                <c:pt idx="1123">
                  <c:v>2.75E-2</c:v>
                </c:pt>
                <c:pt idx="1124">
                  <c:v>2.75E-2</c:v>
                </c:pt>
                <c:pt idx="1125">
                  <c:v>2.75E-2</c:v>
                </c:pt>
                <c:pt idx="1126">
                  <c:v>2.75E-2</c:v>
                </c:pt>
                <c:pt idx="1127">
                  <c:v>2.75E-2</c:v>
                </c:pt>
                <c:pt idx="1128">
                  <c:v>2.75E-2</c:v>
                </c:pt>
                <c:pt idx="1129">
                  <c:v>2.75E-2</c:v>
                </c:pt>
                <c:pt idx="1130">
                  <c:v>2.75E-2</c:v>
                </c:pt>
                <c:pt idx="1131">
                  <c:v>2.75E-2</c:v>
                </c:pt>
                <c:pt idx="1132">
                  <c:v>2.75E-2</c:v>
                </c:pt>
                <c:pt idx="1133">
                  <c:v>2.75E-2</c:v>
                </c:pt>
                <c:pt idx="1134">
                  <c:v>2.75E-2</c:v>
                </c:pt>
                <c:pt idx="1135">
                  <c:v>2.75E-2</c:v>
                </c:pt>
                <c:pt idx="1136">
                  <c:v>2.75E-2</c:v>
                </c:pt>
                <c:pt idx="1137">
                  <c:v>2.75E-2</c:v>
                </c:pt>
                <c:pt idx="1138">
                  <c:v>2.75E-2</c:v>
                </c:pt>
                <c:pt idx="1139">
                  <c:v>2.75E-2</c:v>
                </c:pt>
                <c:pt idx="1140">
                  <c:v>2.75E-2</c:v>
                </c:pt>
                <c:pt idx="1141">
                  <c:v>2.75E-2</c:v>
                </c:pt>
                <c:pt idx="1142">
                  <c:v>2.75E-2</c:v>
                </c:pt>
                <c:pt idx="1143">
                  <c:v>2.75E-2</c:v>
                </c:pt>
                <c:pt idx="1144">
                  <c:v>2.75E-2</c:v>
                </c:pt>
                <c:pt idx="1145">
                  <c:v>2.75E-2</c:v>
                </c:pt>
                <c:pt idx="1146">
                  <c:v>2.75E-2</c:v>
                </c:pt>
                <c:pt idx="1147">
                  <c:v>2.75E-2</c:v>
                </c:pt>
                <c:pt idx="1148">
                  <c:v>2.75E-2</c:v>
                </c:pt>
                <c:pt idx="1149">
                  <c:v>2.75E-2</c:v>
                </c:pt>
                <c:pt idx="1150">
                  <c:v>2.75E-2</c:v>
                </c:pt>
                <c:pt idx="1151">
                  <c:v>2.75E-2</c:v>
                </c:pt>
                <c:pt idx="1152">
                  <c:v>2.75E-2</c:v>
                </c:pt>
                <c:pt idx="1153">
                  <c:v>2.75E-2</c:v>
                </c:pt>
                <c:pt idx="1154">
                  <c:v>2.75E-2</c:v>
                </c:pt>
                <c:pt idx="1155">
                  <c:v>2.75E-2</c:v>
                </c:pt>
                <c:pt idx="1156">
                  <c:v>2.75E-2</c:v>
                </c:pt>
                <c:pt idx="1157">
                  <c:v>2.75E-2</c:v>
                </c:pt>
                <c:pt idx="1158">
                  <c:v>0.03</c:v>
                </c:pt>
                <c:pt idx="1159">
                  <c:v>0.03</c:v>
                </c:pt>
                <c:pt idx="1160">
                  <c:v>0.03</c:v>
                </c:pt>
                <c:pt idx="1161">
                  <c:v>0.03</c:v>
                </c:pt>
                <c:pt idx="1162">
                  <c:v>0.03</c:v>
                </c:pt>
                <c:pt idx="1163">
                  <c:v>0.03</c:v>
                </c:pt>
                <c:pt idx="1164">
                  <c:v>0.03</c:v>
                </c:pt>
                <c:pt idx="1165">
                  <c:v>0.03</c:v>
                </c:pt>
                <c:pt idx="1166">
                  <c:v>0.03</c:v>
                </c:pt>
                <c:pt idx="1167">
                  <c:v>0.03</c:v>
                </c:pt>
                <c:pt idx="1168">
                  <c:v>0.03</c:v>
                </c:pt>
                <c:pt idx="1169">
                  <c:v>0.03</c:v>
                </c:pt>
                <c:pt idx="1170">
                  <c:v>0.03</c:v>
                </c:pt>
                <c:pt idx="1171">
                  <c:v>0.03</c:v>
                </c:pt>
                <c:pt idx="1172">
                  <c:v>0.03</c:v>
                </c:pt>
                <c:pt idx="1173">
                  <c:v>0.03</c:v>
                </c:pt>
                <c:pt idx="1174">
                  <c:v>0.03</c:v>
                </c:pt>
                <c:pt idx="1175">
                  <c:v>0.03</c:v>
                </c:pt>
                <c:pt idx="1176">
                  <c:v>0.03</c:v>
                </c:pt>
                <c:pt idx="1177">
                  <c:v>0.03</c:v>
                </c:pt>
                <c:pt idx="1178">
                  <c:v>0.03</c:v>
                </c:pt>
                <c:pt idx="1179">
                  <c:v>0.03</c:v>
                </c:pt>
                <c:pt idx="1180">
                  <c:v>0.03</c:v>
                </c:pt>
                <c:pt idx="1181">
                  <c:v>0.03</c:v>
                </c:pt>
                <c:pt idx="1182">
                  <c:v>0.03</c:v>
                </c:pt>
                <c:pt idx="1183">
                  <c:v>0.03</c:v>
                </c:pt>
                <c:pt idx="1184">
                  <c:v>0.03</c:v>
                </c:pt>
                <c:pt idx="1185">
                  <c:v>0.03</c:v>
                </c:pt>
                <c:pt idx="1186">
                  <c:v>0.03</c:v>
                </c:pt>
                <c:pt idx="1187">
                  <c:v>0.03</c:v>
                </c:pt>
                <c:pt idx="1188">
                  <c:v>0.03</c:v>
                </c:pt>
                <c:pt idx="1189">
                  <c:v>0.03</c:v>
                </c:pt>
                <c:pt idx="1190">
                  <c:v>0.03</c:v>
                </c:pt>
                <c:pt idx="1191">
                  <c:v>0.03</c:v>
                </c:pt>
                <c:pt idx="1192">
                  <c:v>0.03</c:v>
                </c:pt>
                <c:pt idx="1193">
                  <c:v>0.03</c:v>
                </c:pt>
                <c:pt idx="1194">
                  <c:v>0.03</c:v>
                </c:pt>
                <c:pt idx="1195">
                  <c:v>0.03</c:v>
                </c:pt>
                <c:pt idx="1196">
                  <c:v>0.03</c:v>
                </c:pt>
                <c:pt idx="1197">
                  <c:v>0.03</c:v>
                </c:pt>
                <c:pt idx="1198">
                  <c:v>0.03</c:v>
                </c:pt>
                <c:pt idx="1199">
                  <c:v>0.03</c:v>
                </c:pt>
                <c:pt idx="1200">
                  <c:v>3.2500000000000001E-2</c:v>
                </c:pt>
                <c:pt idx="1201">
                  <c:v>3.2500000000000001E-2</c:v>
                </c:pt>
                <c:pt idx="1202">
                  <c:v>3.2500000000000001E-2</c:v>
                </c:pt>
                <c:pt idx="1203">
                  <c:v>3.2500000000000001E-2</c:v>
                </c:pt>
                <c:pt idx="1204">
                  <c:v>3.2500000000000001E-2</c:v>
                </c:pt>
                <c:pt idx="1205">
                  <c:v>3.2500000000000001E-2</c:v>
                </c:pt>
                <c:pt idx="1206">
                  <c:v>3.2500000000000001E-2</c:v>
                </c:pt>
                <c:pt idx="1207">
                  <c:v>3.2500000000000001E-2</c:v>
                </c:pt>
                <c:pt idx="1208">
                  <c:v>3.2500000000000001E-2</c:v>
                </c:pt>
                <c:pt idx="1209">
                  <c:v>3.2500000000000001E-2</c:v>
                </c:pt>
                <c:pt idx="1210">
                  <c:v>3.2500000000000001E-2</c:v>
                </c:pt>
                <c:pt idx="1211">
                  <c:v>3.2500000000000001E-2</c:v>
                </c:pt>
                <c:pt idx="1212">
                  <c:v>3.2500000000000001E-2</c:v>
                </c:pt>
                <c:pt idx="1213">
                  <c:v>3.2500000000000001E-2</c:v>
                </c:pt>
                <c:pt idx="1214">
                  <c:v>3.2500000000000001E-2</c:v>
                </c:pt>
                <c:pt idx="1215">
                  <c:v>3.2500000000000001E-2</c:v>
                </c:pt>
                <c:pt idx="1216">
                  <c:v>3.2500000000000001E-2</c:v>
                </c:pt>
                <c:pt idx="1217">
                  <c:v>3.2500000000000001E-2</c:v>
                </c:pt>
                <c:pt idx="1218">
                  <c:v>3.2500000000000001E-2</c:v>
                </c:pt>
                <c:pt idx="1219">
                  <c:v>3.2500000000000001E-2</c:v>
                </c:pt>
                <c:pt idx="1220">
                  <c:v>3.2500000000000001E-2</c:v>
                </c:pt>
                <c:pt idx="1221">
                  <c:v>3.2500000000000001E-2</c:v>
                </c:pt>
                <c:pt idx="1222">
                  <c:v>3.2500000000000001E-2</c:v>
                </c:pt>
                <c:pt idx="1223">
                  <c:v>3.2500000000000001E-2</c:v>
                </c:pt>
                <c:pt idx="1224">
                  <c:v>3.2500000000000001E-2</c:v>
                </c:pt>
                <c:pt idx="1225">
                  <c:v>3.2500000000000001E-2</c:v>
                </c:pt>
                <c:pt idx="1226">
                  <c:v>3.2500000000000001E-2</c:v>
                </c:pt>
                <c:pt idx="1227">
                  <c:v>3.2500000000000001E-2</c:v>
                </c:pt>
                <c:pt idx="1228">
                  <c:v>3.2500000000000001E-2</c:v>
                </c:pt>
                <c:pt idx="1229">
                  <c:v>3.2500000000000001E-2</c:v>
                </c:pt>
                <c:pt idx="1230">
                  <c:v>3.2500000000000001E-2</c:v>
                </c:pt>
                <c:pt idx="1231">
                  <c:v>3.2500000000000001E-2</c:v>
                </c:pt>
                <c:pt idx="1232">
                  <c:v>3.2500000000000001E-2</c:v>
                </c:pt>
                <c:pt idx="1233">
                  <c:v>3.2500000000000001E-2</c:v>
                </c:pt>
                <c:pt idx="1234">
                  <c:v>3.2500000000000001E-2</c:v>
                </c:pt>
                <c:pt idx="1235">
                  <c:v>3.2500000000000001E-2</c:v>
                </c:pt>
                <c:pt idx="1236">
                  <c:v>3.2500000000000001E-2</c:v>
                </c:pt>
                <c:pt idx="1237">
                  <c:v>3.2500000000000001E-2</c:v>
                </c:pt>
                <c:pt idx="1238">
                  <c:v>3.2500000000000001E-2</c:v>
                </c:pt>
                <c:pt idx="1239">
                  <c:v>3.2500000000000001E-2</c:v>
                </c:pt>
                <c:pt idx="1240">
                  <c:v>3.2500000000000001E-2</c:v>
                </c:pt>
                <c:pt idx="1241">
                  <c:v>3.2500000000000001E-2</c:v>
                </c:pt>
                <c:pt idx="1242">
                  <c:v>3.2500000000000001E-2</c:v>
                </c:pt>
                <c:pt idx="1243">
                  <c:v>3.2500000000000001E-2</c:v>
                </c:pt>
                <c:pt idx="1244">
                  <c:v>3.2500000000000001E-2</c:v>
                </c:pt>
                <c:pt idx="1245">
                  <c:v>3.2500000000000001E-2</c:v>
                </c:pt>
                <c:pt idx="1246">
                  <c:v>3.2500000000000001E-2</c:v>
                </c:pt>
                <c:pt idx="1247">
                  <c:v>3.2500000000000001E-2</c:v>
                </c:pt>
                <c:pt idx="1248">
                  <c:v>3.2500000000000001E-2</c:v>
                </c:pt>
                <c:pt idx="1249">
                  <c:v>3.2500000000000001E-2</c:v>
                </c:pt>
                <c:pt idx="1250">
                  <c:v>3.2500000000000001E-2</c:v>
                </c:pt>
                <c:pt idx="1251">
                  <c:v>3.2500000000000001E-2</c:v>
                </c:pt>
                <c:pt idx="1252">
                  <c:v>3.2500000000000001E-2</c:v>
                </c:pt>
                <c:pt idx="1253">
                  <c:v>3.2500000000000001E-2</c:v>
                </c:pt>
                <c:pt idx="1254">
                  <c:v>3.2500000000000001E-2</c:v>
                </c:pt>
                <c:pt idx="1255">
                  <c:v>3.2500000000000001E-2</c:v>
                </c:pt>
                <c:pt idx="1256">
                  <c:v>3.2500000000000001E-2</c:v>
                </c:pt>
                <c:pt idx="1257">
                  <c:v>3.2500000000000001E-2</c:v>
                </c:pt>
                <c:pt idx="1258">
                  <c:v>3.2500000000000001E-2</c:v>
                </c:pt>
                <c:pt idx="1259">
                  <c:v>3.2500000000000001E-2</c:v>
                </c:pt>
                <c:pt idx="1260">
                  <c:v>3.2500000000000001E-2</c:v>
                </c:pt>
                <c:pt idx="1261">
                  <c:v>3.2500000000000001E-2</c:v>
                </c:pt>
                <c:pt idx="1262">
                  <c:v>3.2500000000000001E-2</c:v>
                </c:pt>
                <c:pt idx="1263">
                  <c:v>3.2500000000000001E-2</c:v>
                </c:pt>
                <c:pt idx="1264">
                  <c:v>3.2500000000000001E-2</c:v>
                </c:pt>
                <c:pt idx="1265">
                  <c:v>3.2500000000000001E-2</c:v>
                </c:pt>
                <c:pt idx="1266">
                  <c:v>3.2500000000000001E-2</c:v>
                </c:pt>
                <c:pt idx="1267">
                  <c:v>3.2500000000000001E-2</c:v>
                </c:pt>
                <c:pt idx="1268">
                  <c:v>3.2500000000000001E-2</c:v>
                </c:pt>
                <c:pt idx="1269">
                  <c:v>3.2500000000000001E-2</c:v>
                </c:pt>
                <c:pt idx="1270">
                  <c:v>3.2500000000000001E-2</c:v>
                </c:pt>
                <c:pt idx="1271">
                  <c:v>3.2500000000000001E-2</c:v>
                </c:pt>
                <c:pt idx="1272">
                  <c:v>3.2500000000000001E-2</c:v>
                </c:pt>
                <c:pt idx="1273">
                  <c:v>3.2500000000000001E-2</c:v>
                </c:pt>
                <c:pt idx="1274">
                  <c:v>3.2500000000000001E-2</c:v>
                </c:pt>
                <c:pt idx="1275">
                  <c:v>3.2500000000000001E-2</c:v>
                </c:pt>
                <c:pt idx="1276">
                  <c:v>3.2500000000000001E-2</c:v>
                </c:pt>
                <c:pt idx="1277">
                  <c:v>3.2500000000000001E-2</c:v>
                </c:pt>
                <c:pt idx="1278">
                  <c:v>3.2500000000000001E-2</c:v>
                </c:pt>
                <c:pt idx="1279">
                  <c:v>3.2500000000000001E-2</c:v>
                </c:pt>
                <c:pt idx="1280">
                  <c:v>3.2500000000000001E-2</c:v>
                </c:pt>
                <c:pt idx="1281">
                  <c:v>3.2500000000000001E-2</c:v>
                </c:pt>
                <c:pt idx="1282">
                  <c:v>3.2500000000000001E-2</c:v>
                </c:pt>
                <c:pt idx="1283">
                  <c:v>3.2500000000000001E-2</c:v>
                </c:pt>
                <c:pt idx="1284">
                  <c:v>3.2500000000000001E-2</c:v>
                </c:pt>
                <c:pt idx="1285">
                  <c:v>3.2500000000000001E-2</c:v>
                </c:pt>
                <c:pt idx="1286">
                  <c:v>3.2500000000000001E-2</c:v>
                </c:pt>
                <c:pt idx="1287">
                  <c:v>3.2500000000000001E-2</c:v>
                </c:pt>
                <c:pt idx="1288">
                  <c:v>3.2500000000000001E-2</c:v>
                </c:pt>
                <c:pt idx="1289">
                  <c:v>3.2500000000000001E-2</c:v>
                </c:pt>
                <c:pt idx="1290">
                  <c:v>3.2500000000000001E-2</c:v>
                </c:pt>
                <c:pt idx="1291">
                  <c:v>0.03</c:v>
                </c:pt>
                <c:pt idx="1292">
                  <c:v>0.03</c:v>
                </c:pt>
                <c:pt idx="1293">
                  <c:v>0.03</c:v>
                </c:pt>
                <c:pt idx="1294">
                  <c:v>0.03</c:v>
                </c:pt>
                <c:pt idx="1295">
                  <c:v>0.03</c:v>
                </c:pt>
                <c:pt idx="1296">
                  <c:v>0.03</c:v>
                </c:pt>
                <c:pt idx="1297">
                  <c:v>0.03</c:v>
                </c:pt>
                <c:pt idx="1298">
                  <c:v>0.03</c:v>
                </c:pt>
                <c:pt idx="1299">
                  <c:v>0.03</c:v>
                </c:pt>
                <c:pt idx="1300">
                  <c:v>0.03</c:v>
                </c:pt>
                <c:pt idx="1301">
                  <c:v>0.03</c:v>
                </c:pt>
                <c:pt idx="1302">
                  <c:v>0.03</c:v>
                </c:pt>
                <c:pt idx="1303">
                  <c:v>0.03</c:v>
                </c:pt>
                <c:pt idx="1304">
                  <c:v>0.03</c:v>
                </c:pt>
                <c:pt idx="1305">
                  <c:v>0.03</c:v>
                </c:pt>
                <c:pt idx="1306">
                  <c:v>0.03</c:v>
                </c:pt>
                <c:pt idx="1307">
                  <c:v>0.03</c:v>
                </c:pt>
                <c:pt idx="1308">
                  <c:v>0.03</c:v>
                </c:pt>
                <c:pt idx="1309">
                  <c:v>0.03</c:v>
                </c:pt>
                <c:pt idx="1310">
                  <c:v>0.03</c:v>
                </c:pt>
                <c:pt idx="1311">
                  <c:v>0.03</c:v>
                </c:pt>
                <c:pt idx="1312">
                  <c:v>0.03</c:v>
                </c:pt>
                <c:pt idx="1313">
                  <c:v>0.03</c:v>
                </c:pt>
                <c:pt idx="1314">
                  <c:v>0.03</c:v>
                </c:pt>
                <c:pt idx="1315">
                  <c:v>0.03</c:v>
                </c:pt>
                <c:pt idx="1316">
                  <c:v>0.03</c:v>
                </c:pt>
                <c:pt idx="1317">
                  <c:v>0.03</c:v>
                </c:pt>
                <c:pt idx="1318">
                  <c:v>0.03</c:v>
                </c:pt>
                <c:pt idx="1319">
                  <c:v>0.03</c:v>
                </c:pt>
                <c:pt idx="1320">
                  <c:v>0.03</c:v>
                </c:pt>
                <c:pt idx="1321">
                  <c:v>0.03</c:v>
                </c:pt>
                <c:pt idx="1322">
                  <c:v>0.03</c:v>
                </c:pt>
                <c:pt idx="1323">
                  <c:v>0.03</c:v>
                </c:pt>
                <c:pt idx="1324">
                  <c:v>0.03</c:v>
                </c:pt>
                <c:pt idx="1325">
                  <c:v>0.03</c:v>
                </c:pt>
                <c:pt idx="1326">
                  <c:v>0.03</c:v>
                </c:pt>
                <c:pt idx="1327">
                  <c:v>0.03</c:v>
                </c:pt>
                <c:pt idx="1328">
                  <c:v>0.03</c:v>
                </c:pt>
                <c:pt idx="1329">
                  <c:v>0.03</c:v>
                </c:pt>
                <c:pt idx="1330">
                  <c:v>0.03</c:v>
                </c:pt>
                <c:pt idx="1331">
                  <c:v>0.03</c:v>
                </c:pt>
                <c:pt idx="1332">
                  <c:v>0.03</c:v>
                </c:pt>
                <c:pt idx="1333">
                  <c:v>0.03</c:v>
                </c:pt>
                <c:pt idx="1334">
                  <c:v>0.03</c:v>
                </c:pt>
                <c:pt idx="1335">
                  <c:v>0.03</c:v>
                </c:pt>
                <c:pt idx="1336">
                  <c:v>0.03</c:v>
                </c:pt>
                <c:pt idx="1337">
                  <c:v>0.03</c:v>
                </c:pt>
                <c:pt idx="1338">
                  <c:v>0.03</c:v>
                </c:pt>
                <c:pt idx="1339">
                  <c:v>0.03</c:v>
                </c:pt>
                <c:pt idx="1340">
                  <c:v>0.03</c:v>
                </c:pt>
                <c:pt idx="1341">
                  <c:v>2.75E-2</c:v>
                </c:pt>
                <c:pt idx="1342">
                  <c:v>2.75E-2</c:v>
                </c:pt>
                <c:pt idx="1343">
                  <c:v>2.75E-2</c:v>
                </c:pt>
                <c:pt idx="1344">
                  <c:v>2.75E-2</c:v>
                </c:pt>
                <c:pt idx="1345">
                  <c:v>2.75E-2</c:v>
                </c:pt>
                <c:pt idx="1346">
                  <c:v>2.75E-2</c:v>
                </c:pt>
                <c:pt idx="1347">
                  <c:v>2.75E-2</c:v>
                </c:pt>
                <c:pt idx="1348">
                  <c:v>2.75E-2</c:v>
                </c:pt>
                <c:pt idx="1349">
                  <c:v>2.75E-2</c:v>
                </c:pt>
                <c:pt idx="1350">
                  <c:v>2.75E-2</c:v>
                </c:pt>
                <c:pt idx="1351">
                  <c:v>2.75E-2</c:v>
                </c:pt>
                <c:pt idx="1352">
                  <c:v>2.75E-2</c:v>
                </c:pt>
                <c:pt idx="1353">
                  <c:v>2.75E-2</c:v>
                </c:pt>
                <c:pt idx="1354">
                  <c:v>2.75E-2</c:v>
                </c:pt>
                <c:pt idx="1355">
                  <c:v>2.75E-2</c:v>
                </c:pt>
                <c:pt idx="1356">
                  <c:v>2.75E-2</c:v>
                </c:pt>
                <c:pt idx="1357">
                  <c:v>2.75E-2</c:v>
                </c:pt>
                <c:pt idx="1358">
                  <c:v>2.75E-2</c:v>
                </c:pt>
                <c:pt idx="1359">
                  <c:v>2.75E-2</c:v>
                </c:pt>
                <c:pt idx="1360">
                  <c:v>2.75E-2</c:v>
                </c:pt>
                <c:pt idx="1361">
                  <c:v>2.75E-2</c:v>
                </c:pt>
                <c:pt idx="1362">
                  <c:v>2.75E-2</c:v>
                </c:pt>
                <c:pt idx="1363">
                  <c:v>2.75E-2</c:v>
                </c:pt>
                <c:pt idx="1364">
                  <c:v>2.75E-2</c:v>
                </c:pt>
                <c:pt idx="1365">
                  <c:v>2.75E-2</c:v>
                </c:pt>
                <c:pt idx="1366">
                  <c:v>2.75E-2</c:v>
                </c:pt>
                <c:pt idx="1367">
                  <c:v>2.75E-2</c:v>
                </c:pt>
                <c:pt idx="1368">
                  <c:v>2.75E-2</c:v>
                </c:pt>
                <c:pt idx="1369">
                  <c:v>2.75E-2</c:v>
                </c:pt>
                <c:pt idx="1370">
                  <c:v>2.75E-2</c:v>
                </c:pt>
                <c:pt idx="1371">
                  <c:v>2.75E-2</c:v>
                </c:pt>
                <c:pt idx="1372">
                  <c:v>2.75E-2</c:v>
                </c:pt>
                <c:pt idx="1373">
                  <c:v>2.75E-2</c:v>
                </c:pt>
                <c:pt idx="1374">
                  <c:v>2.75E-2</c:v>
                </c:pt>
                <c:pt idx="1375">
                  <c:v>2.75E-2</c:v>
                </c:pt>
                <c:pt idx="1376">
                  <c:v>2.75E-2</c:v>
                </c:pt>
                <c:pt idx="1377">
                  <c:v>2.75E-2</c:v>
                </c:pt>
                <c:pt idx="1378">
                  <c:v>2.75E-2</c:v>
                </c:pt>
                <c:pt idx="1379">
                  <c:v>2.75E-2</c:v>
                </c:pt>
                <c:pt idx="1380">
                  <c:v>2.75E-2</c:v>
                </c:pt>
                <c:pt idx="1381">
                  <c:v>2.75E-2</c:v>
                </c:pt>
                <c:pt idx="1382">
                  <c:v>2.75E-2</c:v>
                </c:pt>
                <c:pt idx="1383">
                  <c:v>2.75E-2</c:v>
                </c:pt>
                <c:pt idx="1384">
                  <c:v>2.75E-2</c:v>
                </c:pt>
                <c:pt idx="1385">
                  <c:v>2.75E-2</c:v>
                </c:pt>
                <c:pt idx="1386">
                  <c:v>2.75E-2</c:v>
                </c:pt>
                <c:pt idx="1387">
                  <c:v>2.75E-2</c:v>
                </c:pt>
                <c:pt idx="1388">
                  <c:v>2.75E-2</c:v>
                </c:pt>
                <c:pt idx="1389">
                  <c:v>2.75E-2</c:v>
                </c:pt>
                <c:pt idx="1390">
                  <c:v>2.75E-2</c:v>
                </c:pt>
                <c:pt idx="1391">
                  <c:v>2.75E-2</c:v>
                </c:pt>
                <c:pt idx="1392">
                  <c:v>2.75E-2</c:v>
                </c:pt>
                <c:pt idx="1393">
                  <c:v>2.75E-2</c:v>
                </c:pt>
                <c:pt idx="1394">
                  <c:v>2.75E-2</c:v>
                </c:pt>
                <c:pt idx="1395">
                  <c:v>2.75E-2</c:v>
                </c:pt>
                <c:pt idx="1396">
                  <c:v>2.75E-2</c:v>
                </c:pt>
                <c:pt idx="1397">
                  <c:v>2.75E-2</c:v>
                </c:pt>
                <c:pt idx="1398">
                  <c:v>2.75E-2</c:v>
                </c:pt>
                <c:pt idx="1399">
                  <c:v>2.75E-2</c:v>
                </c:pt>
                <c:pt idx="1400">
                  <c:v>2.75E-2</c:v>
                </c:pt>
                <c:pt idx="1401">
                  <c:v>2.75E-2</c:v>
                </c:pt>
                <c:pt idx="1402">
                  <c:v>2.75E-2</c:v>
                </c:pt>
                <c:pt idx="1403">
                  <c:v>2.75E-2</c:v>
                </c:pt>
                <c:pt idx="1404">
                  <c:v>2.75E-2</c:v>
                </c:pt>
                <c:pt idx="1405">
                  <c:v>2.75E-2</c:v>
                </c:pt>
                <c:pt idx="1406">
                  <c:v>2.75E-2</c:v>
                </c:pt>
                <c:pt idx="1407">
                  <c:v>2.75E-2</c:v>
                </c:pt>
                <c:pt idx="1408">
                  <c:v>2.75E-2</c:v>
                </c:pt>
                <c:pt idx="1409">
                  <c:v>2.75E-2</c:v>
                </c:pt>
                <c:pt idx="1410">
                  <c:v>2.75E-2</c:v>
                </c:pt>
                <c:pt idx="1411">
                  <c:v>2.75E-2</c:v>
                </c:pt>
                <c:pt idx="1412">
                  <c:v>2.75E-2</c:v>
                </c:pt>
                <c:pt idx="1413">
                  <c:v>2.75E-2</c:v>
                </c:pt>
                <c:pt idx="1414">
                  <c:v>2.75E-2</c:v>
                </c:pt>
                <c:pt idx="1415">
                  <c:v>2.75E-2</c:v>
                </c:pt>
                <c:pt idx="1416">
                  <c:v>2.75E-2</c:v>
                </c:pt>
                <c:pt idx="1417">
                  <c:v>2.75E-2</c:v>
                </c:pt>
                <c:pt idx="1418">
                  <c:v>2.75E-2</c:v>
                </c:pt>
                <c:pt idx="1419">
                  <c:v>2.75E-2</c:v>
                </c:pt>
                <c:pt idx="1420">
                  <c:v>2.75E-2</c:v>
                </c:pt>
                <c:pt idx="1421">
                  <c:v>2.75E-2</c:v>
                </c:pt>
                <c:pt idx="1422">
                  <c:v>2.75E-2</c:v>
                </c:pt>
                <c:pt idx="1423">
                  <c:v>2.75E-2</c:v>
                </c:pt>
                <c:pt idx="1424">
                  <c:v>2.75E-2</c:v>
                </c:pt>
                <c:pt idx="1425">
                  <c:v>2.75E-2</c:v>
                </c:pt>
                <c:pt idx="1426">
                  <c:v>2.75E-2</c:v>
                </c:pt>
                <c:pt idx="1427">
                  <c:v>2.75E-2</c:v>
                </c:pt>
                <c:pt idx="1428">
                  <c:v>2.75E-2</c:v>
                </c:pt>
                <c:pt idx="1429">
                  <c:v>2.75E-2</c:v>
                </c:pt>
                <c:pt idx="1430">
                  <c:v>2.75E-2</c:v>
                </c:pt>
                <c:pt idx="1431">
                  <c:v>2.75E-2</c:v>
                </c:pt>
                <c:pt idx="1432">
                  <c:v>2.75E-2</c:v>
                </c:pt>
                <c:pt idx="1433">
                  <c:v>2.75E-2</c:v>
                </c:pt>
                <c:pt idx="1434">
                  <c:v>2.75E-2</c:v>
                </c:pt>
                <c:pt idx="1435">
                  <c:v>2.75E-2</c:v>
                </c:pt>
                <c:pt idx="1436">
                  <c:v>2.75E-2</c:v>
                </c:pt>
                <c:pt idx="1437">
                  <c:v>2.75E-2</c:v>
                </c:pt>
                <c:pt idx="1438">
                  <c:v>2.75E-2</c:v>
                </c:pt>
                <c:pt idx="1439">
                  <c:v>2.75E-2</c:v>
                </c:pt>
                <c:pt idx="1440">
                  <c:v>2.75E-2</c:v>
                </c:pt>
                <c:pt idx="1441">
                  <c:v>2.75E-2</c:v>
                </c:pt>
                <c:pt idx="1442">
                  <c:v>2.75E-2</c:v>
                </c:pt>
                <c:pt idx="1443">
                  <c:v>2.75E-2</c:v>
                </c:pt>
                <c:pt idx="1444">
                  <c:v>2.75E-2</c:v>
                </c:pt>
                <c:pt idx="1445">
                  <c:v>2.75E-2</c:v>
                </c:pt>
                <c:pt idx="1446">
                  <c:v>2.75E-2</c:v>
                </c:pt>
                <c:pt idx="1447">
                  <c:v>2.75E-2</c:v>
                </c:pt>
                <c:pt idx="1448">
                  <c:v>2.75E-2</c:v>
                </c:pt>
                <c:pt idx="1449">
                  <c:v>2.75E-2</c:v>
                </c:pt>
                <c:pt idx="1450">
                  <c:v>2.75E-2</c:v>
                </c:pt>
                <c:pt idx="1451">
                  <c:v>2.75E-2</c:v>
                </c:pt>
                <c:pt idx="1452">
                  <c:v>2.75E-2</c:v>
                </c:pt>
                <c:pt idx="1453">
                  <c:v>2.75E-2</c:v>
                </c:pt>
                <c:pt idx="1454">
                  <c:v>2.75E-2</c:v>
                </c:pt>
                <c:pt idx="1455">
                  <c:v>2.75E-2</c:v>
                </c:pt>
                <c:pt idx="1456">
                  <c:v>2.75E-2</c:v>
                </c:pt>
                <c:pt idx="1457">
                  <c:v>2.75E-2</c:v>
                </c:pt>
                <c:pt idx="1458">
                  <c:v>2.75E-2</c:v>
                </c:pt>
                <c:pt idx="1459">
                  <c:v>2.75E-2</c:v>
                </c:pt>
                <c:pt idx="1460">
                  <c:v>2.75E-2</c:v>
                </c:pt>
                <c:pt idx="1461">
                  <c:v>2.75E-2</c:v>
                </c:pt>
                <c:pt idx="1462">
                  <c:v>2.75E-2</c:v>
                </c:pt>
                <c:pt idx="1463">
                  <c:v>2.75E-2</c:v>
                </c:pt>
                <c:pt idx="1464">
                  <c:v>2.75E-2</c:v>
                </c:pt>
                <c:pt idx="1465">
                  <c:v>2.75E-2</c:v>
                </c:pt>
                <c:pt idx="1466">
                  <c:v>2.75E-2</c:v>
                </c:pt>
                <c:pt idx="1467">
                  <c:v>2.75E-2</c:v>
                </c:pt>
                <c:pt idx="1468">
                  <c:v>2.75E-2</c:v>
                </c:pt>
                <c:pt idx="1469">
                  <c:v>2.75E-2</c:v>
                </c:pt>
                <c:pt idx="1470">
                  <c:v>2.75E-2</c:v>
                </c:pt>
                <c:pt idx="1471">
                  <c:v>2.75E-2</c:v>
                </c:pt>
                <c:pt idx="1472">
                  <c:v>2.75E-2</c:v>
                </c:pt>
                <c:pt idx="1473">
                  <c:v>2.75E-2</c:v>
                </c:pt>
                <c:pt idx="1474">
                  <c:v>2.75E-2</c:v>
                </c:pt>
                <c:pt idx="1475">
                  <c:v>2.75E-2</c:v>
                </c:pt>
                <c:pt idx="1476">
                  <c:v>2.75E-2</c:v>
                </c:pt>
                <c:pt idx="1477">
                  <c:v>2.75E-2</c:v>
                </c:pt>
                <c:pt idx="1478">
                  <c:v>2.75E-2</c:v>
                </c:pt>
                <c:pt idx="1479">
                  <c:v>2.75E-2</c:v>
                </c:pt>
                <c:pt idx="1480">
                  <c:v>2.5000000000000001E-2</c:v>
                </c:pt>
                <c:pt idx="1481">
                  <c:v>2.5000000000000001E-2</c:v>
                </c:pt>
                <c:pt idx="1482">
                  <c:v>2.5000000000000001E-2</c:v>
                </c:pt>
                <c:pt idx="1483">
                  <c:v>2.5000000000000001E-2</c:v>
                </c:pt>
                <c:pt idx="1484">
                  <c:v>2.5000000000000001E-2</c:v>
                </c:pt>
                <c:pt idx="1485">
                  <c:v>2.5000000000000001E-2</c:v>
                </c:pt>
                <c:pt idx="1486">
                  <c:v>2.5000000000000001E-2</c:v>
                </c:pt>
                <c:pt idx="1487">
                  <c:v>2.5000000000000001E-2</c:v>
                </c:pt>
                <c:pt idx="1488">
                  <c:v>2.5000000000000001E-2</c:v>
                </c:pt>
                <c:pt idx="1489">
                  <c:v>2.5000000000000001E-2</c:v>
                </c:pt>
                <c:pt idx="1490">
                  <c:v>2.5000000000000001E-2</c:v>
                </c:pt>
                <c:pt idx="1491">
                  <c:v>2.5000000000000001E-2</c:v>
                </c:pt>
                <c:pt idx="1492">
                  <c:v>2.5000000000000001E-2</c:v>
                </c:pt>
                <c:pt idx="1493">
                  <c:v>2.5000000000000001E-2</c:v>
                </c:pt>
                <c:pt idx="1494">
                  <c:v>2.5000000000000001E-2</c:v>
                </c:pt>
                <c:pt idx="1495">
                  <c:v>2.5000000000000001E-2</c:v>
                </c:pt>
                <c:pt idx="1496">
                  <c:v>2.5000000000000001E-2</c:v>
                </c:pt>
                <c:pt idx="1497">
                  <c:v>2.5000000000000001E-2</c:v>
                </c:pt>
                <c:pt idx="1498">
                  <c:v>2.5000000000000001E-2</c:v>
                </c:pt>
                <c:pt idx="1499">
                  <c:v>2.5000000000000001E-2</c:v>
                </c:pt>
                <c:pt idx="1500">
                  <c:v>2.5000000000000001E-2</c:v>
                </c:pt>
                <c:pt idx="1501">
                  <c:v>2.5000000000000001E-2</c:v>
                </c:pt>
                <c:pt idx="1502">
                  <c:v>2.5000000000000001E-2</c:v>
                </c:pt>
                <c:pt idx="1503">
                  <c:v>2.5000000000000001E-2</c:v>
                </c:pt>
                <c:pt idx="1504">
                  <c:v>2.5000000000000001E-2</c:v>
                </c:pt>
                <c:pt idx="1505">
                  <c:v>2.5000000000000001E-2</c:v>
                </c:pt>
                <c:pt idx="1506">
                  <c:v>2.5000000000000001E-2</c:v>
                </c:pt>
                <c:pt idx="1507">
                  <c:v>2.5000000000000001E-2</c:v>
                </c:pt>
                <c:pt idx="1508">
                  <c:v>2.5000000000000001E-2</c:v>
                </c:pt>
                <c:pt idx="1509">
                  <c:v>2.5000000000000001E-2</c:v>
                </c:pt>
                <c:pt idx="1510">
                  <c:v>2.5000000000000001E-2</c:v>
                </c:pt>
                <c:pt idx="1511">
                  <c:v>2.5000000000000001E-2</c:v>
                </c:pt>
                <c:pt idx="1512">
                  <c:v>2.5000000000000001E-2</c:v>
                </c:pt>
                <c:pt idx="1513">
                  <c:v>2.5000000000000001E-2</c:v>
                </c:pt>
                <c:pt idx="1514">
                  <c:v>2.5000000000000001E-2</c:v>
                </c:pt>
                <c:pt idx="1515">
                  <c:v>2.5000000000000001E-2</c:v>
                </c:pt>
                <c:pt idx="1516">
                  <c:v>2.5000000000000001E-2</c:v>
                </c:pt>
                <c:pt idx="1517">
                  <c:v>2.5000000000000001E-2</c:v>
                </c:pt>
                <c:pt idx="1518">
                  <c:v>2.5000000000000001E-2</c:v>
                </c:pt>
                <c:pt idx="1519">
                  <c:v>2.5000000000000001E-2</c:v>
                </c:pt>
                <c:pt idx="1520">
                  <c:v>2.5000000000000001E-2</c:v>
                </c:pt>
                <c:pt idx="1521">
                  <c:v>2.5000000000000001E-2</c:v>
                </c:pt>
                <c:pt idx="1522">
                  <c:v>2.2499999999999999E-2</c:v>
                </c:pt>
                <c:pt idx="1523">
                  <c:v>2.2499999999999999E-2</c:v>
                </c:pt>
                <c:pt idx="1524">
                  <c:v>2.2499999999999999E-2</c:v>
                </c:pt>
                <c:pt idx="1525">
                  <c:v>2.2499999999999999E-2</c:v>
                </c:pt>
                <c:pt idx="1526">
                  <c:v>2.2499999999999999E-2</c:v>
                </c:pt>
                <c:pt idx="1527">
                  <c:v>2.2499999999999999E-2</c:v>
                </c:pt>
                <c:pt idx="1528">
                  <c:v>2.2499999999999999E-2</c:v>
                </c:pt>
                <c:pt idx="1529">
                  <c:v>2.2499999999999999E-2</c:v>
                </c:pt>
                <c:pt idx="1530">
                  <c:v>2.2499999999999999E-2</c:v>
                </c:pt>
                <c:pt idx="1531">
                  <c:v>2.2499999999999999E-2</c:v>
                </c:pt>
                <c:pt idx="1532">
                  <c:v>2.2499999999999999E-2</c:v>
                </c:pt>
                <c:pt idx="1533">
                  <c:v>2.2499999999999999E-2</c:v>
                </c:pt>
                <c:pt idx="1534">
                  <c:v>2.2499999999999999E-2</c:v>
                </c:pt>
                <c:pt idx="1535">
                  <c:v>2.2499999999999999E-2</c:v>
                </c:pt>
                <c:pt idx="1536">
                  <c:v>2.2499999999999999E-2</c:v>
                </c:pt>
                <c:pt idx="1537">
                  <c:v>2.2499999999999999E-2</c:v>
                </c:pt>
                <c:pt idx="1538">
                  <c:v>2.2499999999999999E-2</c:v>
                </c:pt>
                <c:pt idx="1539">
                  <c:v>2.2499999999999999E-2</c:v>
                </c:pt>
                <c:pt idx="1540">
                  <c:v>2.2499999999999999E-2</c:v>
                </c:pt>
                <c:pt idx="1541">
                  <c:v>2.2499999999999999E-2</c:v>
                </c:pt>
                <c:pt idx="1542">
                  <c:v>2.2499999999999999E-2</c:v>
                </c:pt>
                <c:pt idx="1543">
                  <c:v>2.2499999999999999E-2</c:v>
                </c:pt>
                <c:pt idx="1544">
                  <c:v>2.2499999999999999E-2</c:v>
                </c:pt>
                <c:pt idx="1545">
                  <c:v>2.2499999999999999E-2</c:v>
                </c:pt>
                <c:pt idx="1546">
                  <c:v>2.2499999999999999E-2</c:v>
                </c:pt>
                <c:pt idx="1547">
                  <c:v>2.2499999999999999E-2</c:v>
                </c:pt>
                <c:pt idx="1548">
                  <c:v>2.2499999999999999E-2</c:v>
                </c:pt>
                <c:pt idx="1549">
                  <c:v>2.2499999999999999E-2</c:v>
                </c:pt>
                <c:pt idx="1550">
                  <c:v>2.2499999999999999E-2</c:v>
                </c:pt>
                <c:pt idx="1551">
                  <c:v>2.2499999999999999E-2</c:v>
                </c:pt>
                <c:pt idx="1552">
                  <c:v>2.2499999999999999E-2</c:v>
                </c:pt>
                <c:pt idx="1553">
                  <c:v>2.2499999999999999E-2</c:v>
                </c:pt>
                <c:pt idx="1554">
                  <c:v>2.2499999999999999E-2</c:v>
                </c:pt>
                <c:pt idx="1555">
                  <c:v>2.2499999999999999E-2</c:v>
                </c:pt>
                <c:pt idx="1556">
                  <c:v>2.2499999999999999E-2</c:v>
                </c:pt>
                <c:pt idx="1557">
                  <c:v>2.2499999999999999E-2</c:v>
                </c:pt>
                <c:pt idx="1558">
                  <c:v>2.2499999999999999E-2</c:v>
                </c:pt>
                <c:pt idx="1559">
                  <c:v>2.2499999999999999E-2</c:v>
                </c:pt>
                <c:pt idx="1560">
                  <c:v>2.2499999999999999E-2</c:v>
                </c:pt>
                <c:pt idx="1561">
                  <c:v>2.2499999999999999E-2</c:v>
                </c:pt>
                <c:pt idx="1562">
                  <c:v>2.2499999999999999E-2</c:v>
                </c:pt>
                <c:pt idx="1563">
                  <c:v>2.2499999999999999E-2</c:v>
                </c:pt>
                <c:pt idx="1564">
                  <c:v>0.02</c:v>
                </c:pt>
                <c:pt idx="1565">
                  <c:v>0.02</c:v>
                </c:pt>
                <c:pt idx="1566">
                  <c:v>0.02</c:v>
                </c:pt>
                <c:pt idx="1567">
                  <c:v>0.02</c:v>
                </c:pt>
                <c:pt idx="1568">
                  <c:v>0.02</c:v>
                </c:pt>
                <c:pt idx="1569">
                  <c:v>0.02</c:v>
                </c:pt>
                <c:pt idx="1570">
                  <c:v>0.02</c:v>
                </c:pt>
                <c:pt idx="1571">
                  <c:v>0.02</c:v>
                </c:pt>
                <c:pt idx="1572">
                  <c:v>0.02</c:v>
                </c:pt>
                <c:pt idx="1573">
                  <c:v>0.02</c:v>
                </c:pt>
                <c:pt idx="1574">
                  <c:v>0.02</c:v>
                </c:pt>
                <c:pt idx="1575">
                  <c:v>0.02</c:v>
                </c:pt>
                <c:pt idx="1576">
                  <c:v>0.02</c:v>
                </c:pt>
                <c:pt idx="1577">
                  <c:v>0.02</c:v>
                </c:pt>
                <c:pt idx="1578">
                  <c:v>0.02</c:v>
                </c:pt>
                <c:pt idx="1579">
                  <c:v>0.02</c:v>
                </c:pt>
                <c:pt idx="1580">
                  <c:v>0.02</c:v>
                </c:pt>
                <c:pt idx="1581">
                  <c:v>0.02</c:v>
                </c:pt>
                <c:pt idx="1582">
                  <c:v>0.02</c:v>
                </c:pt>
                <c:pt idx="1583">
                  <c:v>0.02</c:v>
                </c:pt>
                <c:pt idx="1584">
                  <c:v>0.02</c:v>
                </c:pt>
                <c:pt idx="1585">
                  <c:v>0.02</c:v>
                </c:pt>
                <c:pt idx="1586">
                  <c:v>0.02</c:v>
                </c:pt>
                <c:pt idx="1587">
                  <c:v>0.02</c:v>
                </c:pt>
                <c:pt idx="1588">
                  <c:v>0.02</c:v>
                </c:pt>
                <c:pt idx="1589">
                  <c:v>0.02</c:v>
                </c:pt>
                <c:pt idx="1590">
                  <c:v>0.02</c:v>
                </c:pt>
                <c:pt idx="1591">
                  <c:v>0.02</c:v>
                </c:pt>
                <c:pt idx="1592">
                  <c:v>0.02</c:v>
                </c:pt>
                <c:pt idx="1593">
                  <c:v>0.02</c:v>
                </c:pt>
                <c:pt idx="1594">
                  <c:v>0.02</c:v>
                </c:pt>
                <c:pt idx="1595">
                  <c:v>0.02</c:v>
                </c:pt>
                <c:pt idx="1596">
                  <c:v>0.02</c:v>
                </c:pt>
                <c:pt idx="1597">
                  <c:v>0.02</c:v>
                </c:pt>
                <c:pt idx="1598">
                  <c:v>0.02</c:v>
                </c:pt>
                <c:pt idx="1599">
                  <c:v>0.02</c:v>
                </c:pt>
                <c:pt idx="1600">
                  <c:v>0.02</c:v>
                </c:pt>
                <c:pt idx="1601">
                  <c:v>0.02</c:v>
                </c:pt>
                <c:pt idx="1602">
                  <c:v>0.02</c:v>
                </c:pt>
                <c:pt idx="1603">
                  <c:v>0.02</c:v>
                </c:pt>
                <c:pt idx="1604">
                  <c:v>0.02</c:v>
                </c:pt>
                <c:pt idx="1605">
                  <c:v>0.02</c:v>
                </c:pt>
                <c:pt idx="1606">
                  <c:v>0.02</c:v>
                </c:pt>
                <c:pt idx="1607">
                  <c:v>0.02</c:v>
                </c:pt>
                <c:pt idx="1608">
                  <c:v>0.02</c:v>
                </c:pt>
                <c:pt idx="1609">
                  <c:v>0.02</c:v>
                </c:pt>
                <c:pt idx="1610">
                  <c:v>0.02</c:v>
                </c:pt>
                <c:pt idx="1611">
                  <c:v>0.02</c:v>
                </c:pt>
                <c:pt idx="1612">
                  <c:v>0.02</c:v>
                </c:pt>
                <c:pt idx="1613">
                  <c:v>0.02</c:v>
                </c:pt>
                <c:pt idx="1614">
                  <c:v>0.02</c:v>
                </c:pt>
                <c:pt idx="1615">
                  <c:v>0.02</c:v>
                </c:pt>
                <c:pt idx="1616">
                  <c:v>0.02</c:v>
                </c:pt>
                <c:pt idx="1617">
                  <c:v>0.02</c:v>
                </c:pt>
                <c:pt idx="1618">
                  <c:v>0.02</c:v>
                </c:pt>
                <c:pt idx="1619">
                  <c:v>0.02</c:v>
                </c:pt>
                <c:pt idx="1620">
                  <c:v>0.02</c:v>
                </c:pt>
                <c:pt idx="1621">
                  <c:v>0.02</c:v>
                </c:pt>
                <c:pt idx="1622">
                  <c:v>0.02</c:v>
                </c:pt>
                <c:pt idx="1623">
                  <c:v>0.02</c:v>
                </c:pt>
                <c:pt idx="1624">
                  <c:v>0.02</c:v>
                </c:pt>
                <c:pt idx="1625">
                  <c:v>0.02</c:v>
                </c:pt>
                <c:pt idx="1626">
                  <c:v>0.02</c:v>
                </c:pt>
                <c:pt idx="1627">
                  <c:v>0.02</c:v>
                </c:pt>
                <c:pt idx="1628">
                  <c:v>0.02</c:v>
                </c:pt>
                <c:pt idx="1629">
                  <c:v>0.02</c:v>
                </c:pt>
                <c:pt idx="1630">
                  <c:v>0.02</c:v>
                </c:pt>
                <c:pt idx="1631">
                  <c:v>0.02</c:v>
                </c:pt>
                <c:pt idx="1632">
                  <c:v>0.02</c:v>
                </c:pt>
                <c:pt idx="1633">
                  <c:v>0.02</c:v>
                </c:pt>
                <c:pt idx="1634">
                  <c:v>0.02</c:v>
                </c:pt>
                <c:pt idx="1635">
                  <c:v>0.02</c:v>
                </c:pt>
                <c:pt idx="1636">
                  <c:v>0.02</c:v>
                </c:pt>
                <c:pt idx="1637">
                  <c:v>0.02</c:v>
                </c:pt>
                <c:pt idx="1638">
                  <c:v>0.02</c:v>
                </c:pt>
                <c:pt idx="1639">
                  <c:v>0.02</c:v>
                </c:pt>
                <c:pt idx="1640">
                  <c:v>0.02</c:v>
                </c:pt>
                <c:pt idx="1641">
                  <c:v>0.02</c:v>
                </c:pt>
                <c:pt idx="1642">
                  <c:v>0.02</c:v>
                </c:pt>
                <c:pt idx="1643">
                  <c:v>0.02</c:v>
                </c:pt>
                <c:pt idx="1644">
                  <c:v>0.02</c:v>
                </c:pt>
                <c:pt idx="1645">
                  <c:v>0.02</c:v>
                </c:pt>
                <c:pt idx="1646">
                  <c:v>0.02</c:v>
                </c:pt>
                <c:pt idx="1647">
                  <c:v>0.02</c:v>
                </c:pt>
                <c:pt idx="1648">
                  <c:v>0.02</c:v>
                </c:pt>
                <c:pt idx="1649">
                  <c:v>0.02</c:v>
                </c:pt>
                <c:pt idx="1650">
                  <c:v>0.02</c:v>
                </c:pt>
                <c:pt idx="1651">
                  <c:v>0.02</c:v>
                </c:pt>
                <c:pt idx="1652">
                  <c:v>0.02</c:v>
                </c:pt>
                <c:pt idx="1653">
                  <c:v>0.02</c:v>
                </c:pt>
                <c:pt idx="1654">
                  <c:v>0.02</c:v>
                </c:pt>
                <c:pt idx="1655">
                  <c:v>0.02</c:v>
                </c:pt>
                <c:pt idx="1656">
                  <c:v>0.02</c:v>
                </c:pt>
                <c:pt idx="1657">
                  <c:v>0.02</c:v>
                </c:pt>
                <c:pt idx="1658">
                  <c:v>0.02</c:v>
                </c:pt>
                <c:pt idx="1659">
                  <c:v>0.02</c:v>
                </c:pt>
                <c:pt idx="1660">
                  <c:v>0.02</c:v>
                </c:pt>
                <c:pt idx="1661">
                  <c:v>0.02</c:v>
                </c:pt>
                <c:pt idx="1662">
                  <c:v>0.02</c:v>
                </c:pt>
                <c:pt idx="1663">
                  <c:v>0.02</c:v>
                </c:pt>
                <c:pt idx="1664">
                  <c:v>0.02</c:v>
                </c:pt>
                <c:pt idx="1665">
                  <c:v>0.02</c:v>
                </c:pt>
                <c:pt idx="1666">
                  <c:v>0.02</c:v>
                </c:pt>
                <c:pt idx="1667">
                  <c:v>0.02</c:v>
                </c:pt>
                <c:pt idx="1668">
                  <c:v>0.02</c:v>
                </c:pt>
                <c:pt idx="1669">
                  <c:v>0.02</c:v>
                </c:pt>
                <c:pt idx="1670">
                  <c:v>0.02</c:v>
                </c:pt>
                <c:pt idx="1671">
                  <c:v>0.02</c:v>
                </c:pt>
                <c:pt idx="1672">
                  <c:v>0.02</c:v>
                </c:pt>
                <c:pt idx="1673">
                  <c:v>0.02</c:v>
                </c:pt>
                <c:pt idx="1674">
                  <c:v>0.02</c:v>
                </c:pt>
                <c:pt idx="1675">
                  <c:v>0.02</c:v>
                </c:pt>
                <c:pt idx="1676">
                  <c:v>0.02</c:v>
                </c:pt>
                <c:pt idx="1677">
                  <c:v>0.02</c:v>
                </c:pt>
                <c:pt idx="1678">
                  <c:v>0.02</c:v>
                </c:pt>
                <c:pt idx="1679">
                  <c:v>0.02</c:v>
                </c:pt>
                <c:pt idx="1680">
                  <c:v>0.02</c:v>
                </c:pt>
                <c:pt idx="1681">
                  <c:v>0.02</c:v>
                </c:pt>
                <c:pt idx="1682">
                  <c:v>0.02</c:v>
                </c:pt>
                <c:pt idx="1683">
                  <c:v>0.02</c:v>
                </c:pt>
                <c:pt idx="1684">
                  <c:v>0.02</c:v>
                </c:pt>
                <c:pt idx="1685">
                  <c:v>0.02</c:v>
                </c:pt>
                <c:pt idx="1686">
                  <c:v>0.02</c:v>
                </c:pt>
                <c:pt idx="1687">
                  <c:v>0.02</c:v>
                </c:pt>
                <c:pt idx="1688">
                  <c:v>0.02</c:v>
                </c:pt>
                <c:pt idx="1689">
                  <c:v>0.02</c:v>
                </c:pt>
                <c:pt idx="1690">
                  <c:v>0.02</c:v>
                </c:pt>
                <c:pt idx="1691">
                  <c:v>0.02</c:v>
                </c:pt>
                <c:pt idx="1692">
                  <c:v>0.02</c:v>
                </c:pt>
                <c:pt idx="1693">
                  <c:v>0.02</c:v>
                </c:pt>
                <c:pt idx="1694">
                  <c:v>0.02</c:v>
                </c:pt>
                <c:pt idx="1695">
                  <c:v>0.02</c:v>
                </c:pt>
                <c:pt idx="1696">
                  <c:v>0.02</c:v>
                </c:pt>
                <c:pt idx="1697">
                  <c:v>0.02</c:v>
                </c:pt>
                <c:pt idx="1698">
                  <c:v>0.02</c:v>
                </c:pt>
                <c:pt idx="1699">
                  <c:v>0.02</c:v>
                </c:pt>
                <c:pt idx="1700">
                  <c:v>0.02</c:v>
                </c:pt>
                <c:pt idx="1701">
                  <c:v>0.02</c:v>
                </c:pt>
                <c:pt idx="1702">
                  <c:v>0.02</c:v>
                </c:pt>
                <c:pt idx="1703">
                  <c:v>0.02</c:v>
                </c:pt>
                <c:pt idx="1704">
                  <c:v>0.02</c:v>
                </c:pt>
                <c:pt idx="1705">
                  <c:v>0.02</c:v>
                </c:pt>
                <c:pt idx="1706">
                  <c:v>0.02</c:v>
                </c:pt>
                <c:pt idx="1707">
                  <c:v>0.02</c:v>
                </c:pt>
                <c:pt idx="1708">
                  <c:v>0.02</c:v>
                </c:pt>
                <c:pt idx="1709">
                  <c:v>0.02</c:v>
                </c:pt>
                <c:pt idx="1710">
                  <c:v>0.02</c:v>
                </c:pt>
                <c:pt idx="1711">
                  <c:v>0.02</c:v>
                </c:pt>
                <c:pt idx="1712">
                  <c:v>2.2499999999999999E-2</c:v>
                </c:pt>
                <c:pt idx="1713">
                  <c:v>2.2499999999999999E-2</c:v>
                </c:pt>
                <c:pt idx="1714">
                  <c:v>2.2499999999999999E-2</c:v>
                </c:pt>
                <c:pt idx="1715">
                  <c:v>2.2499999999999999E-2</c:v>
                </c:pt>
                <c:pt idx="1716">
                  <c:v>2.2499999999999999E-2</c:v>
                </c:pt>
                <c:pt idx="1717">
                  <c:v>2.2499999999999999E-2</c:v>
                </c:pt>
                <c:pt idx="1718">
                  <c:v>2.2499999999999999E-2</c:v>
                </c:pt>
                <c:pt idx="1719">
                  <c:v>2.2499999999999999E-2</c:v>
                </c:pt>
                <c:pt idx="1720">
                  <c:v>2.2499999999999999E-2</c:v>
                </c:pt>
                <c:pt idx="1721">
                  <c:v>2.2499999999999999E-2</c:v>
                </c:pt>
                <c:pt idx="1722">
                  <c:v>2.2499999999999999E-2</c:v>
                </c:pt>
                <c:pt idx="1723">
                  <c:v>2.2499999999999999E-2</c:v>
                </c:pt>
                <c:pt idx="1724">
                  <c:v>2.2499999999999999E-2</c:v>
                </c:pt>
                <c:pt idx="1725">
                  <c:v>2.2499999999999999E-2</c:v>
                </c:pt>
                <c:pt idx="1726">
                  <c:v>2.2499999999999999E-2</c:v>
                </c:pt>
                <c:pt idx="1727">
                  <c:v>2.2499999999999999E-2</c:v>
                </c:pt>
                <c:pt idx="1728">
                  <c:v>2.2499999999999999E-2</c:v>
                </c:pt>
                <c:pt idx="1729">
                  <c:v>2.2499999999999999E-2</c:v>
                </c:pt>
                <c:pt idx="1730">
                  <c:v>2.2499999999999999E-2</c:v>
                </c:pt>
                <c:pt idx="1731">
                  <c:v>2.2499999999999999E-2</c:v>
                </c:pt>
                <c:pt idx="1732">
                  <c:v>2.2499999999999999E-2</c:v>
                </c:pt>
                <c:pt idx="1733">
                  <c:v>2.2499999999999999E-2</c:v>
                </c:pt>
                <c:pt idx="1734">
                  <c:v>2.2499999999999999E-2</c:v>
                </c:pt>
                <c:pt idx="1735">
                  <c:v>2.2499999999999999E-2</c:v>
                </c:pt>
                <c:pt idx="1736">
                  <c:v>2.2499999999999999E-2</c:v>
                </c:pt>
                <c:pt idx="1737">
                  <c:v>2.2499999999999999E-2</c:v>
                </c:pt>
                <c:pt idx="1738">
                  <c:v>2.2499999999999999E-2</c:v>
                </c:pt>
                <c:pt idx="1739">
                  <c:v>2.2499999999999999E-2</c:v>
                </c:pt>
                <c:pt idx="1740">
                  <c:v>2.2499999999999999E-2</c:v>
                </c:pt>
                <c:pt idx="1741">
                  <c:v>2.2499999999999999E-2</c:v>
                </c:pt>
                <c:pt idx="1742">
                  <c:v>2.2499999999999999E-2</c:v>
                </c:pt>
                <c:pt idx="1743">
                  <c:v>2.2499999999999999E-2</c:v>
                </c:pt>
                <c:pt idx="1744">
                  <c:v>2.2499999999999999E-2</c:v>
                </c:pt>
                <c:pt idx="1745">
                  <c:v>2.2499999999999999E-2</c:v>
                </c:pt>
                <c:pt idx="1746">
                  <c:v>2.2499999999999999E-2</c:v>
                </c:pt>
                <c:pt idx="1747">
                  <c:v>2.2499999999999999E-2</c:v>
                </c:pt>
                <c:pt idx="1748">
                  <c:v>2.2499999999999999E-2</c:v>
                </c:pt>
                <c:pt idx="1749">
                  <c:v>2.2499999999999999E-2</c:v>
                </c:pt>
                <c:pt idx="1750">
                  <c:v>2.2499999999999999E-2</c:v>
                </c:pt>
                <c:pt idx="1751">
                  <c:v>2.2499999999999999E-2</c:v>
                </c:pt>
                <c:pt idx="1752">
                  <c:v>2.2499999999999999E-2</c:v>
                </c:pt>
                <c:pt idx="1753">
                  <c:v>2.5000000000000001E-2</c:v>
                </c:pt>
                <c:pt idx="1754">
                  <c:v>2.5000000000000001E-2</c:v>
                </c:pt>
                <c:pt idx="1755">
                  <c:v>2.5000000000000001E-2</c:v>
                </c:pt>
                <c:pt idx="1756">
                  <c:v>2.5000000000000001E-2</c:v>
                </c:pt>
                <c:pt idx="1757">
                  <c:v>2.5000000000000001E-2</c:v>
                </c:pt>
                <c:pt idx="1758">
                  <c:v>2.5000000000000001E-2</c:v>
                </c:pt>
                <c:pt idx="1759">
                  <c:v>2.5000000000000001E-2</c:v>
                </c:pt>
                <c:pt idx="1760">
                  <c:v>2.5000000000000001E-2</c:v>
                </c:pt>
                <c:pt idx="1761">
                  <c:v>2.5000000000000001E-2</c:v>
                </c:pt>
                <c:pt idx="1762">
                  <c:v>2.5000000000000001E-2</c:v>
                </c:pt>
                <c:pt idx="1763">
                  <c:v>2.5000000000000001E-2</c:v>
                </c:pt>
                <c:pt idx="1764">
                  <c:v>2.5000000000000001E-2</c:v>
                </c:pt>
                <c:pt idx="1765">
                  <c:v>2.5000000000000001E-2</c:v>
                </c:pt>
                <c:pt idx="1766">
                  <c:v>2.5000000000000001E-2</c:v>
                </c:pt>
                <c:pt idx="1767">
                  <c:v>2.5000000000000001E-2</c:v>
                </c:pt>
                <c:pt idx="1768">
                  <c:v>2.5000000000000001E-2</c:v>
                </c:pt>
                <c:pt idx="1769">
                  <c:v>2.5000000000000001E-2</c:v>
                </c:pt>
                <c:pt idx="1770">
                  <c:v>2.5000000000000001E-2</c:v>
                </c:pt>
                <c:pt idx="1771">
                  <c:v>2.5000000000000001E-2</c:v>
                </c:pt>
                <c:pt idx="1772">
                  <c:v>2.5000000000000001E-2</c:v>
                </c:pt>
                <c:pt idx="1773">
                  <c:v>2.5000000000000001E-2</c:v>
                </c:pt>
                <c:pt idx="1774">
                  <c:v>2.5000000000000001E-2</c:v>
                </c:pt>
                <c:pt idx="1775">
                  <c:v>2.5000000000000001E-2</c:v>
                </c:pt>
                <c:pt idx="1776">
                  <c:v>2.5000000000000001E-2</c:v>
                </c:pt>
                <c:pt idx="1777">
                  <c:v>2.5000000000000001E-2</c:v>
                </c:pt>
                <c:pt idx="1778">
                  <c:v>2.5000000000000001E-2</c:v>
                </c:pt>
                <c:pt idx="1779">
                  <c:v>2.5000000000000001E-2</c:v>
                </c:pt>
                <c:pt idx="1780">
                  <c:v>2.5000000000000001E-2</c:v>
                </c:pt>
                <c:pt idx="1781">
                  <c:v>2.5000000000000001E-2</c:v>
                </c:pt>
                <c:pt idx="1782">
                  <c:v>2.5000000000000001E-2</c:v>
                </c:pt>
                <c:pt idx="1783">
                  <c:v>2.5000000000000001E-2</c:v>
                </c:pt>
                <c:pt idx="1784">
                  <c:v>2.5000000000000001E-2</c:v>
                </c:pt>
                <c:pt idx="1785">
                  <c:v>2.5000000000000001E-2</c:v>
                </c:pt>
                <c:pt idx="1786">
                  <c:v>2.5000000000000001E-2</c:v>
                </c:pt>
                <c:pt idx="1787">
                  <c:v>2.5000000000000001E-2</c:v>
                </c:pt>
                <c:pt idx="1788">
                  <c:v>2.5000000000000001E-2</c:v>
                </c:pt>
                <c:pt idx="1789">
                  <c:v>2.5000000000000001E-2</c:v>
                </c:pt>
                <c:pt idx="1790">
                  <c:v>2.5000000000000001E-2</c:v>
                </c:pt>
                <c:pt idx="1791">
                  <c:v>2.5000000000000001E-2</c:v>
                </c:pt>
                <c:pt idx="1792">
                  <c:v>2.5000000000000001E-2</c:v>
                </c:pt>
                <c:pt idx="1793">
                  <c:v>2.5000000000000001E-2</c:v>
                </c:pt>
                <c:pt idx="1794">
                  <c:v>2.5000000000000001E-2</c:v>
                </c:pt>
                <c:pt idx="1795">
                  <c:v>2.5000000000000001E-2</c:v>
                </c:pt>
                <c:pt idx="1796">
                  <c:v>2.5000000000000001E-2</c:v>
                </c:pt>
                <c:pt idx="1797">
                  <c:v>2.5000000000000001E-2</c:v>
                </c:pt>
                <c:pt idx="1798">
                  <c:v>2.5000000000000001E-2</c:v>
                </c:pt>
                <c:pt idx="1799">
                  <c:v>2.5000000000000001E-2</c:v>
                </c:pt>
                <c:pt idx="1800">
                  <c:v>2.5000000000000001E-2</c:v>
                </c:pt>
                <c:pt idx="1801">
                  <c:v>2.5000000000000001E-2</c:v>
                </c:pt>
                <c:pt idx="1802">
                  <c:v>2.5000000000000001E-2</c:v>
                </c:pt>
                <c:pt idx="1803">
                  <c:v>2.5000000000000001E-2</c:v>
                </c:pt>
                <c:pt idx="1804">
                  <c:v>2.5000000000000001E-2</c:v>
                </c:pt>
                <c:pt idx="1805">
                  <c:v>2.5000000000000001E-2</c:v>
                </c:pt>
                <c:pt idx="1806">
                  <c:v>2.5000000000000001E-2</c:v>
                </c:pt>
                <c:pt idx="1807">
                  <c:v>2.5000000000000001E-2</c:v>
                </c:pt>
                <c:pt idx="1808">
                  <c:v>2.5000000000000001E-2</c:v>
                </c:pt>
                <c:pt idx="1809">
                  <c:v>2.5000000000000001E-2</c:v>
                </c:pt>
                <c:pt idx="1810">
                  <c:v>2.5000000000000001E-2</c:v>
                </c:pt>
                <c:pt idx="1811">
                  <c:v>2.5000000000000001E-2</c:v>
                </c:pt>
                <c:pt idx="1812">
                  <c:v>2.5000000000000001E-2</c:v>
                </c:pt>
                <c:pt idx="1813">
                  <c:v>2.5000000000000001E-2</c:v>
                </c:pt>
                <c:pt idx="1814">
                  <c:v>2.5000000000000001E-2</c:v>
                </c:pt>
                <c:pt idx="1815">
                  <c:v>2.5000000000000001E-2</c:v>
                </c:pt>
                <c:pt idx="1816">
                  <c:v>2.5000000000000001E-2</c:v>
                </c:pt>
                <c:pt idx="1817">
                  <c:v>2.5000000000000001E-2</c:v>
                </c:pt>
                <c:pt idx="1818">
                  <c:v>2.5000000000000001E-2</c:v>
                </c:pt>
                <c:pt idx="1819">
                  <c:v>2.5000000000000001E-2</c:v>
                </c:pt>
                <c:pt idx="1820">
                  <c:v>2.5000000000000001E-2</c:v>
                </c:pt>
                <c:pt idx="1821">
                  <c:v>2.5000000000000001E-2</c:v>
                </c:pt>
                <c:pt idx="1822">
                  <c:v>2.5000000000000001E-2</c:v>
                </c:pt>
                <c:pt idx="1823">
                  <c:v>2.5000000000000001E-2</c:v>
                </c:pt>
                <c:pt idx="1824">
                  <c:v>2.5000000000000001E-2</c:v>
                </c:pt>
                <c:pt idx="1825">
                  <c:v>2.5000000000000001E-2</c:v>
                </c:pt>
                <c:pt idx="1826">
                  <c:v>2.5000000000000001E-2</c:v>
                </c:pt>
                <c:pt idx="1827">
                  <c:v>2.5000000000000001E-2</c:v>
                </c:pt>
                <c:pt idx="1828">
                  <c:v>2.5000000000000001E-2</c:v>
                </c:pt>
                <c:pt idx="1829">
                  <c:v>2.5000000000000001E-2</c:v>
                </c:pt>
                <c:pt idx="1830">
                  <c:v>2.5000000000000001E-2</c:v>
                </c:pt>
                <c:pt idx="1831">
                  <c:v>2.5000000000000001E-2</c:v>
                </c:pt>
                <c:pt idx="1832">
                  <c:v>2.5000000000000001E-2</c:v>
                </c:pt>
                <c:pt idx="1833">
                  <c:v>2.5000000000000001E-2</c:v>
                </c:pt>
                <c:pt idx="1834">
                  <c:v>2.5000000000000001E-2</c:v>
                </c:pt>
                <c:pt idx="1835">
                  <c:v>2.5000000000000001E-2</c:v>
                </c:pt>
                <c:pt idx="1836">
                  <c:v>2.5000000000000001E-2</c:v>
                </c:pt>
                <c:pt idx="1837">
                  <c:v>2.5000000000000001E-2</c:v>
                </c:pt>
                <c:pt idx="1838">
                  <c:v>2.5000000000000001E-2</c:v>
                </c:pt>
                <c:pt idx="1839">
                  <c:v>2.5000000000000001E-2</c:v>
                </c:pt>
                <c:pt idx="1840">
                  <c:v>2.5000000000000001E-2</c:v>
                </c:pt>
                <c:pt idx="1841">
                  <c:v>2.5000000000000001E-2</c:v>
                </c:pt>
                <c:pt idx="1842">
                  <c:v>2.5000000000000001E-2</c:v>
                </c:pt>
                <c:pt idx="1843">
                  <c:v>2.5000000000000001E-2</c:v>
                </c:pt>
                <c:pt idx="1844">
                  <c:v>2.5000000000000001E-2</c:v>
                </c:pt>
                <c:pt idx="1845">
                  <c:v>2.5000000000000001E-2</c:v>
                </c:pt>
                <c:pt idx="1846">
                  <c:v>2.5000000000000001E-2</c:v>
                </c:pt>
                <c:pt idx="1847">
                  <c:v>2.5000000000000001E-2</c:v>
                </c:pt>
                <c:pt idx="1848">
                  <c:v>2.5000000000000001E-2</c:v>
                </c:pt>
                <c:pt idx="1849">
                  <c:v>2.5000000000000001E-2</c:v>
                </c:pt>
                <c:pt idx="1850">
                  <c:v>2.5000000000000001E-2</c:v>
                </c:pt>
                <c:pt idx="1851">
                  <c:v>2.5000000000000001E-2</c:v>
                </c:pt>
                <c:pt idx="1852">
                  <c:v>2.5000000000000001E-2</c:v>
                </c:pt>
                <c:pt idx="1853">
                  <c:v>2.5000000000000001E-2</c:v>
                </c:pt>
                <c:pt idx="1854">
                  <c:v>2.5000000000000001E-2</c:v>
                </c:pt>
                <c:pt idx="1855">
                  <c:v>2.5000000000000001E-2</c:v>
                </c:pt>
                <c:pt idx="1856">
                  <c:v>2.5000000000000001E-2</c:v>
                </c:pt>
                <c:pt idx="1857">
                  <c:v>2.5000000000000001E-2</c:v>
                </c:pt>
                <c:pt idx="1858">
                  <c:v>2.5000000000000001E-2</c:v>
                </c:pt>
                <c:pt idx="1859">
                  <c:v>2.5000000000000001E-2</c:v>
                </c:pt>
                <c:pt idx="1860">
                  <c:v>2.5000000000000001E-2</c:v>
                </c:pt>
                <c:pt idx="1861">
                  <c:v>2.5000000000000001E-2</c:v>
                </c:pt>
                <c:pt idx="1862">
                  <c:v>2.5000000000000001E-2</c:v>
                </c:pt>
                <c:pt idx="1863">
                  <c:v>2.5000000000000001E-2</c:v>
                </c:pt>
                <c:pt idx="1864">
                  <c:v>2.5000000000000001E-2</c:v>
                </c:pt>
                <c:pt idx="1865">
                  <c:v>2.5000000000000001E-2</c:v>
                </c:pt>
                <c:pt idx="1866">
                  <c:v>2.5000000000000001E-2</c:v>
                </c:pt>
                <c:pt idx="1867">
                  <c:v>2.5000000000000001E-2</c:v>
                </c:pt>
                <c:pt idx="1868">
                  <c:v>2.5000000000000001E-2</c:v>
                </c:pt>
                <c:pt idx="1869">
                  <c:v>2.5000000000000001E-2</c:v>
                </c:pt>
                <c:pt idx="1870">
                  <c:v>2.5000000000000001E-2</c:v>
                </c:pt>
                <c:pt idx="1871">
                  <c:v>2.5000000000000001E-2</c:v>
                </c:pt>
                <c:pt idx="1872">
                  <c:v>2.5000000000000001E-2</c:v>
                </c:pt>
                <c:pt idx="1873">
                  <c:v>2.5000000000000001E-2</c:v>
                </c:pt>
                <c:pt idx="1874">
                  <c:v>2.5000000000000001E-2</c:v>
                </c:pt>
                <c:pt idx="1875">
                  <c:v>2.5000000000000001E-2</c:v>
                </c:pt>
                <c:pt idx="1876">
                  <c:v>2.5000000000000001E-2</c:v>
                </c:pt>
                <c:pt idx="1877">
                  <c:v>2.5000000000000001E-2</c:v>
                </c:pt>
                <c:pt idx="1878">
                  <c:v>2.5000000000000001E-2</c:v>
                </c:pt>
                <c:pt idx="1879">
                  <c:v>2.5000000000000001E-2</c:v>
                </c:pt>
                <c:pt idx="1880">
                  <c:v>2.5000000000000001E-2</c:v>
                </c:pt>
                <c:pt idx="1881">
                  <c:v>2.5000000000000001E-2</c:v>
                </c:pt>
                <c:pt idx="1882">
                  <c:v>2.5000000000000001E-2</c:v>
                </c:pt>
                <c:pt idx="1883">
                  <c:v>2.5000000000000001E-2</c:v>
                </c:pt>
                <c:pt idx="1884">
                  <c:v>2.5000000000000001E-2</c:v>
                </c:pt>
                <c:pt idx="1885">
                  <c:v>2.5000000000000001E-2</c:v>
                </c:pt>
                <c:pt idx="1886">
                  <c:v>2.5000000000000001E-2</c:v>
                </c:pt>
                <c:pt idx="1887">
                  <c:v>2.5000000000000001E-2</c:v>
                </c:pt>
                <c:pt idx="1888">
                  <c:v>2.5000000000000001E-2</c:v>
                </c:pt>
                <c:pt idx="1889">
                  <c:v>2.5000000000000001E-2</c:v>
                </c:pt>
                <c:pt idx="1890">
                  <c:v>2.5000000000000001E-2</c:v>
                </c:pt>
                <c:pt idx="1891">
                  <c:v>2.5000000000000001E-2</c:v>
                </c:pt>
                <c:pt idx="1892">
                  <c:v>2.5000000000000001E-2</c:v>
                </c:pt>
                <c:pt idx="1893">
                  <c:v>2.5000000000000001E-2</c:v>
                </c:pt>
                <c:pt idx="1894">
                  <c:v>2.5000000000000001E-2</c:v>
                </c:pt>
                <c:pt idx="1895">
                  <c:v>2.5000000000000001E-2</c:v>
                </c:pt>
                <c:pt idx="1896">
                  <c:v>2.5000000000000001E-2</c:v>
                </c:pt>
                <c:pt idx="1897">
                  <c:v>2.5000000000000001E-2</c:v>
                </c:pt>
                <c:pt idx="1898">
                  <c:v>2.5000000000000001E-2</c:v>
                </c:pt>
                <c:pt idx="1899">
                  <c:v>2.5000000000000001E-2</c:v>
                </c:pt>
                <c:pt idx="1900">
                  <c:v>2.5000000000000001E-2</c:v>
                </c:pt>
                <c:pt idx="1901">
                  <c:v>2.5000000000000001E-2</c:v>
                </c:pt>
                <c:pt idx="1902">
                  <c:v>2.5000000000000001E-2</c:v>
                </c:pt>
                <c:pt idx="1903">
                  <c:v>2.5000000000000001E-2</c:v>
                </c:pt>
                <c:pt idx="1904">
                  <c:v>2.5000000000000001E-2</c:v>
                </c:pt>
                <c:pt idx="1905">
                  <c:v>2.5000000000000001E-2</c:v>
                </c:pt>
                <c:pt idx="1906">
                  <c:v>2.5000000000000001E-2</c:v>
                </c:pt>
                <c:pt idx="1907">
                  <c:v>2.5000000000000001E-2</c:v>
                </c:pt>
                <c:pt idx="1908">
                  <c:v>2.5000000000000001E-2</c:v>
                </c:pt>
                <c:pt idx="1909">
                  <c:v>2.5000000000000001E-2</c:v>
                </c:pt>
                <c:pt idx="1910">
                  <c:v>2.5000000000000001E-2</c:v>
                </c:pt>
                <c:pt idx="1911">
                  <c:v>2.5000000000000001E-2</c:v>
                </c:pt>
                <c:pt idx="1912">
                  <c:v>2.5000000000000001E-2</c:v>
                </c:pt>
                <c:pt idx="1913">
                  <c:v>2.5000000000000001E-2</c:v>
                </c:pt>
                <c:pt idx="1914">
                  <c:v>2.5000000000000001E-2</c:v>
                </c:pt>
                <c:pt idx="1915">
                  <c:v>2.5000000000000001E-2</c:v>
                </c:pt>
                <c:pt idx="1916">
                  <c:v>2.5000000000000001E-2</c:v>
                </c:pt>
                <c:pt idx="1917">
                  <c:v>2.5000000000000001E-2</c:v>
                </c:pt>
                <c:pt idx="1918">
                  <c:v>2.5000000000000001E-2</c:v>
                </c:pt>
                <c:pt idx="1919">
                  <c:v>2.5000000000000001E-2</c:v>
                </c:pt>
                <c:pt idx="1920">
                  <c:v>2.5000000000000001E-2</c:v>
                </c:pt>
                <c:pt idx="1921">
                  <c:v>2.5000000000000001E-2</c:v>
                </c:pt>
                <c:pt idx="1922">
                  <c:v>2.5000000000000001E-2</c:v>
                </c:pt>
                <c:pt idx="1923">
                  <c:v>2.5000000000000001E-2</c:v>
                </c:pt>
                <c:pt idx="1924">
                  <c:v>2.5000000000000001E-2</c:v>
                </c:pt>
                <c:pt idx="1925">
                  <c:v>2.5000000000000001E-2</c:v>
                </c:pt>
                <c:pt idx="1926">
                  <c:v>2.5000000000000001E-2</c:v>
                </c:pt>
                <c:pt idx="1927">
                  <c:v>2.5000000000000001E-2</c:v>
                </c:pt>
                <c:pt idx="1928">
                  <c:v>2.5000000000000001E-2</c:v>
                </c:pt>
                <c:pt idx="1929">
                  <c:v>2.5000000000000001E-2</c:v>
                </c:pt>
                <c:pt idx="1930">
                  <c:v>2.5000000000000001E-2</c:v>
                </c:pt>
                <c:pt idx="1931">
                  <c:v>2.5000000000000001E-2</c:v>
                </c:pt>
                <c:pt idx="1932">
                  <c:v>2.5000000000000001E-2</c:v>
                </c:pt>
                <c:pt idx="1933">
                  <c:v>2.5000000000000001E-2</c:v>
                </c:pt>
                <c:pt idx="1934">
                  <c:v>2.5000000000000001E-2</c:v>
                </c:pt>
                <c:pt idx="1935">
                  <c:v>2.5000000000000001E-2</c:v>
                </c:pt>
                <c:pt idx="1936">
                  <c:v>2.5000000000000001E-2</c:v>
                </c:pt>
                <c:pt idx="1937">
                  <c:v>2.5000000000000001E-2</c:v>
                </c:pt>
                <c:pt idx="1938">
                  <c:v>2.5000000000000001E-2</c:v>
                </c:pt>
                <c:pt idx="1939">
                  <c:v>2.5000000000000001E-2</c:v>
                </c:pt>
                <c:pt idx="1940">
                  <c:v>2.5000000000000001E-2</c:v>
                </c:pt>
                <c:pt idx="1941">
                  <c:v>2.5000000000000001E-2</c:v>
                </c:pt>
                <c:pt idx="1942">
                  <c:v>2.5000000000000001E-2</c:v>
                </c:pt>
                <c:pt idx="1943">
                  <c:v>2.5000000000000001E-2</c:v>
                </c:pt>
                <c:pt idx="1944">
                  <c:v>2.5000000000000001E-2</c:v>
                </c:pt>
                <c:pt idx="1945">
                  <c:v>2.5000000000000001E-2</c:v>
                </c:pt>
                <c:pt idx="1946">
                  <c:v>2.5000000000000001E-2</c:v>
                </c:pt>
                <c:pt idx="1947">
                  <c:v>2.5000000000000001E-2</c:v>
                </c:pt>
                <c:pt idx="1948">
                  <c:v>2.5000000000000001E-2</c:v>
                </c:pt>
                <c:pt idx="1949">
                  <c:v>2.5000000000000001E-2</c:v>
                </c:pt>
                <c:pt idx="1950">
                  <c:v>2.5000000000000001E-2</c:v>
                </c:pt>
                <c:pt idx="1951">
                  <c:v>2.5000000000000001E-2</c:v>
                </c:pt>
                <c:pt idx="1952">
                  <c:v>2.5000000000000001E-2</c:v>
                </c:pt>
                <c:pt idx="1953">
                  <c:v>2.5000000000000001E-2</c:v>
                </c:pt>
                <c:pt idx="1954">
                  <c:v>2.5000000000000001E-2</c:v>
                </c:pt>
                <c:pt idx="1955">
                  <c:v>2.5000000000000001E-2</c:v>
                </c:pt>
                <c:pt idx="1956">
                  <c:v>2.5000000000000001E-2</c:v>
                </c:pt>
                <c:pt idx="1957">
                  <c:v>2.5000000000000001E-2</c:v>
                </c:pt>
                <c:pt idx="1958">
                  <c:v>2.5000000000000001E-2</c:v>
                </c:pt>
                <c:pt idx="1959">
                  <c:v>2.5000000000000001E-2</c:v>
                </c:pt>
                <c:pt idx="1960">
                  <c:v>2.5000000000000001E-2</c:v>
                </c:pt>
                <c:pt idx="1961">
                  <c:v>2.5000000000000001E-2</c:v>
                </c:pt>
                <c:pt idx="1962">
                  <c:v>2.5000000000000001E-2</c:v>
                </c:pt>
                <c:pt idx="1963">
                  <c:v>2.5000000000000001E-2</c:v>
                </c:pt>
                <c:pt idx="1964">
                  <c:v>2.5000000000000001E-2</c:v>
                </c:pt>
                <c:pt idx="1965">
                  <c:v>2.5000000000000001E-2</c:v>
                </c:pt>
                <c:pt idx="1966">
                  <c:v>2.5000000000000001E-2</c:v>
                </c:pt>
                <c:pt idx="1967">
                  <c:v>2.5000000000000001E-2</c:v>
                </c:pt>
                <c:pt idx="1968">
                  <c:v>2.5000000000000001E-2</c:v>
                </c:pt>
                <c:pt idx="1969">
                  <c:v>2.5000000000000001E-2</c:v>
                </c:pt>
                <c:pt idx="1970">
                  <c:v>2.5000000000000001E-2</c:v>
                </c:pt>
                <c:pt idx="1971">
                  <c:v>2.5000000000000001E-2</c:v>
                </c:pt>
                <c:pt idx="1972">
                  <c:v>2.5000000000000001E-2</c:v>
                </c:pt>
                <c:pt idx="1973">
                  <c:v>2.5000000000000001E-2</c:v>
                </c:pt>
                <c:pt idx="1974">
                  <c:v>2.5000000000000001E-2</c:v>
                </c:pt>
                <c:pt idx="1975">
                  <c:v>2.5000000000000001E-2</c:v>
                </c:pt>
                <c:pt idx="1976">
                  <c:v>2.5000000000000001E-2</c:v>
                </c:pt>
                <c:pt idx="1977">
                  <c:v>2.5000000000000001E-2</c:v>
                </c:pt>
                <c:pt idx="1978">
                  <c:v>2.5000000000000001E-2</c:v>
                </c:pt>
                <c:pt idx="1979">
                  <c:v>2.5000000000000001E-2</c:v>
                </c:pt>
                <c:pt idx="1980">
                  <c:v>2.5000000000000001E-2</c:v>
                </c:pt>
                <c:pt idx="1981">
                  <c:v>2.5000000000000001E-2</c:v>
                </c:pt>
                <c:pt idx="1982">
                  <c:v>2.5000000000000001E-2</c:v>
                </c:pt>
                <c:pt idx="1983">
                  <c:v>2.5000000000000001E-2</c:v>
                </c:pt>
                <c:pt idx="1984">
                  <c:v>2.5000000000000001E-2</c:v>
                </c:pt>
                <c:pt idx="1985">
                  <c:v>2.5000000000000001E-2</c:v>
                </c:pt>
                <c:pt idx="1986">
                  <c:v>2.5000000000000001E-2</c:v>
                </c:pt>
                <c:pt idx="1987">
                  <c:v>2.5000000000000001E-2</c:v>
                </c:pt>
                <c:pt idx="1988">
                  <c:v>2.5000000000000001E-2</c:v>
                </c:pt>
                <c:pt idx="1989">
                  <c:v>2.5000000000000001E-2</c:v>
                </c:pt>
                <c:pt idx="1990">
                  <c:v>2.5000000000000001E-2</c:v>
                </c:pt>
                <c:pt idx="1991">
                  <c:v>2.5000000000000001E-2</c:v>
                </c:pt>
                <c:pt idx="1992">
                  <c:v>2.5000000000000001E-2</c:v>
                </c:pt>
                <c:pt idx="1993">
                  <c:v>2.5000000000000001E-2</c:v>
                </c:pt>
                <c:pt idx="1994">
                  <c:v>2.5000000000000001E-2</c:v>
                </c:pt>
                <c:pt idx="1995">
                  <c:v>2.5000000000000001E-2</c:v>
                </c:pt>
                <c:pt idx="1996">
                  <c:v>2.5000000000000001E-2</c:v>
                </c:pt>
                <c:pt idx="1997">
                  <c:v>2.5000000000000001E-2</c:v>
                </c:pt>
                <c:pt idx="1998">
                  <c:v>2.5000000000000001E-2</c:v>
                </c:pt>
                <c:pt idx="1999">
                  <c:v>2.5000000000000001E-2</c:v>
                </c:pt>
                <c:pt idx="2000">
                  <c:v>2.5000000000000001E-2</c:v>
                </c:pt>
                <c:pt idx="2001">
                  <c:v>2.5000000000000001E-2</c:v>
                </c:pt>
                <c:pt idx="2002">
                  <c:v>2.5000000000000001E-2</c:v>
                </c:pt>
                <c:pt idx="2003">
                  <c:v>2.5000000000000001E-2</c:v>
                </c:pt>
                <c:pt idx="2004">
                  <c:v>2.5000000000000001E-2</c:v>
                </c:pt>
                <c:pt idx="2005">
                  <c:v>2.5000000000000001E-2</c:v>
                </c:pt>
                <c:pt idx="2006">
                  <c:v>2.5000000000000001E-2</c:v>
                </c:pt>
                <c:pt idx="2007">
                  <c:v>2.5000000000000001E-2</c:v>
                </c:pt>
                <c:pt idx="2008">
                  <c:v>2.5000000000000001E-2</c:v>
                </c:pt>
                <c:pt idx="2009">
                  <c:v>2.5000000000000001E-2</c:v>
                </c:pt>
                <c:pt idx="2010">
                  <c:v>2.5000000000000001E-2</c:v>
                </c:pt>
                <c:pt idx="2011">
                  <c:v>2.5000000000000001E-2</c:v>
                </c:pt>
                <c:pt idx="2012">
                  <c:v>2.5000000000000001E-2</c:v>
                </c:pt>
                <c:pt idx="2013">
                  <c:v>2.5000000000000001E-2</c:v>
                </c:pt>
                <c:pt idx="2014">
                  <c:v>2.5000000000000001E-2</c:v>
                </c:pt>
                <c:pt idx="2015">
                  <c:v>2.5000000000000001E-2</c:v>
                </c:pt>
                <c:pt idx="2016">
                  <c:v>2.5000000000000001E-2</c:v>
                </c:pt>
                <c:pt idx="2017">
                  <c:v>2.5000000000000001E-2</c:v>
                </c:pt>
                <c:pt idx="2018">
                  <c:v>2.5000000000000001E-2</c:v>
                </c:pt>
                <c:pt idx="2019">
                  <c:v>2.5000000000000001E-2</c:v>
                </c:pt>
                <c:pt idx="2020">
                  <c:v>2.5000000000000001E-2</c:v>
                </c:pt>
                <c:pt idx="2021">
                  <c:v>2.5000000000000001E-2</c:v>
                </c:pt>
                <c:pt idx="2022">
                  <c:v>2.5000000000000001E-2</c:v>
                </c:pt>
                <c:pt idx="2023">
                  <c:v>2.5000000000000001E-2</c:v>
                </c:pt>
                <c:pt idx="2024">
                  <c:v>2.5000000000000001E-2</c:v>
                </c:pt>
                <c:pt idx="2025">
                  <c:v>2.5000000000000001E-2</c:v>
                </c:pt>
                <c:pt idx="2026">
                  <c:v>2.5000000000000001E-2</c:v>
                </c:pt>
                <c:pt idx="2027">
                  <c:v>2.5000000000000001E-2</c:v>
                </c:pt>
                <c:pt idx="2028">
                  <c:v>2.5000000000000001E-2</c:v>
                </c:pt>
                <c:pt idx="2029">
                  <c:v>2.5000000000000001E-2</c:v>
                </c:pt>
                <c:pt idx="2030">
                  <c:v>2.5000000000000001E-2</c:v>
                </c:pt>
                <c:pt idx="2031">
                  <c:v>2.5000000000000001E-2</c:v>
                </c:pt>
                <c:pt idx="2032">
                  <c:v>2.5000000000000001E-2</c:v>
                </c:pt>
                <c:pt idx="2033">
                  <c:v>2.5000000000000001E-2</c:v>
                </c:pt>
                <c:pt idx="2034">
                  <c:v>2.5000000000000001E-2</c:v>
                </c:pt>
                <c:pt idx="2035">
                  <c:v>2.5000000000000001E-2</c:v>
                </c:pt>
                <c:pt idx="2036">
                  <c:v>2.5000000000000001E-2</c:v>
                </c:pt>
                <c:pt idx="2037">
                  <c:v>2.5000000000000001E-2</c:v>
                </c:pt>
                <c:pt idx="2038">
                  <c:v>2.5000000000000001E-2</c:v>
                </c:pt>
                <c:pt idx="2039">
                  <c:v>2.5000000000000001E-2</c:v>
                </c:pt>
                <c:pt idx="2040">
                  <c:v>2.5000000000000001E-2</c:v>
                </c:pt>
                <c:pt idx="2041">
                  <c:v>2.5000000000000001E-2</c:v>
                </c:pt>
                <c:pt idx="2042">
                  <c:v>2.5000000000000001E-2</c:v>
                </c:pt>
                <c:pt idx="2043">
                  <c:v>2.5000000000000001E-2</c:v>
                </c:pt>
                <c:pt idx="2044">
                  <c:v>2.5000000000000001E-2</c:v>
                </c:pt>
                <c:pt idx="2045">
                  <c:v>2.5000000000000001E-2</c:v>
                </c:pt>
                <c:pt idx="2046">
                  <c:v>2.5000000000000001E-2</c:v>
                </c:pt>
                <c:pt idx="2047">
                  <c:v>2.5000000000000001E-2</c:v>
                </c:pt>
                <c:pt idx="2048">
                  <c:v>2.5000000000000001E-2</c:v>
                </c:pt>
                <c:pt idx="2049">
                  <c:v>2.5000000000000001E-2</c:v>
                </c:pt>
                <c:pt idx="2050">
                  <c:v>2.5000000000000001E-2</c:v>
                </c:pt>
                <c:pt idx="2051">
                  <c:v>2.5000000000000001E-2</c:v>
                </c:pt>
                <c:pt idx="2052">
                  <c:v>2.5000000000000001E-2</c:v>
                </c:pt>
                <c:pt idx="2053">
                  <c:v>2.5000000000000001E-2</c:v>
                </c:pt>
                <c:pt idx="2054">
                  <c:v>2.5000000000000001E-2</c:v>
                </c:pt>
                <c:pt idx="2055">
                  <c:v>2.5000000000000001E-2</c:v>
                </c:pt>
                <c:pt idx="2056">
                  <c:v>2.5000000000000001E-2</c:v>
                </c:pt>
                <c:pt idx="2057">
                  <c:v>2.5000000000000001E-2</c:v>
                </c:pt>
                <c:pt idx="2058">
                  <c:v>2.5000000000000001E-2</c:v>
                </c:pt>
                <c:pt idx="2059">
                  <c:v>2.5000000000000001E-2</c:v>
                </c:pt>
                <c:pt idx="2060">
                  <c:v>2.5000000000000001E-2</c:v>
                </c:pt>
                <c:pt idx="2061">
                  <c:v>2.5000000000000001E-2</c:v>
                </c:pt>
                <c:pt idx="2062">
                  <c:v>2.5000000000000001E-2</c:v>
                </c:pt>
                <c:pt idx="2063">
                  <c:v>2.5000000000000001E-2</c:v>
                </c:pt>
                <c:pt idx="2064">
                  <c:v>2.5000000000000001E-2</c:v>
                </c:pt>
                <c:pt idx="2065">
                  <c:v>2.5000000000000001E-2</c:v>
                </c:pt>
                <c:pt idx="2066">
                  <c:v>2.5000000000000001E-2</c:v>
                </c:pt>
                <c:pt idx="2067">
                  <c:v>2.5000000000000001E-2</c:v>
                </c:pt>
                <c:pt idx="2068">
                  <c:v>2.5000000000000001E-2</c:v>
                </c:pt>
                <c:pt idx="2069">
                  <c:v>2.5000000000000001E-2</c:v>
                </c:pt>
                <c:pt idx="2070">
                  <c:v>2.5000000000000001E-2</c:v>
                </c:pt>
                <c:pt idx="2071">
                  <c:v>2.5000000000000001E-2</c:v>
                </c:pt>
                <c:pt idx="2072">
                  <c:v>2.5000000000000001E-2</c:v>
                </c:pt>
                <c:pt idx="2073">
                  <c:v>2.5000000000000001E-2</c:v>
                </c:pt>
                <c:pt idx="2074">
                  <c:v>2.5000000000000001E-2</c:v>
                </c:pt>
                <c:pt idx="2075">
                  <c:v>2.5000000000000001E-2</c:v>
                </c:pt>
                <c:pt idx="2076">
                  <c:v>2.75E-2</c:v>
                </c:pt>
                <c:pt idx="2077">
                  <c:v>2.75E-2</c:v>
                </c:pt>
                <c:pt idx="2078">
                  <c:v>2.75E-2</c:v>
                </c:pt>
                <c:pt idx="2079">
                  <c:v>2.75E-2</c:v>
                </c:pt>
                <c:pt idx="2080">
                  <c:v>2.75E-2</c:v>
                </c:pt>
                <c:pt idx="2081">
                  <c:v>2.75E-2</c:v>
                </c:pt>
                <c:pt idx="2082">
                  <c:v>2.75E-2</c:v>
                </c:pt>
                <c:pt idx="2083">
                  <c:v>2.75E-2</c:v>
                </c:pt>
                <c:pt idx="2084">
                  <c:v>2.75E-2</c:v>
                </c:pt>
                <c:pt idx="2085">
                  <c:v>2.75E-2</c:v>
                </c:pt>
                <c:pt idx="2086">
                  <c:v>2.75E-2</c:v>
                </c:pt>
                <c:pt idx="2087">
                  <c:v>2.75E-2</c:v>
                </c:pt>
                <c:pt idx="2088">
                  <c:v>2.75E-2</c:v>
                </c:pt>
                <c:pt idx="2089">
                  <c:v>2.75E-2</c:v>
                </c:pt>
                <c:pt idx="2090">
                  <c:v>2.75E-2</c:v>
                </c:pt>
                <c:pt idx="2091">
                  <c:v>2.75E-2</c:v>
                </c:pt>
                <c:pt idx="2092">
                  <c:v>2.75E-2</c:v>
                </c:pt>
                <c:pt idx="2093">
                  <c:v>2.75E-2</c:v>
                </c:pt>
                <c:pt idx="2094">
                  <c:v>2.75E-2</c:v>
                </c:pt>
                <c:pt idx="2095">
                  <c:v>2.75E-2</c:v>
                </c:pt>
                <c:pt idx="2096">
                  <c:v>2.75E-2</c:v>
                </c:pt>
                <c:pt idx="2097">
                  <c:v>2.75E-2</c:v>
                </c:pt>
                <c:pt idx="2098">
                  <c:v>2.75E-2</c:v>
                </c:pt>
                <c:pt idx="2099">
                  <c:v>2.75E-2</c:v>
                </c:pt>
                <c:pt idx="2100">
                  <c:v>2.75E-2</c:v>
                </c:pt>
                <c:pt idx="2101">
                  <c:v>2.75E-2</c:v>
                </c:pt>
                <c:pt idx="2102">
                  <c:v>2.75E-2</c:v>
                </c:pt>
                <c:pt idx="2103">
                  <c:v>2.75E-2</c:v>
                </c:pt>
                <c:pt idx="2104">
                  <c:v>2.75E-2</c:v>
                </c:pt>
                <c:pt idx="2105">
                  <c:v>2.75E-2</c:v>
                </c:pt>
                <c:pt idx="2106">
                  <c:v>2.75E-2</c:v>
                </c:pt>
                <c:pt idx="2107">
                  <c:v>2.75E-2</c:v>
                </c:pt>
                <c:pt idx="2108">
                  <c:v>2.75E-2</c:v>
                </c:pt>
                <c:pt idx="2109">
                  <c:v>2.75E-2</c:v>
                </c:pt>
                <c:pt idx="2110">
                  <c:v>2.75E-2</c:v>
                </c:pt>
                <c:pt idx="2111">
                  <c:v>2.75E-2</c:v>
                </c:pt>
                <c:pt idx="2112">
                  <c:v>2.75E-2</c:v>
                </c:pt>
                <c:pt idx="2113">
                  <c:v>2.75E-2</c:v>
                </c:pt>
                <c:pt idx="2114">
                  <c:v>2.75E-2</c:v>
                </c:pt>
                <c:pt idx="2115">
                  <c:v>2.75E-2</c:v>
                </c:pt>
                <c:pt idx="2116">
                  <c:v>2.75E-2</c:v>
                </c:pt>
                <c:pt idx="2117">
                  <c:v>0.03</c:v>
                </c:pt>
                <c:pt idx="2118">
                  <c:v>0.03</c:v>
                </c:pt>
                <c:pt idx="2119">
                  <c:v>0.03</c:v>
                </c:pt>
                <c:pt idx="2120">
                  <c:v>0.03</c:v>
                </c:pt>
                <c:pt idx="2121">
                  <c:v>0.03</c:v>
                </c:pt>
                <c:pt idx="2122">
                  <c:v>0.03</c:v>
                </c:pt>
                <c:pt idx="2123">
                  <c:v>0.03</c:v>
                </c:pt>
                <c:pt idx="2124">
                  <c:v>0.03</c:v>
                </c:pt>
                <c:pt idx="2125">
                  <c:v>0.03</c:v>
                </c:pt>
                <c:pt idx="2126">
                  <c:v>0.03</c:v>
                </c:pt>
                <c:pt idx="2127">
                  <c:v>0.03</c:v>
                </c:pt>
                <c:pt idx="2128">
                  <c:v>0.03</c:v>
                </c:pt>
                <c:pt idx="2129">
                  <c:v>0.03</c:v>
                </c:pt>
                <c:pt idx="2130">
                  <c:v>0.03</c:v>
                </c:pt>
                <c:pt idx="2131">
                  <c:v>0.03</c:v>
                </c:pt>
                <c:pt idx="2132">
                  <c:v>0.03</c:v>
                </c:pt>
                <c:pt idx="2133">
                  <c:v>0.03</c:v>
                </c:pt>
                <c:pt idx="2134">
                  <c:v>0.03</c:v>
                </c:pt>
                <c:pt idx="2135">
                  <c:v>0.03</c:v>
                </c:pt>
                <c:pt idx="2136">
                  <c:v>0.03</c:v>
                </c:pt>
                <c:pt idx="2137">
                  <c:v>0.03</c:v>
                </c:pt>
                <c:pt idx="2138">
                  <c:v>0.03</c:v>
                </c:pt>
                <c:pt idx="2139">
                  <c:v>0.03</c:v>
                </c:pt>
                <c:pt idx="2140">
                  <c:v>0.03</c:v>
                </c:pt>
                <c:pt idx="2141">
                  <c:v>0.03</c:v>
                </c:pt>
                <c:pt idx="2142">
                  <c:v>0.03</c:v>
                </c:pt>
                <c:pt idx="2143">
                  <c:v>0.03</c:v>
                </c:pt>
                <c:pt idx="2144">
                  <c:v>0.03</c:v>
                </c:pt>
                <c:pt idx="2145">
                  <c:v>0.03</c:v>
                </c:pt>
                <c:pt idx="2146">
                  <c:v>0.03</c:v>
                </c:pt>
                <c:pt idx="2147">
                  <c:v>0.03</c:v>
                </c:pt>
                <c:pt idx="2148">
                  <c:v>0.03</c:v>
                </c:pt>
                <c:pt idx="2149">
                  <c:v>0.03</c:v>
                </c:pt>
                <c:pt idx="2150">
                  <c:v>0.03</c:v>
                </c:pt>
                <c:pt idx="2151">
                  <c:v>0.03</c:v>
                </c:pt>
                <c:pt idx="2152">
                  <c:v>0.03</c:v>
                </c:pt>
                <c:pt idx="2153">
                  <c:v>0.03</c:v>
                </c:pt>
                <c:pt idx="2154">
                  <c:v>0.03</c:v>
                </c:pt>
                <c:pt idx="2155">
                  <c:v>0.03</c:v>
                </c:pt>
                <c:pt idx="2156">
                  <c:v>0.03</c:v>
                </c:pt>
                <c:pt idx="2157">
                  <c:v>0.03</c:v>
                </c:pt>
                <c:pt idx="2158">
                  <c:v>0.03</c:v>
                </c:pt>
                <c:pt idx="2159">
                  <c:v>0.03</c:v>
                </c:pt>
                <c:pt idx="2160">
                  <c:v>0.03</c:v>
                </c:pt>
                <c:pt idx="2161">
                  <c:v>0.03</c:v>
                </c:pt>
                <c:pt idx="2162">
                  <c:v>0.03</c:v>
                </c:pt>
                <c:pt idx="2163">
                  <c:v>0.03</c:v>
                </c:pt>
                <c:pt idx="2164">
                  <c:v>0.03</c:v>
                </c:pt>
                <c:pt idx="2165">
                  <c:v>0.03</c:v>
                </c:pt>
                <c:pt idx="2166">
                  <c:v>3.2500000000000001E-2</c:v>
                </c:pt>
                <c:pt idx="2167">
                  <c:v>3.2500000000000001E-2</c:v>
                </c:pt>
                <c:pt idx="2168">
                  <c:v>3.2500000000000001E-2</c:v>
                </c:pt>
                <c:pt idx="2169">
                  <c:v>3.2500000000000001E-2</c:v>
                </c:pt>
                <c:pt idx="2170">
                  <c:v>3.2500000000000001E-2</c:v>
                </c:pt>
                <c:pt idx="2171">
                  <c:v>3.2500000000000001E-2</c:v>
                </c:pt>
                <c:pt idx="2172">
                  <c:v>3.2500000000000001E-2</c:v>
                </c:pt>
                <c:pt idx="2173">
                  <c:v>3.2500000000000001E-2</c:v>
                </c:pt>
                <c:pt idx="2174">
                  <c:v>3.2500000000000001E-2</c:v>
                </c:pt>
                <c:pt idx="2175">
                  <c:v>3.2500000000000001E-2</c:v>
                </c:pt>
                <c:pt idx="2176">
                  <c:v>3.2500000000000001E-2</c:v>
                </c:pt>
                <c:pt idx="2177">
                  <c:v>3.2500000000000001E-2</c:v>
                </c:pt>
                <c:pt idx="2178">
                  <c:v>3.2500000000000001E-2</c:v>
                </c:pt>
                <c:pt idx="2179">
                  <c:v>3.2500000000000001E-2</c:v>
                </c:pt>
                <c:pt idx="2180">
                  <c:v>3.2500000000000001E-2</c:v>
                </c:pt>
                <c:pt idx="2181">
                  <c:v>3.2500000000000001E-2</c:v>
                </c:pt>
                <c:pt idx="2182">
                  <c:v>3.2500000000000001E-2</c:v>
                </c:pt>
                <c:pt idx="2183">
                  <c:v>3.2500000000000001E-2</c:v>
                </c:pt>
                <c:pt idx="2184">
                  <c:v>3.2500000000000001E-2</c:v>
                </c:pt>
                <c:pt idx="2185">
                  <c:v>3.2500000000000001E-2</c:v>
                </c:pt>
                <c:pt idx="2186">
                  <c:v>3.2500000000000001E-2</c:v>
                </c:pt>
                <c:pt idx="2187">
                  <c:v>3.2500000000000001E-2</c:v>
                </c:pt>
                <c:pt idx="2188">
                  <c:v>3.2500000000000001E-2</c:v>
                </c:pt>
                <c:pt idx="2189">
                  <c:v>3.2500000000000001E-2</c:v>
                </c:pt>
                <c:pt idx="2190">
                  <c:v>3.2500000000000001E-2</c:v>
                </c:pt>
                <c:pt idx="2191">
                  <c:v>3.2500000000000001E-2</c:v>
                </c:pt>
                <c:pt idx="2192">
                  <c:v>3.2500000000000001E-2</c:v>
                </c:pt>
                <c:pt idx="2193">
                  <c:v>3.2500000000000001E-2</c:v>
                </c:pt>
                <c:pt idx="2194">
                  <c:v>3.2500000000000001E-2</c:v>
                </c:pt>
                <c:pt idx="2195">
                  <c:v>3.2500000000000001E-2</c:v>
                </c:pt>
                <c:pt idx="2196">
                  <c:v>3.2500000000000001E-2</c:v>
                </c:pt>
                <c:pt idx="2197">
                  <c:v>3.2500000000000001E-2</c:v>
                </c:pt>
                <c:pt idx="2198">
                  <c:v>3.2500000000000001E-2</c:v>
                </c:pt>
                <c:pt idx="2199">
                  <c:v>3.2500000000000001E-2</c:v>
                </c:pt>
                <c:pt idx="2200">
                  <c:v>3.2500000000000001E-2</c:v>
                </c:pt>
                <c:pt idx="2201">
                  <c:v>3.2500000000000001E-2</c:v>
                </c:pt>
                <c:pt idx="2202">
                  <c:v>3.2500000000000001E-2</c:v>
                </c:pt>
                <c:pt idx="2203">
                  <c:v>3.2500000000000001E-2</c:v>
                </c:pt>
                <c:pt idx="2204">
                  <c:v>3.2500000000000001E-2</c:v>
                </c:pt>
                <c:pt idx="2205">
                  <c:v>3.2500000000000001E-2</c:v>
                </c:pt>
                <c:pt idx="2206">
                  <c:v>3.2500000000000001E-2</c:v>
                </c:pt>
                <c:pt idx="2207">
                  <c:v>3.2500000000000001E-2</c:v>
                </c:pt>
                <c:pt idx="2208">
                  <c:v>3.2500000000000001E-2</c:v>
                </c:pt>
                <c:pt idx="2209">
                  <c:v>3.2500000000000001E-2</c:v>
                </c:pt>
                <c:pt idx="2210">
                  <c:v>3.2500000000000001E-2</c:v>
                </c:pt>
                <c:pt idx="2211">
                  <c:v>3.2500000000000001E-2</c:v>
                </c:pt>
                <c:pt idx="2212">
                  <c:v>3.2500000000000001E-2</c:v>
                </c:pt>
                <c:pt idx="2213">
                  <c:v>3.2500000000000001E-2</c:v>
                </c:pt>
                <c:pt idx="2214">
                  <c:v>3.2500000000000001E-2</c:v>
                </c:pt>
                <c:pt idx="2215">
                  <c:v>3.5000000000000003E-2</c:v>
                </c:pt>
                <c:pt idx="2216">
                  <c:v>3.5000000000000003E-2</c:v>
                </c:pt>
                <c:pt idx="2217">
                  <c:v>3.5000000000000003E-2</c:v>
                </c:pt>
                <c:pt idx="2218">
                  <c:v>3.5000000000000003E-2</c:v>
                </c:pt>
                <c:pt idx="2219">
                  <c:v>3.5000000000000003E-2</c:v>
                </c:pt>
                <c:pt idx="2220">
                  <c:v>3.5000000000000003E-2</c:v>
                </c:pt>
                <c:pt idx="2221">
                  <c:v>3.5000000000000003E-2</c:v>
                </c:pt>
                <c:pt idx="2222">
                  <c:v>3.5000000000000003E-2</c:v>
                </c:pt>
                <c:pt idx="2223">
                  <c:v>3.5000000000000003E-2</c:v>
                </c:pt>
                <c:pt idx="2224">
                  <c:v>3.5000000000000003E-2</c:v>
                </c:pt>
                <c:pt idx="2225">
                  <c:v>3.5000000000000003E-2</c:v>
                </c:pt>
                <c:pt idx="2226">
                  <c:v>3.5000000000000003E-2</c:v>
                </c:pt>
                <c:pt idx="2227">
                  <c:v>3.5000000000000003E-2</c:v>
                </c:pt>
                <c:pt idx="2228">
                  <c:v>3.5000000000000003E-2</c:v>
                </c:pt>
                <c:pt idx="2229">
                  <c:v>3.5000000000000003E-2</c:v>
                </c:pt>
                <c:pt idx="2230">
                  <c:v>3.5000000000000003E-2</c:v>
                </c:pt>
                <c:pt idx="2231">
                  <c:v>3.5000000000000003E-2</c:v>
                </c:pt>
                <c:pt idx="2232">
                  <c:v>3.5000000000000003E-2</c:v>
                </c:pt>
                <c:pt idx="2233">
                  <c:v>3.5000000000000003E-2</c:v>
                </c:pt>
                <c:pt idx="2234">
                  <c:v>3.5000000000000003E-2</c:v>
                </c:pt>
                <c:pt idx="2235">
                  <c:v>3.5000000000000003E-2</c:v>
                </c:pt>
                <c:pt idx="2236">
                  <c:v>3.5000000000000003E-2</c:v>
                </c:pt>
                <c:pt idx="2237">
                  <c:v>3.5000000000000003E-2</c:v>
                </c:pt>
                <c:pt idx="2238">
                  <c:v>3.5000000000000003E-2</c:v>
                </c:pt>
                <c:pt idx="2239">
                  <c:v>3.5000000000000003E-2</c:v>
                </c:pt>
                <c:pt idx="2240">
                  <c:v>3.5000000000000003E-2</c:v>
                </c:pt>
                <c:pt idx="2241">
                  <c:v>3.5000000000000003E-2</c:v>
                </c:pt>
                <c:pt idx="2242">
                  <c:v>3.5000000000000003E-2</c:v>
                </c:pt>
                <c:pt idx="2243">
                  <c:v>3.5000000000000003E-2</c:v>
                </c:pt>
                <c:pt idx="2244">
                  <c:v>3.5000000000000003E-2</c:v>
                </c:pt>
                <c:pt idx="2245">
                  <c:v>3.5000000000000003E-2</c:v>
                </c:pt>
                <c:pt idx="2246">
                  <c:v>3.5000000000000003E-2</c:v>
                </c:pt>
                <c:pt idx="2247">
                  <c:v>3.5000000000000003E-2</c:v>
                </c:pt>
                <c:pt idx="2248">
                  <c:v>3.5000000000000003E-2</c:v>
                </c:pt>
                <c:pt idx="2249">
                  <c:v>3.5000000000000003E-2</c:v>
                </c:pt>
                <c:pt idx="2250">
                  <c:v>3.5000000000000003E-2</c:v>
                </c:pt>
                <c:pt idx="2251">
                  <c:v>3.5000000000000003E-2</c:v>
                </c:pt>
                <c:pt idx="2252">
                  <c:v>3.5000000000000003E-2</c:v>
                </c:pt>
                <c:pt idx="2253">
                  <c:v>3.5000000000000003E-2</c:v>
                </c:pt>
                <c:pt idx="2254">
                  <c:v>3.5000000000000003E-2</c:v>
                </c:pt>
                <c:pt idx="2255">
                  <c:v>3.5000000000000003E-2</c:v>
                </c:pt>
                <c:pt idx="2256">
                  <c:v>3.5000000000000003E-2</c:v>
                </c:pt>
                <c:pt idx="2257">
                  <c:v>3.7499999999999999E-2</c:v>
                </c:pt>
                <c:pt idx="2258">
                  <c:v>3.7499999999999999E-2</c:v>
                </c:pt>
                <c:pt idx="2259">
                  <c:v>3.7499999999999999E-2</c:v>
                </c:pt>
                <c:pt idx="2260">
                  <c:v>3.7499999999999999E-2</c:v>
                </c:pt>
                <c:pt idx="2261">
                  <c:v>3.7499999999999999E-2</c:v>
                </c:pt>
                <c:pt idx="2262">
                  <c:v>3.7499999999999999E-2</c:v>
                </c:pt>
                <c:pt idx="2263">
                  <c:v>3.7499999999999999E-2</c:v>
                </c:pt>
                <c:pt idx="2264">
                  <c:v>3.7499999999999999E-2</c:v>
                </c:pt>
                <c:pt idx="2265">
                  <c:v>3.7499999999999999E-2</c:v>
                </c:pt>
                <c:pt idx="2266">
                  <c:v>3.7499999999999999E-2</c:v>
                </c:pt>
                <c:pt idx="2267">
                  <c:v>3.7499999999999999E-2</c:v>
                </c:pt>
                <c:pt idx="2268">
                  <c:v>3.7499999999999999E-2</c:v>
                </c:pt>
                <c:pt idx="2269">
                  <c:v>3.7499999999999999E-2</c:v>
                </c:pt>
                <c:pt idx="2270">
                  <c:v>3.7499999999999999E-2</c:v>
                </c:pt>
                <c:pt idx="2271">
                  <c:v>3.7499999999999999E-2</c:v>
                </c:pt>
                <c:pt idx="2272">
                  <c:v>3.7499999999999999E-2</c:v>
                </c:pt>
                <c:pt idx="2273">
                  <c:v>3.7499999999999999E-2</c:v>
                </c:pt>
                <c:pt idx="2274">
                  <c:v>3.7499999999999999E-2</c:v>
                </c:pt>
                <c:pt idx="2275">
                  <c:v>3.7499999999999999E-2</c:v>
                </c:pt>
                <c:pt idx="2276">
                  <c:v>3.7499999999999999E-2</c:v>
                </c:pt>
                <c:pt idx="2277">
                  <c:v>3.7499999999999999E-2</c:v>
                </c:pt>
                <c:pt idx="2278">
                  <c:v>3.7499999999999999E-2</c:v>
                </c:pt>
                <c:pt idx="2279">
                  <c:v>3.7499999999999999E-2</c:v>
                </c:pt>
                <c:pt idx="2280">
                  <c:v>3.7499999999999999E-2</c:v>
                </c:pt>
                <c:pt idx="2281">
                  <c:v>3.7499999999999999E-2</c:v>
                </c:pt>
                <c:pt idx="2282">
                  <c:v>3.7499999999999999E-2</c:v>
                </c:pt>
                <c:pt idx="2283">
                  <c:v>3.7499999999999999E-2</c:v>
                </c:pt>
                <c:pt idx="2284">
                  <c:v>3.7499999999999999E-2</c:v>
                </c:pt>
                <c:pt idx="2285">
                  <c:v>3.7499999999999999E-2</c:v>
                </c:pt>
                <c:pt idx="2286">
                  <c:v>3.7499999999999999E-2</c:v>
                </c:pt>
                <c:pt idx="2287">
                  <c:v>3.7499999999999999E-2</c:v>
                </c:pt>
                <c:pt idx="2288">
                  <c:v>3.7499999999999999E-2</c:v>
                </c:pt>
                <c:pt idx="2289">
                  <c:v>3.7499999999999999E-2</c:v>
                </c:pt>
                <c:pt idx="2290">
                  <c:v>3.7499999999999999E-2</c:v>
                </c:pt>
                <c:pt idx="2291">
                  <c:v>3.7499999999999999E-2</c:v>
                </c:pt>
                <c:pt idx="2292">
                  <c:v>3.7499999999999999E-2</c:v>
                </c:pt>
                <c:pt idx="2293">
                  <c:v>3.7499999999999999E-2</c:v>
                </c:pt>
                <c:pt idx="2294">
                  <c:v>3.7499999999999999E-2</c:v>
                </c:pt>
                <c:pt idx="2295">
                  <c:v>3.7499999999999999E-2</c:v>
                </c:pt>
                <c:pt idx="2296">
                  <c:v>3.7499999999999999E-2</c:v>
                </c:pt>
                <c:pt idx="2297">
                  <c:v>3.7499999999999999E-2</c:v>
                </c:pt>
                <c:pt idx="2298">
                  <c:v>3.7499999999999999E-2</c:v>
                </c:pt>
                <c:pt idx="2299">
                  <c:v>3.7499999999999999E-2</c:v>
                </c:pt>
                <c:pt idx="2300">
                  <c:v>3.7499999999999999E-2</c:v>
                </c:pt>
                <c:pt idx="2301">
                  <c:v>3.7499999999999999E-2</c:v>
                </c:pt>
                <c:pt idx="2302">
                  <c:v>3.7499999999999999E-2</c:v>
                </c:pt>
                <c:pt idx="2303">
                  <c:v>3.7499999999999999E-2</c:v>
                </c:pt>
                <c:pt idx="2304">
                  <c:v>3.7499999999999999E-2</c:v>
                </c:pt>
                <c:pt idx="2305">
                  <c:v>3.7499999999999999E-2</c:v>
                </c:pt>
                <c:pt idx="2306">
                  <c:v>0.04</c:v>
                </c:pt>
                <c:pt idx="2307">
                  <c:v>0.04</c:v>
                </c:pt>
                <c:pt idx="2308">
                  <c:v>0.04</c:v>
                </c:pt>
                <c:pt idx="2309">
                  <c:v>0.04</c:v>
                </c:pt>
                <c:pt idx="2310">
                  <c:v>0.04</c:v>
                </c:pt>
                <c:pt idx="2311">
                  <c:v>0.04</c:v>
                </c:pt>
                <c:pt idx="2312">
                  <c:v>0.04</c:v>
                </c:pt>
                <c:pt idx="2313">
                  <c:v>0.04</c:v>
                </c:pt>
                <c:pt idx="2314">
                  <c:v>0.04</c:v>
                </c:pt>
                <c:pt idx="2315">
                  <c:v>0.04</c:v>
                </c:pt>
                <c:pt idx="2316">
                  <c:v>0.04</c:v>
                </c:pt>
                <c:pt idx="2317">
                  <c:v>0.04</c:v>
                </c:pt>
                <c:pt idx="2318">
                  <c:v>0.04</c:v>
                </c:pt>
                <c:pt idx="2319">
                  <c:v>0.04</c:v>
                </c:pt>
                <c:pt idx="2320">
                  <c:v>0.04</c:v>
                </c:pt>
                <c:pt idx="2321">
                  <c:v>0.04</c:v>
                </c:pt>
                <c:pt idx="2322">
                  <c:v>0.04</c:v>
                </c:pt>
                <c:pt idx="2323">
                  <c:v>0.04</c:v>
                </c:pt>
                <c:pt idx="2324">
                  <c:v>0.04</c:v>
                </c:pt>
                <c:pt idx="2325">
                  <c:v>0.04</c:v>
                </c:pt>
                <c:pt idx="2326">
                  <c:v>0.04</c:v>
                </c:pt>
                <c:pt idx="2327">
                  <c:v>0.04</c:v>
                </c:pt>
                <c:pt idx="2328">
                  <c:v>0.04</c:v>
                </c:pt>
                <c:pt idx="2329">
                  <c:v>0.04</c:v>
                </c:pt>
                <c:pt idx="2330">
                  <c:v>0.04</c:v>
                </c:pt>
                <c:pt idx="2331">
                  <c:v>0.04</c:v>
                </c:pt>
                <c:pt idx="2332">
                  <c:v>0.04</c:v>
                </c:pt>
                <c:pt idx="2333">
                  <c:v>0.04</c:v>
                </c:pt>
                <c:pt idx="2334">
                  <c:v>0.04</c:v>
                </c:pt>
                <c:pt idx="2335">
                  <c:v>4.2500000000000003E-2</c:v>
                </c:pt>
                <c:pt idx="2336">
                  <c:v>4.2500000000000003E-2</c:v>
                </c:pt>
                <c:pt idx="2337">
                  <c:v>4.2500000000000003E-2</c:v>
                </c:pt>
                <c:pt idx="2338">
                  <c:v>4.2500000000000003E-2</c:v>
                </c:pt>
                <c:pt idx="2339">
                  <c:v>4.2500000000000003E-2</c:v>
                </c:pt>
                <c:pt idx="2340">
                  <c:v>4.2500000000000003E-2</c:v>
                </c:pt>
                <c:pt idx="2341">
                  <c:v>4.2500000000000003E-2</c:v>
                </c:pt>
                <c:pt idx="2342">
                  <c:v>4.2500000000000003E-2</c:v>
                </c:pt>
                <c:pt idx="2343">
                  <c:v>4.2500000000000003E-2</c:v>
                </c:pt>
                <c:pt idx="2344">
                  <c:v>4.2500000000000003E-2</c:v>
                </c:pt>
                <c:pt idx="2345">
                  <c:v>4.2500000000000003E-2</c:v>
                </c:pt>
                <c:pt idx="2346">
                  <c:v>4.2500000000000003E-2</c:v>
                </c:pt>
                <c:pt idx="2347">
                  <c:v>4.2500000000000003E-2</c:v>
                </c:pt>
                <c:pt idx="2348">
                  <c:v>4.2500000000000003E-2</c:v>
                </c:pt>
                <c:pt idx="2349">
                  <c:v>4.2500000000000003E-2</c:v>
                </c:pt>
                <c:pt idx="2350">
                  <c:v>4.2500000000000003E-2</c:v>
                </c:pt>
                <c:pt idx="2351">
                  <c:v>4.2500000000000003E-2</c:v>
                </c:pt>
                <c:pt idx="2352">
                  <c:v>4.2500000000000003E-2</c:v>
                </c:pt>
                <c:pt idx="2353">
                  <c:v>4.2500000000000003E-2</c:v>
                </c:pt>
                <c:pt idx="2354">
                  <c:v>4.2500000000000003E-2</c:v>
                </c:pt>
                <c:pt idx="2355">
                  <c:v>4.2500000000000003E-2</c:v>
                </c:pt>
                <c:pt idx="2356">
                  <c:v>4.2500000000000003E-2</c:v>
                </c:pt>
                <c:pt idx="2357">
                  <c:v>4.2500000000000003E-2</c:v>
                </c:pt>
                <c:pt idx="2358">
                  <c:v>4.2500000000000003E-2</c:v>
                </c:pt>
                <c:pt idx="2359">
                  <c:v>4.2500000000000003E-2</c:v>
                </c:pt>
                <c:pt idx="2360">
                  <c:v>4.2500000000000003E-2</c:v>
                </c:pt>
                <c:pt idx="2361">
                  <c:v>4.2500000000000003E-2</c:v>
                </c:pt>
                <c:pt idx="2362">
                  <c:v>4.2500000000000003E-2</c:v>
                </c:pt>
                <c:pt idx="2363">
                  <c:v>4.2500000000000003E-2</c:v>
                </c:pt>
                <c:pt idx="2364">
                  <c:v>4.2500000000000003E-2</c:v>
                </c:pt>
                <c:pt idx="2365">
                  <c:v>4.2500000000000003E-2</c:v>
                </c:pt>
                <c:pt idx="2366">
                  <c:v>4.2500000000000003E-2</c:v>
                </c:pt>
                <c:pt idx="2367">
                  <c:v>4.2500000000000003E-2</c:v>
                </c:pt>
                <c:pt idx="2368">
                  <c:v>4.2500000000000003E-2</c:v>
                </c:pt>
                <c:pt idx="2369">
                  <c:v>4.2500000000000003E-2</c:v>
                </c:pt>
                <c:pt idx="2370">
                  <c:v>4.2500000000000003E-2</c:v>
                </c:pt>
                <c:pt idx="2371">
                  <c:v>4.2500000000000003E-2</c:v>
                </c:pt>
                <c:pt idx="2372">
                  <c:v>4.2500000000000003E-2</c:v>
                </c:pt>
                <c:pt idx="2373">
                  <c:v>4.2500000000000003E-2</c:v>
                </c:pt>
                <c:pt idx="2374">
                  <c:v>4.2500000000000003E-2</c:v>
                </c:pt>
                <c:pt idx="2375">
                  <c:v>4.2500000000000003E-2</c:v>
                </c:pt>
                <c:pt idx="2376">
                  <c:v>4.2500000000000003E-2</c:v>
                </c:pt>
                <c:pt idx="2377">
                  <c:v>4.2500000000000003E-2</c:v>
                </c:pt>
                <c:pt idx="2378">
                  <c:v>4.2500000000000003E-2</c:v>
                </c:pt>
                <c:pt idx="2379">
                  <c:v>4.2500000000000003E-2</c:v>
                </c:pt>
                <c:pt idx="2380">
                  <c:v>4.2500000000000003E-2</c:v>
                </c:pt>
                <c:pt idx="2381">
                  <c:v>4.2500000000000003E-2</c:v>
                </c:pt>
                <c:pt idx="2382">
                  <c:v>4.2500000000000003E-2</c:v>
                </c:pt>
                <c:pt idx="2383">
                  <c:v>4.2500000000000003E-2</c:v>
                </c:pt>
                <c:pt idx="2384">
                  <c:v>4.2500000000000003E-2</c:v>
                </c:pt>
                <c:pt idx="2385">
                  <c:v>4.2500000000000003E-2</c:v>
                </c:pt>
                <c:pt idx="2386">
                  <c:v>4.2500000000000003E-2</c:v>
                </c:pt>
                <c:pt idx="2387">
                  <c:v>4.2500000000000003E-2</c:v>
                </c:pt>
                <c:pt idx="2388">
                  <c:v>4.2500000000000003E-2</c:v>
                </c:pt>
                <c:pt idx="2389">
                  <c:v>4.2500000000000003E-2</c:v>
                </c:pt>
                <c:pt idx="2390">
                  <c:v>4.2500000000000003E-2</c:v>
                </c:pt>
                <c:pt idx="2391">
                  <c:v>4.2500000000000003E-2</c:v>
                </c:pt>
                <c:pt idx="2392">
                  <c:v>4.2500000000000003E-2</c:v>
                </c:pt>
                <c:pt idx="2393">
                  <c:v>4.2500000000000003E-2</c:v>
                </c:pt>
                <c:pt idx="2394">
                  <c:v>4.2500000000000003E-2</c:v>
                </c:pt>
                <c:pt idx="2395">
                  <c:v>4.2500000000000003E-2</c:v>
                </c:pt>
                <c:pt idx="2396">
                  <c:v>4.2500000000000003E-2</c:v>
                </c:pt>
                <c:pt idx="2397">
                  <c:v>4.2500000000000003E-2</c:v>
                </c:pt>
                <c:pt idx="2398">
                  <c:v>4.2500000000000003E-2</c:v>
                </c:pt>
                <c:pt idx="2399">
                  <c:v>4.2500000000000003E-2</c:v>
                </c:pt>
                <c:pt idx="2400">
                  <c:v>4.2500000000000003E-2</c:v>
                </c:pt>
                <c:pt idx="2401">
                  <c:v>4.2500000000000003E-2</c:v>
                </c:pt>
                <c:pt idx="2402">
                  <c:v>4.2500000000000003E-2</c:v>
                </c:pt>
                <c:pt idx="2403">
                  <c:v>4.2500000000000003E-2</c:v>
                </c:pt>
                <c:pt idx="2404">
                  <c:v>4.2500000000000003E-2</c:v>
                </c:pt>
                <c:pt idx="2405">
                  <c:v>4.2500000000000003E-2</c:v>
                </c:pt>
                <c:pt idx="2406">
                  <c:v>4.2500000000000003E-2</c:v>
                </c:pt>
                <c:pt idx="2407">
                  <c:v>4.2500000000000003E-2</c:v>
                </c:pt>
                <c:pt idx="2408">
                  <c:v>4.2500000000000003E-2</c:v>
                </c:pt>
                <c:pt idx="2409">
                  <c:v>4.2500000000000003E-2</c:v>
                </c:pt>
                <c:pt idx="2410">
                  <c:v>4.2500000000000003E-2</c:v>
                </c:pt>
                <c:pt idx="2411">
                  <c:v>4.2500000000000003E-2</c:v>
                </c:pt>
                <c:pt idx="2412">
                  <c:v>4.2500000000000003E-2</c:v>
                </c:pt>
                <c:pt idx="2413">
                  <c:v>4.2500000000000003E-2</c:v>
                </c:pt>
                <c:pt idx="2414">
                  <c:v>4.2500000000000003E-2</c:v>
                </c:pt>
                <c:pt idx="2415">
                  <c:v>4.2500000000000003E-2</c:v>
                </c:pt>
                <c:pt idx="2416">
                  <c:v>4.2500000000000003E-2</c:v>
                </c:pt>
                <c:pt idx="2417">
                  <c:v>4.2500000000000003E-2</c:v>
                </c:pt>
                <c:pt idx="2418">
                  <c:v>4.2500000000000003E-2</c:v>
                </c:pt>
                <c:pt idx="2419">
                  <c:v>4.2500000000000003E-2</c:v>
                </c:pt>
                <c:pt idx="2420">
                  <c:v>4.2500000000000003E-2</c:v>
                </c:pt>
                <c:pt idx="2421">
                  <c:v>4.2500000000000003E-2</c:v>
                </c:pt>
                <c:pt idx="2422">
                  <c:v>4.2500000000000003E-2</c:v>
                </c:pt>
                <c:pt idx="2423">
                  <c:v>4.2500000000000003E-2</c:v>
                </c:pt>
                <c:pt idx="2424">
                  <c:v>4.2500000000000003E-2</c:v>
                </c:pt>
                <c:pt idx="2425">
                  <c:v>4.2500000000000003E-2</c:v>
                </c:pt>
                <c:pt idx="2426">
                  <c:v>4.2500000000000003E-2</c:v>
                </c:pt>
                <c:pt idx="2427">
                  <c:v>4.2500000000000003E-2</c:v>
                </c:pt>
                <c:pt idx="2428">
                  <c:v>4.2500000000000003E-2</c:v>
                </c:pt>
                <c:pt idx="2429">
                  <c:v>4.2500000000000003E-2</c:v>
                </c:pt>
                <c:pt idx="2430">
                  <c:v>4.2500000000000003E-2</c:v>
                </c:pt>
                <c:pt idx="2431">
                  <c:v>4.2500000000000003E-2</c:v>
                </c:pt>
                <c:pt idx="2432">
                  <c:v>4.2500000000000003E-2</c:v>
                </c:pt>
                <c:pt idx="2433">
                  <c:v>4.2500000000000003E-2</c:v>
                </c:pt>
                <c:pt idx="2434">
                  <c:v>4.2500000000000003E-2</c:v>
                </c:pt>
                <c:pt idx="2435">
                  <c:v>4.2500000000000003E-2</c:v>
                </c:pt>
                <c:pt idx="2436">
                  <c:v>4.2500000000000003E-2</c:v>
                </c:pt>
                <c:pt idx="2437">
                  <c:v>4.2500000000000003E-2</c:v>
                </c:pt>
                <c:pt idx="2438">
                  <c:v>4.2500000000000003E-2</c:v>
                </c:pt>
                <c:pt idx="2439">
                  <c:v>4.2500000000000003E-2</c:v>
                </c:pt>
                <c:pt idx="2440">
                  <c:v>4.2500000000000003E-2</c:v>
                </c:pt>
                <c:pt idx="2441">
                  <c:v>4.2500000000000003E-2</c:v>
                </c:pt>
                <c:pt idx="2442">
                  <c:v>4.2500000000000003E-2</c:v>
                </c:pt>
                <c:pt idx="2443">
                  <c:v>4.2500000000000003E-2</c:v>
                </c:pt>
                <c:pt idx="2444">
                  <c:v>4.2500000000000003E-2</c:v>
                </c:pt>
                <c:pt idx="2445">
                  <c:v>4.2500000000000003E-2</c:v>
                </c:pt>
                <c:pt idx="2446">
                  <c:v>4.2500000000000003E-2</c:v>
                </c:pt>
                <c:pt idx="2447">
                  <c:v>4.2500000000000003E-2</c:v>
                </c:pt>
                <c:pt idx="2448">
                  <c:v>4.2500000000000003E-2</c:v>
                </c:pt>
                <c:pt idx="2449">
                  <c:v>4.2500000000000003E-2</c:v>
                </c:pt>
                <c:pt idx="2450">
                  <c:v>4.2500000000000003E-2</c:v>
                </c:pt>
                <c:pt idx="2451">
                  <c:v>4.2500000000000003E-2</c:v>
                </c:pt>
                <c:pt idx="2452">
                  <c:v>4.2500000000000003E-2</c:v>
                </c:pt>
                <c:pt idx="2453">
                  <c:v>4.2500000000000003E-2</c:v>
                </c:pt>
                <c:pt idx="2454">
                  <c:v>4.2500000000000003E-2</c:v>
                </c:pt>
                <c:pt idx="2455">
                  <c:v>4.2500000000000003E-2</c:v>
                </c:pt>
                <c:pt idx="2456">
                  <c:v>4.2500000000000003E-2</c:v>
                </c:pt>
                <c:pt idx="2457">
                  <c:v>4.2500000000000003E-2</c:v>
                </c:pt>
                <c:pt idx="2458">
                  <c:v>4.2500000000000003E-2</c:v>
                </c:pt>
                <c:pt idx="2459">
                  <c:v>4.2500000000000003E-2</c:v>
                </c:pt>
                <c:pt idx="2460">
                  <c:v>4.2500000000000003E-2</c:v>
                </c:pt>
                <c:pt idx="2461">
                  <c:v>4.2500000000000003E-2</c:v>
                </c:pt>
                <c:pt idx="2462">
                  <c:v>4.2500000000000003E-2</c:v>
                </c:pt>
                <c:pt idx="2463">
                  <c:v>4.2500000000000003E-2</c:v>
                </c:pt>
                <c:pt idx="2464">
                  <c:v>4.2500000000000003E-2</c:v>
                </c:pt>
                <c:pt idx="2465">
                  <c:v>4.2500000000000003E-2</c:v>
                </c:pt>
                <c:pt idx="2466">
                  <c:v>4.2500000000000003E-2</c:v>
                </c:pt>
                <c:pt idx="2467">
                  <c:v>4.2500000000000003E-2</c:v>
                </c:pt>
                <c:pt idx="2468">
                  <c:v>4.2500000000000003E-2</c:v>
                </c:pt>
                <c:pt idx="2469">
                  <c:v>4.2500000000000003E-2</c:v>
                </c:pt>
                <c:pt idx="2470">
                  <c:v>4.2500000000000003E-2</c:v>
                </c:pt>
                <c:pt idx="2471">
                  <c:v>4.2500000000000003E-2</c:v>
                </c:pt>
                <c:pt idx="2472">
                  <c:v>4.2500000000000003E-2</c:v>
                </c:pt>
                <c:pt idx="2473">
                  <c:v>4.2500000000000003E-2</c:v>
                </c:pt>
                <c:pt idx="2474">
                  <c:v>4.2500000000000003E-2</c:v>
                </c:pt>
                <c:pt idx="2475">
                  <c:v>4.2500000000000003E-2</c:v>
                </c:pt>
                <c:pt idx="2476">
                  <c:v>4.2500000000000003E-2</c:v>
                </c:pt>
                <c:pt idx="2477">
                  <c:v>4.2500000000000003E-2</c:v>
                </c:pt>
                <c:pt idx="2478">
                  <c:v>4.2500000000000003E-2</c:v>
                </c:pt>
                <c:pt idx="2479">
                  <c:v>4.2500000000000003E-2</c:v>
                </c:pt>
                <c:pt idx="2480">
                  <c:v>4.2500000000000003E-2</c:v>
                </c:pt>
                <c:pt idx="2481">
                  <c:v>4.2500000000000003E-2</c:v>
                </c:pt>
                <c:pt idx="2482">
                  <c:v>4.2500000000000003E-2</c:v>
                </c:pt>
                <c:pt idx="2483">
                  <c:v>4.2500000000000003E-2</c:v>
                </c:pt>
                <c:pt idx="2484">
                  <c:v>4.2500000000000003E-2</c:v>
                </c:pt>
                <c:pt idx="2485">
                  <c:v>4.2500000000000003E-2</c:v>
                </c:pt>
                <c:pt idx="2486">
                  <c:v>4.2500000000000003E-2</c:v>
                </c:pt>
                <c:pt idx="2487">
                  <c:v>4.2500000000000003E-2</c:v>
                </c:pt>
                <c:pt idx="2488">
                  <c:v>4.2500000000000003E-2</c:v>
                </c:pt>
                <c:pt idx="2489">
                  <c:v>4.2500000000000003E-2</c:v>
                </c:pt>
                <c:pt idx="2490">
                  <c:v>4.2500000000000003E-2</c:v>
                </c:pt>
                <c:pt idx="2491">
                  <c:v>4.2500000000000003E-2</c:v>
                </c:pt>
                <c:pt idx="2492">
                  <c:v>4.2500000000000003E-2</c:v>
                </c:pt>
                <c:pt idx="2493">
                  <c:v>4.2500000000000003E-2</c:v>
                </c:pt>
                <c:pt idx="2494">
                  <c:v>4.2500000000000003E-2</c:v>
                </c:pt>
                <c:pt idx="2495">
                  <c:v>4.2500000000000003E-2</c:v>
                </c:pt>
                <c:pt idx="2496">
                  <c:v>4.2500000000000003E-2</c:v>
                </c:pt>
                <c:pt idx="2497">
                  <c:v>4.2500000000000003E-2</c:v>
                </c:pt>
                <c:pt idx="2498">
                  <c:v>4.2500000000000003E-2</c:v>
                </c:pt>
                <c:pt idx="2499">
                  <c:v>4.2500000000000003E-2</c:v>
                </c:pt>
                <c:pt idx="2500">
                  <c:v>4.2500000000000003E-2</c:v>
                </c:pt>
                <c:pt idx="2501">
                  <c:v>4.2500000000000003E-2</c:v>
                </c:pt>
                <c:pt idx="2502">
                  <c:v>4.2500000000000003E-2</c:v>
                </c:pt>
                <c:pt idx="2503">
                  <c:v>4.2500000000000003E-2</c:v>
                </c:pt>
                <c:pt idx="2504">
                  <c:v>4.2500000000000003E-2</c:v>
                </c:pt>
                <c:pt idx="2505">
                  <c:v>4.2500000000000003E-2</c:v>
                </c:pt>
                <c:pt idx="2506">
                  <c:v>4.2500000000000003E-2</c:v>
                </c:pt>
                <c:pt idx="2507">
                  <c:v>4.2500000000000003E-2</c:v>
                </c:pt>
                <c:pt idx="2508">
                  <c:v>4.2500000000000003E-2</c:v>
                </c:pt>
                <c:pt idx="2509">
                  <c:v>4.2500000000000003E-2</c:v>
                </c:pt>
                <c:pt idx="2510">
                  <c:v>4.2500000000000003E-2</c:v>
                </c:pt>
                <c:pt idx="2511">
                  <c:v>4.2500000000000003E-2</c:v>
                </c:pt>
                <c:pt idx="2512">
                  <c:v>4.2500000000000003E-2</c:v>
                </c:pt>
                <c:pt idx="2513">
                  <c:v>4.2500000000000003E-2</c:v>
                </c:pt>
                <c:pt idx="2514">
                  <c:v>4.2500000000000003E-2</c:v>
                </c:pt>
                <c:pt idx="2515">
                  <c:v>4.2500000000000003E-2</c:v>
                </c:pt>
                <c:pt idx="2516">
                  <c:v>4.2500000000000003E-2</c:v>
                </c:pt>
                <c:pt idx="2517">
                  <c:v>4.2500000000000003E-2</c:v>
                </c:pt>
                <c:pt idx="2518">
                  <c:v>4.2500000000000003E-2</c:v>
                </c:pt>
                <c:pt idx="2519">
                  <c:v>4.2500000000000003E-2</c:v>
                </c:pt>
                <c:pt idx="2520">
                  <c:v>4.2500000000000003E-2</c:v>
                </c:pt>
                <c:pt idx="2521">
                  <c:v>4.2500000000000003E-2</c:v>
                </c:pt>
                <c:pt idx="2522">
                  <c:v>4.2500000000000003E-2</c:v>
                </c:pt>
                <c:pt idx="2523">
                  <c:v>4.2500000000000003E-2</c:v>
                </c:pt>
                <c:pt idx="2524">
                  <c:v>4.2500000000000003E-2</c:v>
                </c:pt>
                <c:pt idx="2525">
                  <c:v>4.2500000000000003E-2</c:v>
                </c:pt>
                <c:pt idx="2526">
                  <c:v>4.2500000000000003E-2</c:v>
                </c:pt>
                <c:pt idx="2527">
                  <c:v>4.2500000000000003E-2</c:v>
                </c:pt>
                <c:pt idx="2528">
                  <c:v>4.2500000000000003E-2</c:v>
                </c:pt>
                <c:pt idx="2529">
                  <c:v>4.2500000000000003E-2</c:v>
                </c:pt>
                <c:pt idx="2530">
                  <c:v>4.2500000000000003E-2</c:v>
                </c:pt>
                <c:pt idx="2531">
                  <c:v>4.2500000000000003E-2</c:v>
                </c:pt>
                <c:pt idx="2532">
                  <c:v>4.2500000000000003E-2</c:v>
                </c:pt>
                <c:pt idx="2533">
                  <c:v>4.2500000000000003E-2</c:v>
                </c:pt>
                <c:pt idx="2534">
                  <c:v>4.2500000000000003E-2</c:v>
                </c:pt>
                <c:pt idx="2535">
                  <c:v>4.2500000000000003E-2</c:v>
                </c:pt>
                <c:pt idx="2536">
                  <c:v>4.2500000000000003E-2</c:v>
                </c:pt>
                <c:pt idx="2537">
                  <c:v>4.2500000000000003E-2</c:v>
                </c:pt>
                <c:pt idx="2538">
                  <c:v>4.2500000000000003E-2</c:v>
                </c:pt>
                <c:pt idx="2539">
                  <c:v>4.2500000000000003E-2</c:v>
                </c:pt>
                <c:pt idx="2540">
                  <c:v>4.2500000000000003E-2</c:v>
                </c:pt>
                <c:pt idx="2541">
                  <c:v>4.2500000000000003E-2</c:v>
                </c:pt>
                <c:pt idx="2542">
                  <c:v>4.2500000000000003E-2</c:v>
                </c:pt>
                <c:pt idx="2543">
                  <c:v>4.2500000000000003E-2</c:v>
                </c:pt>
                <c:pt idx="2544">
                  <c:v>4.2500000000000003E-2</c:v>
                </c:pt>
                <c:pt idx="2545">
                  <c:v>4.2500000000000003E-2</c:v>
                </c:pt>
                <c:pt idx="2546">
                  <c:v>4.2500000000000003E-2</c:v>
                </c:pt>
                <c:pt idx="2547">
                  <c:v>4.2500000000000003E-2</c:v>
                </c:pt>
                <c:pt idx="2548">
                  <c:v>4.2500000000000003E-2</c:v>
                </c:pt>
                <c:pt idx="2549">
                  <c:v>4.2500000000000003E-2</c:v>
                </c:pt>
                <c:pt idx="2550">
                  <c:v>4.2500000000000003E-2</c:v>
                </c:pt>
                <c:pt idx="2551">
                  <c:v>4.2500000000000003E-2</c:v>
                </c:pt>
                <c:pt idx="2552">
                  <c:v>4.2500000000000003E-2</c:v>
                </c:pt>
                <c:pt idx="2553">
                  <c:v>4.2500000000000003E-2</c:v>
                </c:pt>
                <c:pt idx="2554">
                  <c:v>4.2500000000000003E-2</c:v>
                </c:pt>
                <c:pt idx="2555">
                  <c:v>4.2500000000000003E-2</c:v>
                </c:pt>
                <c:pt idx="2556">
                  <c:v>4.2500000000000003E-2</c:v>
                </c:pt>
                <c:pt idx="2557">
                  <c:v>4.2500000000000003E-2</c:v>
                </c:pt>
                <c:pt idx="2558">
                  <c:v>4.2500000000000003E-2</c:v>
                </c:pt>
                <c:pt idx="2559">
                  <c:v>4.2500000000000003E-2</c:v>
                </c:pt>
                <c:pt idx="2560">
                  <c:v>4.2500000000000003E-2</c:v>
                </c:pt>
                <c:pt idx="2561">
                  <c:v>4.2500000000000003E-2</c:v>
                </c:pt>
                <c:pt idx="2562">
                  <c:v>4.2500000000000003E-2</c:v>
                </c:pt>
                <c:pt idx="2563">
                  <c:v>4.2500000000000003E-2</c:v>
                </c:pt>
                <c:pt idx="2564">
                  <c:v>4.2500000000000003E-2</c:v>
                </c:pt>
                <c:pt idx="2565">
                  <c:v>4.2500000000000003E-2</c:v>
                </c:pt>
                <c:pt idx="2566">
                  <c:v>4.2500000000000003E-2</c:v>
                </c:pt>
                <c:pt idx="2567">
                  <c:v>4.2500000000000003E-2</c:v>
                </c:pt>
                <c:pt idx="2568">
                  <c:v>4.2500000000000003E-2</c:v>
                </c:pt>
                <c:pt idx="2569">
                  <c:v>4.2500000000000003E-2</c:v>
                </c:pt>
                <c:pt idx="2570">
                  <c:v>4.2500000000000003E-2</c:v>
                </c:pt>
                <c:pt idx="2571">
                  <c:v>4.2500000000000003E-2</c:v>
                </c:pt>
                <c:pt idx="2572">
                  <c:v>4.2500000000000003E-2</c:v>
                </c:pt>
                <c:pt idx="2573">
                  <c:v>4.2500000000000003E-2</c:v>
                </c:pt>
                <c:pt idx="2574">
                  <c:v>4.2500000000000003E-2</c:v>
                </c:pt>
                <c:pt idx="2575">
                  <c:v>4.2500000000000003E-2</c:v>
                </c:pt>
                <c:pt idx="2576">
                  <c:v>4.2500000000000003E-2</c:v>
                </c:pt>
                <c:pt idx="2577">
                  <c:v>4.2500000000000003E-2</c:v>
                </c:pt>
                <c:pt idx="2578">
                  <c:v>4.2500000000000003E-2</c:v>
                </c:pt>
                <c:pt idx="2579">
                  <c:v>4.2500000000000003E-2</c:v>
                </c:pt>
                <c:pt idx="2580">
                  <c:v>4.2500000000000003E-2</c:v>
                </c:pt>
                <c:pt idx="2581">
                  <c:v>4.2500000000000003E-2</c:v>
                </c:pt>
                <c:pt idx="2582">
                  <c:v>4.2500000000000003E-2</c:v>
                </c:pt>
                <c:pt idx="2583">
                  <c:v>4.2500000000000003E-2</c:v>
                </c:pt>
                <c:pt idx="2584">
                  <c:v>4.2500000000000003E-2</c:v>
                </c:pt>
                <c:pt idx="2585">
                  <c:v>4.2500000000000003E-2</c:v>
                </c:pt>
                <c:pt idx="2586">
                  <c:v>4.2500000000000003E-2</c:v>
                </c:pt>
                <c:pt idx="2587">
                  <c:v>4.2500000000000003E-2</c:v>
                </c:pt>
                <c:pt idx="2588">
                  <c:v>4.2500000000000003E-2</c:v>
                </c:pt>
                <c:pt idx="2589">
                  <c:v>4.2500000000000003E-2</c:v>
                </c:pt>
                <c:pt idx="2590">
                  <c:v>4.2500000000000003E-2</c:v>
                </c:pt>
                <c:pt idx="2591">
                  <c:v>4.2500000000000003E-2</c:v>
                </c:pt>
                <c:pt idx="2592">
                  <c:v>4.2500000000000003E-2</c:v>
                </c:pt>
                <c:pt idx="2593">
                  <c:v>4.2500000000000003E-2</c:v>
                </c:pt>
                <c:pt idx="2594">
                  <c:v>4.2500000000000003E-2</c:v>
                </c:pt>
                <c:pt idx="2595">
                  <c:v>4.2500000000000003E-2</c:v>
                </c:pt>
                <c:pt idx="2596">
                  <c:v>4.2500000000000003E-2</c:v>
                </c:pt>
                <c:pt idx="2597">
                  <c:v>4.2500000000000003E-2</c:v>
                </c:pt>
                <c:pt idx="2598">
                  <c:v>4.2500000000000003E-2</c:v>
                </c:pt>
                <c:pt idx="2599">
                  <c:v>4.2500000000000003E-2</c:v>
                </c:pt>
                <c:pt idx="2600">
                  <c:v>4.2500000000000003E-2</c:v>
                </c:pt>
                <c:pt idx="2601">
                  <c:v>4.2500000000000003E-2</c:v>
                </c:pt>
                <c:pt idx="2602">
                  <c:v>4.2500000000000003E-2</c:v>
                </c:pt>
                <c:pt idx="2603">
                  <c:v>4.2500000000000003E-2</c:v>
                </c:pt>
                <c:pt idx="2604">
                  <c:v>4.2500000000000003E-2</c:v>
                </c:pt>
                <c:pt idx="2605">
                  <c:v>4.2500000000000003E-2</c:v>
                </c:pt>
                <c:pt idx="2606">
                  <c:v>4.2500000000000003E-2</c:v>
                </c:pt>
                <c:pt idx="2607">
                  <c:v>4.2500000000000003E-2</c:v>
                </c:pt>
                <c:pt idx="2608">
                  <c:v>4.2500000000000003E-2</c:v>
                </c:pt>
                <c:pt idx="2609">
                  <c:v>4.2500000000000003E-2</c:v>
                </c:pt>
                <c:pt idx="2610">
                  <c:v>4.2500000000000003E-2</c:v>
                </c:pt>
                <c:pt idx="2611">
                  <c:v>4.2500000000000003E-2</c:v>
                </c:pt>
                <c:pt idx="2612">
                  <c:v>4.2500000000000003E-2</c:v>
                </c:pt>
                <c:pt idx="2613">
                  <c:v>4.2500000000000003E-2</c:v>
                </c:pt>
                <c:pt idx="2614">
                  <c:v>4.2500000000000003E-2</c:v>
                </c:pt>
                <c:pt idx="2615">
                  <c:v>4.2500000000000003E-2</c:v>
                </c:pt>
                <c:pt idx="2616">
                  <c:v>4.2500000000000003E-2</c:v>
                </c:pt>
                <c:pt idx="2617">
                  <c:v>4.2500000000000003E-2</c:v>
                </c:pt>
                <c:pt idx="2618">
                  <c:v>4.2500000000000003E-2</c:v>
                </c:pt>
                <c:pt idx="2619">
                  <c:v>4.2500000000000003E-2</c:v>
                </c:pt>
                <c:pt idx="2620">
                  <c:v>4.2500000000000003E-2</c:v>
                </c:pt>
                <c:pt idx="2621">
                  <c:v>4.2500000000000003E-2</c:v>
                </c:pt>
                <c:pt idx="2622">
                  <c:v>4.2500000000000003E-2</c:v>
                </c:pt>
                <c:pt idx="2623">
                  <c:v>4.2500000000000003E-2</c:v>
                </c:pt>
                <c:pt idx="2624">
                  <c:v>4.2500000000000003E-2</c:v>
                </c:pt>
                <c:pt idx="2625">
                  <c:v>4.2500000000000003E-2</c:v>
                </c:pt>
                <c:pt idx="2626">
                  <c:v>4.2500000000000003E-2</c:v>
                </c:pt>
                <c:pt idx="2627">
                  <c:v>4.2500000000000003E-2</c:v>
                </c:pt>
                <c:pt idx="2628">
                  <c:v>4.2500000000000003E-2</c:v>
                </c:pt>
                <c:pt idx="2629">
                  <c:v>4.2500000000000003E-2</c:v>
                </c:pt>
                <c:pt idx="2630">
                  <c:v>4.2500000000000003E-2</c:v>
                </c:pt>
                <c:pt idx="2631">
                  <c:v>4.2500000000000003E-2</c:v>
                </c:pt>
                <c:pt idx="2632">
                  <c:v>4.2500000000000003E-2</c:v>
                </c:pt>
                <c:pt idx="2633">
                  <c:v>4.2500000000000003E-2</c:v>
                </c:pt>
                <c:pt idx="2634">
                  <c:v>4.2500000000000003E-2</c:v>
                </c:pt>
                <c:pt idx="2635">
                  <c:v>4.2500000000000003E-2</c:v>
                </c:pt>
                <c:pt idx="2636">
                  <c:v>4.2500000000000003E-2</c:v>
                </c:pt>
                <c:pt idx="2637">
                  <c:v>4.2500000000000003E-2</c:v>
                </c:pt>
                <c:pt idx="2638">
                  <c:v>4.2500000000000003E-2</c:v>
                </c:pt>
                <c:pt idx="2639">
                  <c:v>4.2500000000000003E-2</c:v>
                </c:pt>
                <c:pt idx="2640">
                  <c:v>4.2500000000000003E-2</c:v>
                </c:pt>
                <c:pt idx="2641">
                  <c:v>4.2500000000000003E-2</c:v>
                </c:pt>
                <c:pt idx="2642">
                  <c:v>4.2500000000000003E-2</c:v>
                </c:pt>
                <c:pt idx="2643">
                  <c:v>4.2500000000000003E-2</c:v>
                </c:pt>
                <c:pt idx="2644">
                  <c:v>4.2500000000000003E-2</c:v>
                </c:pt>
                <c:pt idx="2645">
                  <c:v>4.2500000000000003E-2</c:v>
                </c:pt>
                <c:pt idx="2646">
                  <c:v>4.2500000000000003E-2</c:v>
                </c:pt>
                <c:pt idx="2647">
                  <c:v>4.2500000000000003E-2</c:v>
                </c:pt>
                <c:pt idx="2648">
                  <c:v>4.2500000000000003E-2</c:v>
                </c:pt>
                <c:pt idx="2649">
                  <c:v>4.2500000000000003E-2</c:v>
                </c:pt>
                <c:pt idx="2650">
                  <c:v>4.2500000000000003E-2</c:v>
                </c:pt>
                <c:pt idx="2651">
                  <c:v>4.2500000000000003E-2</c:v>
                </c:pt>
                <c:pt idx="2652">
                  <c:v>4.2500000000000003E-2</c:v>
                </c:pt>
                <c:pt idx="2653">
                  <c:v>4.2500000000000003E-2</c:v>
                </c:pt>
                <c:pt idx="2654">
                  <c:v>4.2500000000000003E-2</c:v>
                </c:pt>
                <c:pt idx="2655">
                  <c:v>4.2500000000000003E-2</c:v>
                </c:pt>
                <c:pt idx="2656">
                  <c:v>4.2500000000000003E-2</c:v>
                </c:pt>
                <c:pt idx="2657">
                  <c:v>4.2500000000000003E-2</c:v>
                </c:pt>
                <c:pt idx="2658">
                  <c:v>4.2500000000000003E-2</c:v>
                </c:pt>
                <c:pt idx="2659">
                  <c:v>4.2500000000000003E-2</c:v>
                </c:pt>
                <c:pt idx="2660">
                  <c:v>4.2500000000000003E-2</c:v>
                </c:pt>
                <c:pt idx="2661">
                  <c:v>4.2500000000000003E-2</c:v>
                </c:pt>
                <c:pt idx="2662">
                  <c:v>4.2500000000000003E-2</c:v>
                </c:pt>
                <c:pt idx="2663">
                  <c:v>4.2500000000000003E-2</c:v>
                </c:pt>
                <c:pt idx="2664">
                  <c:v>4.2500000000000003E-2</c:v>
                </c:pt>
                <c:pt idx="2665">
                  <c:v>4.2500000000000003E-2</c:v>
                </c:pt>
                <c:pt idx="2666">
                  <c:v>4.2500000000000003E-2</c:v>
                </c:pt>
                <c:pt idx="2667">
                  <c:v>4.2500000000000003E-2</c:v>
                </c:pt>
                <c:pt idx="2668">
                  <c:v>4.2500000000000003E-2</c:v>
                </c:pt>
                <c:pt idx="2669">
                  <c:v>4.2500000000000003E-2</c:v>
                </c:pt>
                <c:pt idx="2670">
                  <c:v>4.2500000000000003E-2</c:v>
                </c:pt>
                <c:pt idx="2671">
                  <c:v>4.2500000000000003E-2</c:v>
                </c:pt>
                <c:pt idx="2672">
                  <c:v>4.2500000000000003E-2</c:v>
                </c:pt>
                <c:pt idx="2673">
                  <c:v>4.2500000000000003E-2</c:v>
                </c:pt>
                <c:pt idx="2674">
                  <c:v>4.2500000000000003E-2</c:v>
                </c:pt>
                <c:pt idx="2675">
                  <c:v>4.2500000000000003E-2</c:v>
                </c:pt>
                <c:pt idx="2676">
                  <c:v>4.2500000000000003E-2</c:v>
                </c:pt>
                <c:pt idx="2677">
                  <c:v>4.2500000000000003E-2</c:v>
                </c:pt>
                <c:pt idx="2678">
                  <c:v>4.2500000000000003E-2</c:v>
                </c:pt>
                <c:pt idx="2679">
                  <c:v>4.2500000000000003E-2</c:v>
                </c:pt>
                <c:pt idx="2680">
                  <c:v>4.2500000000000003E-2</c:v>
                </c:pt>
                <c:pt idx="2681">
                  <c:v>4.2500000000000003E-2</c:v>
                </c:pt>
                <c:pt idx="2682">
                  <c:v>4.2500000000000003E-2</c:v>
                </c:pt>
                <c:pt idx="2683">
                  <c:v>4.2500000000000003E-2</c:v>
                </c:pt>
                <c:pt idx="2684">
                  <c:v>4.2500000000000003E-2</c:v>
                </c:pt>
                <c:pt idx="2685">
                  <c:v>4.2500000000000003E-2</c:v>
                </c:pt>
                <c:pt idx="2686">
                  <c:v>4.2500000000000003E-2</c:v>
                </c:pt>
                <c:pt idx="2687">
                  <c:v>4.2500000000000003E-2</c:v>
                </c:pt>
                <c:pt idx="2688">
                  <c:v>4.2500000000000003E-2</c:v>
                </c:pt>
                <c:pt idx="2689">
                  <c:v>4.2500000000000003E-2</c:v>
                </c:pt>
                <c:pt idx="2690">
                  <c:v>4.2500000000000003E-2</c:v>
                </c:pt>
                <c:pt idx="2691">
                  <c:v>4.2500000000000003E-2</c:v>
                </c:pt>
                <c:pt idx="2692">
                  <c:v>4.2500000000000003E-2</c:v>
                </c:pt>
                <c:pt idx="2693">
                  <c:v>4.2500000000000003E-2</c:v>
                </c:pt>
                <c:pt idx="2694">
                  <c:v>4.2500000000000003E-2</c:v>
                </c:pt>
                <c:pt idx="2695">
                  <c:v>4.2500000000000003E-2</c:v>
                </c:pt>
                <c:pt idx="2696">
                  <c:v>4.2500000000000003E-2</c:v>
                </c:pt>
                <c:pt idx="2697">
                  <c:v>4.2500000000000003E-2</c:v>
                </c:pt>
                <c:pt idx="2698">
                  <c:v>4.2500000000000003E-2</c:v>
                </c:pt>
                <c:pt idx="2699">
                  <c:v>4.2500000000000003E-2</c:v>
                </c:pt>
                <c:pt idx="2700">
                  <c:v>4.2500000000000003E-2</c:v>
                </c:pt>
                <c:pt idx="2701">
                  <c:v>4.2500000000000003E-2</c:v>
                </c:pt>
                <c:pt idx="2702">
                  <c:v>4.2500000000000003E-2</c:v>
                </c:pt>
                <c:pt idx="2703">
                  <c:v>4.2500000000000003E-2</c:v>
                </c:pt>
                <c:pt idx="2704">
                  <c:v>4.2500000000000003E-2</c:v>
                </c:pt>
                <c:pt idx="2705">
                  <c:v>4.2500000000000003E-2</c:v>
                </c:pt>
                <c:pt idx="2706">
                  <c:v>4.2500000000000003E-2</c:v>
                </c:pt>
                <c:pt idx="2707">
                  <c:v>4.2500000000000003E-2</c:v>
                </c:pt>
                <c:pt idx="2708">
                  <c:v>4.2500000000000003E-2</c:v>
                </c:pt>
                <c:pt idx="2709">
                  <c:v>4.2500000000000003E-2</c:v>
                </c:pt>
                <c:pt idx="2710">
                  <c:v>4.2500000000000003E-2</c:v>
                </c:pt>
                <c:pt idx="2711">
                  <c:v>4.2500000000000003E-2</c:v>
                </c:pt>
                <c:pt idx="2712">
                  <c:v>4.2500000000000003E-2</c:v>
                </c:pt>
                <c:pt idx="2713">
                  <c:v>4.2500000000000003E-2</c:v>
                </c:pt>
                <c:pt idx="2714">
                  <c:v>4.2500000000000003E-2</c:v>
                </c:pt>
                <c:pt idx="2715">
                  <c:v>4.2500000000000003E-2</c:v>
                </c:pt>
                <c:pt idx="2716">
                  <c:v>4.2500000000000003E-2</c:v>
                </c:pt>
                <c:pt idx="2717">
                  <c:v>4.2500000000000003E-2</c:v>
                </c:pt>
                <c:pt idx="2718">
                  <c:v>4.2500000000000003E-2</c:v>
                </c:pt>
                <c:pt idx="2719">
                  <c:v>4.2500000000000003E-2</c:v>
                </c:pt>
                <c:pt idx="2720">
                  <c:v>4.2500000000000003E-2</c:v>
                </c:pt>
                <c:pt idx="2721">
                  <c:v>4.2500000000000003E-2</c:v>
                </c:pt>
                <c:pt idx="2722">
                  <c:v>4.2500000000000003E-2</c:v>
                </c:pt>
                <c:pt idx="2723">
                  <c:v>4.2500000000000003E-2</c:v>
                </c:pt>
                <c:pt idx="2724">
                  <c:v>4.2500000000000003E-2</c:v>
                </c:pt>
                <c:pt idx="2725">
                  <c:v>4.2500000000000003E-2</c:v>
                </c:pt>
                <c:pt idx="2726">
                  <c:v>4.2500000000000003E-2</c:v>
                </c:pt>
                <c:pt idx="2727">
                  <c:v>4.2500000000000003E-2</c:v>
                </c:pt>
                <c:pt idx="2728">
                  <c:v>4.2500000000000003E-2</c:v>
                </c:pt>
                <c:pt idx="2729">
                  <c:v>4.2500000000000003E-2</c:v>
                </c:pt>
                <c:pt idx="2730">
                  <c:v>4.2500000000000003E-2</c:v>
                </c:pt>
                <c:pt idx="2731">
                  <c:v>4.2500000000000003E-2</c:v>
                </c:pt>
                <c:pt idx="2732">
                  <c:v>4.2500000000000003E-2</c:v>
                </c:pt>
                <c:pt idx="2733">
                  <c:v>4.2500000000000003E-2</c:v>
                </c:pt>
                <c:pt idx="2734">
                  <c:v>4.2500000000000003E-2</c:v>
                </c:pt>
                <c:pt idx="2735">
                  <c:v>4.2500000000000003E-2</c:v>
                </c:pt>
                <c:pt idx="2736">
                  <c:v>4.2500000000000003E-2</c:v>
                </c:pt>
                <c:pt idx="2737">
                  <c:v>4.2500000000000003E-2</c:v>
                </c:pt>
                <c:pt idx="2738">
                  <c:v>4.2500000000000003E-2</c:v>
                </c:pt>
                <c:pt idx="2739">
                  <c:v>4.2500000000000003E-2</c:v>
                </c:pt>
                <c:pt idx="2740">
                  <c:v>4.2500000000000003E-2</c:v>
                </c:pt>
                <c:pt idx="2741">
                  <c:v>4.2500000000000003E-2</c:v>
                </c:pt>
                <c:pt idx="2742">
                  <c:v>4.2500000000000003E-2</c:v>
                </c:pt>
                <c:pt idx="2743">
                  <c:v>4.2500000000000003E-2</c:v>
                </c:pt>
                <c:pt idx="2744">
                  <c:v>4.2500000000000003E-2</c:v>
                </c:pt>
                <c:pt idx="2745">
                  <c:v>4.2500000000000003E-2</c:v>
                </c:pt>
                <c:pt idx="2746">
                  <c:v>4.2500000000000003E-2</c:v>
                </c:pt>
                <c:pt idx="2747">
                  <c:v>4.4999999999999998E-2</c:v>
                </c:pt>
                <c:pt idx="2748">
                  <c:v>4.4999999999999998E-2</c:v>
                </c:pt>
                <c:pt idx="2749">
                  <c:v>4.4999999999999998E-2</c:v>
                </c:pt>
                <c:pt idx="2750">
                  <c:v>4.4999999999999998E-2</c:v>
                </c:pt>
                <c:pt idx="2751">
                  <c:v>4.4999999999999998E-2</c:v>
                </c:pt>
                <c:pt idx="2752">
                  <c:v>4.4999999999999998E-2</c:v>
                </c:pt>
                <c:pt idx="2753">
                  <c:v>4.4999999999999998E-2</c:v>
                </c:pt>
                <c:pt idx="2754">
                  <c:v>4.4999999999999998E-2</c:v>
                </c:pt>
                <c:pt idx="2755">
                  <c:v>4.4999999999999998E-2</c:v>
                </c:pt>
                <c:pt idx="2756">
                  <c:v>4.4999999999999998E-2</c:v>
                </c:pt>
                <c:pt idx="2757">
                  <c:v>4.4999999999999998E-2</c:v>
                </c:pt>
                <c:pt idx="2758">
                  <c:v>4.4999999999999998E-2</c:v>
                </c:pt>
                <c:pt idx="2759">
                  <c:v>4.4999999999999998E-2</c:v>
                </c:pt>
                <c:pt idx="2760">
                  <c:v>4.4999999999999998E-2</c:v>
                </c:pt>
                <c:pt idx="2761">
                  <c:v>4.4999999999999998E-2</c:v>
                </c:pt>
                <c:pt idx="2762">
                  <c:v>4.4999999999999998E-2</c:v>
                </c:pt>
                <c:pt idx="2763">
                  <c:v>4.4999999999999998E-2</c:v>
                </c:pt>
                <c:pt idx="2764">
                  <c:v>4.4999999999999998E-2</c:v>
                </c:pt>
                <c:pt idx="2765">
                  <c:v>4.4999999999999998E-2</c:v>
                </c:pt>
                <c:pt idx="2766">
                  <c:v>4.4999999999999998E-2</c:v>
                </c:pt>
                <c:pt idx="2767">
                  <c:v>4.4999999999999998E-2</c:v>
                </c:pt>
                <c:pt idx="2768">
                  <c:v>4.4999999999999998E-2</c:v>
                </c:pt>
                <c:pt idx="2769">
                  <c:v>4.4999999999999998E-2</c:v>
                </c:pt>
                <c:pt idx="2770">
                  <c:v>4.4999999999999998E-2</c:v>
                </c:pt>
                <c:pt idx="2771">
                  <c:v>4.4999999999999998E-2</c:v>
                </c:pt>
                <c:pt idx="2772">
                  <c:v>4.4999999999999998E-2</c:v>
                </c:pt>
                <c:pt idx="2773">
                  <c:v>4.4999999999999998E-2</c:v>
                </c:pt>
                <c:pt idx="2774">
                  <c:v>4.4999999999999998E-2</c:v>
                </c:pt>
                <c:pt idx="2775">
                  <c:v>4.4999999999999998E-2</c:v>
                </c:pt>
                <c:pt idx="2776">
                  <c:v>4.4999999999999998E-2</c:v>
                </c:pt>
                <c:pt idx="2777">
                  <c:v>4.4999999999999998E-2</c:v>
                </c:pt>
                <c:pt idx="2778">
                  <c:v>4.4999999999999998E-2</c:v>
                </c:pt>
                <c:pt idx="2779">
                  <c:v>4.4999999999999998E-2</c:v>
                </c:pt>
                <c:pt idx="2780">
                  <c:v>4.4999999999999998E-2</c:v>
                </c:pt>
                <c:pt idx="2781">
                  <c:v>4.4999999999999998E-2</c:v>
                </c:pt>
                <c:pt idx="2782">
                  <c:v>4.4999999999999998E-2</c:v>
                </c:pt>
                <c:pt idx="2783">
                  <c:v>4.4999999999999998E-2</c:v>
                </c:pt>
                <c:pt idx="2784">
                  <c:v>4.4999999999999998E-2</c:v>
                </c:pt>
                <c:pt idx="2785">
                  <c:v>4.4999999999999998E-2</c:v>
                </c:pt>
                <c:pt idx="2786">
                  <c:v>4.4999999999999998E-2</c:v>
                </c:pt>
                <c:pt idx="2787">
                  <c:v>4.4999999999999998E-2</c:v>
                </c:pt>
                <c:pt idx="2788">
                  <c:v>4.4999999999999998E-2</c:v>
                </c:pt>
                <c:pt idx="2789">
                  <c:v>4.4999999999999998E-2</c:v>
                </c:pt>
                <c:pt idx="2790">
                  <c:v>4.4999999999999998E-2</c:v>
                </c:pt>
                <c:pt idx="2791">
                  <c:v>4.4999999999999998E-2</c:v>
                </c:pt>
                <c:pt idx="2792">
                  <c:v>4.4999999999999998E-2</c:v>
                </c:pt>
                <c:pt idx="2793">
                  <c:v>4.4999999999999998E-2</c:v>
                </c:pt>
                <c:pt idx="2794">
                  <c:v>4.4999999999999998E-2</c:v>
                </c:pt>
                <c:pt idx="2795">
                  <c:v>4.4999999999999998E-2</c:v>
                </c:pt>
                <c:pt idx="2796">
                  <c:v>4.4999999999999998E-2</c:v>
                </c:pt>
                <c:pt idx="2797">
                  <c:v>4.4999999999999998E-2</c:v>
                </c:pt>
                <c:pt idx="2798">
                  <c:v>4.4999999999999998E-2</c:v>
                </c:pt>
                <c:pt idx="2799">
                  <c:v>4.4999999999999998E-2</c:v>
                </c:pt>
                <c:pt idx="2800">
                  <c:v>4.4999999999999998E-2</c:v>
                </c:pt>
                <c:pt idx="2801">
                  <c:v>4.4999999999999998E-2</c:v>
                </c:pt>
                <c:pt idx="2802">
                  <c:v>4.4999999999999998E-2</c:v>
                </c:pt>
                <c:pt idx="2803">
                  <c:v>4.4999999999999998E-2</c:v>
                </c:pt>
                <c:pt idx="2804">
                  <c:v>4.4999999999999998E-2</c:v>
                </c:pt>
                <c:pt idx="2805">
                  <c:v>4.4999999999999998E-2</c:v>
                </c:pt>
                <c:pt idx="2806">
                  <c:v>4.4999999999999998E-2</c:v>
                </c:pt>
                <c:pt idx="2807">
                  <c:v>4.4999999999999998E-2</c:v>
                </c:pt>
                <c:pt idx="2808">
                  <c:v>4.4999999999999998E-2</c:v>
                </c:pt>
                <c:pt idx="2809">
                  <c:v>4.4999999999999998E-2</c:v>
                </c:pt>
                <c:pt idx="2810">
                  <c:v>4.4999999999999998E-2</c:v>
                </c:pt>
                <c:pt idx="2811">
                  <c:v>4.4999999999999998E-2</c:v>
                </c:pt>
                <c:pt idx="2812">
                  <c:v>4.4999999999999998E-2</c:v>
                </c:pt>
                <c:pt idx="2813">
                  <c:v>4.4999999999999998E-2</c:v>
                </c:pt>
                <c:pt idx="2814">
                  <c:v>4.4999999999999998E-2</c:v>
                </c:pt>
                <c:pt idx="2815">
                  <c:v>4.4999999999999998E-2</c:v>
                </c:pt>
                <c:pt idx="2816">
                  <c:v>4.4999999999999998E-2</c:v>
                </c:pt>
                <c:pt idx="2817">
                  <c:v>4.4999999999999998E-2</c:v>
                </c:pt>
                <c:pt idx="2818">
                  <c:v>4.4999999999999998E-2</c:v>
                </c:pt>
                <c:pt idx="2819">
                  <c:v>4.4999999999999998E-2</c:v>
                </c:pt>
                <c:pt idx="2820">
                  <c:v>4.4999999999999998E-2</c:v>
                </c:pt>
                <c:pt idx="2821">
                  <c:v>4.4999999999999998E-2</c:v>
                </c:pt>
                <c:pt idx="2822">
                  <c:v>4.4999999999999998E-2</c:v>
                </c:pt>
                <c:pt idx="2823">
                  <c:v>4.4999999999999998E-2</c:v>
                </c:pt>
                <c:pt idx="2824">
                  <c:v>4.4999999999999998E-2</c:v>
                </c:pt>
                <c:pt idx="2825">
                  <c:v>4.4999999999999998E-2</c:v>
                </c:pt>
                <c:pt idx="2826">
                  <c:v>4.4999999999999998E-2</c:v>
                </c:pt>
                <c:pt idx="2827">
                  <c:v>4.4999999999999998E-2</c:v>
                </c:pt>
                <c:pt idx="2828">
                  <c:v>4.4999999999999998E-2</c:v>
                </c:pt>
                <c:pt idx="2829">
                  <c:v>4.4999999999999998E-2</c:v>
                </c:pt>
                <c:pt idx="2830">
                  <c:v>4.4999999999999998E-2</c:v>
                </c:pt>
                <c:pt idx="2831">
                  <c:v>4.4999999999999998E-2</c:v>
                </c:pt>
                <c:pt idx="2832">
                  <c:v>4.4999999999999998E-2</c:v>
                </c:pt>
                <c:pt idx="2833">
                  <c:v>4.4999999999999998E-2</c:v>
                </c:pt>
                <c:pt idx="2834">
                  <c:v>4.4999999999999998E-2</c:v>
                </c:pt>
                <c:pt idx="2835">
                  <c:v>4.4999999999999998E-2</c:v>
                </c:pt>
                <c:pt idx="2836">
                  <c:v>4.4999999999999998E-2</c:v>
                </c:pt>
                <c:pt idx="2837">
                  <c:v>4.4999999999999998E-2</c:v>
                </c:pt>
                <c:pt idx="2838">
                  <c:v>4.4999999999999998E-2</c:v>
                </c:pt>
                <c:pt idx="2839">
                  <c:v>4.4999999999999998E-2</c:v>
                </c:pt>
                <c:pt idx="2840">
                  <c:v>4.4999999999999998E-2</c:v>
                </c:pt>
                <c:pt idx="2841">
                  <c:v>4.4999999999999998E-2</c:v>
                </c:pt>
                <c:pt idx="2842">
                  <c:v>4.4999999999999998E-2</c:v>
                </c:pt>
                <c:pt idx="2843">
                  <c:v>4.4999999999999998E-2</c:v>
                </c:pt>
                <c:pt idx="2844">
                  <c:v>4.4999999999999998E-2</c:v>
                </c:pt>
                <c:pt idx="2845">
                  <c:v>4.4999999999999998E-2</c:v>
                </c:pt>
                <c:pt idx="2846">
                  <c:v>4.4999999999999998E-2</c:v>
                </c:pt>
                <c:pt idx="2847">
                  <c:v>4.4999999999999998E-2</c:v>
                </c:pt>
                <c:pt idx="2848">
                  <c:v>4.4999999999999998E-2</c:v>
                </c:pt>
                <c:pt idx="2849">
                  <c:v>4.4999999999999998E-2</c:v>
                </c:pt>
                <c:pt idx="2850">
                  <c:v>4.4999999999999998E-2</c:v>
                </c:pt>
                <c:pt idx="2851">
                  <c:v>4.4999999999999998E-2</c:v>
                </c:pt>
                <c:pt idx="2852">
                  <c:v>4.4999999999999998E-2</c:v>
                </c:pt>
                <c:pt idx="2853">
                  <c:v>4.4999999999999998E-2</c:v>
                </c:pt>
                <c:pt idx="2854">
                  <c:v>4.4999999999999998E-2</c:v>
                </c:pt>
                <c:pt idx="2855">
                  <c:v>4.4999999999999998E-2</c:v>
                </c:pt>
                <c:pt idx="2856">
                  <c:v>4.4999999999999998E-2</c:v>
                </c:pt>
                <c:pt idx="2857">
                  <c:v>4.4999999999999998E-2</c:v>
                </c:pt>
                <c:pt idx="2858">
                  <c:v>4.4999999999999998E-2</c:v>
                </c:pt>
                <c:pt idx="2859">
                  <c:v>4.4999999999999998E-2</c:v>
                </c:pt>
                <c:pt idx="2860">
                  <c:v>4.4999999999999998E-2</c:v>
                </c:pt>
                <c:pt idx="2861">
                  <c:v>4.4999999999999998E-2</c:v>
                </c:pt>
                <c:pt idx="2862">
                  <c:v>4.4999999999999998E-2</c:v>
                </c:pt>
                <c:pt idx="2863">
                  <c:v>4.4999999999999998E-2</c:v>
                </c:pt>
                <c:pt idx="2864">
                  <c:v>4.4999999999999998E-2</c:v>
                </c:pt>
                <c:pt idx="2865">
                  <c:v>4.4999999999999998E-2</c:v>
                </c:pt>
                <c:pt idx="2866">
                  <c:v>4.4999999999999998E-2</c:v>
                </c:pt>
                <c:pt idx="2867">
                  <c:v>4.4999999999999998E-2</c:v>
                </c:pt>
                <c:pt idx="2868">
                  <c:v>4.4999999999999998E-2</c:v>
                </c:pt>
                <c:pt idx="2869">
                  <c:v>4.4999999999999998E-2</c:v>
                </c:pt>
                <c:pt idx="2870">
                  <c:v>4.4999999999999998E-2</c:v>
                </c:pt>
                <c:pt idx="2871">
                  <c:v>4.4999999999999998E-2</c:v>
                </c:pt>
                <c:pt idx="2872">
                  <c:v>4.4999999999999998E-2</c:v>
                </c:pt>
                <c:pt idx="2873">
                  <c:v>4.4999999999999998E-2</c:v>
                </c:pt>
                <c:pt idx="2874">
                  <c:v>4.4999999999999998E-2</c:v>
                </c:pt>
                <c:pt idx="2875">
                  <c:v>4.4999999999999998E-2</c:v>
                </c:pt>
                <c:pt idx="2876">
                  <c:v>4.4999999999999998E-2</c:v>
                </c:pt>
                <c:pt idx="2877">
                  <c:v>4.4999999999999998E-2</c:v>
                </c:pt>
                <c:pt idx="2878">
                  <c:v>4.4999999999999998E-2</c:v>
                </c:pt>
                <c:pt idx="2879">
                  <c:v>4.4999999999999998E-2</c:v>
                </c:pt>
                <c:pt idx="2880">
                  <c:v>4.4999999999999998E-2</c:v>
                </c:pt>
                <c:pt idx="2881">
                  <c:v>4.4999999999999998E-2</c:v>
                </c:pt>
                <c:pt idx="2882">
                  <c:v>4.4999999999999998E-2</c:v>
                </c:pt>
                <c:pt idx="2883">
                  <c:v>4.4999999999999998E-2</c:v>
                </c:pt>
                <c:pt idx="2884">
                  <c:v>4.4999999999999998E-2</c:v>
                </c:pt>
                <c:pt idx="2885">
                  <c:v>4.4999999999999998E-2</c:v>
                </c:pt>
                <c:pt idx="2886">
                  <c:v>4.4999999999999998E-2</c:v>
                </c:pt>
                <c:pt idx="2887">
                  <c:v>4.4999999999999998E-2</c:v>
                </c:pt>
                <c:pt idx="2888">
                  <c:v>4.4999999999999998E-2</c:v>
                </c:pt>
                <c:pt idx="2889">
                  <c:v>4.4999999999999998E-2</c:v>
                </c:pt>
                <c:pt idx="2890">
                  <c:v>4.4999999999999998E-2</c:v>
                </c:pt>
                <c:pt idx="2891">
                  <c:v>4.4999999999999998E-2</c:v>
                </c:pt>
                <c:pt idx="2892">
                  <c:v>4.4999999999999998E-2</c:v>
                </c:pt>
                <c:pt idx="2893">
                  <c:v>4.4999999999999998E-2</c:v>
                </c:pt>
                <c:pt idx="2894">
                  <c:v>4.2500000000000003E-2</c:v>
                </c:pt>
                <c:pt idx="2895">
                  <c:v>4.2500000000000003E-2</c:v>
                </c:pt>
                <c:pt idx="2896">
                  <c:v>4.2500000000000003E-2</c:v>
                </c:pt>
                <c:pt idx="2897">
                  <c:v>4.2500000000000003E-2</c:v>
                </c:pt>
                <c:pt idx="2898">
                  <c:v>4.2500000000000003E-2</c:v>
                </c:pt>
                <c:pt idx="2899">
                  <c:v>4.2500000000000003E-2</c:v>
                </c:pt>
                <c:pt idx="2900">
                  <c:v>4.2500000000000003E-2</c:v>
                </c:pt>
                <c:pt idx="2901">
                  <c:v>4.2500000000000003E-2</c:v>
                </c:pt>
                <c:pt idx="2902">
                  <c:v>4.2500000000000003E-2</c:v>
                </c:pt>
                <c:pt idx="2903">
                  <c:v>4.2500000000000003E-2</c:v>
                </c:pt>
                <c:pt idx="2904">
                  <c:v>4.2500000000000003E-2</c:v>
                </c:pt>
                <c:pt idx="2905">
                  <c:v>4.2500000000000003E-2</c:v>
                </c:pt>
                <c:pt idx="2906">
                  <c:v>4.2500000000000003E-2</c:v>
                </c:pt>
                <c:pt idx="2907">
                  <c:v>4.2500000000000003E-2</c:v>
                </c:pt>
                <c:pt idx="2908">
                  <c:v>4.2500000000000003E-2</c:v>
                </c:pt>
                <c:pt idx="2909">
                  <c:v>4.2500000000000003E-2</c:v>
                </c:pt>
                <c:pt idx="2910">
                  <c:v>4.2500000000000003E-2</c:v>
                </c:pt>
                <c:pt idx="2911">
                  <c:v>4.2500000000000003E-2</c:v>
                </c:pt>
                <c:pt idx="2912">
                  <c:v>4.2500000000000003E-2</c:v>
                </c:pt>
                <c:pt idx="2913">
                  <c:v>4.2500000000000003E-2</c:v>
                </c:pt>
                <c:pt idx="2914">
                  <c:v>4.2500000000000003E-2</c:v>
                </c:pt>
                <c:pt idx="2915">
                  <c:v>4.2500000000000003E-2</c:v>
                </c:pt>
                <c:pt idx="2916">
                  <c:v>4.2500000000000003E-2</c:v>
                </c:pt>
                <c:pt idx="2917">
                  <c:v>4.2500000000000003E-2</c:v>
                </c:pt>
                <c:pt idx="2918">
                  <c:v>4.2500000000000003E-2</c:v>
                </c:pt>
                <c:pt idx="2919">
                  <c:v>4.2500000000000003E-2</c:v>
                </c:pt>
                <c:pt idx="2920">
                  <c:v>4.2500000000000003E-2</c:v>
                </c:pt>
                <c:pt idx="2921">
                  <c:v>4.2500000000000003E-2</c:v>
                </c:pt>
                <c:pt idx="2922">
                  <c:v>4.2500000000000003E-2</c:v>
                </c:pt>
                <c:pt idx="2923">
                  <c:v>4.2500000000000003E-2</c:v>
                </c:pt>
                <c:pt idx="2924">
                  <c:v>4.2500000000000003E-2</c:v>
                </c:pt>
                <c:pt idx="2925">
                  <c:v>4.2500000000000003E-2</c:v>
                </c:pt>
                <c:pt idx="2926">
                  <c:v>4.2500000000000003E-2</c:v>
                </c:pt>
                <c:pt idx="2927">
                  <c:v>4.2500000000000003E-2</c:v>
                </c:pt>
                <c:pt idx="2928">
                  <c:v>4.2500000000000003E-2</c:v>
                </c:pt>
                <c:pt idx="2929">
                  <c:v>4.2500000000000003E-2</c:v>
                </c:pt>
                <c:pt idx="2930">
                  <c:v>4.2500000000000003E-2</c:v>
                </c:pt>
                <c:pt idx="2931">
                  <c:v>4.2500000000000003E-2</c:v>
                </c:pt>
                <c:pt idx="2932">
                  <c:v>4.2500000000000003E-2</c:v>
                </c:pt>
                <c:pt idx="2933">
                  <c:v>4.2500000000000003E-2</c:v>
                </c:pt>
                <c:pt idx="2934">
                  <c:v>4.2500000000000003E-2</c:v>
                </c:pt>
                <c:pt idx="2935">
                  <c:v>4.2500000000000003E-2</c:v>
                </c:pt>
                <c:pt idx="2936">
                  <c:v>4.2500000000000003E-2</c:v>
                </c:pt>
                <c:pt idx="2937">
                  <c:v>4.2500000000000003E-2</c:v>
                </c:pt>
                <c:pt idx="2938">
                  <c:v>4.2500000000000003E-2</c:v>
                </c:pt>
                <c:pt idx="2939">
                  <c:v>4.2500000000000003E-2</c:v>
                </c:pt>
                <c:pt idx="2940">
                  <c:v>4.2500000000000003E-2</c:v>
                </c:pt>
                <c:pt idx="2941">
                  <c:v>4.2500000000000003E-2</c:v>
                </c:pt>
                <c:pt idx="2942">
                  <c:v>4.2500000000000003E-2</c:v>
                </c:pt>
                <c:pt idx="2943">
                  <c:v>0.04</c:v>
                </c:pt>
                <c:pt idx="2944">
                  <c:v>0.04</c:v>
                </c:pt>
                <c:pt idx="2945">
                  <c:v>0.04</c:v>
                </c:pt>
                <c:pt idx="2946">
                  <c:v>0.04</c:v>
                </c:pt>
                <c:pt idx="2947">
                  <c:v>0.04</c:v>
                </c:pt>
                <c:pt idx="2948">
                  <c:v>0.04</c:v>
                </c:pt>
                <c:pt idx="2949">
                  <c:v>0.04</c:v>
                </c:pt>
                <c:pt idx="2950">
                  <c:v>0.04</c:v>
                </c:pt>
                <c:pt idx="2951">
                  <c:v>0.04</c:v>
                </c:pt>
                <c:pt idx="2952">
                  <c:v>0.04</c:v>
                </c:pt>
                <c:pt idx="2953">
                  <c:v>0.04</c:v>
                </c:pt>
                <c:pt idx="2954">
                  <c:v>0.04</c:v>
                </c:pt>
                <c:pt idx="2955">
                  <c:v>0.04</c:v>
                </c:pt>
                <c:pt idx="2956">
                  <c:v>0.04</c:v>
                </c:pt>
                <c:pt idx="2957">
                  <c:v>0.04</c:v>
                </c:pt>
                <c:pt idx="2958">
                  <c:v>0.04</c:v>
                </c:pt>
                <c:pt idx="2959">
                  <c:v>0.04</c:v>
                </c:pt>
                <c:pt idx="2960">
                  <c:v>0.04</c:v>
                </c:pt>
                <c:pt idx="2961">
                  <c:v>0.04</c:v>
                </c:pt>
                <c:pt idx="2962">
                  <c:v>0.04</c:v>
                </c:pt>
                <c:pt idx="2963">
                  <c:v>0.04</c:v>
                </c:pt>
                <c:pt idx="2964">
                  <c:v>0.04</c:v>
                </c:pt>
                <c:pt idx="2965">
                  <c:v>0.04</c:v>
                </c:pt>
                <c:pt idx="2966">
                  <c:v>0.04</c:v>
                </c:pt>
                <c:pt idx="2967">
                  <c:v>0.04</c:v>
                </c:pt>
                <c:pt idx="2968">
                  <c:v>0.04</c:v>
                </c:pt>
                <c:pt idx="2969">
                  <c:v>0.04</c:v>
                </c:pt>
                <c:pt idx="2970">
                  <c:v>0.04</c:v>
                </c:pt>
                <c:pt idx="2971">
                  <c:v>0.04</c:v>
                </c:pt>
                <c:pt idx="2972">
                  <c:v>0.04</c:v>
                </c:pt>
                <c:pt idx="2973">
                  <c:v>0.04</c:v>
                </c:pt>
                <c:pt idx="2974">
                  <c:v>0.04</c:v>
                </c:pt>
                <c:pt idx="2975">
                  <c:v>0.04</c:v>
                </c:pt>
                <c:pt idx="2976">
                  <c:v>0.04</c:v>
                </c:pt>
                <c:pt idx="2977">
                  <c:v>0.04</c:v>
                </c:pt>
                <c:pt idx="2978">
                  <c:v>0.04</c:v>
                </c:pt>
                <c:pt idx="2979">
                  <c:v>0.04</c:v>
                </c:pt>
                <c:pt idx="2980">
                  <c:v>0.04</c:v>
                </c:pt>
                <c:pt idx="2981">
                  <c:v>0.04</c:v>
                </c:pt>
                <c:pt idx="2982">
                  <c:v>0.04</c:v>
                </c:pt>
                <c:pt idx="2983">
                  <c:v>0.04</c:v>
                </c:pt>
                <c:pt idx="2984">
                  <c:v>0.04</c:v>
                </c:pt>
                <c:pt idx="2985">
                  <c:v>3.5000000000000003E-2</c:v>
                </c:pt>
                <c:pt idx="2986">
                  <c:v>3.5000000000000003E-2</c:v>
                </c:pt>
                <c:pt idx="2987">
                  <c:v>3.5000000000000003E-2</c:v>
                </c:pt>
                <c:pt idx="2988">
                  <c:v>3.5000000000000003E-2</c:v>
                </c:pt>
                <c:pt idx="2989">
                  <c:v>3.5000000000000003E-2</c:v>
                </c:pt>
                <c:pt idx="2990">
                  <c:v>3.5000000000000003E-2</c:v>
                </c:pt>
                <c:pt idx="2991">
                  <c:v>3.5000000000000003E-2</c:v>
                </c:pt>
                <c:pt idx="2992">
                  <c:v>3.5000000000000003E-2</c:v>
                </c:pt>
                <c:pt idx="2993">
                  <c:v>3.5000000000000003E-2</c:v>
                </c:pt>
                <c:pt idx="2994">
                  <c:v>3.5000000000000003E-2</c:v>
                </c:pt>
                <c:pt idx="2995">
                  <c:v>3.5000000000000003E-2</c:v>
                </c:pt>
                <c:pt idx="2996">
                  <c:v>3.5000000000000003E-2</c:v>
                </c:pt>
                <c:pt idx="2997">
                  <c:v>3.5000000000000003E-2</c:v>
                </c:pt>
                <c:pt idx="2998">
                  <c:v>3.5000000000000003E-2</c:v>
                </c:pt>
                <c:pt idx="2999">
                  <c:v>3.5000000000000003E-2</c:v>
                </c:pt>
                <c:pt idx="3000">
                  <c:v>3.5000000000000003E-2</c:v>
                </c:pt>
                <c:pt idx="3001">
                  <c:v>3.5000000000000003E-2</c:v>
                </c:pt>
                <c:pt idx="3002">
                  <c:v>3.5000000000000003E-2</c:v>
                </c:pt>
                <c:pt idx="3003">
                  <c:v>3.5000000000000003E-2</c:v>
                </c:pt>
                <c:pt idx="3004">
                  <c:v>3.5000000000000003E-2</c:v>
                </c:pt>
                <c:pt idx="3005">
                  <c:v>3.5000000000000003E-2</c:v>
                </c:pt>
                <c:pt idx="3006">
                  <c:v>3.5000000000000003E-2</c:v>
                </c:pt>
                <c:pt idx="3007">
                  <c:v>3.5000000000000003E-2</c:v>
                </c:pt>
                <c:pt idx="3008">
                  <c:v>3.5000000000000003E-2</c:v>
                </c:pt>
                <c:pt idx="3009">
                  <c:v>3.5000000000000003E-2</c:v>
                </c:pt>
                <c:pt idx="3010">
                  <c:v>3.5000000000000003E-2</c:v>
                </c:pt>
                <c:pt idx="3011">
                  <c:v>3.5000000000000003E-2</c:v>
                </c:pt>
                <c:pt idx="3012">
                  <c:v>3.5000000000000003E-2</c:v>
                </c:pt>
                <c:pt idx="3013">
                  <c:v>3.5000000000000003E-2</c:v>
                </c:pt>
                <c:pt idx="3014">
                  <c:v>3.5000000000000003E-2</c:v>
                </c:pt>
                <c:pt idx="3015">
                  <c:v>3.5000000000000003E-2</c:v>
                </c:pt>
                <c:pt idx="3016">
                  <c:v>3.5000000000000003E-2</c:v>
                </c:pt>
                <c:pt idx="3017">
                  <c:v>3.5000000000000003E-2</c:v>
                </c:pt>
                <c:pt idx="3018">
                  <c:v>3.5000000000000003E-2</c:v>
                </c:pt>
                <c:pt idx="3019">
                  <c:v>3.5000000000000003E-2</c:v>
                </c:pt>
                <c:pt idx="3020">
                  <c:v>3.5000000000000003E-2</c:v>
                </c:pt>
                <c:pt idx="3021">
                  <c:v>3.5000000000000003E-2</c:v>
                </c:pt>
                <c:pt idx="3022">
                  <c:v>3.5000000000000003E-2</c:v>
                </c:pt>
                <c:pt idx="3023">
                  <c:v>3.5000000000000003E-2</c:v>
                </c:pt>
                <c:pt idx="3024">
                  <c:v>3.5000000000000003E-2</c:v>
                </c:pt>
                <c:pt idx="3025">
                  <c:v>3.5000000000000003E-2</c:v>
                </c:pt>
                <c:pt idx="3026">
                  <c:v>3.5000000000000003E-2</c:v>
                </c:pt>
                <c:pt idx="3027">
                  <c:v>3.5000000000000003E-2</c:v>
                </c:pt>
                <c:pt idx="3028">
                  <c:v>3.5000000000000003E-2</c:v>
                </c:pt>
                <c:pt idx="3029">
                  <c:v>3.5000000000000003E-2</c:v>
                </c:pt>
                <c:pt idx="3030">
                  <c:v>3.5000000000000003E-2</c:v>
                </c:pt>
                <c:pt idx="3031">
                  <c:v>3.5000000000000003E-2</c:v>
                </c:pt>
                <c:pt idx="3032">
                  <c:v>3.5000000000000003E-2</c:v>
                </c:pt>
                <c:pt idx="3033">
                  <c:v>3.5000000000000003E-2</c:v>
                </c:pt>
                <c:pt idx="3034">
                  <c:v>0.03</c:v>
                </c:pt>
                <c:pt idx="3035">
                  <c:v>0.03</c:v>
                </c:pt>
                <c:pt idx="3036">
                  <c:v>0.03</c:v>
                </c:pt>
                <c:pt idx="3037">
                  <c:v>0.03</c:v>
                </c:pt>
                <c:pt idx="3038">
                  <c:v>0.03</c:v>
                </c:pt>
                <c:pt idx="3039">
                  <c:v>0.03</c:v>
                </c:pt>
                <c:pt idx="3040">
                  <c:v>0.03</c:v>
                </c:pt>
                <c:pt idx="3041">
                  <c:v>0.03</c:v>
                </c:pt>
                <c:pt idx="3042">
                  <c:v>0.03</c:v>
                </c:pt>
                <c:pt idx="3043">
                  <c:v>0.03</c:v>
                </c:pt>
                <c:pt idx="3044">
                  <c:v>0.03</c:v>
                </c:pt>
                <c:pt idx="3045">
                  <c:v>0.03</c:v>
                </c:pt>
                <c:pt idx="3046">
                  <c:v>0.03</c:v>
                </c:pt>
                <c:pt idx="3047">
                  <c:v>0.03</c:v>
                </c:pt>
                <c:pt idx="3048">
                  <c:v>0.03</c:v>
                </c:pt>
                <c:pt idx="3049">
                  <c:v>0.03</c:v>
                </c:pt>
                <c:pt idx="3050">
                  <c:v>0.03</c:v>
                </c:pt>
                <c:pt idx="3051">
                  <c:v>0.03</c:v>
                </c:pt>
                <c:pt idx="3052">
                  <c:v>0.03</c:v>
                </c:pt>
                <c:pt idx="3053">
                  <c:v>0.03</c:v>
                </c:pt>
                <c:pt idx="3054">
                  <c:v>0.03</c:v>
                </c:pt>
                <c:pt idx="3055">
                  <c:v>0.03</c:v>
                </c:pt>
                <c:pt idx="3056">
                  <c:v>0.03</c:v>
                </c:pt>
                <c:pt idx="3057">
                  <c:v>0.03</c:v>
                </c:pt>
                <c:pt idx="3058">
                  <c:v>0.03</c:v>
                </c:pt>
                <c:pt idx="3059">
                  <c:v>0.03</c:v>
                </c:pt>
                <c:pt idx="3060">
                  <c:v>0.03</c:v>
                </c:pt>
                <c:pt idx="3061">
                  <c:v>0.03</c:v>
                </c:pt>
                <c:pt idx="3062">
                  <c:v>0.03</c:v>
                </c:pt>
                <c:pt idx="3063">
                  <c:v>0.03</c:v>
                </c:pt>
                <c:pt idx="3064">
                  <c:v>0.03</c:v>
                </c:pt>
                <c:pt idx="3065">
                  <c:v>0.03</c:v>
                </c:pt>
                <c:pt idx="3066">
                  <c:v>0.03</c:v>
                </c:pt>
                <c:pt idx="3067">
                  <c:v>0.03</c:v>
                </c:pt>
                <c:pt idx="3068">
                  <c:v>0.03</c:v>
                </c:pt>
                <c:pt idx="3069">
                  <c:v>0.03</c:v>
                </c:pt>
                <c:pt idx="3070">
                  <c:v>0.03</c:v>
                </c:pt>
                <c:pt idx="3071">
                  <c:v>0.03</c:v>
                </c:pt>
                <c:pt idx="3072">
                  <c:v>0.03</c:v>
                </c:pt>
                <c:pt idx="3073">
                  <c:v>0.03</c:v>
                </c:pt>
                <c:pt idx="3074">
                  <c:v>0.03</c:v>
                </c:pt>
                <c:pt idx="3075">
                  <c:v>0.03</c:v>
                </c:pt>
                <c:pt idx="3076">
                  <c:v>0.03</c:v>
                </c:pt>
                <c:pt idx="3077">
                  <c:v>0.03</c:v>
                </c:pt>
                <c:pt idx="3078">
                  <c:v>0.03</c:v>
                </c:pt>
                <c:pt idx="3079">
                  <c:v>0.03</c:v>
                </c:pt>
                <c:pt idx="3080">
                  <c:v>0.03</c:v>
                </c:pt>
                <c:pt idx="3081">
                  <c:v>0.03</c:v>
                </c:pt>
                <c:pt idx="3082">
                  <c:v>0.03</c:v>
                </c:pt>
                <c:pt idx="3083">
                  <c:v>0.03</c:v>
                </c:pt>
                <c:pt idx="3084">
                  <c:v>0.03</c:v>
                </c:pt>
                <c:pt idx="3085">
                  <c:v>0.03</c:v>
                </c:pt>
                <c:pt idx="3086">
                  <c:v>0.03</c:v>
                </c:pt>
                <c:pt idx="3087">
                  <c:v>0.03</c:v>
                </c:pt>
                <c:pt idx="3088">
                  <c:v>0.03</c:v>
                </c:pt>
                <c:pt idx="3089">
                  <c:v>0.03</c:v>
                </c:pt>
                <c:pt idx="3090">
                  <c:v>0.03</c:v>
                </c:pt>
                <c:pt idx="3091">
                  <c:v>0.03</c:v>
                </c:pt>
                <c:pt idx="3092">
                  <c:v>0.03</c:v>
                </c:pt>
                <c:pt idx="3093">
                  <c:v>0.03</c:v>
                </c:pt>
                <c:pt idx="3094">
                  <c:v>0.03</c:v>
                </c:pt>
                <c:pt idx="3095">
                  <c:v>0.03</c:v>
                </c:pt>
                <c:pt idx="3096">
                  <c:v>0.03</c:v>
                </c:pt>
                <c:pt idx="3097">
                  <c:v>0.03</c:v>
                </c:pt>
                <c:pt idx="3098">
                  <c:v>0.03</c:v>
                </c:pt>
                <c:pt idx="3099">
                  <c:v>0.03</c:v>
                </c:pt>
                <c:pt idx="3100">
                  <c:v>0.03</c:v>
                </c:pt>
                <c:pt idx="3101">
                  <c:v>0.03</c:v>
                </c:pt>
                <c:pt idx="3102">
                  <c:v>0.03</c:v>
                </c:pt>
                <c:pt idx="3103">
                  <c:v>0.03</c:v>
                </c:pt>
                <c:pt idx="3104">
                  <c:v>0.03</c:v>
                </c:pt>
                <c:pt idx="3105">
                  <c:v>0.03</c:v>
                </c:pt>
                <c:pt idx="3106">
                  <c:v>0.03</c:v>
                </c:pt>
                <c:pt idx="3107">
                  <c:v>0.03</c:v>
                </c:pt>
                <c:pt idx="3108">
                  <c:v>0.03</c:v>
                </c:pt>
                <c:pt idx="3109">
                  <c:v>0.03</c:v>
                </c:pt>
                <c:pt idx="3110">
                  <c:v>0.03</c:v>
                </c:pt>
                <c:pt idx="3111">
                  <c:v>0.03</c:v>
                </c:pt>
                <c:pt idx="3112">
                  <c:v>0.03</c:v>
                </c:pt>
                <c:pt idx="3113">
                  <c:v>0.03</c:v>
                </c:pt>
                <c:pt idx="3114">
                  <c:v>0.03</c:v>
                </c:pt>
                <c:pt idx="3115">
                  <c:v>0.03</c:v>
                </c:pt>
                <c:pt idx="3116">
                  <c:v>0.03</c:v>
                </c:pt>
                <c:pt idx="3117">
                  <c:v>0.03</c:v>
                </c:pt>
                <c:pt idx="3118">
                  <c:v>0.03</c:v>
                </c:pt>
                <c:pt idx="3119">
                  <c:v>0.03</c:v>
                </c:pt>
                <c:pt idx="3120">
                  <c:v>0.03</c:v>
                </c:pt>
                <c:pt idx="3121">
                  <c:v>0.03</c:v>
                </c:pt>
                <c:pt idx="3122">
                  <c:v>0.03</c:v>
                </c:pt>
                <c:pt idx="3123">
                  <c:v>0.03</c:v>
                </c:pt>
                <c:pt idx="3124">
                  <c:v>0.03</c:v>
                </c:pt>
                <c:pt idx="3125">
                  <c:v>0.03</c:v>
                </c:pt>
                <c:pt idx="3126">
                  <c:v>0.03</c:v>
                </c:pt>
                <c:pt idx="3127">
                  <c:v>0.03</c:v>
                </c:pt>
                <c:pt idx="3128">
                  <c:v>0.03</c:v>
                </c:pt>
                <c:pt idx="3129">
                  <c:v>0.03</c:v>
                </c:pt>
                <c:pt idx="3130">
                  <c:v>0.03</c:v>
                </c:pt>
                <c:pt idx="3131">
                  <c:v>0.03</c:v>
                </c:pt>
                <c:pt idx="3132">
                  <c:v>0.03</c:v>
                </c:pt>
                <c:pt idx="3133">
                  <c:v>0.03</c:v>
                </c:pt>
                <c:pt idx="3134">
                  <c:v>0.03</c:v>
                </c:pt>
                <c:pt idx="3135">
                  <c:v>0.03</c:v>
                </c:pt>
                <c:pt idx="3136">
                  <c:v>0.03</c:v>
                </c:pt>
                <c:pt idx="3137">
                  <c:v>0.03</c:v>
                </c:pt>
                <c:pt idx="3138">
                  <c:v>0.03</c:v>
                </c:pt>
                <c:pt idx="3139">
                  <c:v>0.03</c:v>
                </c:pt>
                <c:pt idx="3140">
                  <c:v>0.03</c:v>
                </c:pt>
                <c:pt idx="3141">
                  <c:v>0.03</c:v>
                </c:pt>
                <c:pt idx="3142">
                  <c:v>0.03</c:v>
                </c:pt>
                <c:pt idx="3143">
                  <c:v>0.03</c:v>
                </c:pt>
                <c:pt idx="3144">
                  <c:v>0.03</c:v>
                </c:pt>
                <c:pt idx="3145">
                  <c:v>0.03</c:v>
                </c:pt>
                <c:pt idx="3146">
                  <c:v>0.03</c:v>
                </c:pt>
                <c:pt idx="3147">
                  <c:v>0.03</c:v>
                </c:pt>
                <c:pt idx="3148">
                  <c:v>0.03</c:v>
                </c:pt>
                <c:pt idx="3149">
                  <c:v>0.03</c:v>
                </c:pt>
                <c:pt idx="3150">
                  <c:v>0.03</c:v>
                </c:pt>
                <c:pt idx="3151">
                  <c:v>0.03</c:v>
                </c:pt>
                <c:pt idx="3152">
                  <c:v>0.03</c:v>
                </c:pt>
                <c:pt idx="3153">
                  <c:v>0.03</c:v>
                </c:pt>
                <c:pt idx="3154">
                  <c:v>0.03</c:v>
                </c:pt>
                <c:pt idx="3155">
                  <c:v>0.03</c:v>
                </c:pt>
                <c:pt idx="3156">
                  <c:v>0.03</c:v>
                </c:pt>
                <c:pt idx="3157">
                  <c:v>0.03</c:v>
                </c:pt>
                <c:pt idx="3158">
                  <c:v>0.03</c:v>
                </c:pt>
                <c:pt idx="3159">
                  <c:v>0.03</c:v>
                </c:pt>
                <c:pt idx="3160">
                  <c:v>0.03</c:v>
                </c:pt>
                <c:pt idx="3161">
                  <c:v>0.03</c:v>
                </c:pt>
                <c:pt idx="3162">
                  <c:v>0.03</c:v>
                </c:pt>
                <c:pt idx="3163">
                  <c:v>0.03</c:v>
                </c:pt>
                <c:pt idx="3164">
                  <c:v>0.03</c:v>
                </c:pt>
                <c:pt idx="3165">
                  <c:v>0.03</c:v>
                </c:pt>
                <c:pt idx="3166">
                  <c:v>0.03</c:v>
                </c:pt>
                <c:pt idx="3167">
                  <c:v>0.03</c:v>
                </c:pt>
                <c:pt idx="3168">
                  <c:v>0.03</c:v>
                </c:pt>
                <c:pt idx="3169">
                  <c:v>0.03</c:v>
                </c:pt>
                <c:pt idx="3170">
                  <c:v>0.03</c:v>
                </c:pt>
                <c:pt idx="3171">
                  <c:v>0.03</c:v>
                </c:pt>
                <c:pt idx="3172">
                  <c:v>0.03</c:v>
                </c:pt>
                <c:pt idx="3173">
                  <c:v>0.03</c:v>
                </c:pt>
                <c:pt idx="3174">
                  <c:v>0.03</c:v>
                </c:pt>
                <c:pt idx="3175">
                  <c:v>0.03</c:v>
                </c:pt>
                <c:pt idx="3176">
                  <c:v>0.03</c:v>
                </c:pt>
                <c:pt idx="3177">
                  <c:v>0.03</c:v>
                </c:pt>
                <c:pt idx="3178">
                  <c:v>0.03</c:v>
                </c:pt>
                <c:pt idx="3179">
                  <c:v>0.03</c:v>
                </c:pt>
                <c:pt idx="3180">
                  <c:v>0.03</c:v>
                </c:pt>
                <c:pt idx="3181">
                  <c:v>0.03</c:v>
                </c:pt>
                <c:pt idx="3182">
                  <c:v>0.03</c:v>
                </c:pt>
                <c:pt idx="3183">
                  <c:v>0.03</c:v>
                </c:pt>
                <c:pt idx="3184">
                  <c:v>0.03</c:v>
                </c:pt>
                <c:pt idx="3185">
                  <c:v>0.03</c:v>
                </c:pt>
                <c:pt idx="3186">
                  <c:v>0.03</c:v>
                </c:pt>
                <c:pt idx="3187">
                  <c:v>0.03</c:v>
                </c:pt>
                <c:pt idx="3188">
                  <c:v>0.03</c:v>
                </c:pt>
                <c:pt idx="3189">
                  <c:v>0.03</c:v>
                </c:pt>
                <c:pt idx="3190">
                  <c:v>0.03</c:v>
                </c:pt>
                <c:pt idx="3191">
                  <c:v>0.03</c:v>
                </c:pt>
                <c:pt idx="3192">
                  <c:v>0.03</c:v>
                </c:pt>
                <c:pt idx="3193">
                  <c:v>0.03</c:v>
                </c:pt>
                <c:pt idx="3194">
                  <c:v>0.03</c:v>
                </c:pt>
                <c:pt idx="3195">
                  <c:v>0.03</c:v>
                </c:pt>
                <c:pt idx="3196">
                  <c:v>0.03</c:v>
                </c:pt>
                <c:pt idx="3197">
                  <c:v>0.03</c:v>
                </c:pt>
                <c:pt idx="3198">
                  <c:v>0.03</c:v>
                </c:pt>
                <c:pt idx="3199">
                  <c:v>0.03</c:v>
                </c:pt>
                <c:pt idx="3200">
                  <c:v>0.03</c:v>
                </c:pt>
                <c:pt idx="3201">
                  <c:v>0.03</c:v>
                </c:pt>
                <c:pt idx="3202">
                  <c:v>0.03</c:v>
                </c:pt>
                <c:pt idx="3203">
                  <c:v>2.5000000000000001E-2</c:v>
                </c:pt>
                <c:pt idx="3204">
                  <c:v>2.5000000000000001E-2</c:v>
                </c:pt>
                <c:pt idx="3205">
                  <c:v>2.5000000000000001E-2</c:v>
                </c:pt>
                <c:pt idx="3206">
                  <c:v>2.5000000000000001E-2</c:v>
                </c:pt>
                <c:pt idx="3207">
                  <c:v>2.5000000000000001E-2</c:v>
                </c:pt>
                <c:pt idx="3208">
                  <c:v>2.5000000000000001E-2</c:v>
                </c:pt>
                <c:pt idx="3209">
                  <c:v>2.5000000000000001E-2</c:v>
                </c:pt>
                <c:pt idx="3210">
                  <c:v>2.5000000000000001E-2</c:v>
                </c:pt>
                <c:pt idx="3211">
                  <c:v>2.5000000000000001E-2</c:v>
                </c:pt>
                <c:pt idx="3212">
                  <c:v>2.5000000000000001E-2</c:v>
                </c:pt>
                <c:pt idx="3213">
                  <c:v>2.5000000000000001E-2</c:v>
                </c:pt>
                <c:pt idx="3214">
                  <c:v>2.5000000000000001E-2</c:v>
                </c:pt>
                <c:pt idx="3215">
                  <c:v>2.5000000000000001E-2</c:v>
                </c:pt>
                <c:pt idx="3216">
                  <c:v>2.2499999999999999E-2</c:v>
                </c:pt>
                <c:pt idx="3217">
                  <c:v>2.2499999999999999E-2</c:v>
                </c:pt>
                <c:pt idx="3218">
                  <c:v>2.2499999999999999E-2</c:v>
                </c:pt>
                <c:pt idx="3219">
                  <c:v>2.2499999999999999E-2</c:v>
                </c:pt>
                <c:pt idx="3220">
                  <c:v>2.2499999999999999E-2</c:v>
                </c:pt>
                <c:pt idx="3221">
                  <c:v>2.2499999999999999E-2</c:v>
                </c:pt>
                <c:pt idx="3222">
                  <c:v>2.2499999999999999E-2</c:v>
                </c:pt>
                <c:pt idx="3223">
                  <c:v>2.2499999999999999E-2</c:v>
                </c:pt>
                <c:pt idx="3224">
                  <c:v>2.2499999999999999E-2</c:v>
                </c:pt>
                <c:pt idx="3225">
                  <c:v>2.2499999999999999E-2</c:v>
                </c:pt>
                <c:pt idx="3226">
                  <c:v>2.2499999999999999E-2</c:v>
                </c:pt>
                <c:pt idx="3227">
                  <c:v>2.2499999999999999E-2</c:v>
                </c:pt>
                <c:pt idx="3228">
                  <c:v>2.2499999999999999E-2</c:v>
                </c:pt>
                <c:pt idx="3229">
                  <c:v>2.2499999999999999E-2</c:v>
                </c:pt>
                <c:pt idx="3230">
                  <c:v>2.2499999999999999E-2</c:v>
                </c:pt>
                <c:pt idx="3231">
                  <c:v>2.2499999999999999E-2</c:v>
                </c:pt>
                <c:pt idx="3232">
                  <c:v>2.2499999999999999E-2</c:v>
                </c:pt>
                <c:pt idx="3233">
                  <c:v>2.2499999999999999E-2</c:v>
                </c:pt>
                <c:pt idx="3234">
                  <c:v>2.2499999999999999E-2</c:v>
                </c:pt>
                <c:pt idx="3235">
                  <c:v>2.2499999999999999E-2</c:v>
                </c:pt>
                <c:pt idx="3236">
                  <c:v>2.2499999999999999E-2</c:v>
                </c:pt>
                <c:pt idx="3237">
                  <c:v>2.2499999999999999E-2</c:v>
                </c:pt>
                <c:pt idx="3238">
                  <c:v>2.2499999999999999E-2</c:v>
                </c:pt>
                <c:pt idx="3239">
                  <c:v>2.2499999999999999E-2</c:v>
                </c:pt>
                <c:pt idx="3240">
                  <c:v>2.2499999999999999E-2</c:v>
                </c:pt>
                <c:pt idx="3241">
                  <c:v>2.2499999999999999E-2</c:v>
                </c:pt>
                <c:pt idx="3242">
                  <c:v>2.2499999999999999E-2</c:v>
                </c:pt>
                <c:pt idx="3243">
                  <c:v>2.2499999999999999E-2</c:v>
                </c:pt>
                <c:pt idx="3244">
                  <c:v>2.2499999999999999E-2</c:v>
                </c:pt>
                <c:pt idx="3245">
                  <c:v>2.2499999999999999E-2</c:v>
                </c:pt>
                <c:pt idx="3246">
                  <c:v>2.2499999999999999E-2</c:v>
                </c:pt>
                <c:pt idx="3247">
                  <c:v>2.2499999999999999E-2</c:v>
                </c:pt>
                <c:pt idx="3248">
                  <c:v>2.2499999999999999E-2</c:v>
                </c:pt>
                <c:pt idx="3249">
                  <c:v>2.2499999999999999E-2</c:v>
                </c:pt>
                <c:pt idx="3250">
                  <c:v>2.2499999999999999E-2</c:v>
                </c:pt>
                <c:pt idx="3251">
                  <c:v>2.2499999999999999E-2</c:v>
                </c:pt>
                <c:pt idx="3252">
                  <c:v>2.2499999999999999E-2</c:v>
                </c:pt>
                <c:pt idx="3253">
                  <c:v>2.2499999999999999E-2</c:v>
                </c:pt>
                <c:pt idx="3254">
                  <c:v>2.2499999999999999E-2</c:v>
                </c:pt>
                <c:pt idx="3255">
                  <c:v>2.2499999999999999E-2</c:v>
                </c:pt>
                <c:pt idx="3256">
                  <c:v>2.2499999999999999E-2</c:v>
                </c:pt>
                <c:pt idx="3257">
                  <c:v>2.2499999999999999E-2</c:v>
                </c:pt>
                <c:pt idx="3258">
                  <c:v>2.2499999999999999E-2</c:v>
                </c:pt>
                <c:pt idx="3259">
                  <c:v>2.2499999999999999E-2</c:v>
                </c:pt>
                <c:pt idx="3260">
                  <c:v>2.2499999999999999E-2</c:v>
                </c:pt>
                <c:pt idx="3261">
                  <c:v>2.2499999999999999E-2</c:v>
                </c:pt>
                <c:pt idx="3262">
                  <c:v>2.2499999999999999E-2</c:v>
                </c:pt>
                <c:pt idx="3263">
                  <c:v>2.2499999999999999E-2</c:v>
                </c:pt>
                <c:pt idx="3264">
                  <c:v>2.2499999999999999E-2</c:v>
                </c:pt>
                <c:pt idx="3265">
                  <c:v>1.4999999999999999E-2</c:v>
                </c:pt>
                <c:pt idx="3266">
                  <c:v>1.4999999999999999E-2</c:v>
                </c:pt>
                <c:pt idx="3267">
                  <c:v>1.4999999999999999E-2</c:v>
                </c:pt>
                <c:pt idx="3268">
                  <c:v>1.4999999999999999E-2</c:v>
                </c:pt>
                <c:pt idx="3269">
                  <c:v>1.4999999999999999E-2</c:v>
                </c:pt>
                <c:pt idx="3270">
                  <c:v>1.4999999999999999E-2</c:v>
                </c:pt>
                <c:pt idx="3271">
                  <c:v>1.4999999999999999E-2</c:v>
                </c:pt>
                <c:pt idx="3272">
                  <c:v>1.4999999999999999E-2</c:v>
                </c:pt>
                <c:pt idx="3273">
                  <c:v>1.4999999999999999E-2</c:v>
                </c:pt>
                <c:pt idx="3274">
                  <c:v>1.4999999999999999E-2</c:v>
                </c:pt>
                <c:pt idx="3275">
                  <c:v>1.4999999999999999E-2</c:v>
                </c:pt>
                <c:pt idx="3276">
                  <c:v>1.4999999999999999E-2</c:v>
                </c:pt>
                <c:pt idx="3277">
                  <c:v>1.4999999999999999E-2</c:v>
                </c:pt>
                <c:pt idx="3278">
                  <c:v>1.4999999999999999E-2</c:v>
                </c:pt>
                <c:pt idx="3279">
                  <c:v>1.4999999999999999E-2</c:v>
                </c:pt>
                <c:pt idx="3280">
                  <c:v>1.4999999999999999E-2</c:v>
                </c:pt>
                <c:pt idx="3281">
                  <c:v>1.4999999999999999E-2</c:v>
                </c:pt>
                <c:pt idx="3282">
                  <c:v>1.4999999999999999E-2</c:v>
                </c:pt>
                <c:pt idx="3283">
                  <c:v>1.4999999999999999E-2</c:v>
                </c:pt>
                <c:pt idx="3284">
                  <c:v>1.4999999999999999E-2</c:v>
                </c:pt>
                <c:pt idx="3285">
                  <c:v>1.4999999999999999E-2</c:v>
                </c:pt>
                <c:pt idx="3286">
                  <c:v>1.4999999999999999E-2</c:v>
                </c:pt>
                <c:pt idx="3287">
                  <c:v>1.4999999999999999E-2</c:v>
                </c:pt>
                <c:pt idx="3288">
                  <c:v>1.4999999999999999E-2</c:v>
                </c:pt>
                <c:pt idx="3289">
                  <c:v>1.4999999999999999E-2</c:v>
                </c:pt>
                <c:pt idx="3290">
                  <c:v>1.4999999999999999E-2</c:v>
                </c:pt>
                <c:pt idx="3291">
                  <c:v>1.4999999999999999E-2</c:v>
                </c:pt>
                <c:pt idx="3292">
                  <c:v>1.4999999999999999E-2</c:v>
                </c:pt>
                <c:pt idx="3293">
                  <c:v>1.4999999999999999E-2</c:v>
                </c:pt>
                <c:pt idx="3294">
                  <c:v>1.4999999999999999E-2</c:v>
                </c:pt>
                <c:pt idx="3295">
                  <c:v>1.4999999999999999E-2</c:v>
                </c:pt>
                <c:pt idx="3296">
                  <c:v>1.4999999999999999E-2</c:v>
                </c:pt>
                <c:pt idx="3297">
                  <c:v>1.4999999999999999E-2</c:v>
                </c:pt>
                <c:pt idx="3298">
                  <c:v>1.4999999999999999E-2</c:v>
                </c:pt>
                <c:pt idx="3299">
                  <c:v>1.4999999999999999E-2</c:v>
                </c:pt>
                <c:pt idx="3300">
                  <c:v>1.4999999999999999E-2</c:v>
                </c:pt>
                <c:pt idx="3301">
                  <c:v>1.4999999999999999E-2</c:v>
                </c:pt>
                <c:pt idx="3302">
                  <c:v>1.4999999999999999E-2</c:v>
                </c:pt>
                <c:pt idx="3303">
                  <c:v>1.4999999999999999E-2</c:v>
                </c:pt>
                <c:pt idx="3304">
                  <c:v>1.4999999999999999E-2</c:v>
                </c:pt>
                <c:pt idx="3305">
                  <c:v>1.4999999999999999E-2</c:v>
                </c:pt>
                <c:pt idx="3306">
                  <c:v>1.4999999999999999E-2</c:v>
                </c:pt>
                <c:pt idx="3307">
                  <c:v>0.01</c:v>
                </c:pt>
                <c:pt idx="3308">
                  <c:v>0.01</c:v>
                </c:pt>
                <c:pt idx="3309">
                  <c:v>0.01</c:v>
                </c:pt>
                <c:pt idx="3310">
                  <c:v>0.01</c:v>
                </c:pt>
                <c:pt idx="3311">
                  <c:v>0.01</c:v>
                </c:pt>
                <c:pt idx="3312">
                  <c:v>0.01</c:v>
                </c:pt>
                <c:pt idx="3313">
                  <c:v>0.01</c:v>
                </c:pt>
                <c:pt idx="3314">
                  <c:v>0.01</c:v>
                </c:pt>
                <c:pt idx="3315">
                  <c:v>0.01</c:v>
                </c:pt>
                <c:pt idx="3316">
                  <c:v>0.01</c:v>
                </c:pt>
                <c:pt idx="3317">
                  <c:v>0.01</c:v>
                </c:pt>
                <c:pt idx="3318">
                  <c:v>0.01</c:v>
                </c:pt>
                <c:pt idx="3319">
                  <c:v>0.01</c:v>
                </c:pt>
                <c:pt idx="3320">
                  <c:v>0.01</c:v>
                </c:pt>
                <c:pt idx="3321">
                  <c:v>0.01</c:v>
                </c:pt>
                <c:pt idx="3322">
                  <c:v>0.01</c:v>
                </c:pt>
                <c:pt idx="3323">
                  <c:v>0.01</c:v>
                </c:pt>
                <c:pt idx="3324">
                  <c:v>0.01</c:v>
                </c:pt>
                <c:pt idx="3325">
                  <c:v>0.01</c:v>
                </c:pt>
                <c:pt idx="3326">
                  <c:v>0.01</c:v>
                </c:pt>
                <c:pt idx="3327">
                  <c:v>0.01</c:v>
                </c:pt>
                <c:pt idx="3328">
                  <c:v>0.01</c:v>
                </c:pt>
                <c:pt idx="3329">
                  <c:v>0.01</c:v>
                </c:pt>
                <c:pt idx="3330">
                  <c:v>0.01</c:v>
                </c:pt>
                <c:pt idx="3331">
                  <c:v>0.01</c:v>
                </c:pt>
                <c:pt idx="3332">
                  <c:v>0.01</c:v>
                </c:pt>
                <c:pt idx="3333">
                  <c:v>0.01</c:v>
                </c:pt>
                <c:pt idx="3334">
                  <c:v>0.01</c:v>
                </c:pt>
                <c:pt idx="3335">
                  <c:v>0.01</c:v>
                </c:pt>
                <c:pt idx="3336">
                  <c:v>0.01</c:v>
                </c:pt>
                <c:pt idx="3337">
                  <c:v>0.01</c:v>
                </c:pt>
                <c:pt idx="3338">
                  <c:v>0.01</c:v>
                </c:pt>
                <c:pt idx="3339">
                  <c:v>0.01</c:v>
                </c:pt>
                <c:pt idx="3340">
                  <c:v>0.01</c:v>
                </c:pt>
                <c:pt idx="3341">
                  <c:v>0.01</c:v>
                </c:pt>
                <c:pt idx="3342">
                  <c:v>0.01</c:v>
                </c:pt>
                <c:pt idx="3343">
                  <c:v>0.01</c:v>
                </c:pt>
                <c:pt idx="3344">
                  <c:v>0.01</c:v>
                </c:pt>
                <c:pt idx="3345">
                  <c:v>0.01</c:v>
                </c:pt>
                <c:pt idx="3346">
                  <c:v>0.01</c:v>
                </c:pt>
                <c:pt idx="3347">
                  <c:v>0.01</c:v>
                </c:pt>
                <c:pt idx="3348">
                  <c:v>0.01</c:v>
                </c:pt>
                <c:pt idx="3349">
                  <c:v>5.0000000000000001E-3</c:v>
                </c:pt>
                <c:pt idx="3350">
                  <c:v>5.0000000000000001E-3</c:v>
                </c:pt>
                <c:pt idx="3351">
                  <c:v>5.0000000000000001E-3</c:v>
                </c:pt>
                <c:pt idx="3352">
                  <c:v>5.0000000000000001E-3</c:v>
                </c:pt>
                <c:pt idx="3353">
                  <c:v>5.0000000000000001E-3</c:v>
                </c:pt>
                <c:pt idx="3354">
                  <c:v>5.0000000000000001E-3</c:v>
                </c:pt>
                <c:pt idx="3355">
                  <c:v>5.0000000000000001E-3</c:v>
                </c:pt>
                <c:pt idx="3356">
                  <c:v>5.0000000000000001E-3</c:v>
                </c:pt>
                <c:pt idx="3357">
                  <c:v>5.0000000000000001E-3</c:v>
                </c:pt>
                <c:pt idx="3358">
                  <c:v>5.0000000000000001E-3</c:v>
                </c:pt>
                <c:pt idx="3359">
                  <c:v>5.0000000000000001E-3</c:v>
                </c:pt>
                <c:pt idx="3360">
                  <c:v>5.0000000000000001E-3</c:v>
                </c:pt>
                <c:pt idx="3361">
                  <c:v>5.0000000000000001E-3</c:v>
                </c:pt>
                <c:pt idx="3362">
                  <c:v>5.0000000000000001E-3</c:v>
                </c:pt>
                <c:pt idx="3363">
                  <c:v>5.0000000000000001E-3</c:v>
                </c:pt>
                <c:pt idx="3364">
                  <c:v>5.0000000000000001E-3</c:v>
                </c:pt>
                <c:pt idx="3365">
                  <c:v>5.0000000000000001E-3</c:v>
                </c:pt>
                <c:pt idx="3366">
                  <c:v>5.0000000000000001E-3</c:v>
                </c:pt>
                <c:pt idx="3367">
                  <c:v>5.0000000000000001E-3</c:v>
                </c:pt>
                <c:pt idx="3368">
                  <c:v>5.0000000000000001E-3</c:v>
                </c:pt>
                <c:pt idx="3369">
                  <c:v>5.0000000000000001E-3</c:v>
                </c:pt>
                <c:pt idx="3370">
                  <c:v>5.0000000000000001E-3</c:v>
                </c:pt>
                <c:pt idx="3371">
                  <c:v>5.0000000000000001E-3</c:v>
                </c:pt>
                <c:pt idx="3372">
                  <c:v>5.0000000000000001E-3</c:v>
                </c:pt>
                <c:pt idx="3373">
                  <c:v>5.0000000000000001E-3</c:v>
                </c:pt>
                <c:pt idx="3374">
                  <c:v>5.0000000000000001E-3</c:v>
                </c:pt>
                <c:pt idx="3375">
                  <c:v>5.0000000000000001E-3</c:v>
                </c:pt>
                <c:pt idx="3376">
                  <c:v>5.0000000000000001E-3</c:v>
                </c:pt>
                <c:pt idx="3377">
                  <c:v>5.0000000000000001E-3</c:v>
                </c:pt>
                <c:pt idx="3378">
                  <c:v>5.0000000000000001E-3</c:v>
                </c:pt>
                <c:pt idx="3379">
                  <c:v>5.0000000000000001E-3</c:v>
                </c:pt>
                <c:pt idx="3380">
                  <c:v>5.0000000000000001E-3</c:v>
                </c:pt>
                <c:pt idx="3381">
                  <c:v>5.0000000000000001E-3</c:v>
                </c:pt>
                <c:pt idx="3382">
                  <c:v>5.0000000000000001E-3</c:v>
                </c:pt>
                <c:pt idx="3383">
                  <c:v>5.0000000000000001E-3</c:v>
                </c:pt>
                <c:pt idx="3384">
                  <c:v>5.0000000000000001E-3</c:v>
                </c:pt>
                <c:pt idx="3385">
                  <c:v>5.0000000000000001E-3</c:v>
                </c:pt>
                <c:pt idx="3386">
                  <c:v>5.0000000000000001E-3</c:v>
                </c:pt>
                <c:pt idx="3387">
                  <c:v>5.0000000000000001E-3</c:v>
                </c:pt>
                <c:pt idx="3388">
                  <c:v>5.0000000000000001E-3</c:v>
                </c:pt>
                <c:pt idx="3389">
                  <c:v>5.0000000000000001E-3</c:v>
                </c:pt>
                <c:pt idx="3390">
                  <c:v>5.0000000000000001E-3</c:v>
                </c:pt>
                <c:pt idx="3391">
                  <c:v>5.0000000000000001E-3</c:v>
                </c:pt>
                <c:pt idx="3392">
                  <c:v>5.0000000000000001E-3</c:v>
                </c:pt>
                <c:pt idx="3393">
                  <c:v>5.0000000000000001E-3</c:v>
                </c:pt>
                <c:pt idx="3394">
                  <c:v>5.0000000000000001E-3</c:v>
                </c:pt>
                <c:pt idx="3395">
                  <c:v>5.0000000000000001E-3</c:v>
                </c:pt>
                <c:pt idx="3396">
                  <c:v>5.0000000000000001E-3</c:v>
                </c:pt>
                <c:pt idx="3397">
                  <c:v>5.0000000000000001E-3</c:v>
                </c:pt>
                <c:pt idx="3398">
                  <c:v>2.5000000000000001E-3</c:v>
                </c:pt>
                <c:pt idx="3399">
                  <c:v>2.5000000000000001E-3</c:v>
                </c:pt>
                <c:pt idx="3400">
                  <c:v>2.5000000000000001E-3</c:v>
                </c:pt>
                <c:pt idx="3401">
                  <c:v>2.5000000000000001E-3</c:v>
                </c:pt>
                <c:pt idx="3402">
                  <c:v>2.5000000000000001E-3</c:v>
                </c:pt>
                <c:pt idx="3403">
                  <c:v>2.5000000000000001E-3</c:v>
                </c:pt>
                <c:pt idx="3404">
                  <c:v>2.5000000000000001E-3</c:v>
                </c:pt>
                <c:pt idx="3405">
                  <c:v>2.5000000000000001E-3</c:v>
                </c:pt>
                <c:pt idx="3406">
                  <c:v>2.5000000000000001E-3</c:v>
                </c:pt>
                <c:pt idx="3407">
                  <c:v>2.5000000000000001E-3</c:v>
                </c:pt>
                <c:pt idx="3408">
                  <c:v>2.5000000000000001E-3</c:v>
                </c:pt>
                <c:pt idx="3409">
                  <c:v>2.5000000000000001E-3</c:v>
                </c:pt>
                <c:pt idx="3410">
                  <c:v>2.5000000000000001E-3</c:v>
                </c:pt>
                <c:pt idx="3411">
                  <c:v>2.5000000000000001E-3</c:v>
                </c:pt>
                <c:pt idx="3412">
                  <c:v>2.5000000000000001E-3</c:v>
                </c:pt>
                <c:pt idx="3413">
                  <c:v>2.5000000000000001E-3</c:v>
                </c:pt>
                <c:pt idx="3414">
                  <c:v>2.5000000000000001E-3</c:v>
                </c:pt>
                <c:pt idx="3415">
                  <c:v>2.5000000000000001E-3</c:v>
                </c:pt>
                <c:pt idx="3416">
                  <c:v>2.5000000000000001E-3</c:v>
                </c:pt>
                <c:pt idx="3417">
                  <c:v>2.5000000000000001E-3</c:v>
                </c:pt>
                <c:pt idx="3418">
                  <c:v>2.5000000000000001E-3</c:v>
                </c:pt>
                <c:pt idx="3419">
                  <c:v>2.5000000000000001E-3</c:v>
                </c:pt>
                <c:pt idx="3420">
                  <c:v>2.5000000000000001E-3</c:v>
                </c:pt>
                <c:pt idx="3421">
                  <c:v>2.5000000000000001E-3</c:v>
                </c:pt>
                <c:pt idx="3422">
                  <c:v>2.5000000000000001E-3</c:v>
                </c:pt>
                <c:pt idx="3423">
                  <c:v>2.5000000000000001E-3</c:v>
                </c:pt>
                <c:pt idx="3424">
                  <c:v>2.5000000000000001E-3</c:v>
                </c:pt>
                <c:pt idx="3425">
                  <c:v>2.5000000000000001E-3</c:v>
                </c:pt>
                <c:pt idx="3426">
                  <c:v>2.5000000000000001E-3</c:v>
                </c:pt>
                <c:pt idx="3427">
                  <c:v>2.5000000000000001E-3</c:v>
                </c:pt>
                <c:pt idx="3428">
                  <c:v>2.5000000000000001E-3</c:v>
                </c:pt>
                <c:pt idx="3429">
                  <c:v>2.5000000000000001E-3</c:v>
                </c:pt>
                <c:pt idx="3430">
                  <c:v>2.5000000000000001E-3</c:v>
                </c:pt>
                <c:pt idx="3431">
                  <c:v>2.5000000000000001E-3</c:v>
                </c:pt>
                <c:pt idx="3432">
                  <c:v>2.5000000000000001E-3</c:v>
                </c:pt>
                <c:pt idx="3433">
                  <c:v>2.5000000000000001E-3</c:v>
                </c:pt>
                <c:pt idx="3434">
                  <c:v>2.5000000000000001E-3</c:v>
                </c:pt>
                <c:pt idx="3435">
                  <c:v>2.5000000000000001E-3</c:v>
                </c:pt>
                <c:pt idx="3436">
                  <c:v>2.5000000000000001E-3</c:v>
                </c:pt>
                <c:pt idx="3437">
                  <c:v>2.5000000000000001E-3</c:v>
                </c:pt>
                <c:pt idx="3438">
                  <c:v>2.5000000000000001E-3</c:v>
                </c:pt>
                <c:pt idx="3439">
                  <c:v>2.5000000000000001E-3</c:v>
                </c:pt>
                <c:pt idx="3440">
                  <c:v>2.5000000000000001E-3</c:v>
                </c:pt>
                <c:pt idx="3441">
                  <c:v>2.5000000000000001E-3</c:v>
                </c:pt>
                <c:pt idx="3442">
                  <c:v>2.5000000000000001E-3</c:v>
                </c:pt>
                <c:pt idx="3443">
                  <c:v>2.5000000000000001E-3</c:v>
                </c:pt>
                <c:pt idx="3444">
                  <c:v>2.5000000000000001E-3</c:v>
                </c:pt>
                <c:pt idx="3445">
                  <c:v>2.5000000000000001E-3</c:v>
                </c:pt>
                <c:pt idx="3446">
                  <c:v>2.5000000000000001E-3</c:v>
                </c:pt>
                <c:pt idx="3447">
                  <c:v>2.5000000000000001E-3</c:v>
                </c:pt>
                <c:pt idx="3448">
                  <c:v>2.5000000000000001E-3</c:v>
                </c:pt>
                <c:pt idx="3449">
                  <c:v>2.5000000000000001E-3</c:v>
                </c:pt>
                <c:pt idx="3450">
                  <c:v>2.5000000000000001E-3</c:v>
                </c:pt>
                <c:pt idx="3451">
                  <c:v>2.5000000000000001E-3</c:v>
                </c:pt>
                <c:pt idx="3452">
                  <c:v>2.5000000000000001E-3</c:v>
                </c:pt>
                <c:pt idx="3453">
                  <c:v>2.5000000000000001E-3</c:v>
                </c:pt>
                <c:pt idx="3454">
                  <c:v>2.5000000000000001E-3</c:v>
                </c:pt>
                <c:pt idx="3455">
                  <c:v>2.5000000000000001E-3</c:v>
                </c:pt>
                <c:pt idx="3456">
                  <c:v>2.5000000000000001E-3</c:v>
                </c:pt>
                <c:pt idx="3457">
                  <c:v>2.5000000000000001E-3</c:v>
                </c:pt>
                <c:pt idx="3458">
                  <c:v>2.5000000000000001E-3</c:v>
                </c:pt>
                <c:pt idx="3459">
                  <c:v>2.5000000000000001E-3</c:v>
                </c:pt>
                <c:pt idx="3460">
                  <c:v>2.5000000000000001E-3</c:v>
                </c:pt>
                <c:pt idx="3461">
                  <c:v>2.5000000000000001E-3</c:v>
                </c:pt>
                <c:pt idx="3462">
                  <c:v>2.5000000000000001E-3</c:v>
                </c:pt>
                <c:pt idx="3463">
                  <c:v>2.5000000000000001E-3</c:v>
                </c:pt>
                <c:pt idx="3464">
                  <c:v>2.5000000000000001E-3</c:v>
                </c:pt>
                <c:pt idx="3465">
                  <c:v>2.5000000000000001E-3</c:v>
                </c:pt>
                <c:pt idx="3466">
                  <c:v>2.5000000000000001E-3</c:v>
                </c:pt>
                <c:pt idx="3467">
                  <c:v>2.5000000000000001E-3</c:v>
                </c:pt>
                <c:pt idx="3468">
                  <c:v>2.5000000000000001E-3</c:v>
                </c:pt>
                <c:pt idx="3469">
                  <c:v>2.5000000000000001E-3</c:v>
                </c:pt>
                <c:pt idx="3470">
                  <c:v>2.5000000000000001E-3</c:v>
                </c:pt>
                <c:pt idx="3471">
                  <c:v>2.5000000000000001E-3</c:v>
                </c:pt>
                <c:pt idx="3472">
                  <c:v>2.5000000000000001E-3</c:v>
                </c:pt>
                <c:pt idx="3473">
                  <c:v>2.5000000000000001E-3</c:v>
                </c:pt>
                <c:pt idx="3474">
                  <c:v>2.5000000000000001E-3</c:v>
                </c:pt>
                <c:pt idx="3475">
                  <c:v>2.5000000000000001E-3</c:v>
                </c:pt>
                <c:pt idx="3476">
                  <c:v>2.5000000000000001E-3</c:v>
                </c:pt>
                <c:pt idx="3477">
                  <c:v>2.5000000000000001E-3</c:v>
                </c:pt>
                <c:pt idx="3478">
                  <c:v>2.5000000000000001E-3</c:v>
                </c:pt>
                <c:pt idx="3479">
                  <c:v>2.5000000000000001E-3</c:v>
                </c:pt>
                <c:pt idx="3480">
                  <c:v>2.5000000000000001E-3</c:v>
                </c:pt>
                <c:pt idx="3481">
                  <c:v>2.5000000000000001E-3</c:v>
                </c:pt>
                <c:pt idx="3482">
                  <c:v>2.5000000000000001E-3</c:v>
                </c:pt>
                <c:pt idx="3483">
                  <c:v>2.5000000000000001E-3</c:v>
                </c:pt>
                <c:pt idx="3484">
                  <c:v>2.5000000000000001E-3</c:v>
                </c:pt>
                <c:pt idx="3485">
                  <c:v>2.5000000000000001E-3</c:v>
                </c:pt>
                <c:pt idx="3486">
                  <c:v>2.5000000000000001E-3</c:v>
                </c:pt>
                <c:pt idx="3487">
                  <c:v>2.5000000000000001E-3</c:v>
                </c:pt>
                <c:pt idx="3488">
                  <c:v>2.5000000000000001E-3</c:v>
                </c:pt>
                <c:pt idx="3489">
                  <c:v>2.5000000000000001E-3</c:v>
                </c:pt>
                <c:pt idx="3490">
                  <c:v>2.5000000000000001E-3</c:v>
                </c:pt>
                <c:pt idx="3491">
                  <c:v>2.5000000000000001E-3</c:v>
                </c:pt>
                <c:pt idx="3492">
                  <c:v>2.5000000000000001E-3</c:v>
                </c:pt>
                <c:pt idx="3493">
                  <c:v>2.5000000000000001E-3</c:v>
                </c:pt>
                <c:pt idx="3494">
                  <c:v>2.5000000000000001E-3</c:v>
                </c:pt>
                <c:pt idx="3495">
                  <c:v>2.5000000000000001E-3</c:v>
                </c:pt>
                <c:pt idx="3496">
                  <c:v>2.5000000000000001E-3</c:v>
                </c:pt>
                <c:pt idx="3497">
                  <c:v>2.5000000000000001E-3</c:v>
                </c:pt>
                <c:pt idx="3498">
                  <c:v>2.5000000000000001E-3</c:v>
                </c:pt>
                <c:pt idx="3499">
                  <c:v>2.5000000000000001E-3</c:v>
                </c:pt>
                <c:pt idx="3500">
                  <c:v>2.5000000000000001E-3</c:v>
                </c:pt>
                <c:pt idx="3501">
                  <c:v>2.5000000000000001E-3</c:v>
                </c:pt>
                <c:pt idx="3502">
                  <c:v>2.5000000000000001E-3</c:v>
                </c:pt>
                <c:pt idx="3503">
                  <c:v>2.5000000000000001E-3</c:v>
                </c:pt>
                <c:pt idx="3504">
                  <c:v>2.5000000000000001E-3</c:v>
                </c:pt>
                <c:pt idx="3505">
                  <c:v>2.5000000000000001E-3</c:v>
                </c:pt>
                <c:pt idx="3506">
                  <c:v>2.5000000000000001E-3</c:v>
                </c:pt>
                <c:pt idx="3507">
                  <c:v>2.5000000000000001E-3</c:v>
                </c:pt>
                <c:pt idx="3508">
                  <c:v>2.5000000000000001E-3</c:v>
                </c:pt>
                <c:pt idx="3509">
                  <c:v>2.5000000000000001E-3</c:v>
                </c:pt>
                <c:pt idx="3510">
                  <c:v>2.5000000000000001E-3</c:v>
                </c:pt>
                <c:pt idx="3511">
                  <c:v>2.5000000000000001E-3</c:v>
                </c:pt>
                <c:pt idx="3512">
                  <c:v>2.5000000000000001E-3</c:v>
                </c:pt>
                <c:pt idx="3513">
                  <c:v>2.5000000000000001E-3</c:v>
                </c:pt>
                <c:pt idx="3514">
                  <c:v>2.5000000000000001E-3</c:v>
                </c:pt>
                <c:pt idx="3515">
                  <c:v>2.5000000000000001E-3</c:v>
                </c:pt>
                <c:pt idx="3516">
                  <c:v>2.5000000000000001E-3</c:v>
                </c:pt>
                <c:pt idx="3517">
                  <c:v>2.5000000000000001E-3</c:v>
                </c:pt>
                <c:pt idx="3518">
                  <c:v>2.5000000000000001E-3</c:v>
                </c:pt>
                <c:pt idx="3519">
                  <c:v>2.5000000000000001E-3</c:v>
                </c:pt>
                <c:pt idx="3520">
                  <c:v>2.5000000000000001E-3</c:v>
                </c:pt>
                <c:pt idx="3521">
                  <c:v>2.5000000000000001E-3</c:v>
                </c:pt>
                <c:pt idx="3522">
                  <c:v>2.5000000000000001E-3</c:v>
                </c:pt>
                <c:pt idx="3523">
                  <c:v>2.5000000000000001E-3</c:v>
                </c:pt>
                <c:pt idx="3524">
                  <c:v>2.5000000000000001E-3</c:v>
                </c:pt>
                <c:pt idx="3525">
                  <c:v>2.5000000000000001E-3</c:v>
                </c:pt>
                <c:pt idx="3526">
                  <c:v>2.5000000000000001E-3</c:v>
                </c:pt>
                <c:pt idx="3527">
                  <c:v>2.5000000000000001E-3</c:v>
                </c:pt>
                <c:pt idx="3528">
                  <c:v>2.5000000000000001E-3</c:v>
                </c:pt>
                <c:pt idx="3529">
                  <c:v>2.5000000000000001E-3</c:v>
                </c:pt>
                <c:pt idx="3530">
                  <c:v>2.5000000000000001E-3</c:v>
                </c:pt>
                <c:pt idx="3531">
                  <c:v>2.5000000000000001E-3</c:v>
                </c:pt>
                <c:pt idx="3532">
                  <c:v>2.5000000000000001E-3</c:v>
                </c:pt>
                <c:pt idx="3533">
                  <c:v>2.5000000000000001E-3</c:v>
                </c:pt>
                <c:pt idx="3534">
                  <c:v>2.5000000000000001E-3</c:v>
                </c:pt>
                <c:pt idx="3535">
                  <c:v>2.5000000000000001E-3</c:v>
                </c:pt>
                <c:pt idx="3536">
                  <c:v>2.5000000000000001E-3</c:v>
                </c:pt>
                <c:pt idx="3537">
                  <c:v>2.5000000000000001E-3</c:v>
                </c:pt>
                <c:pt idx="3538">
                  <c:v>2.5000000000000001E-3</c:v>
                </c:pt>
                <c:pt idx="3539">
                  <c:v>2.5000000000000001E-3</c:v>
                </c:pt>
                <c:pt idx="3540">
                  <c:v>2.5000000000000001E-3</c:v>
                </c:pt>
                <c:pt idx="3541">
                  <c:v>2.5000000000000001E-3</c:v>
                </c:pt>
                <c:pt idx="3542">
                  <c:v>2.5000000000000001E-3</c:v>
                </c:pt>
                <c:pt idx="3543">
                  <c:v>2.5000000000000001E-3</c:v>
                </c:pt>
                <c:pt idx="3544">
                  <c:v>2.5000000000000001E-3</c:v>
                </c:pt>
                <c:pt idx="3545">
                  <c:v>2.5000000000000001E-3</c:v>
                </c:pt>
                <c:pt idx="3546">
                  <c:v>2.5000000000000001E-3</c:v>
                </c:pt>
                <c:pt idx="3547">
                  <c:v>2.5000000000000001E-3</c:v>
                </c:pt>
                <c:pt idx="3548">
                  <c:v>2.5000000000000001E-3</c:v>
                </c:pt>
                <c:pt idx="3549">
                  <c:v>2.5000000000000001E-3</c:v>
                </c:pt>
                <c:pt idx="3550">
                  <c:v>2.5000000000000001E-3</c:v>
                </c:pt>
                <c:pt idx="3551">
                  <c:v>2.5000000000000001E-3</c:v>
                </c:pt>
                <c:pt idx="3552">
                  <c:v>2.5000000000000001E-3</c:v>
                </c:pt>
                <c:pt idx="3553">
                  <c:v>2.5000000000000001E-3</c:v>
                </c:pt>
                <c:pt idx="3554">
                  <c:v>2.5000000000000001E-3</c:v>
                </c:pt>
                <c:pt idx="3555">
                  <c:v>2.5000000000000001E-3</c:v>
                </c:pt>
                <c:pt idx="3556">
                  <c:v>2.5000000000000001E-3</c:v>
                </c:pt>
                <c:pt idx="3557">
                  <c:v>2.5000000000000001E-3</c:v>
                </c:pt>
                <c:pt idx="3558">
                  <c:v>2.5000000000000001E-3</c:v>
                </c:pt>
                <c:pt idx="3559">
                  <c:v>2.5000000000000001E-3</c:v>
                </c:pt>
                <c:pt idx="3560">
                  <c:v>2.5000000000000001E-3</c:v>
                </c:pt>
                <c:pt idx="3561">
                  <c:v>2.5000000000000001E-3</c:v>
                </c:pt>
                <c:pt idx="3562">
                  <c:v>2.5000000000000001E-3</c:v>
                </c:pt>
                <c:pt idx="3563">
                  <c:v>2.5000000000000001E-3</c:v>
                </c:pt>
                <c:pt idx="3564">
                  <c:v>2.5000000000000001E-3</c:v>
                </c:pt>
                <c:pt idx="3565">
                  <c:v>2.5000000000000001E-3</c:v>
                </c:pt>
                <c:pt idx="3566">
                  <c:v>2.5000000000000001E-3</c:v>
                </c:pt>
                <c:pt idx="3567">
                  <c:v>2.5000000000000001E-3</c:v>
                </c:pt>
                <c:pt idx="3568">
                  <c:v>2.5000000000000001E-3</c:v>
                </c:pt>
                <c:pt idx="3569">
                  <c:v>2.5000000000000001E-3</c:v>
                </c:pt>
                <c:pt idx="3570">
                  <c:v>2.5000000000000001E-3</c:v>
                </c:pt>
                <c:pt idx="3571">
                  <c:v>2.5000000000000001E-3</c:v>
                </c:pt>
                <c:pt idx="3572">
                  <c:v>2.5000000000000001E-3</c:v>
                </c:pt>
                <c:pt idx="3573">
                  <c:v>2.5000000000000001E-3</c:v>
                </c:pt>
                <c:pt idx="3574">
                  <c:v>2.5000000000000001E-3</c:v>
                </c:pt>
                <c:pt idx="3575">
                  <c:v>2.5000000000000001E-3</c:v>
                </c:pt>
                <c:pt idx="3576">
                  <c:v>2.5000000000000001E-3</c:v>
                </c:pt>
                <c:pt idx="3577">
                  <c:v>2.5000000000000001E-3</c:v>
                </c:pt>
                <c:pt idx="3578">
                  <c:v>2.5000000000000001E-3</c:v>
                </c:pt>
                <c:pt idx="3579">
                  <c:v>2.5000000000000001E-3</c:v>
                </c:pt>
                <c:pt idx="3580">
                  <c:v>2.5000000000000001E-3</c:v>
                </c:pt>
                <c:pt idx="3581">
                  <c:v>2.5000000000000001E-3</c:v>
                </c:pt>
                <c:pt idx="3582">
                  <c:v>2.5000000000000001E-3</c:v>
                </c:pt>
                <c:pt idx="3583">
                  <c:v>2.5000000000000001E-3</c:v>
                </c:pt>
                <c:pt idx="3584">
                  <c:v>2.5000000000000001E-3</c:v>
                </c:pt>
                <c:pt idx="3585">
                  <c:v>2.5000000000000001E-3</c:v>
                </c:pt>
                <c:pt idx="3586">
                  <c:v>2.5000000000000001E-3</c:v>
                </c:pt>
                <c:pt idx="3587">
                  <c:v>2.5000000000000001E-3</c:v>
                </c:pt>
                <c:pt idx="3588">
                  <c:v>2.5000000000000001E-3</c:v>
                </c:pt>
                <c:pt idx="3589">
                  <c:v>2.5000000000000001E-3</c:v>
                </c:pt>
                <c:pt idx="3590">
                  <c:v>2.5000000000000001E-3</c:v>
                </c:pt>
                <c:pt idx="3591">
                  <c:v>2.5000000000000001E-3</c:v>
                </c:pt>
                <c:pt idx="3592">
                  <c:v>2.5000000000000001E-3</c:v>
                </c:pt>
                <c:pt idx="3593">
                  <c:v>2.5000000000000001E-3</c:v>
                </c:pt>
                <c:pt idx="3594">
                  <c:v>2.5000000000000001E-3</c:v>
                </c:pt>
                <c:pt idx="3595">
                  <c:v>2.5000000000000001E-3</c:v>
                </c:pt>
                <c:pt idx="3596">
                  <c:v>2.5000000000000001E-3</c:v>
                </c:pt>
                <c:pt idx="3597">
                  <c:v>2.5000000000000001E-3</c:v>
                </c:pt>
                <c:pt idx="3598">
                  <c:v>2.5000000000000001E-3</c:v>
                </c:pt>
                <c:pt idx="3599">
                  <c:v>2.5000000000000001E-3</c:v>
                </c:pt>
                <c:pt idx="3600">
                  <c:v>2.5000000000000001E-3</c:v>
                </c:pt>
                <c:pt idx="3601">
                  <c:v>2.5000000000000001E-3</c:v>
                </c:pt>
                <c:pt idx="3602">
                  <c:v>2.5000000000000001E-3</c:v>
                </c:pt>
                <c:pt idx="3603">
                  <c:v>2.5000000000000001E-3</c:v>
                </c:pt>
                <c:pt idx="3604">
                  <c:v>2.5000000000000001E-3</c:v>
                </c:pt>
                <c:pt idx="3605">
                  <c:v>2.5000000000000001E-3</c:v>
                </c:pt>
                <c:pt idx="3606">
                  <c:v>2.5000000000000001E-3</c:v>
                </c:pt>
                <c:pt idx="3607">
                  <c:v>2.5000000000000001E-3</c:v>
                </c:pt>
                <c:pt idx="3608">
                  <c:v>2.5000000000000001E-3</c:v>
                </c:pt>
                <c:pt idx="3609">
                  <c:v>2.5000000000000001E-3</c:v>
                </c:pt>
                <c:pt idx="3610">
                  <c:v>2.5000000000000001E-3</c:v>
                </c:pt>
                <c:pt idx="3611">
                  <c:v>2.5000000000000001E-3</c:v>
                </c:pt>
                <c:pt idx="3612">
                  <c:v>2.5000000000000001E-3</c:v>
                </c:pt>
                <c:pt idx="3613">
                  <c:v>2.5000000000000001E-3</c:v>
                </c:pt>
                <c:pt idx="3614">
                  <c:v>2.5000000000000001E-3</c:v>
                </c:pt>
                <c:pt idx="3615">
                  <c:v>2.5000000000000001E-3</c:v>
                </c:pt>
                <c:pt idx="3616">
                  <c:v>2.5000000000000001E-3</c:v>
                </c:pt>
                <c:pt idx="3617">
                  <c:v>2.5000000000000001E-3</c:v>
                </c:pt>
                <c:pt idx="3618">
                  <c:v>2.5000000000000001E-3</c:v>
                </c:pt>
                <c:pt idx="3619">
                  <c:v>2.5000000000000001E-3</c:v>
                </c:pt>
                <c:pt idx="3620">
                  <c:v>2.5000000000000001E-3</c:v>
                </c:pt>
                <c:pt idx="3621">
                  <c:v>2.5000000000000001E-3</c:v>
                </c:pt>
                <c:pt idx="3622">
                  <c:v>2.5000000000000001E-3</c:v>
                </c:pt>
                <c:pt idx="3623">
                  <c:v>2.5000000000000001E-3</c:v>
                </c:pt>
                <c:pt idx="3624">
                  <c:v>2.5000000000000001E-3</c:v>
                </c:pt>
                <c:pt idx="3625">
                  <c:v>2.5000000000000001E-3</c:v>
                </c:pt>
                <c:pt idx="3626">
                  <c:v>2.5000000000000001E-3</c:v>
                </c:pt>
                <c:pt idx="3627">
                  <c:v>2.5000000000000001E-3</c:v>
                </c:pt>
                <c:pt idx="3628">
                  <c:v>2.5000000000000001E-3</c:v>
                </c:pt>
                <c:pt idx="3629">
                  <c:v>2.5000000000000001E-3</c:v>
                </c:pt>
                <c:pt idx="3630">
                  <c:v>2.5000000000000001E-3</c:v>
                </c:pt>
                <c:pt idx="3631">
                  <c:v>2.5000000000000001E-3</c:v>
                </c:pt>
                <c:pt idx="3632">
                  <c:v>2.5000000000000001E-3</c:v>
                </c:pt>
                <c:pt idx="3633">
                  <c:v>2.5000000000000001E-3</c:v>
                </c:pt>
                <c:pt idx="3634">
                  <c:v>2.5000000000000001E-3</c:v>
                </c:pt>
                <c:pt idx="3635">
                  <c:v>2.5000000000000001E-3</c:v>
                </c:pt>
                <c:pt idx="3636">
                  <c:v>2.5000000000000001E-3</c:v>
                </c:pt>
                <c:pt idx="3637">
                  <c:v>2.5000000000000001E-3</c:v>
                </c:pt>
                <c:pt idx="3638">
                  <c:v>2.5000000000000001E-3</c:v>
                </c:pt>
                <c:pt idx="3639">
                  <c:v>2.5000000000000001E-3</c:v>
                </c:pt>
                <c:pt idx="3640">
                  <c:v>2.5000000000000001E-3</c:v>
                </c:pt>
                <c:pt idx="3641">
                  <c:v>2.5000000000000001E-3</c:v>
                </c:pt>
                <c:pt idx="3642">
                  <c:v>2.5000000000000001E-3</c:v>
                </c:pt>
                <c:pt idx="3643">
                  <c:v>2.5000000000000001E-3</c:v>
                </c:pt>
                <c:pt idx="3644">
                  <c:v>2.5000000000000001E-3</c:v>
                </c:pt>
                <c:pt idx="3645">
                  <c:v>2.5000000000000001E-3</c:v>
                </c:pt>
                <c:pt idx="3646">
                  <c:v>2.5000000000000001E-3</c:v>
                </c:pt>
                <c:pt idx="3647">
                  <c:v>2.5000000000000001E-3</c:v>
                </c:pt>
                <c:pt idx="3648">
                  <c:v>2.5000000000000001E-3</c:v>
                </c:pt>
                <c:pt idx="3649">
                  <c:v>2.5000000000000001E-3</c:v>
                </c:pt>
                <c:pt idx="3650">
                  <c:v>2.5000000000000001E-3</c:v>
                </c:pt>
                <c:pt idx="3651">
                  <c:v>2.5000000000000001E-3</c:v>
                </c:pt>
                <c:pt idx="3652">
                  <c:v>2.5000000000000001E-3</c:v>
                </c:pt>
                <c:pt idx="3653">
                  <c:v>2.5000000000000001E-3</c:v>
                </c:pt>
                <c:pt idx="3654">
                  <c:v>2.5000000000000001E-3</c:v>
                </c:pt>
                <c:pt idx="3655">
                  <c:v>2.5000000000000001E-3</c:v>
                </c:pt>
                <c:pt idx="3656">
                  <c:v>2.5000000000000001E-3</c:v>
                </c:pt>
                <c:pt idx="3657">
                  <c:v>2.5000000000000001E-3</c:v>
                </c:pt>
                <c:pt idx="3658">
                  <c:v>2.5000000000000001E-3</c:v>
                </c:pt>
                <c:pt idx="3659">
                  <c:v>2.5000000000000001E-3</c:v>
                </c:pt>
                <c:pt idx="3660">
                  <c:v>2.5000000000000001E-3</c:v>
                </c:pt>
                <c:pt idx="3661">
                  <c:v>2.5000000000000001E-3</c:v>
                </c:pt>
                <c:pt idx="3662">
                  <c:v>2.5000000000000001E-3</c:v>
                </c:pt>
                <c:pt idx="3663">
                  <c:v>2.5000000000000001E-3</c:v>
                </c:pt>
                <c:pt idx="3664">
                  <c:v>2.5000000000000001E-3</c:v>
                </c:pt>
                <c:pt idx="3665">
                  <c:v>2.5000000000000001E-3</c:v>
                </c:pt>
                <c:pt idx="3666">
                  <c:v>2.5000000000000001E-3</c:v>
                </c:pt>
                <c:pt idx="3667">
                  <c:v>2.5000000000000001E-3</c:v>
                </c:pt>
                <c:pt idx="3668">
                  <c:v>2.5000000000000001E-3</c:v>
                </c:pt>
                <c:pt idx="3669">
                  <c:v>2.5000000000000001E-3</c:v>
                </c:pt>
                <c:pt idx="3670">
                  <c:v>2.5000000000000001E-3</c:v>
                </c:pt>
                <c:pt idx="3671">
                  <c:v>2.5000000000000001E-3</c:v>
                </c:pt>
                <c:pt idx="3672">
                  <c:v>2.5000000000000001E-3</c:v>
                </c:pt>
                <c:pt idx="3673">
                  <c:v>2.5000000000000001E-3</c:v>
                </c:pt>
                <c:pt idx="3674">
                  <c:v>2.5000000000000001E-3</c:v>
                </c:pt>
                <c:pt idx="3675">
                  <c:v>2.5000000000000001E-3</c:v>
                </c:pt>
                <c:pt idx="3676">
                  <c:v>2.5000000000000001E-3</c:v>
                </c:pt>
                <c:pt idx="3677">
                  <c:v>2.5000000000000001E-3</c:v>
                </c:pt>
                <c:pt idx="3678">
                  <c:v>2.5000000000000001E-3</c:v>
                </c:pt>
                <c:pt idx="3679">
                  <c:v>2.5000000000000001E-3</c:v>
                </c:pt>
                <c:pt idx="3680">
                  <c:v>2.5000000000000001E-3</c:v>
                </c:pt>
                <c:pt idx="3681">
                  <c:v>2.5000000000000001E-3</c:v>
                </c:pt>
                <c:pt idx="3682">
                  <c:v>2.5000000000000001E-3</c:v>
                </c:pt>
                <c:pt idx="3683">
                  <c:v>2.5000000000000001E-3</c:v>
                </c:pt>
                <c:pt idx="3684">
                  <c:v>2.5000000000000001E-3</c:v>
                </c:pt>
                <c:pt idx="3685">
                  <c:v>2.5000000000000001E-3</c:v>
                </c:pt>
                <c:pt idx="3686">
                  <c:v>2.5000000000000001E-3</c:v>
                </c:pt>
                <c:pt idx="3687">
                  <c:v>2.5000000000000001E-3</c:v>
                </c:pt>
                <c:pt idx="3688">
                  <c:v>2.5000000000000001E-3</c:v>
                </c:pt>
                <c:pt idx="3689">
                  <c:v>2.5000000000000001E-3</c:v>
                </c:pt>
                <c:pt idx="3690">
                  <c:v>2.5000000000000001E-3</c:v>
                </c:pt>
                <c:pt idx="3691">
                  <c:v>2.5000000000000001E-3</c:v>
                </c:pt>
                <c:pt idx="3692">
                  <c:v>2.5000000000000001E-3</c:v>
                </c:pt>
                <c:pt idx="3693">
                  <c:v>2.5000000000000001E-3</c:v>
                </c:pt>
                <c:pt idx="3694">
                  <c:v>2.5000000000000001E-3</c:v>
                </c:pt>
                <c:pt idx="3695">
                  <c:v>2.5000000000000001E-3</c:v>
                </c:pt>
                <c:pt idx="3696">
                  <c:v>2.5000000000000001E-3</c:v>
                </c:pt>
                <c:pt idx="3697">
                  <c:v>2.5000000000000001E-3</c:v>
                </c:pt>
                <c:pt idx="3698">
                  <c:v>2.5000000000000001E-3</c:v>
                </c:pt>
                <c:pt idx="3699">
                  <c:v>2.5000000000000001E-3</c:v>
                </c:pt>
                <c:pt idx="3700">
                  <c:v>2.5000000000000001E-3</c:v>
                </c:pt>
                <c:pt idx="3701">
                  <c:v>2.5000000000000001E-3</c:v>
                </c:pt>
                <c:pt idx="3702">
                  <c:v>2.5000000000000001E-3</c:v>
                </c:pt>
                <c:pt idx="3703">
                  <c:v>2.5000000000000001E-3</c:v>
                </c:pt>
                <c:pt idx="3704">
                  <c:v>2.5000000000000001E-3</c:v>
                </c:pt>
                <c:pt idx="3705">
                  <c:v>2.5000000000000001E-3</c:v>
                </c:pt>
                <c:pt idx="3706">
                  <c:v>2.5000000000000001E-3</c:v>
                </c:pt>
                <c:pt idx="3707">
                  <c:v>2.5000000000000001E-3</c:v>
                </c:pt>
                <c:pt idx="3708">
                  <c:v>2.5000000000000001E-3</c:v>
                </c:pt>
                <c:pt idx="3709">
                  <c:v>2.5000000000000001E-3</c:v>
                </c:pt>
                <c:pt idx="3710">
                  <c:v>2.5000000000000001E-3</c:v>
                </c:pt>
                <c:pt idx="3711">
                  <c:v>2.5000000000000001E-3</c:v>
                </c:pt>
                <c:pt idx="3712">
                  <c:v>2.5000000000000001E-3</c:v>
                </c:pt>
                <c:pt idx="3713">
                  <c:v>2.5000000000000001E-3</c:v>
                </c:pt>
                <c:pt idx="3714">
                  <c:v>2.5000000000000001E-3</c:v>
                </c:pt>
                <c:pt idx="3715">
                  <c:v>2.5000000000000001E-3</c:v>
                </c:pt>
                <c:pt idx="3716">
                  <c:v>2.5000000000000001E-3</c:v>
                </c:pt>
                <c:pt idx="3717">
                  <c:v>2.5000000000000001E-3</c:v>
                </c:pt>
                <c:pt idx="3718">
                  <c:v>2.5000000000000001E-3</c:v>
                </c:pt>
                <c:pt idx="3719">
                  <c:v>2.5000000000000001E-3</c:v>
                </c:pt>
                <c:pt idx="3720">
                  <c:v>2.5000000000000001E-3</c:v>
                </c:pt>
                <c:pt idx="3721">
                  <c:v>2.5000000000000001E-3</c:v>
                </c:pt>
                <c:pt idx="3722">
                  <c:v>2.5000000000000001E-3</c:v>
                </c:pt>
                <c:pt idx="3723">
                  <c:v>2.5000000000000001E-3</c:v>
                </c:pt>
                <c:pt idx="3724">
                  <c:v>2.5000000000000001E-3</c:v>
                </c:pt>
                <c:pt idx="3725">
                  <c:v>2.5000000000000001E-3</c:v>
                </c:pt>
                <c:pt idx="3726">
                  <c:v>2.5000000000000001E-3</c:v>
                </c:pt>
                <c:pt idx="3727">
                  <c:v>2.5000000000000001E-3</c:v>
                </c:pt>
                <c:pt idx="3728">
                  <c:v>2.5000000000000001E-3</c:v>
                </c:pt>
                <c:pt idx="3729">
                  <c:v>2.5000000000000001E-3</c:v>
                </c:pt>
                <c:pt idx="3730">
                  <c:v>2.5000000000000001E-3</c:v>
                </c:pt>
                <c:pt idx="3731">
                  <c:v>2.5000000000000001E-3</c:v>
                </c:pt>
                <c:pt idx="3732">
                  <c:v>2.5000000000000001E-3</c:v>
                </c:pt>
                <c:pt idx="3733">
                  <c:v>2.5000000000000001E-3</c:v>
                </c:pt>
                <c:pt idx="3734">
                  <c:v>2.5000000000000001E-3</c:v>
                </c:pt>
                <c:pt idx="3735">
                  <c:v>2.5000000000000001E-3</c:v>
                </c:pt>
                <c:pt idx="3736">
                  <c:v>2.5000000000000001E-3</c:v>
                </c:pt>
                <c:pt idx="3737">
                  <c:v>2.5000000000000001E-3</c:v>
                </c:pt>
                <c:pt idx="3738">
                  <c:v>2.5000000000000001E-3</c:v>
                </c:pt>
                <c:pt idx="3739">
                  <c:v>2.5000000000000001E-3</c:v>
                </c:pt>
                <c:pt idx="3740">
                  <c:v>2.5000000000000001E-3</c:v>
                </c:pt>
                <c:pt idx="3741">
                  <c:v>2.5000000000000001E-3</c:v>
                </c:pt>
                <c:pt idx="3742">
                  <c:v>2.5000000000000001E-3</c:v>
                </c:pt>
                <c:pt idx="3743">
                  <c:v>2.5000000000000001E-3</c:v>
                </c:pt>
                <c:pt idx="3744">
                  <c:v>2.5000000000000001E-3</c:v>
                </c:pt>
                <c:pt idx="3745">
                  <c:v>2.5000000000000001E-3</c:v>
                </c:pt>
                <c:pt idx="3746">
                  <c:v>2.5000000000000001E-3</c:v>
                </c:pt>
                <c:pt idx="3747">
                  <c:v>2.5000000000000001E-3</c:v>
                </c:pt>
                <c:pt idx="3748">
                  <c:v>2.5000000000000001E-3</c:v>
                </c:pt>
                <c:pt idx="3749">
                  <c:v>2.5000000000000001E-3</c:v>
                </c:pt>
                <c:pt idx="3750">
                  <c:v>2.5000000000000001E-3</c:v>
                </c:pt>
                <c:pt idx="3751">
                  <c:v>2.5000000000000001E-3</c:v>
                </c:pt>
                <c:pt idx="3752">
                  <c:v>2.5000000000000001E-3</c:v>
                </c:pt>
                <c:pt idx="3753">
                  <c:v>2.5000000000000001E-3</c:v>
                </c:pt>
                <c:pt idx="3754">
                  <c:v>2.5000000000000001E-3</c:v>
                </c:pt>
                <c:pt idx="3755">
                  <c:v>2.5000000000000001E-3</c:v>
                </c:pt>
                <c:pt idx="3756">
                  <c:v>2.5000000000000001E-3</c:v>
                </c:pt>
                <c:pt idx="3757">
                  <c:v>2.5000000000000001E-3</c:v>
                </c:pt>
                <c:pt idx="3758">
                  <c:v>2.5000000000000001E-3</c:v>
                </c:pt>
                <c:pt idx="3759">
                  <c:v>2.5000000000000001E-3</c:v>
                </c:pt>
                <c:pt idx="3760">
                  <c:v>2.5000000000000001E-3</c:v>
                </c:pt>
                <c:pt idx="3761">
                  <c:v>2.5000000000000001E-3</c:v>
                </c:pt>
                <c:pt idx="3762">
                  <c:v>2.5000000000000001E-3</c:v>
                </c:pt>
                <c:pt idx="3763">
                  <c:v>2.5000000000000001E-3</c:v>
                </c:pt>
                <c:pt idx="3764">
                  <c:v>2.5000000000000001E-3</c:v>
                </c:pt>
                <c:pt idx="3765">
                  <c:v>2.5000000000000001E-3</c:v>
                </c:pt>
                <c:pt idx="3766">
                  <c:v>2.5000000000000001E-3</c:v>
                </c:pt>
                <c:pt idx="3767">
                  <c:v>2.5000000000000001E-3</c:v>
                </c:pt>
                <c:pt idx="3768">
                  <c:v>2.5000000000000001E-3</c:v>
                </c:pt>
                <c:pt idx="3769">
                  <c:v>2.5000000000000001E-3</c:v>
                </c:pt>
                <c:pt idx="3770">
                  <c:v>2.5000000000000001E-3</c:v>
                </c:pt>
                <c:pt idx="3771">
                  <c:v>2.5000000000000001E-3</c:v>
                </c:pt>
                <c:pt idx="3772">
                  <c:v>2.5000000000000001E-3</c:v>
                </c:pt>
                <c:pt idx="3773">
                  <c:v>2.5000000000000001E-3</c:v>
                </c:pt>
                <c:pt idx="3774">
                  <c:v>2.5000000000000001E-3</c:v>
                </c:pt>
                <c:pt idx="3775">
                  <c:v>2.5000000000000001E-3</c:v>
                </c:pt>
                <c:pt idx="3776">
                  <c:v>2.5000000000000001E-3</c:v>
                </c:pt>
                <c:pt idx="3777">
                  <c:v>2.5000000000000001E-3</c:v>
                </c:pt>
                <c:pt idx="3778">
                  <c:v>2.5000000000000001E-3</c:v>
                </c:pt>
                <c:pt idx="3779">
                  <c:v>2.5000000000000001E-3</c:v>
                </c:pt>
                <c:pt idx="3780">
                  <c:v>2.5000000000000001E-3</c:v>
                </c:pt>
                <c:pt idx="3781">
                  <c:v>2.5000000000000001E-3</c:v>
                </c:pt>
                <c:pt idx="3782">
                  <c:v>2.5000000000000001E-3</c:v>
                </c:pt>
                <c:pt idx="3783">
                  <c:v>2.5000000000000001E-3</c:v>
                </c:pt>
                <c:pt idx="3784">
                  <c:v>2.5000000000000001E-3</c:v>
                </c:pt>
                <c:pt idx="3785">
                  <c:v>2.5000000000000001E-3</c:v>
                </c:pt>
                <c:pt idx="3786">
                  <c:v>2.5000000000000001E-3</c:v>
                </c:pt>
                <c:pt idx="3787">
                  <c:v>2.5000000000000001E-3</c:v>
                </c:pt>
                <c:pt idx="3788">
                  <c:v>2.5000000000000001E-3</c:v>
                </c:pt>
                <c:pt idx="3789">
                  <c:v>2.5000000000000001E-3</c:v>
                </c:pt>
                <c:pt idx="3790">
                  <c:v>2.5000000000000001E-3</c:v>
                </c:pt>
                <c:pt idx="3791">
                  <c:v>2.5000000000000001E-3</c:v>
                </c:pt>
                <c:pt idx="3792">
                  <c:v>2.5000000000000001E-3</c:v>
                </c:pt>
                <c:pt idx="3793">
                  <c:v>2.5000000000000001E-3</c:v>
                </c:pt>
                <c:pt idx="3794">
                  <c:v>2.5000000000000001E-3</c:v>
                </c:pt>
                <c:pt idx="3795">
                  <c:v>2.5000000000000001E-3</c:v>
                </c:pt>
                <c:pt idx="3796">
                  <c:v>2.5000000000000001E-3</c:v>
                </c:pt>
                <c:pt idx="3797">
                  <c:v>2.5000000000000001E-3</c:v>
                </c:pt>
                <c:pt idx="3798">
                  <c:v>2.5000000000000001E-3</c:v>
                </c:pt>
                <c:pt idx="3799">
                  <c:v>2.5000000000000001E-3</c:v>
                </c:pt>
                <c:pt idx="3800">
                  <c:v>2.5000000000000001E-3</c:v>
                </c:pt>
                <c:pt idx="3801">
                  <c:v>2.5000000000000001E-3</c:v>
                </c:pt>
                <c:pt idx="3802">
                  <c:v>2.5000000000000001E-3</c:v>
                </c:pt>
                <c:pt idx="3803">
                  <c:v>2.5000000000000001E-3</c:v>
                </c:pt>
                <c:pt idx="3804">
                  <c:v>5.0000000000000001E-3</c:v>
                </c:pt>
                <c:pt idx="3805">
                  <c:v>5.0000000000000001E-3</c:v>
                </c:pt>
                <c:pt idx="3806">
                  <c:v>5.0000000000000001E-3</c:v>
                </c:pt>
                <c:pt idx="3807">
                  <c:v>5.0000000000000001E-3</c:v>
                </c:pt>
                <c:pt idx="3808">
                  <c:v>5.0000000000000001E-3</c:v>
                </c:pt>
                <c:pt idx="3809">
                  <c:v>5.0000000000000001E-3</c:v>
                </c:pt>
                <c:pt idx="3810">
                  <c:v>5.0000000000000001E-3</c:v>
                </c:pt>
                <c:pt idx="3811">
                  <c:v>5.0000000000000001E-3</c:v>
                </c:pt>
                <c:pt idx="3812">
                  <c:v>5.0000000000000001E-3</c:v>
                </c:pt>
                <c:pt idx="3813">
                  <c:v>5.0000000000000001E-3</c:v>
                </c:pt>
                <c:pt idx="3814">
                  <c:v>5.0000000000000001E-3</c:v>
                </c:pt>
                <c:pt idx="3815">
                  <c:v>5.0000000000000001E-3</c:v>
                </c:pt>
                <c:pt idx="3816">
                  <c:v>5.0000000000000001E-3</c:v>
                </c:pt>
                <c:pt idx="3817">
                  <c:v>5.0000000000000001E-3</c:v>
                </c:pt>
                <c:pt idx="3818">
                  <c:v>5.0000000000000001E-3</c:v>
                </c:pt>
                <c:pt idx="3819">
                  <c:v>5.0000000000000001E-3</c:v>
                </c:pt>
                <c:pt idx="3820">
                  <c:v>5.0000000000000001E-3</c:v>
                </c:pt>
                <c:pt idx="3821">
                  <c:v>5.0000000000000001E-3</c:v>
                </c:pt>
                <c:pt idx="3822">
                  <c:v>5.0000000000000001E-3</c:v>
                </c:pt>
                <c:pt idx="3823">
                  <c:v>5.0000000000000001E-3</c:v>
                </c:pt>
                <c:pt idx="3824">
                  <c:v>5.0000000000000001E-3</c:v>
                </c:pt>
                <c:pt idx="3825">
                  <c:v>5.0000000000000001E-3</c:v>
                </c:pt>
                <c:pt idx="3826">
                  <c:v>5.0000000000000001E-3</c:v>
                </c:pt>
                <c:pt idx="3827">
                  <c:v>5.0000000000000001E-3</c:v>
                </c:pt>
                <c:pt idx="3828">
                  <c:v>5.0000000000000001E-3</c:v>
                </c:pt>
                <c:pt idx="3829">
                  <c:v>5.0000000000000001E-3</c:v>
                </c:pt>
                <c:pt idx="3830">
                  <c:v>5.0000000000000001E-3</c:v>
                </c:pt>
                <c:pt idx="3831">
                  <c:v>5.0000000000000001E-3</c:v>
                </c:pt>
                <c:pt idx="3832">
                  <c:v>5.0000000000000001E-3</c:v>
                </c:pt>
                <c:pt idx="3833">
                  <c:v>5.0000000000000001E-3</c:v>
                </c:pt>
                <c:pt idx="3834">
                  <c:v>5.0000000000000001E-3</c:v>
                </c:pt>
                <c:pt idx="3835">
                  <c:v>5.0000000000000001E-3</c:v>
                </c:pt>
                <c:pt idx="3836">
                  <c:v>5.0000000000000001E-3</c:v>
                </c:pt>
                <c:pt idx="3837">
                  <c:v>5.0000000000000001E-3</c:v>
                </c:pt>
                <c:pt idx="3838">
                  <c:v>5.0000000000000001E-3</c:v>
                </c:pt>
                <c:pt idx="3839">
                  <c:v>5.0000000000000001E-3</c:v>
                </c:pt>
                <c:pt idx="3840">
                  <c:v>5.0000000000000001E-3</c:v>
                </c:pt>
                <c:pt idx="3841">
                  <c:v>5.0000000000000001E-3</c:v>
                </c:pt>
                <c:pt idx="3842">
                  <c:v>5.0000000000000001E-3</c:v>
                </c:pt>
                <c:pt idx="3843">
                  <c:v>5.0000000000000001E-3</c:v>
                </c:pt>
                <c:pt idx="3844">
                  <c:v>5.0000000000000001E-3</c:v>
                </c:pt>
                <c:pt idx="3845">
                  <c:v>5.0000000000000001E-3</c:v>
                </c:pt>
                <c:pt idx="3846">
                  <c:v>5.0000000000000001E-3</c:v>
                </c:pt>
                <c:pt idx="3847">
                  <c:v>5.0000000000000001E-3</c:v>
                </c:pt>
                <c:pt idx="3848">
                  <c:v>5.0000000000000001E-3</c:v>
                </c:pt>
                <c:pt idx="3849">
                  <c:v>5.0000000000000001E-3</c:v>
                </c:pt>
                <c:pt idx="3850">
                  <c:v>5.0000000000000001E-3</c:v>
                </c:pt>
                <c:pt idx="3851">
                  <c:v>5.0000000000000001E-3</c:v>
                </c:pt>
                <c:pt idx="3852">
                  <c:v>5.0000000000000001E-3</c:v>
                </c:pt>
                <c:pt idx="3853">
                  <c:v>7.4999999999999997E-3</c:v>
                </c:pt>
                <c:pt idx="3854">
                  <c:v>7.4999999999999997E-3</c:v>
                </c:pt>
                <c:pt idx="3855">
                  <c:v>7.4999999999999997E-3</c:v>
                </c:pt>
                <c:pt idx="3856">
                  <c:v>7.4999999999999997E-3</c:v>
                </c:pt>
                <c:pt idx="3857">
                  <c:v>7.4999999999999997E-3</c:v>
                </c:pt>
                <c:pt idx="3858">
                  <c:v>7.4999999999999997E-3</c:v>
                </c:pt>
                <c:pt idx="3859">
                  <c:v>7.4999999999999997E-3</c:v>
                </c:pt>
                <c:pt idx="3860">
                  <c:v>7.4999999999999997E-3</c:v>
                </c:pt>
                <c:pt idx="3861">
                  <c:v>7.4999999999999997E-3</c:v>
                </c:pt>
                <c:pt idx="3862">
                  <c:v>7.4999999999999997E-3</c:v>
                </c:pt>
                <c:pt idx="3863">
                  <c:v>7.4999999999999997E-3</c:v>
                </c:pt>
                <c:pt idx="3864">
                  <c:v>7.4999999999999997E-3</c:v>
                </c:pt>
                <c:pt idx="3865">
                  <c:v>7.4999999999999997E-3</c:v>
                </c:pt>
                <c:pt idx="3866">
                  <c:v>7.4999999999999997E-3</c:v>
                </c:pt>
                <c:pt idx="3867">
                  <c:v>7.4999999999999997E-3</c:v>
                </c:pt>
                <c:pt idx="3868">
                  <c:v>7.4999999999999997E-3</c:v>
                </c:pt>
                <c:pt idx="3869">
                  <c:v>7.4999999999999997E-3</c:v>
                </c:pt>
                <c:pt idx="3870">
                  <c:v>7.4999999999999997E-3</c:v>
                </c:pt>
                <c:pt idx="3871">
                  <c:v>7.4999999999999997E-3</c:v>
                </c:pt>
                <c:pt idx="3872">
                  <c:v>7.4999999999999997E-3</c:v>
                </c:pt>
                <c:pt idx="3873">
                  <c:v>7.4999999999999997E-3</c:v>
                </c:pt>
                <c:pt idx="3874">
                  <c:v>7.4999999999999997E-3</c:v>
                </c:pt>
                <c:pt idx="3875">
                  <c:v>7.4999999999999997E-3</c:v>
                </c:pt>
                <c:pt idx="3876">
                  <c:v>7.4999999999999997E-3</c:v>
                </c:pt>
                <c:pt idx="3877">
                  <c:v>7.4999999999999997E-3</c:v>
                </c:pt>
                <c:pt idx="3878">
                  <c:v>7.4999999999999997E-3</c:v>
                </c:pt>
                <c:pt idx="3879">
                  <c:v>7.4999999999999997E-3</c:v>
                </c:pt>
                <c:pt idx="3880">
                  <c:v>7.4999999999999997E-3</c:v>
                </c:pt>
                <c:pt idx="3881">
                  <c:v>7.4999999999999997E-3</c:v>
                </c:pt>
                <c:pt idx="3882">
                  <c:v>7.4999999999999997E-3</c:v>
                </c:pt>
                <c:pt idx="3883">
                  <c:v>7.4999999999999997E-3</c:v>
                </c:pt>
                <c:pt idx="3884">
                  <c:v>7.4999999999999997E-3</c:v>
                </c:pt>
                <c:pt idx="3885">
                  <c:v>7.4999999999999997E-3</c:v>
                </c:pt>
                <c:pt idx="3886">
                  <c:v>7.4999999999999997E-3</c:v>
                </c:pt>
                <c:pt idx="3887">
                  <c:v>7.4999999999999997E-3</c:v>
                </c:pt>
                <c:pt idx="3888">
                  <c:v>7.4999999999999997E-3</c:v>
                </c:pt>
                <c:pt idx="3889">
                  <c:v>7.4999999999999997E-3</c:v>
                </c:pt>
                <c:pt idx="3890">
                  <c:v>7.4999999999999997E-3</c:v>
                </c:pt>
                <c:pt idx="3891">
                  <c:v>7.4999999999999997E-3</c:v>
                </c:pt>
                <c:pt idx="3892">
                  <c:v>7.4999999999999997E-3</c:v>
                </c:pt>
                <c:pt idx="3893">
                  <c:v>7.4999999999999997E-3</c:v>
                </c:pt>
                <c:pt idx="3894">
                  <c:v>7.4999999999999997E-3</c:v>
                </c:pt>
                <c:pt idx="3895">
                  <c:v>7.4999999999999997E-3</c:v>
                </c:pt>
                <c:pt idx="3896">
                  <c:v>7.4999999999999997E-3</c:v>
                </c:pt>
                <c:pt idx="3897">
                  <c:v>7.4999999999999997E-3</c:v>
                </c:pt>
                <c:pt idx="3898">
                  <c:v>7.4999999999999997E-3</c:v>
                </c:pt>
                <c:pt idx="3899">
                  <c:v>7.4999999999999997E-3</c:v>
                </c:pt>
                <c:pt idx="3900">
                  <c:v>7.4999999999999997E-3</c:v>
                </c:pt>
                <c:pt idx="3901">
                  <c:v>7.4999999999999997E-3</c:v>
                </c:pt>
                <c:pt idx="3902">
                  <c:v>7.4999999999999997E-3</c:v>
                </c:pt>
                <c:pt idx="3903">
                  <c:v>0.01</c:v>
                </c:pt>
                <c:pt idx="3904">
                  <c:v>0.01</c:v>
                </c:pt>
                <c:pt idx="3905">
                  <c:v>0.01</c:v>
                </c:pt>
                <c:pt idx="3906">
                  <c:v>0.01</c:v>
                </c:pt>
                <c:pt idx="3907">
                  <c:v>0.01</c:v>
                </c:pt>
                <c:pt idx="3908">
                  <c:v>0.01</c:v>
                </c:pt>
                <c:pt idx="3909">
                  <c:v>0.01</c:v>
                </c:pt>
                <c:pt idx="3910">
                  <c:v>0.01</c:v>
                </c:pt>
                <c:pt idx="3911">
                  <c:v>0.01</c:v>
                </c:pt>
                <c:pt idx="3912">
                  <c:v>0.01</c:v>
                </c:pt>
                <c:pt idx="3913">
                  <c:v>0.01</c:v>
                </c:pt>
                <c:pt idx="3914">
                  <c:v>0.01</c:v>
                </c:pt>
                <c:pt idx="3915">
                  <c:v>0.01</c:v>
                </c:pt>
                <c:pt idx="3916">
                  <c:v>0.01</c:v>
                </c:pt>
                <c:pt idx="3917">
                  <c:v>0.01</c:v>
                </c:pt>
                <c:pt idx="3918">
                  <c:v>0.01</c:v>
                </c:pt>
                <c:pt idx="3919">
                  <c:v>0.01</c:v>
                </c:pt>
                <c:pt idx="3920">
                  <c:v>0.01</c:v>
                </c:pt>
                <c:pt idx="3921">
                  <c:v>0.01</c:v>
                </c:pt>
                <c:pt idx="3922">
                  <c:v>0.01</c:v>
                </c:pt>
                <c:pt idx="3923">
                  <c:v>0.01</c:v>
                </c:pt>
                <c:pt idx="3924">
                  <c:v>0.01</c:v>
                </c:pt>
                <c:pt idx="3925">
                  <c:v>0.01</c:v>
                </c:pt>
                <c:pt idx="3926">
                  <c:v>0.01</c:v>
                </c:pt>
                <c:pt idx="3927">
                  <c:v>0.01</c:v>
                </c:pt>
                <c:pt idx="3928">
                  <c:v>0.01</c:v>
                </c:pt>
                <c:pt idx="3929">
                  <c:v>0.01</c:v>
                </c:pt>
                <c:pt idx="3930">
                  <c:v>0.01</c:v>
                </c:pt>
                <c:pt idx="3931">
                  <c:v>0.01</c:v>
                </c:pt>
                <c:pt idx="3932">
                  <c:v>0.01</c:v>
                </c:pt>
                <c:pt idx="3933">
                  <c:v>0.01</c:v>
                </c:pt>
                <c:pt idx="3934">
                  <c:v>0.01</c:v>
                </c:pt>
                <c:pt idx="3935">
                  <c:v>0.01</c:v>
                </c:pt>
                <c:pt idx="3936">
                  <c:v>0.01</c:v>
                </c:pt>
                <c:pt idx="3937">
                  <c:v>0.01</c:v>
                </c:pt>
                <c:pt idx="3938">
                  <c:v>0.01</c:v>
                </c:pt>
                <c:pt idx="3939">
                  <c:v>0.01</c:v>
                </c:pt>
                <c:pt idx="3940">
                  <c:v>0.01</c:v>
                </c:pt>
                <c:pt idx="3941">
                  <c:v>0.01</c:v>
                </c:pt>
                <c:pt idx="3942">
                  <c:v>0.01</c:v>
                </c:pt>
                <c:pt idx="3943">
                  <c:v>0.01</c:v>
                </c:pt>
                <c:pt idx="3944">
                  <c:v>0.01</c:v>
                </c:pt>
                <c:pt idx="3945">
                  <c:v>0.01</c:v>
                </c:pt>
                <c:pt idx="3946">
                  <c:v>0.01</c:v>
                </c:pt>
                <c:pt idx="3947">
                  <c:v>0.01</c:v>
                </c:pt>
                <c:pt idx="3948">
                  <c:v>0.01</c:v>
                </c:pt>
                <c:pt idx="3949">
                  <c:v>0.01</c:v>
                </c:pt>
                <c:pt idx="3950">
                  <c:v>0.01</c:v>
                </c:pt>
                <c:pt idx="3951">
                  <c:v>0.01</c:v>
                </c:pt>
                <c:pt idx="3952">
                  <c:v>0.01</c:v>
                </c:pt>
                <c:pt idx="3953">
                  <c:v>0.01</c:v>
                </c:pt>
                <c:pt idx="3954">
                  <c:v>0.01</c:v>
                </c:pt>
                <c:pt idx="3955">
                  <c:v>0.01</c:v>
                </c:pt>
                <c:pt idx="3956">
                  <c:v>0.01</c:v>
                </c:pt>
                <c:pt idx="3957">
                  <c:v>0.01</c:v>
                </c:pt>
                <c:pt idx="3958">
                  <c:v>0.01</c:v>
                </c:pt>
                <c:pt idx="3959">
                  <c:v>0.01</c:v>
                </c:pt>
                <c:pt idx="3960">
                  <c:v>0.01</c:v>
                </c:pt>
                <c:pt idx="3961">
                  <c:v>0.01</c:v>
                </c:pt>
                <c:pt idx="3962">
                  <c:v>0.01</c:v>
                </c:pt>
                <c:pt idx="3963">
                  <c:v>0.01</c:v>
                </c:pt>
                <c:pt idx="3964">
                  <c:v>0.01</c:v>
                </c:pt>
                <c:pt idx="3965">
                  <c:v>0.01</c:v>
                </c:pt>
                <c:pt idx="3966">
                  <c:v>0.01</c:v>
                </c:pt>
                <c:pt idx="3967">
                  <c:v>0.01</c:v>
                </c:pt>
                <c:pt idx="3968">
                  <c:v>0.01</c:v>
                </c:pt>
                <c:pt idx="3969">
                  <c:v>0.01</c:v>
                </c:pt>
                <c:pt idx="3970">
                  <c:v>0.01</c:v>
                </c:pt>
                <c:pt idx="3971">
                  <c:v>0.01</c:v>
                </c:pt>
                <c:pt idx="3972">
                  <c:v>0.01</c:v>
                </c:pt>
                <c:pt idx="3973">
                  <c:v>0.01</c:v>
                </c:pt>
                <c:pt idx="3974">
                  <c:v>0.01</c:v>
                </c:pt>
                <c:pt idx="3975">
                  <c:v>0.01</c:v>
                </c:pt>
                <c:pt idx="3976">
                  <c:v>0.01</c:v>
                </c:pt>
                <c:pt idx="3977">
                  <c:v>0.01</c:v>
                </c:pt>
                <c:pt idx="3978">
                  <c:v>0.01</c:v>
                </c:pt>
                <c:pt idx="3979">
                  <c:v>0.01</c:v>
                </c:pt>
                <c:pt idx="3980">
                  <c:v>0.01</c:v>
                </c:pt>
                <c:pt idx="3981">
                  <c:v>0.01</c:v>
                </c:pt>
                <c:pt idx="3982">
                  <c:v>0.01</c:v>
                </c:pt>
                <c:pt idx="3983">
                  <c:v>0.01</c:v>
                </c:pt>
                <c:pt idx="3984">
                  <c:v>0.01</c:v>
                </c:pt>
                <c:pt idx="3985">
                  <c:v>0.01</c:v>
                </c:pt>
                <c:pt idx="3986">
                  <c:v>0.01</c:v>
                </c:pt>
                <c:pt idx="3987">
                  <c:v>0.01</c:v>
                </c:pt>
                <c:pt idx="3988">
                  <c:v>0.01</c:v>
                </c:pt>
                <c:pt idx="3989">
                  <c:v>0.01</c:v>
                </c:pt>
                <c:pt idx="3990">
                  <c:v>0.01</c:v>
                </c:pt>
                <c:pt idx="3991">
                  <c:v>0.01</c:v>
                </c:pt>
                <c:pt idx="3992">
                  <c:v>0.01</c:v>
                </c:pt>
                <c:pt idx="3993">
                  <c:v>0.01</c:v>
                </c:pt>
                <c:pt idx="3994">
                  <c:v>0.01</c:v>
                </c:pt>
                <c:pt idx="3995">
                  <c:v>0.01</c:v>
                </c:pt>
                <c:pt idx="3996">
                  <c:v>0.01</c:v>
                </c:pt>
                <c:pt idx="3997">
                  <c:v>0.01</c:v>
                </c:pt>
                <c:pt idx="3998">
                  <c:v>0.01</c:v>
                </c:pt>
                <c:pt idx="3999">
                  <c:v>0.01</c:v>
                </c:pt>
                <c:pt idx="4000">
                  <c:v>0.01</c:v>
                </c:pt>
                <c:pt idx="4001">
                  <c:v>0.01</c:v>
                </c:pt>
                <c:pt idx="4002">
                  <c:v>0.01</c:v>
                </c:pt>
                <c:pt idx="4003">
                  <c:v>0.01</c:v>
                </c:pt>
                <c:pt idx="4004">
                  <c:v>0.01</c:v>
                </c:pt>
                <c:pt idx="4005">
                  <c:v>0.01</c:v>
                </c:pt>
                <c:pt idx="4006">
                  <c:v>0.01</c:v>
                </c:pt>
                <c:pt idx="4007">
                  <c:v>0.01</c:v>
                </c:pt>
                <c:pt idx="4008">
                  <c:v>0.01</c:v>
                </c:pt>
                <c:pt idx="4009">
                  <c:v>0.01</c:v>
                </c:pt>
                <c:pt idx="4010">
                  <c:v>0.01</c:v>
                </c:pt>
                <c:pt idx="4011">
                  <c:v>0.01</c:v>
                </c:pt>
                <c:pt idx="4012">
                  <c:v>0.01</c:v>
                </c:pt>
                <c:pt idx="4013">
                  <c:v>0.01</c:v>
                </c:pt>
                <c:pt idx="4014">
                  <c:v>0.01</c:v>
                </c:pt>
                <c:pt idx="4015">
                  <c:v>0.01</c:v>
                </c:pt>
                <c:pt idx="4016">
                  <c:v>0.01</c:v>
                </c:pt>
                <c:pt idx="4017">
                  <c:v>0.01</c:v>
                </c:pt>
                <c:pt idx="4018">
                  <c:v>0.01</c:v>
                </c:pt>
                <c:pt idx="4019">
                  <c:v>0.01</c:v>
                </c:pt>
                <c:pt idx="4020">
                  <c:v>0.01</c:v>
                </c:pt>
                <c:pt idx="4021">
                  <c:v>0.01</c:v>
                </c:pt>
                <c:pt idx="4022">
                  <c:v>0.01</c:v>
                </c:pt>
                <c:pt idx="4023">
                  <c:v>0.01</c:v>
                </c:pt>
                <c:pt idx="4024">
                  <c:v>0.01</c:v>
                </c:pt>
                <c:pt idx="4025">
                  <c:v>0.01</c:v>
                </c:pt>
                <c:pt idx="4026">
                  <c:v>0.01</c:v>
                </c:pt>
                <c:pt idx="4027">
                  <c:v>0.01</c:v>
                </c:pt>
                <c:pt idx="4028">
                  <c:v>0.01</c:v>
                </c:pt>
                <c:pt idx="4029">
                  <c:v>0.01</c:v>
                </c:pt>
                <c:pt idx="4030">
                  <c:v>0.01</c:v>
                </c:pt>
                <c:pt idx="4031">
                  <c:v>0.01</c:v>
                </c:pt>
                <c:pt idx="4032">
                  <c:v>0.01</c:v>
                </c:pt>
                <c:pt idx="4033">
                  <c:v>0.01</c:v>
                </c:pt>
                <c:pt idx="4034">
                  <c:v>0.01</c:v>
                </c:pt>
                <c:pt idx="4035">
                  <c:v>0.01</c:v>
                </c:pt>
                <c:pt idx="4036">
                  <c:v>0.01</c:v>
                </c:pt>
                <c:pt idx="4037">
                  <c:v>0.01</c:v>
                </c:pt>
                <c:pt idx="4038">
                  <c:v>0.01</c:v>
                </c:pt>
                <c:pt idx="4039">
                  <c:v>0.01</c:v>
                </c:pt>
                <c:pt idx="4040">
                  <c:v>0.01</c:v>
                </c:pt>
                <c:pt idx="4041">
                  <c:v>0.01</c:v>
                </c:pt>
                <c:pt idx="4042">
                  <c:v>0.01</c:v>
                </c:pt>
                <c:pt idx="4043">
                  <c:v>0.01</c:v>
                </c:pt>
                <c:pt idx="4044">
                  <c:v>0.01</c:v>
                </c:pt>
                <c:pt idx="4045">
                  <c:v>0.01</c:v>
                </c:pt>
                <c:pt idx="4046">
                  <c:v>0.01</c:v>
                </c:pt>
                <c:pt idx="4047">
                  <c:v>0.01</c:v>
                </c:pt>
                <c:pt idx="4048">
                  <c:v>0.01</c:v>
                </c:pt>
                <c:pt idx="4049">
                  <c:v>0.01</c:v>
                </c:pt>
                <c:pt idx="4050">
                  <c:v>0.01</c:v>
                </c:pt>
                <c:pt idx="4051">
                  <c:v>0.01</c:v>
                </c:pt>
                <c:pt idx="4052">
                  <c:v>0.01</c:v>
                </c:pt>
                <c:pt idx="4053">
                  <c:v>0.01</c:v>
                </c:pt>
                <c:pt idx="4054">
                  <c:v>0.01</c:v>
                </c:pt>
                <c:pt idx="4055">
                  <c:v>0.01</c:v>
                </c:pt>
                <c:pt idx="4056">
                  <c:v>0.01</c:v>
                </c:pt>
                <c:pt idx="4057">
                  <c:v>0.01</c:v>
                </c:pt>
                <c:pt idx="4058">
                  <c:v>0.01</c:v>
                </c:pt>
                <c:pt idx="4059">
                  <c:v>0.01</c:v>
                </c:pt>
                <c:pt idx="4060">
                  <c:v>0.01</c:v>
                </c:pt>
                <c:pt idx="4061">
                  <c:v>0.01</c:v>
                </c:pt>
                <c:pt idx="4062">
                  <c:v>0.01</c:v>
                </c:pt>
                <c:pt idx="4063">
                  <c:v>0.01</c:v>
                </c:pt>
                <c:pt idx="4064">
                  <c:v>0.01</c:v>
                </c:pt>
                <c:pt idx="4065">
                  <c:v>0.01</c:v>
                </c:pt>
                <c:pt idx="4066">
                  <c:v>0.01</c:v>
                </c:pt>
                <c:pt idx="4067">
                  <c:v>0.01</c:v>
                </c:pt>
                <c:pt idx="4068">
                  <c:v>0.01</c:v>
                </c:pt>
                <c:pt idx="4069">
                  <c:v>0.01</c:v>
                </c:pt>
                <c:pt idx="4070">
                  <c:v>0.01</c:v>
                </c:pt>
                <c:pt idx="4071">
                  <c:v>0.01</c:v>
                </c:pt>
                <c:pt idx="4072">
                  <c:v>0.01</c:v>
                </c:pt>
                <c:pt idx="4073">
                  <c:v>0.01</c:v>
                </c:pt>
                <c:pt idx="4074">
                  <c:v>0.01</c:v>
                </c:pt>
                <c:pt idx="4075">
                  <c:v>0.01</c:v>
                </c:pt>
                <c:pt idx="4076">
                  <c:v>0.01</c:v>
                </c:pt>
                <c:pt idx="4077">
                  <c:v>0.01</c:v>
                </c:pt>
                <c:pt idx="4078">
                  <c:v>0.01</c:v>
                </c:pt>
                <c:pt idx="4079">
                  <c:v>0.01</c:v>
                </c:pt>
                <c:pt idx="4080">
                  <c:v>0.01</c:v>
                </c:pt>
                <c:pt idx="4081">
                  <c:v>0.01</c:v>
                </c:pt>
                <c:pt idx="4082">
                  <c:v>0.01</c:v>
                </c:pt>
                <c:pt idx="4083">
                  <c:v>0.01</c:v>
                </c:pt>
                <c:pt idx="4084">
                  <c:v>0.01</c:v>
                </c:pt>
                <c:pt idx="4085">
                  <c:v>0.01</c:v>
                </c:pt>
                <c:pt idx="4086">
                  <c:v>0.01</c:v>
                </c:pt>
                <c:pt idx="4087">
                  <c:v>0.01</c:v>
                </c:pt>
                <c:pt idx="4088">
                  <c:v>0.01</c:v>
                </c:pt>
                <c:pt idx="4089">
                  <c:v>0.01</c:v>
                </c:pt>
                <c:pt idx="4090">
                  <c:v>0.01</c:v>
                </c:pt>
                <c:pt idx="4091">
                  <c:v>0.01</c:v>
                </c:pt>
                <c:pt idx="4092">
                  <c:v>0.01</c:v>
                </c:pt>
                <c:pt idx="4093">
                  <c:v>0.01</c:v>
                </c:pt>
                <c:pt idx="4094">
                  <c:v>0.01</c:v>
                </c:pt>
                <c:pt idx="4095">
                  <c:v>0.01</c:v>
                </c:pt>
                <c:pt idx="4096">
                  <c:v>0.01</c:v>
                </c:pt>
                <c:pt idx="4097">
                  <c:v>0.01</c:v>
                </c:pt>
                <c:pt idx="4098">
                  <c:v>0.01</c:v>
                </c:pt>
                <c:pt idx="4099">
                  <c:v>0.01</c:v>
                </c:pt>
                <c:pt idx="4100">
                  <c:v>0.01</c:v>
                </c:pt>
                <c:pt idx="4101">
                  <c:v>0.01</c:v>
                </c:pt>
                <c:pt idx="4102">
                  <c:v>0.01</c:v>
                </c:pt>
                <c:pt idx="4103">
                  <c:v>0.01</c:v>
                </c:pt>
                <c:pt idx="4104">
                  <c:v>0.01</c:v>
                </c:pt>
                <c:pt idx="4105">
                  <c:v>0.01</c:v>
                </c:pt>
                <c:pt idx="4106">
                  <c:v>0.01</c:v>
                </c:pt>
                <c:pt idx="4107">
                  <c:v>0.01</c:v>
                </c:pt>
                <c:pt idx="4108">
                  <c:v>0.01</c:v>
                </c:pt>
                <c:pt idx="4109">
                  <c:v>0.01</c:v>
                </c:pt>
                <c:pt idx="4110">
                  <c:v>0.01</c:v>
                </c:pt>
                <c:pt idx="4111">
                  <c:v>0.01</c:v>
                </c:pt>
                <c:pt idx="4112">
                  <c:v>0.01</c:v>
                </c:pt>
                <c:pt idx="4113">
                  <c:v>0.01</c:v>
                </c:pt>
                <c:pt idx="4114">
                  <c:v>0.01</c:v>
                </c:pt>
                <c:pt idx="4115">
                  <c:v>0.01</c:v>
                </c:pt>
                <c:pt idx="4116">
                  <c:v>0.01</c:v>
                </c:pt>
                <c:pt idx="4117">
                  <c:v>0.01</c:v>
                </c:pt>
                <c:pt idx="4118">
                  <c:v>0.01</c:v>
                </c:pt>
                <c:pt idx="4119">
                  <c:v>0.01</c:v>
                </c:pt>
                <c:pt idx="4120">
                  <c:v>0.01</c:v>
                </c:pt>
                <c:pt idx="4121">
                  <c:v>0.01</c:v>
                </c:pt>
                <c:pt idx="4122">
                  <c:v>0.01</c:v>
                </c:pt>
                <c:pt idx="4123">
                  <c:v>0.01</c:v>
                </c:pt>
                <c:pt idx="4124">
                  <c:v>0.01</c:v>
                </c:pt>
                <c:pt idx="4125">
                  <c:v>0.01</c:v>
                </c:pt>
                <c:pt idx="4126">
                  <c:v>0.01</c:v>
                </c:pt>
                <c:pt idx="4127">
                  <c:v>0.01</c:v>
                </c:pt>
                <c:pt idx="4128">
                  <c:v>0.01</c:v>
                </c:pt>
                <c:pt idx="4129">
                  <c:v>0.01</c:v>
                </c:pt>
                <c:pt idx="4130">
                  <c:v>0.01</c:v>
                </c:pt>
                <c:pt idx="4131">
                  <c:v>0.01</c:v>
                </c:pt>
                <c:pt idx="4132">
                  <c:v>0.01</c:v>
                </c:pt>
                <c:pt idx="4133">
                  <c:v>0.01</c:v>
                </c:pt>
                <c:pt idx="4134">
                  <c:v>0.01</c:v>
                </c:pt>
                <c:pt idx="4135">
                  <c:v>0.01</c:v>
                </c:pt>
                <c:pt idx="4136">
                  <c:v>0.01</c:v>
                </c:pt>
                <c:pt idx="4137">
                  <c:v>0.01</c:v>
                </c:pt>
                <c:pt idx="4138">
                  <c:v>0.01</c:v>
                </c:pt>
                <c:pt idx="4139">
                  <c:v>0.01</c:v>
                </c:pt>
                <c:pt idx="4140">
                  <c:v>0.01</c:v>
                </c:pt>
                <c:pt idx="4141">
                  <c:v>0.01</c:v>
                </c:pt>
                <c:pt idx="4142">
                  <c:v>0.01</c:v>
                </c:pt>
                <c:pt idx="4143">
                  <c:v>0.01</c:v>
                </c:pt>
                <c:pt idx="4144">
                  <c:v>0.01</c:v>
                </c:pt>
                <c:pt idx="4145">
                  <c:v>0.01</c:v>
                </c:pt>
                <c:pt idx="4146">
                  <c:v>0.01</c:v>
                </c:pt>
                <c:pt idx="4147">
                  <c:v>0.01</c:v>
                </c:pt>
                <c:pt idx="4148">
                  <c:v>0.01</c:v>
                </c:pt>
                <c:pt idx="4149">
                  <c:v>0.01</c:v>
                </c:pt>
                <c:pt idx="4150">
                  <c:v>0.01</c:v>
                </c:pt>
                <c:pt idx="4151">
                  <c:v>0.01</c:v>
                </c:pt>
                <c:pt idx="4152">
                  <c:v>0.01</c:v>
                </c:pt>
                <c:pt idx="4153">
                  <c:v>0.01</c:v>
                </c:pt>
                <c:pt idx="4154">
                  <c:v>0.01</c:v>
                </c:pt>
                <c:pt idx="4155">
                  <c:v>0.01</c:v>
                </c:pt>
                <c:pt idx="4156">
                  <c:v>0.01</c:v>
                </c:pt>
                <c:pt idx="4157">
                  <c:v>0.01</c:v>
                </c:pt>
                <c:pt idx="4158">
                  <c:v>0.01</c:v>
                </c:pt>
                <c:pt idx="4159">
                  <c:v>0.01</c:v>
                </c:pt>
                <c:pt idx="4160">
                  <c:v>0.01</c:v>
                </c:pt>
                <c:pt idx="4161">
                  <c:v>0.01</c:v>
                </c:pt>
                <c:pt idx="4162">
                  <c:v>0.01</c:v>
                </c:pt>
                <c:pt idx="4163">
                  <c:v>0.01</c:v>
                </c:pt>
                <c:pt idx="4164">
                  <c:v>0.01</c:v>
                </c:pt>
                <c:pt idx="4165">
                  <c:v>0.01</c:v>
                </c:pt>
                <c:pt idx="4166">
                  <c:v>0.01</c:v>
                </c:pt>
                <c:pt idx="4167">
                  <c:v>0.01</c:v>
                </c:pt>
                <c:pt idx="4168">
                  <c:v>0.01</c:v>
                </c:pt>
                <c:pt idx="4169">
                  <c:v>0.01</c:v>
                </c:pt>
                <c:pt idx="4170">
                  <c:v>0.01</c:v>
                </c:pt>
                <c:pt idx="4171">
                  <c:v>0.01</c:v>
                </c:pt>
                <c:pt idx="4172">
                  <c:v>0.01</c:v>
                </c:pt>
                <c:pt idx="4173">
                  <c:v>0.01</c:v>
                </c:pt>
                <c:pt idx="4174">
                  <c:v>0.01</c:v>
                </c:pt>
                <c:pt idx="4175">
                  <c:v>0.01</c:v>
                </c:pt>
                <c:pt idx="4176">
                  <c:v>0.01</c:v>
                </c:pt>
                <c:pt idx="4177">
                  <c:v>0.01</c:v>
                </c:pt>
                <c:pt idx="4178">
                  <c:v>0.01</c:v>
                </c:pt>
                <c:pt idx="4179">
                  <c:v>0.01</c:v>
                </c:pt>
                <c:pt idx="4180">
                  <c:v>0.01</c:v>
                </c:pt>
                <c:pt idx="4181">
                  <c:v>0.01</c:v>
                </c:pt>
                <c:pt idx="4182">
                  <c:v>0.01</c:v>
                </c:pt>
                <c:pt idx="4183">
                  <c:v>0.01</c:v>
                </c:pt>
                <c:pt idx="4184">
                  <c:v>0.01</c:v>
                </c:pt>
                <c:pt idx="4185">
                  <c:v>0.01</c:v>
                </c:pt>
                <c:pt idx="4186">
                  <c:v>0.01</c:v>
                </c:pt>
                <c:pt idx="4187">
                  <c:v>0.01</c:v>
                </c:pt>
                <c:pt idx="4188">
                  <c:v>0.01</c:v>
                </c:pt>
                <c:pt idx="4189">
                  <c:v>0.01</c:v>
                </c:pt>
                <c:pt idx="4190">
                  <c:v>0.01</c:v>
                </c:pt>
                <c:pt idx="4191">
                  <c:v>0.01</c:v>
                </c:pt>
                <c:pt idx="4192">
                  <c:v>0.01</c:v>
                </c:pt>
                <c:pt idx="4193">
                  <c:v>0.01</c:v>
                </c:pt>
                <c:pt idx="4194">
                  <c:v>0.01</c:v>
                </c:pt>
                <c:pt idx="4195">
                  <c:v>0.01</c:v>
                </c:pt>
                <c:pt idx="4196">
                  <c:v>0.01</c:v>
                </c:pt>
                <c:pt idx="4197">
                  <c:v>0.01</c:v>
                </c:pt>
                <c:pt idx="4198">
                  <c:v>0.01</c:v>
                </c:pt>
                <c:pt idx="4199">
                  <c:v>0.01</c:v>
                </c:pt>
                <c:pt idx="4200">
                  <c:v>0.01</c:v>
                </c:pt>
                <c:pt idx="4201">
                  <c:v>0.01</c:v>
                </c:pt>
                <c:pt idx="4202">
                  <c:v>0.01</c:v>
                </c:pt>
                <c:pt idx="4203">
                  <c:v>0.01</c:v>
                </c:pt>
                <c:pt idx="4204">
                  <c:v>0.01</c:v>
                </c:pt>
                <c:pt idx="4205">
                  <c:v>0.01</c:v>
                </c:pt>
                <c:pt idx="4206">
                  <c:v>0.01</c:v>
                </c:pt>
                <c:pt idx="4207">
                  <c:v>0.01</c:v>
                </c:pt>
                <c:pt idx="4208">
                  <c:v>0.01</c:v>
                </c:pt>
                <c:pt idx="4209">
                  <c:v>0.01</c:v>
                </c:pt>
                <c:pt idx="4210">
                  <c:v>0.01</c:v>
                </c:pt>
                <c:pt idx="4211">
                  <c:v>0.01</c:v>
                </c:pt>
                <c:pt idx="4212">
                  <c:v>0.01</c:v>
                </c:pt>
                <c:pt idx="4213">
                  <c:v>0.01</c:v>
                </c:pt>
                <c:pt idx="4214">
                  <c:v>0.01</c:v>
                </c:pt>
                <c:pt idx="4215">
                  <c:v>0.01</c:v>
                </c:pt>
                <c:pt idx="4216">
                  <c:v>0.01</c:v>
                </c:pt>
                <c:pt idx="4217">
                  <c:v>0.01</c:v>
                </c:pt>
                <c:pt idx="4218">
                  <c:v>0.01</c:v>
                </c:pt>
                <c:pt idx="4219">
                  <c:v>0.01</c:v>
                </c:pt>
                <c:pt idx="4220">
                  <c:v>0.01</c:v>
                </c:pt>
                <c:pt idx="4221">
                  <c:v>0.01</c:v>
                </c:pt>
                <c:pt idx="4222">
                  <c:v>0.01</c:v>
                </c:pt>
                <c:pt idx="4223">
                  <c:v>0.01</c:v>
                </c:pt>
                <c:pt idx="4224">
                  <c:v>0.01</c:v>
                </c:pt>
                <c:pt idx="4225">
                  <c:v>0.01</c:v>
                </c:pt>
                <c:pt idx="4226">
                  <c:v>0.01</c:v>
                </c:pt>
                <c:pt idx="4227">
                  <c:v>0.01</c:v>
                </c:pt>
                <c:pt idx="4228">
                  <c:v>0.01</c:v>
                </c:pt>
                <c:pt idx="4229">
                  <c:v>0.01</c:v>
                </c:pt>
                <c:pt idx="4230">
                  <c:v>0.01</c:v>
                </c:pt>
                <c:pt idx="4231">
                  <c:v>0.01</c:v>
                </c:pt>
                <c:pt idx="4232">
                  <c:v>0.01</c:v>
                </c:pt>
                <c:pt idx="4233">
                  <c:v>0.01</c:v>
                </c:pt>
                <c:pt idx="4234">
                  <c:v>0.01</c:v>
                </c:pt>
                <c:pt idx="4235">
                  <c:v>0.01</c:v>
                </c:pt>
                <c:pt idx="4236">
                  <c:v>0.01</c:v>
                </c:pt>
                <c:pt idx="4237">
                  <c:v>0.01</c:v>
                </c:pt>
                <c:pt idx="4238">
                  <c:v>0.01</c:v>
                </c:pt>
                <c:pt idx="4239">
                  <c:v>0.01</c:v>
                </c:pt>
                <c:pt idx="4240">
                  <c:v>0.01</c:v>
                </c:pt>
                <c:pt idx="4241">
                  <c:v>0.01</c:v>
                </c:pt>
                <c:pt idx="4242">
                  <c:v>0.01</c:v>
                </c:pt>
                <c:pt idx="4243">
                  <c:v>0.01</c:v>
                </c:pt>
                <c:pt idx="4244">
                  <c:v>0.01</c:v>
                </c:pt>
                <c:pt idx="4245">
                  <c:v>0.01</c:v>
                </c:pt>
                <c:pt idx="4246">
                  <c:v>0.01</c:v>
                </c:pt>
                <c:pt idx="4247">
                  <c:v>0.01</c:v>
                </c:pt>
                <c:pt idx="4248">
                  <c:v>0.01</c:v>
                </c:pt>
                <c:pt idx="4249">
                  <c:v>0.01</c:v>
                </c:pt>
                <c:pt idx="4250">
                  <c:v>0.01</c:v>
                </c:pt>
                <c:pt idx="4251">
                  <c:v>0.01</c:v>
                </c:pt>
                <c:pt idx="4252">
                  <c:v>0.01</c:v>
                </c:pt>
                <c:pt idx="4253">
                  <c:v>0.01</c:v>
                </c:pt>
                <c:pt idx="4254">
                  <c:v>0.01</c:v>
                </c:pt>
                <c:pt idx="4255">
                  <c:v>0.01</c:v>
                </c:pt>
                <c:pt idx="4256">
                  <c:v>0.01</c:v>
                </c:pt>
                <c:pt idx="4257">
                  <c:v>0.01</c:v>
                </c:pt>
                <c:pt idx="4258">
                  <c:v>0.01</c:v>
                </c:pt>
                <c:pt idx="4259">
                  <c:v>0.01</c:v>
                </c:pt>
                <c:pt idx="4260">
                  <c:v>0.01</c:v>
                </c:pt>
                <c:pt idx="4261">
                  <c:v>0.01</c:v>
                </c:pt>
                <c:pt idx="4262">
                  <c:v>0.01</c:v>
                </c:pt>
                <c:pt idx="4263">
                  <c:v>0.01</c:v>
                </c:pt>
                <c:pt idx="4264">
                  <c:v>0.01</c:v>
                </c:pt>
                <c:pt idx="4265">
                  <c:v>0.01</c:v>
                </c:pt>
                <c:pt idx="4266">
                  <c:v>0.01</c:v>
                </c:pt>
                <c:pt idx="4267">
                  <c:v>0.01</c:v>
                </c:pt>
                <c:pt idx="4268">
                  <c:v>0.01</c:v>
                </c:pt>
                <c:pt idx="4269">
                  <c:v>0.01</c:v>
                </c:pt>
                <c:pt idx="4270">
                  <c:v>0.01</c:v>
                </c:pt>
                <c:pt idx="4271">
                  <c:v>0.01</c:v>
                </c:pt>
                <c:pt idx="4272">
                  <c:v>0.01</c:v>
                </c:pt>
                <c:pt idx="4273">
                  <c:v>0.01</c:v>
                </c:pt>
                <c:pt idx="4274">
                  <c:v>0.01</c:v>
                </c:pt>
                <c:pt idx="4275">
                  <c:v>0.01</c:v>
                </c:pt>
                <c:pt idx="4276">
                  <c:v>0.01</c:v>
                </c:pt>
                <c:pt idx="4277">
                  <c:v>0.01</c:v>
                </c:pt>
                <c:pt idx="4278">
                  <c:v>0.01</c:v>
                </c:pt>
                <c:pt idx="4279">
                  <c:v>0.01</c:v>
                </c:pt>
                <c:pt idx="4280">
                  <c:v>0.01</c:v>
                </c:pt>
                <c:pt idx="4281">
                  <c:v>0.01</c:v>
                </c:pt>
                <c:pt idx="4282">
                  <c:v>0.01</c:v>
                </c:pt>
                <c:pt idx="4283">
                  <c:v>0.01</c:v>
                </c:pt>
                <c:pt idx="4284">
                  <c:v>0.01</c:v>
                </c:pt>
                <c:pt idx="4285">
                  <c:v>0.01</c:v>
                </c:pt>
                <c:pt idx="4286">
                  <c:v>0.01</c:v>
                </c:pt>
                <c:pt idx="4287">
                  <c:v>0.01</c:v>
                </c:pt>
                <c:pt idx="4288">
                  <c:v>0.01</c:v>
                </c:pt>
                <c:pt idx="4289">
                  <c:v>0.01</c:v>
                </c:pt>
                <c:pt idx="4290">
                  <c:v>0.01</c:v>
                </c:pt>
                <c:pt idx="4291">
                  <c:v>0.01</c:v>
                </c:pt>
                <c:pt idx="4292">
                  <c:v>0.01</c:v>
                </c:pt>
                <c:pt idx="4293">
                  <c:v>0.01</c:v>
                </c:pt>
                <c:pt idx="4294">
                  <c:v>0.01</c:v>
                </c:pt>
                <c:pt idx="4295">
                  <c:v>0.01</c:v>
                </c:pt>
                <c:pt idx="4296">
                  <c:v>0.01</c:v>
                </c:pt>
                <c:pt idx="4297">
                  <c:v>0.01</c:v>
                </c:pt>
                <c:pt idx="4298">
                  <c:v>0.01</c:v>
                </c:pt>
                <c:pt idx="4299">
                  <c:v>0.01</c:v>
                </c:pt>
                <c:pt idx="4300">
                  <c:v>0.01</c:v>
                </c:pt>
                <c:pt idx="4301">
                  <c:v>0.01</c:v>
                </c:pt>
                <c:pt idx="4302">
                  <c:v>0.01</c:v>
                </c:pt>
                <c:pt idx="4303">
                  <c:v>0.01</c:v>
                </c:pt>
                <c:pt idx="4304">
                  <c:v>0.01</c:v>
                </c:pt>
                <c:pt idx="4305">
                  <c:v>0.01</c:v>
                </c:pt>
                <c:pt idx="4306">
                  <c:v>0.01</c:v>
                </c:pt>
                <c:pt idx="4307">
                  <c:v>0.01</c:v>
                </c:pt>
                <c:pt idx="4308">
                  <c:v>0.01</c:v>
                </c:pt>
                <c:pt idx="4309">
                  <c:v>0.01</c:v>
                </c:pt>
                <c:pt idx="4310">
                  <c:v>0.01</c:v>
                </c:pt>
                <c:pt idx="4311">
                  <c:v>0.01</c:v>
                </c:pt>
                <c:pt idx="4312">
                  <c:v>0.01</c:v>
                </c:pt>
                <c:pt idx="4313">
                  <c:v>0.01</c:v>
                </c:pt>
                <c:pt idx="4314">
                  <c:v>0.01</c:v>
                </c:pt>
                <c:pt idx="4315">
                  <c:v>0.01</c:v>
                </c:pt>
                <c:pt idx="4316">
                  <c:v>0.01</c:v>
                </c:pt>
                <c:pt idx="4317">
                  <c:v>0.01</c:v>
                </c:pt>
                <c:pt idx="4318">
                  <c:v>0.01</c:v>
                </c:pt>
                <c:pt idx="4319">
                  <c:v>0.01</c:v>
                </c:pt>
                <c:pt idx="4320">
                  <c:v>0.01</c:v>
                </c:pt>
                <c:pt idx="4321">
                  <c:v>0.01</c:v>
                </c:pt>
                <c:pt idx="4322">
                  <c:v>0.01</c:v>
                </c:pt>
                <c:pt idx="4323">
                  <c:v>0.01</c:v>
                </c:pt>
                <c:pt idx="4324">
                  <c:v>0.01</c:v>
                </c:pt>
                <c:pt idx="4325">
                  <c:v>0.01</c:v>
                </c:pt>
                <c:pt idx="4326">
                  <c:v>0.01</c:v>
                </c:pt>
                <c:pt idx="4327">
                  <c:v>0.01</c:v>
                </c:pt>
                <c:pt idx="4328">
                  <c:v>0.01</c:v>
                </c:pt>
                <c:pt idx="4329">
                  <c:v>0.01</c:v>
                </c:pt>
                <c:pt idx="4330">
                  <c:v>0.01</c:v>
                </c:pt>
                <c:pt idx="4331">
                  <c:v>0.01</c:v>
                </c:pt>
                <c:pt idx="4332">
                  <c:v>0.01</c:v>
                </c:pt>
                <c:pt idx="4333">
                  <c:v>0.01</c:v>
                </c:pt>
                <c:pt idx="4334">
                  <c:v>0.01</c:v>
                </c:pt>
                <c:pt idx="4335">
                  <c:v>0.01</c:v>
                </c:pt>
                <c:pt idx="4336">
                  <c:v>0.01</c:v>
                </c:pt>
                <c:pt idx="4337">
                  <c:v>0.01</c:v>
                </c:pt>
                <c:pt idx="4338">
                  <c:v>0.01</c:v>
                </c:pt>
                <c:pt idx="4339">
                  <c:v>0.01</c:v>
                </c:pt>
                <c:pt idx="4340">
                  <c:v>0.01</c:v>
                </c:pt>
                <c:pt idx="4341">
                  <c:v>0.01</c:v>
                </c:pt>
                <c:pt idx="4342">
                  <c:v>0.01</c:v>
                </c:pt>
                <c:pt idx="4343">
                  <c:v>0.01</c:v>
                </c:pt>
                <c:pt idx="4344">
                  <c:v>0.01</c:v>
                </c:pt>
                <c:pt idx="4345">
                  <c:v>0.01</c:v>
                </c:pt>
                <c:pt idx="4346">
                  <c:v>0.01</c:v>
                </c:pt>
                <c:pt idx="4347">
                  <c:v>0.01</c:v>
                </c:pt>
                <c:pt idx="4348">
                  <c:v>0.01</c:v>
                </c:pt>
                <c:pt idx="4349">
                  <c:v>0.01</c:v>
                </c:pt>
                <c:pt idx="4350">
                  <c:v>0.01</c:v>
                </c:pt>
                <c:pt idx="4351">
                  <c:v>0.01</c:v>
                </c:pt>
                <c:pt idx="4352">
                  <c:v>0.01</c:v>
                </c:pt>
                <c:pt idx="4353">
                  <c:v>0.01</c:v>
                </c:pt>
                <c:pt idx="4354">
                  <c:v>0.01</c:v>
                </c:pt>
                <c:pt idx="4355">
                  <c:v>0.01</c:v>
                </c:pt>
                <c:pt idx="4356">
                  <c:v>0.01</c:v>
                </c:pt>
                <c:pt idx="4357">
                  <c:v>0.01</c:v>
                </c:pt>
                <c:pt idx="4358">
                  <c:v>0.01</c:v>
                </c:pt>
                <c:pt idx="4359">
                  <c:v>0.01</c:v>
                </c:pt>
                <c:pt idx="4360">
                  <c:v>0.01</c:v>
                </c:pt>
                <c:pt idx="4361">
                  <c:v>0.01</c:v>
                </c:pt>
                <c:pt idx="4362">
                  <c:v>0.01</c:v>
                </c:pt>
                <c:pt idx="4363">
                  <c:v>0.01</c:v>
                </c:pt>
                <c:pt idx="4364">
                  <c:v>0.01</c:v>
                </c:pt>
                <c:pt idx="4365">
                  <c:v>0.01</c:v>
                </c:pt>
                <c:pt idx="4366">
                  <c:v>0.01</c:v>
                </c:pt>
                <c:pt idx="4367">
                  <c:v>0.01</c:v>
                </c:pt>
                <c:pt idx="4368">
                  <c:v>0.01</c:v>
                </c:pt>
                <c:pt idx="4369">
                  <c:v>0.01</c:v>
                </c:pt>
                <c:pt idx="4370">
                  <c:v>0.01</c:v>
                </c:pt>
                <c:pt idx="4371">
                  <c:v>0.01</c:v>
                </c:pt>
                <c:pt idx="4372">
                  <c:v>0.01</c:v>
                </c:pt>
                <c:pt idx="4373">
                  <c:v>0.01</c:v>
                </c:pt>
                <c:pt idx="4374">
                  <c:v>0.01</c:v>
                </c:pt>
                <c:pt idx="4375">
                  <c:v>0.01</c:v>
                </c:pt>
                <c:pt idx="4376">
                  <c:v>0.01</c:v>
                </c:pt>
                <c:pt idx="4377">
                  <c:v>0.01</c:v>
                </c:pt>
                <c:pt idx="4378">
                  <c:v>0.01</c:v>
                </c:pt>
                <c:pt idx="4379">
                  <c:v>0.01</c:v>
                </c:pt>
                <c:pt idx="4380">
                  <c:v>0.01</c:v>
                </c:pt>
                <c:pt idx="4381">
                  <c:v>0.01</c:v>
                </c:pt>
                <c:pt idx="4382">
                  <c:v>0.01</c:v>
                </c:pt>
                <c:pt idx="4383">
                  <c:v>0.01</c:v>
                </c:pt>
                <c:pt idx="4384">
                  <c:v>0.01</c:v>
                </c:pt>
                <c:pt idx="4385">
                  <c:v>0.01</c:v>
                </c:pt>
                <c:pt idx="4386">
                  <c:v>0.01</c:v>
                </c:pt>
                <c:pt idx="4387">
                  <c:v>0.01</c:v>
                </c:pt>
                <c:pt idx="4388">
                  <c:v>0.01</c:v>
                </c:pt>
                <c:pt idx="4389">
                  <c:v>0.01</c:v>
                </c:pt>
                <c:pt idx="4390">
                  <c:v>0.01</c:v>
                </c:pt>
                <c:pt idx="4391">
                  <c:v>0.01</c:v>
                </c:pt>
                <c:pt idx="4392">
                  <c:v>0.01</c:v>
                </c:pt>
                <c:pt idx="4393">
                  <c:v>0.01</c:v>
                </c:pt>
                <c:pt idx="4394">
                  <c:v>0.01</c:v>
                </c:pt>
                <c:pt idx="4395">
                  <c:v>0.01</c:v>
                </c:pt>
                <c:pt idx="4396">
                  <c:v>0.01</c:v>
                </c:pt>
                <c:pt idx="4397">
                  <c:v>0.01</c:v>
                </c:pt>
                <c:pt idx="4398">
                  <c:v>0.01</c:v>
                </c:pt>
                <c:pt idx="4399">
                  <c:v>0.01</c:v>
                </c:pt>
                <c:pt idx="4400">
                  <c:v>0.01</c:v>
                </c:pt>
                <c:pt idx="4401">
                  <c:v>0.01</c:v>
                </c:pt>
                <c:pt idx="4402">
                  <c:v>0.01</c:v>
                </c:pt>
                <c:pt idx="4403">
                  <c:v>0.01</c:v>
                </c:pt>
                <c:pt idx="4404">
                  <c:v>0.01</c:v>
                </c:pt>
                <c:pt idx="4405">
                  <c:v>0.01</c:v>
                </c:pt>
                <c:pt idx="4406">
                  <c:v>0.01</c:v>
                </c:pt>
                <c:pt idx="4407">
                  <c:v>0.01</c:v>
                </c:pt>
                <c:pt idx="4408">
                  <c:v>0.01</c:v>
                </c:pt>
                <c:pt idx="4409">
                  <c:v>0.01</c:v>
                </c:pt>
                <c:pt idx="4410">
                  <c:v>0.01</c:v>
                </c:pt>
                <c:pt idx="4411">
                  <c:v>0.01</c:v>
                </c:pt>
                <c:pt idx="4412">
                  <c:v>0.01</c:v>
                </c:pt>
                <c:pt idx="4413">
                  <c:v>0.01</c:v>
                </c:pt>
                <c:pt idx="4414">
                  <c:v>0.01</c:v>
                </c:pt>
                <c:pt idx="4415">
                  <c:v>0.01</c:v>
                </c:pt>
                <c:pt idx="4416">
                  <c:v>0.01</c:v>
                </c:pt>
                <c:pt idx="4417">
                  <c:v>0.01</c:v>
                </c:pt>
                <c:pt idx="4418">
                  <c:v>0.01</c:v>
                </c:pt>
                <c:pt idx="4419">
                  <c:v>0.01</c:v>
                </c:pt>
                <c:pt idx="4420">
                  <c:v>0.01</c:v>
                </c:pt>
                <c:pt idx="4421">
                  <c:v>0.01</c:v>
                </c:pt>
                <c:pt idx="4422">
                  <c:v>0.01</c:v>
                </c:pt>
                <c:pt idx="4423">
                  <c:v>0.01</c:v>
                </c:pt>
                <c:pt idx="4424">
                  <c:v>0.01</c:v>
                </c:pt>
                <c:pt idx="4425">
                  <c:v>0.01</c:v>
                </c:pt>
                <c:pt idx="4426">
                  <c:v>0.01</c:v>
                </c:pt>
                <c:pt idx="4427">
                  <c:v>0.01</c:v>
                </c:pt>
                <c:pt idx="4428">
                  <c:v>0.01</c:v>
                </c:pt>
                <c:pt idx="4429">
                  <c:v>0.01</c:v>
                </c:pt>
                <c:pt idx="4430">
                  <c:v>0.01</c:v>
                </c:pt>
                <c:pt idx="4431">
                  <c:v>0.01</c:v>
                </c:pt>
                <c:pt idx="4432">
                  <c:v>0.01</c:v>
                </c:pt>
                <c:pt idx="4433">
                  <c:v>0.01</c:v>
                </c:pt>
                <c:pt idx="4434">
                  <c:v>0.01</c:v>
                </c:pt>
                <c:pt idx="4435">
                  <c:v>0.01</c:v>
                </c:pt>
                <c:pt idx="4436">
                  <c:v>0.01</c:v>
                </c:pt>
                <c:pt idx="4437">
                  <c:v>0.01</c:v>
                </c:pt>
                <c:pt idx="4438">
                  <c:v>0.01</c:v>
                </c:pt>
                <c:pt idx="4439">
                  <c:v>0.01</c:v>
                </c:pt>
                <c:pt idx="4440">
                  <c:v>0.01</c:v>
                </c:pt>
                <c:pt idx="4441">
                  <c:v>0.01</c:v>
                </c:pt>
                <c:pt idx="4442">
                  <c:v>0.01</c:v>
                </c:pt>
                <c:pt idx="4443">
                  <c:v>0.01</c:v>
                </c:pt>
                <c:pt idx="4444">
                  <c:v>0.01</c:v>
                </c:pt>
                <c:pt idx="4445">
                  <c:v>0.01</c:v>
                </c:pt>
                <c:pt idx="4446">
                  <c:v>0.01</c:v>
                </c:pt>
                <c:pt idx="4447">
                  <c:v>0.01</c:v>
                </c:pt>
                <c:pt idx="4448">
                  <c:v>0.01</c:v>
                </c:pt>
                <c:pt idx="4449">
                  <c:v>0.01</c:v>
                </c:pt>
                <c:pt idx="4450">
                  <c:v>0.01</c:v>
                </c:pt>
                <c:pt idx="4451">
                  <c:v>0.01</c:v>
                </c:pt>
                <c:pt idx="4452">
                  <c:v>0.01</c:v>
                </c:pt>
                <c:pt idx="4453">
                  <c:v>0.01</c:v>
                </c:pt>
                <c:pt idx="4454">
                  <c:v>0.01</c:v>
                </c:pt>
                <c:pt idx="4455">
                  <c:v>0.01</c:v>
                </c:pt>
                <c:pt idx="4456">
                  <c:v>0.01</c:v>
                </c:pt>
                <c:pt idx="4457">
                  <c:v>0.01</c:v>
                </c:pt>
                <c:pt idx="4458">
                  <c:v>0.01</c:v>
                </c:pt>
                <c:pt idx="4459">
                  <c:v>0.01</c:v>
                </c:pt>
                <c:pt idx="4460">
                  <c:v>0.01</c:v>
                </c:pt>
                <c:pt idx="4461">
                  <c:v>0.01</c:v>
                </c:pt>
                <c:pt idx="4462">
                  <c:v>0.01</c:v>
                </c:pt>
                <c:pt idx="4463">
                  <c:v>0.01</c:v>
                </c:pt>
                <c:pt idx="4464">
                  <c:v>0.01</c:v>
                </c:pt>
                <c:pt idx="4465">
                  <c:v>0.01</c:v>
                </c:pt>
                <c:pt idx="4466">
                  <c:v>0.01</c:v>
                </c:pt>
                <c:pt idx="4467">
                  <c:v>0.01</c:v>
                </c:pt>
                <c:pt idx="4468">
                  <c:v>0.01</c:v>
                </c:pt>
                <c:pt idx="4469">
                  <c:v>0.01</c:v>
                </c:pt>
                <c:pt idx="4470">
                  <c:v>0.01</c:v>
                </c:pt>
                <c:pt idx="4471">
                  <c:v>0.01</c:v>
                </c:pt>
                <c:pt idx="4472">
                  <c:v>0.01</c:v>
                </c:pt>
                <c:pt idx="4473">
                  <c:v>0.01</c:v>
                </c:pt>
                <c:pt idx="4474">
                  <c:v>0.01</c:v>
                </c:pt>
                <c:pt idx="4475">
                  <c:v>0.01</c:v>
                </c:pt>
                <c:pt idx="4476">
                  <c:v>0.01</c:v>
                </c:pt>
                <c:pt idx="4477">
                  <c:v>0.01</c:v>
                </c:pt>
                <c:pt idx="4478">
                  <c:v>0.01</c:v>
                </c:pt>
                <c:pt idx="4479">
                  <c:v>0.01</c:v>
                </c:pt>
                <c:pt idx="4480">
                  <c:v>0.01</c:v>
                </c:pt>
                <c:pt idx="4481">
                  <c:v>0.01</c:v>
                </c:pt>
                <c:pt idx="4482">
                  <c:v>0.01</c:v>
                </c:pt>
                <c:pt idx="4483">
                  <c:v>0.01</c:v>
                </c:pt>
                <c:pt idx="4484">
                  <c:v>0.01</c:v>
                </c:pt>
                <c:pt idx="4485">
                  <c:v>0.01</c:v>
                </c:pt>
                <c:pt idx="4486">
                  <c:v>0.01</c:v>
                </c:pt>
                <c:pt idx="4487">
                  <c:v>0.01</c:v>
                </c:pt>
                <c:pt idx="4488">
                  <c:v>0.01</c:v>
                </c:pt>
                <c:pt idx="4489">
                  <c:v>0.01</c:v>
                </c:pt>
                <c:pt idx="4490">
                  <c:v>0.01</c:v>
                </c:pt>
                <c:pt idx="4491">
                  <c:v>0.01</c:v>
                </c:pt>
                <c:pt idx="4492">
                  <c:v>0.01</c:v>
                </c:pt>
                <c:pt idx="4493">
                  <c:v>0.01</c:v>
                </c:pt>
                <c:pt idx="4494">
                  <c:v>0.01</c:v>
                </c:pt>
                <c:pt idx="4495">
                  <c:v>0.01</c:v>
                </c:pt>
                <c:pt idx="4496">
                  <c:v>0.01</c:v>
                </c:pt>
                <c:pt idx="4497">
                  <c:v>0.01</c:v>
                </c:pt>
                <c:pt idx="4498">
                  <c:v>0.01</c:v>
                </c:pt>
                <c:pt idx="4499">
                  <c:v>0.01</c:v>
                </c:pt>
                <c:pt idx="4500">
                  <c:v>0.01</c:v>
                </c:pt>
                <c:pt idx="4501">
                  <c:v>0.01</c:v>
                </c:pt>
                <c:pt idx="4502">
                  <c:v>0.01</c:v>
                </c:pt>
                <c:pt idx="4503">
                  <c:v>0.01</c:v>
                </c:pt>
                <c:pt idx="4504">
                  <c:v>0.01</c:v>
                </c:pt>
                <c:pt idx="4505">
                  <c:v>0.01</c:v>
                </c:pt>
                <c:pt idx="4506">
                  <c:v>0.01</c:v>
                </c:pt>
                <c:pt idx="4507">
                  <c:v>0.01</c:v>
                </c:pt>
                <c:pt idx="4508">
                  <c:v>0.01</c:v>
                </c:pt>
                <c:pt idx="4509">
                  <c:v>0.01</c:v>
                </c:pt>
                <c:pt idx="4510">
                  <c:v>0.01</c:v>
                </c:pt>
                <c:pt idx="4511">
                  <c:v>0.01</c:v>
                </c:pt>
                <c:pt idx="4512">
                  <c:v>0.01</c:v>
                </c:pt>
                <c:pt idx="4513">
                  <c:v>0.01</c:v>
                </c:pt>
                <c:pt idx="4514">
                  <c:v>0.01</c:v>
                </c:pt>
                <c:pt idx="4515">
                  <c:v>0.01</c:v>
                </c:pt>
                <c:pt idx="4516">
                  <c:v>0.01</c:v>
                </c:pt>
                <c:pt idx="4517">
                  <c:v>0.01</c:v>
                </c:pt>
                <c:pt idx="4518">
                  <c:v>0.01</c:v>
                </c:pt>
                <c:pt idx="4519">
                  <c:v>0.01</c:v>
                </c:pt>
                <c:pt idx="4520">
                  <c:v>0.01</c:v>
                </c:pt>
                <c:pt idx="4521">
                  <c:v>0.01</c:v>
                </c:pt>
                <c:pt idx="4522">
                  <c:v>0.01</c:v>
                </c:pt>
                <c:pt idx="4523">
                  <c:v>0.01</c:v>
                </c:pt>
                <c:pt idx="4524">
                  <c:v>0.01</c:v>
                </c:pt>
                <c:pt idx="4525">
                  <c:v>0.01</c:v>
                </c:pt>
                <c:pt idx="4526">
                  <c:v>0.01</c:v>
                </c:pt>
                <c:pt idx="4527">
                  <c:v>0.01</c:v>
                </c:pt>
                <c:pt idx="4528">
                  <c:v>0.01</c:v>
                </c:pt>
                <c:pt idx="4529">
                  <c:v>0.01</c:v>
                </c:pt>
                <c:pt idx="4530">
                  <c:v>0.01</c:v>
                </c:pt>
                <c:pt idx="4531">
                  <c:v>0.01</c:v>
                </c:pt>
                <c:pt idx="4532">
                  <c:v>0.01</c:v>
                </c:pt>
                <c:pt idx="4533">
                  <c:v>0.01</c:v>
                </c:pt>
                <c:pt idx="4534">
                  <c:v>0.01</c:v>
                </c:pt>
                <c:pt idx="4535">
                  <c:v>0.01</c:v>
                </c:pt>
                <c:pt idx="4536">
                  <c:v>0.01</c:v>
                </c:pt>
                <c:pt idx="4537">
                  <c:v>0.01</c:v>
                </c:pt>
                <c:pt idx="4538">
                  <c:v>0.01</c:v>
                </c:pt>
                <c:pt idx="4539">
                  <c:v>0.01</c:v>
                </c:pt>
                <c:pt idx="4540">
                  <c:v>0.01</c:v>
                </c:pt>
                <c:pt idx="4541">
                  <c:v>0.01</c:v>
                </c:pt>
                <c:pt idx="4542">
                  <c:v>0.01</c:v>
                </c:pt>
                <c:pt idx="4543">
                  <c:v>0.01</c:v>
                </c:pt>
                <c:pt idx="4544">
                  <c:v>0.01</c:v>
                </c:pt>
                <c:pt idx="4545">
                  <c:v>0.01</c:v>
                </c:pt>
                <c:pt idx="4546">
                  <c:v>0.01</c:v>
                </c:pt>
                <c:pt idx="4547">
                  <c:v>0.01</c:v>
                </c:pt>
                <c:pt idx="4548">
                  <c:v>0.01</c:v>
                </c:pt>
                <c:pt idx="4549">
                  <c:v>0.01</c:v>
                </c:pt>
                <c:pt idx="4550">
                  <c:v>0.01</c:v>
                </c:pt>
                <c:pt idx="4551">
                  <c:v>0.01</c:v>
                </c:pt>
                <c:pt idx="4552">
                  <c:v>0.01</c:v>
                </c:pt>
                <c:pt idx="4553">
                  <c:v>0.01</c:v>
                </c:pt>
                <c:pt idx="4554">
                  <c:v>0.01</c:v>
                </c:pt>
                <c:pt idx="4555">
                  <c:v>0.01</c:v>
                </c:pt>
                <c:pt idx="4556">
                  <c:v>0.01</c:v>
                </c:pt>
                <c:pt idx="4557">
                  <c:v>0.01</c:v>
                </c:pt>
                <c:pt idx="4558">
                  <c:v>0.01</c:v>
                </c:pt>
                <c:pt idx="4559">
                  <c:v>0.01</c:v>
                </c:pt>
                <c:pt idx="4560">
                  <c:v>0.01</c:v>
                </c:pt>
                <c:pt idx="4561">
                  <c:v>0.01</c:v>
                </c:pt>
                <c:pt idx="4562">
                  <c:v>0.01</c:v>
                </c:pt>
                <c:pt idx="4563">
                  <c:v>0.01</c:v>
                </c:pt>
                <c:pt idx="4564">
                  <c:v>0.01</c:v>
                </c:pt>
                <c:pt idx="4565">
                  <c:v>0.01</c:v>
                </c:pt>
                <c:pt idx="4566">
                  <c:v>0.01</c:v>
                </c:pt>
                <c:pt idx="4567">
                  <c:v>0.01</c:v>
                </c:pt>
                <c:pt idx="4568">
                  <c:v>0.01</c:v>
                </c:pt>
                <c:pt idx="4569">
                  <c:v>0.01</c:v>
                </c:pt>
                <c:pt idx="4570">
                  <c:v>0.01</c:v>
                </c:pt>
                <c:pt idx="4571">
                  <c:v>0.01</c:v>
                </c:pt>
                <c:pt idx="4572">
                  <c:v>0.01</c:v>
                </c:pt>
                <c:pt idx="4573">
                  <c:v>0.01</c:v>
                </c:pt>
                <c:pt idx="4574">
                  <c:v>0.01</c:v>
                </c:pt>
                <c:pt idx="4575">
                  <c:v>0.01</c:v>
                </c:pt>
                <c:pt idx="4576">
                  <c:v>0.01</c:v>
                </c:pt>
                <c:pt idx="4577">
                  <c:v>0.01</c:v>
                </c:pt>
                <c:pt idx="4578">
                  <c:v>0.01</c:v>
                </c:pt>
                <c:pt idx="4579">
                  <c:v>0.01</c:v>
                </c:pt>
                <c:pt idx="4580">
                  <c:v>0.01</c:v>
                </c:pt>
                <c:pt idx="4581">
                  <c:v>0.01</c:v>
                </c:pt>
                <c:pt idx="4582">
                  <c:v>0.01</c:v>
                </c:pt>
                <c:pt idx="4583">
                  <c:v>0.01</c:v>
                </c:pt>
                <c:pt idx="4584">
                  <c:v>0.01</c:v>
                </c:pt>
                <c:pt idx="4585">
                  <c:v>0.01</c:v>
                </c:pt>
                <c:pt idx="4586">
                  <c:v>0.01</c:v>
                </c:pt>
                <c:pt idx="4587">
                  <c:v>0.01</c:v>
                </c:pt>
                <c:pt idx="4588">
                  <c:v>0.01</c:v>
                </c:pt>
                <c:pt idx="4589">
                  <c:v>0.01</c:v>
                </c:pt>
                <c:pt idx="4590">
                  <c:v>0.01</c:v>
                </c:pt>
                <c:pt idx="4591">
                  <c:v>0.01</c:v>
                </c:pt>
                <c:pt idx="4592">
                  <c:v>0.01</c:v>
                </c:pt>
                <c:pt idx="4593">
                  <c:v>0.01</c:v>
                </c:pt>
                <c:pt idx="4594">
                  <c:v>0.01</c:v>
                </c:pt>
                <c:pt idx="4595">
                  <c:v>0.01</c:v>
                </c:pt>
                <c:pt idx="4596">
                  <c:v>0.01</c:v>
                </c:pt>
                <c:pt idx="4597">
                  <c:v>0.01</c:v>
                </c:pt>
                <c:pt idx="4598">
                  <c:v>0.01</c:v>
                </c:pt>
                <c:pt idx="4599">
                  <c:v>0.01</c:v>
                </c:pt>
                <c:pt idx="4600">
                  <c:v>0.01</c:v>
                </c:pt>
                <c:pt idx="4601">
                  <c:v>0.01</c:v>
                </c:pt>
                <c:pt idx="4602">
                  <c:v>0.01</c:v>
                </c:pt>
                <c:pt idx="4603">
                  <c:v>0.01</c:v>
                </c:pt>
                <c:pt idx="4604">
                  <c:v>0.01</c:v>
                </c:pt>
                <c:pt idx="4605">
                  <c:v>0.01</c:v>
                </c:pt>
                <c:pt idx="4606">
                  <c:v>0.01</c:v>
                </c:pt>
                <c:pt idx="4607">
                  <c:v>0.01</c:v>
                </c:pt>
                <c:pt idx="4608">
                  <c:v>0.01</c:v>
                </c:pt>
                <c:pt idx="4609">
                  <c:v>0.01</c:v>
                </c:pt>
                <c:pt idx="4610">
                  <c:v>0.01</c:v>
                </c:pt>
                <c:pt idx="4611">
                  <c:v>0.01</c:v>
                </c:pt>
                <c:pt idx="4612">
                  <c:v>0.01</c:v>
                </c:pt>
                <c:pt idx="4613">
                  <c:v>0.01</c:v>
                </c:pt>
                <c:pt idx="4614">
                  <c:v>0.01</c:v>
                </c:pt>
                <c:pt idx="4615">
                  <c:v>0.01</c:v>
                </c:pt>
                <c:pt idx="4616">
                  <c:v>0.01</c:v>
                </c:pt>
                <c:pt idx="4617">
                  <c:v>0.01</c:v>
                </c:pt>
                <c:pt idx="4618">
                  <c:v>0.01</c:v>
                </c:pt>
                <c:pt idx="4619">
                  <c:v>0.01</c:v>
                </c:pt>
                <c:pt idx="4620">
                  <c:v>0.01</c:v>
                </c:pt>
                <c:pt idx="4621">
                  <c:v>0.01</c:v>
                </c:pt>
                <c:pt idx="4622">
                  <c:v>0.01</c:v>
                </c:pt>
                <c:pt idx="4623">
                  <c:v>0.01</c:v>
                </c:pt>
                <c:pt idx="4624">
                  <c:v>0.01</c:v>
                </c:pt>
                <c:pt idx="4625">
                  <c:v>0.01</c:v>
                </c:pt>
                <c:pt idx="4626">
                  <c:v>0.01</c:v>
                </c:pt>
                <c:pt idx="4627">
                  <c:v>0.01</c:v>
                </c:pt>
                <c:pt idx="4628">
                  <c:v>0.01</c:v>
                </c:pt>
                <c:pt idx="4629">
                  <c:v>0.01</c:v>
                </c:pt>
                <c:pt idx="4630">
                  <c:v>0.01</c:v>
                </c:pt>
                <c:pt idx="4631">
                  <c:v>0.01</c:v>
                </c:pt>
                <c:pt idx="4632">
                  <c:v>0.01</c:v>
                </c:pt>
                <c:pt idx="4633">
                  <c:v>0.01</c:v>
                </c:pt>
                <c:pt idx="4634">
                  <c:v>0.01</c:v>
                </c:pt>
                <c:pt idx="4635">
                  <c:v>0.01</c:v>
                </c:pt>
                <c:pt idx="4636">
                  <c:v>0.01</c:v>
                </c:pt>
                <c:pt idx="4637">
                  <c:v>0.01</c:v>
                </c:pt>
                <c:pt idx="4638">
                  <c:v>0.01</c:v>
                </c:pt>
                <c:pt idx="4639">
                  <c:v>0.01</c:v>
                </c:pt>
                <c:pt idx="4640">
                  <c:v>0.01</c:v>
                </c:pt>
                <c:pt idx="4641">
                  <c:v>0.01</c:v>
                </c:pt>
                <c:pt idx="4642">
                  <c:v>0.01</c:v>
                </c:pt>
                <c:pt idx="4643">
                  <c:v>0.01</c:v>
                </c:pt>
                <c:pt idx="4644">
                  <c:v>0.01</c:v>
                </c:pt>
                <c:pt idx="4645">
                  <c:v>0.01</c:v>
                </c:pt>
                <c:pt idx="4646">
                  <c:v>0.01</c:v>
                </c:pt>
                <c:pt idx="4647">
                  <c:v>0.01</c:v>
                </c:pt>
                <c:pt idx="4648">
                  <c:v>0.01</c:v>
                </c:pt>
                <c:pt idx="4649">
                  <c:v>0.01</c:v>
                </c:pt>
                <c:pt idx="4650">
                  <c:v>0.01</c:v>
                </c:pt>
                <c:pt idx="4651">
                  <c:v>0.01</c:v>
                </c:pt>
                <c:pt idx="4652">
                  <c:v>0.01</c:v>
                </c:pt>
                <c:pt idx="4653">
                  <c:v>0.01</c:v>
                </c:pt>
                <c:pt idx="4654">
                  <c:v>0.01</c:v>
                </c:pt>
                <c:pt idx="4655">
                  <c:v>0.01</c:v>
                </c:pt>
                <c:pt idx="4656">
                  <c:v>0.01</c:v>
                </c:pt>
                <c:pt idx="4657">
                  <c:v>0.01</c:v>
                </c:pt>
                <c:pt idx="4658">
                  <c:v>0.01</c:v>
                </c:pt>
                <c:pt idx="4659">
                  <c:v>0.01</c:v>
                </c:pt>
                <c:pt idx="4660">
                  <c:v>0.01</c:v>
                </c:pt>
                <c:pt idx="4661">
                  <c:v>0.01</c:v>
                </c:pt>
                <c:pt idx="4662">
                  <c:v>0.01</c:v>
                </c:pt>
                <c:pt idx="4663">
                  <c:v>0.01</c:v>
                </c:pt>
                <c:pt idx="4664">
                  <c:v>0.01</c:v>
                </c:pt>
                <c:pt idx="4665">
                  <c:v>0.01</c:v>
                </c:pt>
                <c:pt idx="4666">
                  <c:v>0.01</c:v>
                </c:pt>
                <c:pt idx="4667">
                  <c:v>0.01</c:v>
                </c:pt>
                <c:pt idx="4668">
                  <c:v>0.01</c:v>
                </c:pt>
                <c:pt idx="4669">
                  <c:v>0.01</c:v>
                </c:pt>
                <c:pt idx="4670">
                  <c:v>0.01</c:v>
                </c:pt>
                <c:pt idx="4671">
                  <c:v>0.01</c:v>
                </c:pt>
                <c:pt idx="4672">
                  <c:v>0.01</c:v>
                </c:pt>
                <c:pt idx="4673">
                  <c:v>0.01</c:v>
                </c:pt>
                <c:pt idx="4674">
                  <c:v>0.01</c:v>
                </c:pt>
                <c:pt idx="4675">
                  <c:v>0.01</c:v>
                </c:pt>
                <c:pt idx="4676">
                  <c:v>0.01</c:v>
                </c:pt>
                <c:pt idx="4677">
                  <c:v>0.01</c:v>
                </c:pt>
                <c:pt idx="4678">
                  <c:v>0.01</c:v>
                </c:pt>
                <c:pt idx="4679">
                  <c:v>0.01</c:v>
                </c:pt>
                <c:pt idx="4680">
                  <c:v>0.01</c:v>
                </c:pt>
                <c:pt idx="4681">
                  <c:v>0.01</c:v>
                </c:pt>
                <c:pt idx="4682">
                  <c:v>0.01</c:v>
                </c:pt>
                <c:pt idx="4683">
                  <c:v>0.01</c:v>
                </c:pt>
                <c:pt idx="4684">
                  <c:v>0.01</c:v>
                </c:pt>
                <c:pt idx="4685">
                  <c:v>0.01</c:v>
                </c:pt>
                <c:pt idx="4686">
                  <c:v>0.01</c:v>
                </c:pt>
                <c:pt idx="4687">
                  <c:v>0.01</c:v>
                </c:pt>
                <c:pt idx="4688">
                  <c:v>0.01</c:v>
                </c:pt>
                <c:pt idx="4689">
                  <c:v>0.01</c:v>
                </c:pt>
                <c:pt idx="4690">
                  <c:v>0.01</c:v>
                </c:pt>
                <c:pt idx="4691">
                  <c:v>0.01</c:v>
                </c:pt>
                <c:pt idx="4692">
                  <c:v>0.01</c:v>
                </c:pt>
                <c:pt idx="4693">
                  <c:v>0.01</c:v>
                </c:pt>
                <c:pt idx="4694">
                  <c:v>0.01</c:v>
                </c:pt>
                <c:pt idx="4695">
                  <c:v>0.01</c:v>
                </c:pt>
                <c:pt idx="4696">
                  <c:v>0.01</c:v>
                </c:pt>
                <c:pt idx="4697">
                  <c:v>0.01</c:v>
                </c:pt>
                <c:pt idx="4698">
                  <c:v>0.01</c:v>
                </c:pt>
                <c:pt idx="4699">
                  <c:v>0.01</c:v>
                </c:pt>
                <c:pt idx="4700">
                  <c:v>0.01</c:v>
                </c:pt>
                <c:pt idx="4701">
                  <c:v>0.01</c:v>
                </c:pt>
                <c:pt idx="4702">
                  <c:v>0.01</c:v>
                </c:pt>
                <c:pt idx="4703">
                  <c:v>0.01</c:v>
                </c:pt>
                <c:pt idx="4704">
                  <c:v>0.01</c:v>
                </c:pt>
                <c:pt idx="4705">
                  <c:v>0.01</c:v>
                </c:pt>
                <c:pt idx="4706">
                  <c:v>0.01</c:v>
                </c:pt>
                <c:pt idx="4707">
                  <c:v>0.01</c:v>
                </c:pt>
                <c:pt idx="4708">
                  <c:v>0.01</c:v>
                </c:pt>
                <c:pt idx="4709">
                  <c:v>0.01</c:v>
                </c:pt>
                <c:pt idx="4710">
                  <c:v>0.01</c:v>
                </c:pt>
                <c:pt idx="4711">
                  <c:v>0.01</c:v>
                </c:pt>
                <c:pt idx="4712">
                  <c:v>0.01</c:v>
                </c:pt>
                <c:pt idx="4713">
                  <c:v>0.01</c:v>
                </c:pt>
                <c:pt idx="4714">
                  <c:v>0.01</c:v>
                </c:pt>
                <c:pt idx="4715">
                  <c:v>0.01</c:v>
                </c:pt>
                <c:pt idx="4716">
                  <c:v>0.01</c:v>
                </c:pt>
                <c:pt idx="4717">
                  <c:v>0.01</c:v>
                </c:pt>
                <c:pt idx="4718">
                  <c:v>0.01</c:v>
                </c:pt>
                <c:pt idx="4719">
                  <c:v>0.01</c:v>
                </c:pt>
                <c:pt idx="4720">
                  <c:v>0.01</c:v>
                </c:pt>
                <c:pt idx="4721">
                  <c:v>0.01</c:v>
                </c:pt>
                <c:pt idx="4722">
                  <c:v>0.01</c:v>
                </c:pt>
                <c:pt idx="4723">
                  <c:v>0.01</c:v>
                </c:pt>
                <c:pt idx="4724">
                  <c:v>0.01</c:v>
                </c:pt>
                <c:pt idx="4725">
                  <c:v>0.01</c:v>
                </c:pt>
                <c:pt idx="4726">
                  <c:v>0.01</c:v>
                </c:pt>
                <c:pt idx="4727">
                  <c:v>0.01</c:v>
                </c:pt>
                <c:pt idx="4728">
                  <c:v>0.01</c:v>
                </c:pt>
                <c:pt idx="4729">
                  <c:v>0.01</c:v>
                </c:pt>
                <c:pt idx="4730">
                  <c:v>0.01</c:v>
                </c:pt>
                <c:pt idx="4731">
                  <c:v>0.01</c:v>
                </c:pt>
                <c:pt idx="4732">
                  <c:v>0.01</c:v>
                </c:pt>
                <c:pt idx="4733">
                  <c:v>0.01</c:v>
                </c:pt>
                <c:pt idx="4734">
                  <c:v>0.01</c:v>
                </c:pt>
                <c:pt idx="4735">
                  <c:v>0.01</c:v>
                </c:pt>
                <c:pt idx="4736">
                  <c:v>0.01</c:v>
                </c:pt>
                <c:pt idx="4737">
                  <c:v>0.01</c:v>
                </c:pt>
                <c:pt idx="4738">
                  <c:v>0.01</c:v>
                </c:pt>
                <c:pt idx="4739">
                  <c:v>0.01</c:v>
                </c:pt>
                <c:pt idx="4740">
                  <c:v>0.01</c:v>
                </c:pt>
                <c:pt idx="4741">
                  <c:v>0.01</c:v>
                </c:pt>
                <c:pt idx="4742">
                  <c:v>0.01</c:v>
                </c:pt>
                <c:pt idx="4743">
                  <c:v>0.01</c:v>
                </c:pt>
                <c:pt idx="4744">
                  <c:v>0.01</c:v>
                </c:pt>
                <c:pt idx="4745">
                  <c:v>0.01</c:v>
                </c:pt>
                <c:pt idx="4746">
                  <c:v>0.01</c:v>
                </c:pt>
                <c:pt idx="4747">
                  <c:v>0.01</c:v>
                </c:pt>
                <c:pt idx="4748">
                  <c:v>0.01</c:v>
                </c:pt>
                <c:pt idx="4749">
                  <c:v>0.01</c:v>
                </c:pt>
                <c:pt idx="4750">
                  <c:v>0.01</c:v>
                </c:pt>
                <c:pt idx="4751">
                  <c:v>0.01</c:v>
                </c:pt>
                <c:pt idx="4752">
                  <c:v>0.01</c:v>
                </c:pt>
                <c:pt idx="4753">
                  <c:v>0.01</c:v>
                </c:pt>
                <c:pt idx="4754">
                  <c:v>0.01</c:v>
                </c:pt>
                <c:pt idx="4755">
                  <c:v>0.01</c:v>
                </c:pt>
                <c:pt idx="4756">
                  <c:v>0.01</c:v>
                </c:pt>
                <c:pt idx="4757">
                  <c:v>0.01</c:v>
                </c:pt>
                <c:pt idx="4758">
                  <c:v>0.01</c:v>
                </c:pt>
                <c:pt idx="4759">
                  <c:v>0.01</c:v>
                </c:pt>
                <c:pt idx="4760">
                  <c:v>0.01</c:v>
                </c:pt>
                <c:pt idx="4761">
                  <c:v>0.01</c:v>
                </c:pt>
                <c:pt idx="4762">
                  <c:v>0.01</c:v>
                </c:pt>
                <c:pt idx="4763">
                  <c:v>0.01</c:v>
                </c:pt>
                <c:pt idx="4764">
                  <c:v>0.01</c:v>
                </c:pt>
                <c:pt idx="4765">
                  <c:v>0.01</c:v>
                </c:pt>
                <c:pt idx="4766">
                  <c:v>0.01</c:v>
                </c:pt>
                <c:pt idx="4767">
                  <c:v>0.01</c:v>
                </c:pt>
                <c:pt idx="4768">
                  <c:v>0.01</c:v>
                </c:pt>
                <c:pt idx="4769">
                  <c:v>0.01</c:v>
                </c:pt>
                <c:pt idx="4770">
                  <c:v>0.01</c:v>
                </c:pt>
                <c:pt idx="4771">
                  <c:v>0.01</c:v>
                </c:pt>
                <c:pt idx="4772">
                  <c:v>0.01</c:v>
                </c:pt>
                <c:pt idx="4773">
                  <c:v>0.01</c:v>
                </c:pt>
                <c:pt idx="4774">
                  <c:v>0.01</c:v>
                </c:pt>
                <c:pt idx="4775">
                  <c:v>0.01</c:v>
                </c:pt>
                <c:pt idx="4776">
                  <c:v>0.01</c:v>
                </c:pt>
                <c:pt idx="4777">
                  <c:v>0.01</c:v>
                </c:pt>
                <c:pt idx="4778">
                  <c:v>0.01</c:v>
                </c:pt>
                <c:pt idx="4779">
                  <c:v>0.01</c:v>
                </c:pt>
                <c:pt idx="4780">
                  <c:v>0.01</c:v>
                </c:pt>
                <c:pt idx="4781">
                  <c:v>0.01</c:v>
                </c:pt>
                <c:pt idx="4782">
                  <c:v>0.01</c:v>
                </c:pt>
                <c:pt idx="4783">
                  <c:v>0.01</c:v>
                </c:pt>
                <c:pt idx="4784">
                  <c:v>0.01</c:v>
                </c:pt>
                <c:pt idx="4785">
                  <c:v>0.01</c:v>
                </c:pt>
                <c:pt idx="4786">
                  <c:v>0.01</c:v>
                </c:pt>
                <c:pt idx="4787">
                  <c:v>0.01</c:v>
                </c:pt>
                <c:pt idx="4788">
                  <c:v>0.01</c:v>
                </c:pt>
                <c:pt idx="4789">
                  <c:v>0.01</c:v>
                </c:pt>
                <c:pt idx="4790">
                  <c:v>0.01</c:v>
                </c:pt>
                <c:pt idx="4791">
                  <c:v>0.01</c:v>
                </c:pt>
                <c:pt idx="4792">
                  <c:v>0.01</c:v>
                </c:pt>
                <c:pt idx="4793">
                  <c:v>0.01</c:v>
                </c:pt>
                <c:pt idx="4794">
                  <c:v>0.01</c:v>
                </c:pt>
                <c:pt idx="4795">
                  <c:v>0.01</c:v>
                </c:pt>
                <c:pt idx="4796">
                  <c:v>0.01</c:v>
                </c:pt>
                <c:pt idx="4797">
                  <c:v>0.01</c:v>
                </c:pt>
                <c:pt idx="4798">
                  <c:v>0.01</c:v>
                </c:pt>
                <c:pt idx="4799">
                  <c:v>0.01</c:v>
                </c:pt>
                <c:pt idx="4800">
                  <c:v>0.01</c:v>
                </c:pt>
                <c:pt idx="4801">
                  <c:v>0.01</c:v>
                </c:pt>
                <c:pt idx="4802">
                  <c:v>0.01</c:v>
                </c:pt>
                <c:pt idx="4803">
                  <c:v>0.01</c:v>
                </c:pt>
                <c:pt idx="4804">
                  <c:v>0.01</c:v>
                </c:pt>
                <c:pt idx="4805">
                  <c:v>0.01</c:v>
                </c:pt>
                <c:pt idx="4806">
                  <c:v>0.01</c:v>
                </c:pt>
                <c:pt idx="4807">
                  <c:v>0.01</c:v>
                </c:pt>
                <c:pt idx="4808">
                  <c:v>0.01</c:v>
                </c:pt>
                <c:pt idx="4809">
                  <c:v>0.01</c:v>
                </c:pt>
                <c:pt idx="4810">
                  <c:v>0.01</c:v>
                </c:pt>
                <c:pt idx="4811">
                  <c:v>0.01</c:v>
                </c:pt>
                <c:pt idx="4812">
                  <c:v>0.01</c:v>
                </c:pt>
                <c:pt idx="4813">
                  <c:v>0.01</c:v>
                </c:pt>
                <c:pt idx="4814">
                  <c:v>0.01</c:v>
                </c:pt>
                <c:pt idx="4815">
                  <c:v>0.01</c:v>
                </c:pt>
                <c:pt idx="4816">
                  <c:v>0.01</c:v>
                </c:pt>
                <c:pt idx="4817">
                  <c:v>0.01</c:v>
                </c:pt>
                <c:pt idx="4818">
                  <c:v>0.01</c:v>
                </c:pt>
                <c:pt idx="4819">
                  <c:v>0.01</c:v>
                </c:pt>
                <c:pt idx="4820">
                  <c:v>0.01</c:v>
                </c:pt>
                <c:pt idx="4821">
                  <c:v>0.01</c:v>
                </c:pt>
                <c:pt idx="4822">
                  <c:v>0.01</c:v>
                </c:pt>
                <c:pt idx="4823">
                  <c:v>0.01</c:v>
                </c:pt>
                <c:pt idx="4824">
                  <c:v>0.01</c:v>
                </c:pt>
                <c:pt idx="4825">
                  <c:v>0.01</c:v>
                </c:pt>
                <c:pt idx="4826">
                  <c:v>0.01</c:v>
                </c:pt>
                <c:pt idx="4827">
                  <c:v>0.01</c:v>
                </c:pt>
                <c:pt idx="4828">
                  <c:v>0.01</c:v>
                </c:pt>
                <c:pt idx="4829">
                  <c:v>0.01</c:v>
                </c:pt>
                <c:pt idx="4830">
                  <c:v>0.01</c:v>
                </c:pt>
                <c:pt idx="4831">
                  <c:v>0.01</c:v>
                </c:pt>
                <c:pt idx="4832">
                  <c:v>0.01</c:v>
                </c:pt>
                <c:pt idx="4833">
                  <c:v>0.01</c:v>
                </c:pt>
                <c:pt idx="4834">
                  <c:v>0.01</c:v>
                </c:pt>
                <c:pt idx="4835">
                  <c:v>0.01</c:v>
                </c:pt>
                <c:pt idx="4836">
                  <c:v>0.01</c:v>
                </c:pt>
                <c:pt idx="4837">
                  <c:v>0.01</c:v>
                </c:pt>
                <c:pt idx="4838">
                  <c:v>0.01</c:v>
                </c:pt>
                <c:pt idx="4839">
                  <c:v>0.01</c:v>
                </c:pt>
                <c:pt idx="4840">
                  <c:v>0.01</c:v>
                </c:pt>
                <c:pt idx="4841">
                  <c:v>0.01</c:v>
                </c:pt>
                <c:pt idx="4842">
                  <c:v>0.01</c:v>
                </c:pt>
                <c:pt idx="4843">
                  <c:v>0.01</c:v>
                </c:pt>
                <c:pt idx="4844">
                  <c:v>0.01</c:v>
                </c:pt>
                <c:pt idx="4845">
                  <c:v>0.01</c:v>
                </c:pt>
                <c:pt idx="4846">
                  <c:v>0.01</c:v>
                </c:pt>
                <c:pt idx="4847">
                  <c:v>0.01</c:v>
                </c:pt>
                <c:pt idx="4848">
                  <c:v>0.01</c:v>
                </c:pt>
                <c:pt idx="4849">
                  <c:v>0.01</c:v>
                </c:pt>
                <c:pt idx="4850">
                  <c:v>0.01</c:v>
                </c:pt>
                <c:pt idx="4851">
                  <c:v>0.01</c:v>
                </c:pt>
                <c:pt idx="4852">
                  <c:v>0.01</c:v>
                </c:pt>
                <c:pt idx="4853">
                  <c:v>0.01</c:v>
                </c:pt>
                <c:pt idx="4854">
                  <c:v>0.01</c:v>
                </c:pt>
                <c:pt idx="4855">
                  <c:v>0.01</c:v>
                </c:pt>
                <c:pt idx="4856">
                  <c:v>0.01</c:v>
                </c:pt>
                <c:pt idx="4857">
                  <c:v>0.01</c:v>
                </c:pt>
                <c:pt idx="4858">
                  <c:v>0.01</c:v>
                </c:pt>
                <c:pt idx="4859">
                  <c:v>0.01</c:v>
                </c:pt>
                <c:pt idx="4860">
                  <c:v>0.01</c:v>
                </c:pt>
                <c:pt idx="4861">
                  <c:v>0.01</c:v>
                </c:pt>
                <c:pt idx="4862">
                  <c:v>0.01</c:v>
                </c:pt>
                <c:pt idx="4863">
                  <c:v>0.01</c:v>
                </c:pt>
                <c:pt idx="4864">
                  <c:v>0.01</c:v>
                </c:pt>
                <c:pt idx="4865">
                  <c:v>0.01</c:v>
                </c:pt>
                <c:pt idx="4866">
                  <c:v>0.01</c:v>
                </c:pt>
                <c:pt idx="4867">
                  <c:v>0.01</c:v>
                </c:pt>
                <c:pt idx="4868">
                  <c:v>0.01</c:v>
                </c:pt>
                <c:pt idx="4869">
                  <c:v>0.01</c:v>
                </c:pt>
                <c:pt idx="4870">
                  <c:v>0.01</c:v>
                </c:pt>
                <c:pt idx="4871">
                  <c:v>0.01</c:v>
                </c:pt>
                <c:pt idx="4872">
                  <c:v>0.01</c:v>
                </c:pt>
                <c:pt idx="4873">
                  <c:v>0.01</c:v>
                </c:pt>
                <c:pt idx="4874">
                  <c:v>0.01</c:v>
                </c:pt>
                <c:pt idx="4875">
                  <c:v>0.01</c:v>
                </c:pt>
                <c:pt idx="4876">
                  <c:v>0.01</c:v>
                </c:pt>
                <c:pt idx="4877">
                  <c:v>0.01</c:v>
                </c:pt>
                <c:pt idx="4878">
                  <c:v>0.01</c:v>
                </c:pt>
                <c:pt idx="4879">
                  <c:v>0.01</c:v>
                </c:pt>
                <c:pt idx="4880">
                  <c:v>0.01</c:v>
                </c:pt>
                <c:pt idx="4881">
                  <c:v>0.01</c:v>
                </c:pt>
                <c:pt idx="4882">
                  <c:v>0.01</c:v>
                </c:pt>
                <c:pt idx="4883">
                  <c:v>0.01</c:v>
                </c:pt>
                <c:pt idx="4884">
                  <c:v>0.01</c:v>
                </c:pt>
                <c:pt idx="4885">
                  <c:v>0.01</c:v>
                </c:pt>
                <c:pt idx="4886">
                  <c:v>0.01</c:v>
                </c:pt>
                <c:pt idx="4887">
                  <c:v>0.01</c:v>
                </c:pt>
                <c:pt idx="4888">
                  <c:v>0.01</c:v>
                </c:pt>
                <c:pt idx="4889">
                  <c:v>0.01</c:v>
                </c:pt>
                <c:pt idx="4890">
                  <c:v>0.01</c:v>
                </c:pt>
                <c:pt idx="4891">
                  <c:v>0.01</c:v>
                </c:pt>
                <c:pt idx="4892">
                  <c:v>0.01</c:v>
                </c:pt>
                <c:pt idx="4893">
                  <c:v>0.01</c:v>
                </c:pt>
                <c:pt idx="4894">
                  <c:v>0.01</c:v>
                </c:pt>
                <c:pt idx="4895">
                  <c:v>0.01</c:v>
                </c:pt>
                <c:pt idx="4896">
                  <c:v>0.01</c:v>
                </c:pt>
                <c:pt idx="4897">
                  <c:v>0.01</c:v>
                </c:pt>
                <c:pt idx="4898">
                  <c:v>0.01</c:v>
                </c:pt>
                <c:pt idx="4899">
                  <c:v>0.01</c:v>
                </c:pt>
                <c:pt idx="4900">
                  <c:v>0.01</c:v>
                </c:pt>
                <c:pt idx="4901">
                  <c:v>0.01</c:v>
                </c:pt>
                <c:pt idx="4902">
                  <c:v>0.01</c:v>
                </c:pt>
                <c:pt idx="4903">
                  <c:v>0.01</c:v>
                </c:pt>
                <c:pt idx="4904">
                  <c:v>0.01</c:v>
                </c:pt>
                <c:pt idx="4905">
                  <c:v>0.01</c:v>
                </c:pt>
                <c:pt idx="4906">
                  <c:v>0.01</c:v>
                </c:pt>
                <c:pt idx="4907">
                  <c:v>0.01</c:v>
                </c:pt>
                <c:pt idx="4908">
                  <c:v>0.01</c:v>
                </c:pt>
                <c:pt idx="4909">
                  <c:v>0.01</c:v>
                </c:pt>
                <c:pt idx="4910">
                  <c:v>0.01</c:v>
                </c:pt>
                <c:pt idx="4911">
                  <c:v>0.01</c:v>
                </c:pt>
                <c:pt idx="4912">
                  <c:v>0.01</c:v>
                </c:pt>
                <c:pt idx="4913">
                  <c:v>0.01</c:v>
                </c:pt>
                <c:pt idx="4914">
                  <c:v>0.01</c:v>
                </c:pt>
                <c:pt idx="4915">
                  <c:v>0.01</c:v>
                </c:pt>
                <c:pt idx="4916">
                  <c:v>0.01</c:v>
                </c:pt>
                <c:pt idx="4917">
                  <c:v>0.01</c:v>
                </c:pt>
                <c:pt idx="4918">
                  <c:v>0.01</c:v>
                </c:pt>
                <c:pt idx="4919">
                  <c:v>0.01</c:v>
                </c:pt>
                <c:pt idx="4920">
                  <c:v>0.01</c:v>
                </c:pt>
                <c:pt idx="4921">
                  <c:v>0.01</c:v>
                </c:pt>
                <c:pt idx="4922">
                  <c:v>0.01</c:v>
                </c:pt>
                <c:pt idx="4923">
                  <c:v>0.01</c:v>
                </c:pt>
                <c:pt idx="4924">
                  <c:v>0.01</c:v>
                </c:pt>
                <c:pt idx="4925">
                  <c:v>0.01</c:v>
                </c:pt>
                <c:pt idx="4926">
                  <c:v>0.01</c:v>
                </c:pt>
                <c:pt idx="4927">
                  <c:v>0.01</c:v>
                </c:pt>
                <c:pt idx="4928">
                  <c:v>0.01</c:v>
                </c:pt>
                <c:pt idx="4929">
                  <c:v>0.01</c:v>
                </c:pt>
                <c:pt idx="4930">
                  <c:v>0.01</c:v>
                </c:pt>
                <c:pt idx="4931">
                  <c:v>0.01</c:v>
                </c:pt>
                <c:pt idx="4932">
                  <c:v>0.01</c:v>
                </c:pt>
                <c:pt idx="4933">
                  <c:v>0.01</c:v>
                </c:pt>
                <c:pt idx="4934">
                  <c:v>0.01</c:v>
                </c:pt>
                <c:pt idx="4935">
                  <c:v>0.01</c:v>
                </c:pt>
                <c:pt idx="4936">
                  <c:v>0.01</c:v>
                </c:pt>
                <c:pt idx="4937">
                  <c:v>0.01</c:v>
                </c:pt>
                <c:pt idx="4938">
                  <c:v>0.01</c:v>
                </c:pt>
                <c:pt idx="4939">
                  <c:v>0.01</c:v>
                </c:pt>
                <c:pt idx="4940">
                  <c:v>0.01</c:v>
                </c:pt>
                <c:pt idx="4941">
                  <c:v>0.01</c:v>
                </c:pt>
                <c:pt idx="4942">
                  <c:v>0.01</c:v>
                </c:pt>
                <c:pt idx="4943">
                  <c:v>0.01</c:v>
                </c:pt>
                <c:pt idx="4944">
                  <c:v>0.01</c:v>
                </c:pt>
                <c:pt idx="4945">
                  <c:v>0.01</c:v>
                </c:pt>
                <c:pt idx="4946">
                  <c:v>0.01</c:v>
                </c:pt>
                <c:pt idx="4947">
                  <c:v>0.01</c:v>
                </c:pt>
                <c:pt idx="4948">
                  <c:v>0.01</c:v>
                </c:pt>
                <c:pt idx="4949">
                  <c:v>0.01</c:v>
                </c:pt>
                <c:pt idx="4950">
                  <c:v>0.01</c:v>
                </c:pt>
                <c:pt idx="4951">
                  <c:v>0.01</c:v>
                </c:pt>
                <c:pt idx="4952">
                  <c:v>0.01</c:v>
                </c:pt>
                <c:pt idx="4953">
                  <c:v>0.01</c:v>
                </c:pt>
                <c:pt idx="4954">
                  <c:v>0.01</c:v>
                </c:pt>
                <c:pt idx="4955">
                  <c:v>0.01</c:v>
                </c:pt>
                <c:pt idx="4956">
                  <c:v>0.01</c:v>
                </c:pt>
                <c:pt idx="4957">
                  <c:v>0.01</c:v>
                </c:pt>
                <c:pt idx="4958">
                  <c:v>0.01</c:v>
                </c:pt>
                <c:pt idx="4959">
                  <c:v>0.01</c:v>
                </c:pt>
                <c:pt idx="4960">
                  <c:v>0.01</c:v>
                </c:pt>
                <c:pt idx="4961">
                  <c:v>0.01</c:v>
                </c:pt>
                <c:pt idx="4962">
                  <c:v>0.01</c:v>
                </c:pt>
                <c:pt idx="4963">
                  <c:v>0.01</c:v>
                </c:pt>
                <c:pt idx="4964">
                  <c:v>0.01</c:v>
                </c:pt>
                <c:pt idx="4965">
                  <c:v>0.01</c:v>
                </c:pt>
                <c:pt idx="4966">
                  <c:v>0.01</c:v>
                </c:pt>
                <c:pt idx="4967">
                  <c:v>0.01</c:v>
                </c:pt>
                <c:pt idx="4968">
                  <c:v>0.01</c:v>
                </c:pt>
                <c:pt idx="4969">
                  <c:v>0.01</c:v>
                </c:pt>
                <c:pt idx="4970">
                  <c:v>0.01</c:v>
                </c:pt>
                <c:pt idx="4971">
                  <c:v>0.01</c:v>
                </c:pt>
                <c:pt idx="4972">
                  <c:v>0.01</c:v>
                </c:pt>
                <c:pt idx="4973">
                  <c:v>0.01</c:v>
                </c:pt>
                <c:pt idx="4974">
                  <c:v>0.01</c:v>
                </c:pt>
                <c:pt idx="4975">
                  <c:v>0.01</c:v>
                </c:pt>
                <c:pt idx="4976">
                  <c:v>0.01</c:v>
                </c:pt>
                <c:pt idx="4977">
                  <c:v>0.01</c:v>
                </c:pt>
                <c:pt idx="4978">
                  <c:v>0.01</c:v>
                </c:pt>
                <c:pt idx="4979">
                  <c:v>0.01</c:v>
                </c:pt>
                <c:pt idx="4980">
                  <c:v>0.01</c:v>
                </c:pt>
                <c:pt idx="4981">
                  <c:v>0.01</c:v>
                </c:pt>
                <c:pt idx="4982">
                  <c:v>0.01</c:v>
                </c:pt>
                <c:pt idx="4983">
                  <c:v>0.01</c:v>
                </c:pt>
                <c:pt idx="4984">
                  <c:v>0.01</c:v>
                </c:pt>
                <c:pt idx="4985">
                  <c:v>0.01</c:v>
                </c:pt>
                <c:pt idx="4986">
                  <c:v>0.01</c:v>
                </c:pt>
                <c:pt idx="4987">
                  <c:v>0.01</c:v>
                </c:pt>
                <c:pt idx="4988">
                  <c:v>0.01</c:v>
                </c:pt>
                <c:pt idx="4989">
                  <c:v>0.01</c:v>
                </c:pt>
                <c:pt idx="4990">
                  <c:v>0.01</c:v>
                </c:pt>
                <c:pt idx="4991">
                  <c:v>0.01</c:v>
                </c:pt>
                <c:pt idx="4992">
                  <c:v>0.01</c:v>
                </c:pt>
                <c:pt idx="4993">
                  <c:v>0.01</c:v>
                </c:pt>
                <c:pt idx="4994">
                  <c:v>0.01</c:v>
                </c:pt>
                <c:pt idx="4995">
                  <c:v>0.01</c:v>
                </c:pt>
                <c:pt idx="4996">
                  <c:v>0.01</c:v>
                </c:pt>
                <c:pt idx="4997">
                  <c:v>0.01</c:v>
                </c:pt>
                <c:pt idx="4998">
                  <c:v>0.01</c:v>
                </c:pt>
                <c:pt idx="4999">
                  <c:v>0.01</c:v>
                </c:pt>
                <c:pt idx="5000">
                  <c:v>0.01</c:v>
                </c:pt>
                <c:pt idx="5001">
                  <c:v>0.01</c:v>
                </c:pt>
                <c:pt idx="5002">
                  <c:v>0.01</c:v>
                </c:pt>
                <c:pt idx="5003">
                  <c:v>0.01</c:v>
                </c:pt>
                <c:pt idx="5004">
                  <c:v>0.01</c:v>
                </c:pt>
                <c:pt idx="5005">
                  <c:v>0.01</c:v>
                </c:pt>
                <c:pt idx="5006">
                  <c:v>0.01</c:v>
                </c:pt>
                <c:pt idx="5007">
                  <c:v>0.01</c:v>
                </c:pt>
                <c:pt idx="5008">
                  <c:v>0.01</c:v>
                </c:pt>
                <c:pt idx="5009">
                  <c:v>0.01</c:v>
                </c:pt>
                <c:pt idx="5010">
                  <c:v>0.01</c:v>
                </c:pt>
                <c:pt idx="5011">
                  <c:v>0.01</c:v>
                </c:pt>
                <c:pt idx="5012">
                  <c:v>0.01</c:v>
                </c:pt>
                <c:pt idx="5013">
                  <c:v>0.01</c:v>
                </c:pt>
                <c:pt idx="5014">
                  <c:v>0.01</c:v>
                </c:pt>
                <c:pt idx="5015">
                  <c:v>0.01</c:v>
                </c:pt>
                <c:pt idx="5016">
                  <c:v>0.01</c:v>
                </c:pt>
                <c:pt idx="5017">
                  <c:v>0.01</c:v>
                </c:pt>
                <c:pt idx="5018">
                  <c:v>0.01</c:v>
                </c:pt>
                <c:pt idx="5019">
                  <c:v>0.01</c:v>
                </c:pt>
                <c:pt idx="5020">
                  <c:v>0.01</c:v>
                </c:pt>
                <c:pt idx="5021">
                  <c:v>0.01</c:v>
                </c:pt>
                <c:pt idx="5022">
                  <c:v>0.01</c:v>
                </c:pt>
                <c:pt idx="5023">
                  <c:v>0.01</c:v>
                </c:pt>
                <c:pt idx="5024">
                  <c:v>0.01</c:v>
                </c:pt>
                <c:pt idx="5025">
                  <c:v>0.01</c:v>
                </c:pt>
                <c:pt idx="5026">
                  <c:v>0.01</c:v>
                </c:pt>
                <c:pt idx="5027">
                  <c:v>0.01</c:v>
                </c:pt>
                <c:pt idx="5028">
                  <c:v>0.01</c:v>
                </c:pt>
                <c:pt idx="5029">
                  <c:v>0.01</c:v>
                </c:pt>
                <c:pt idx="5030">
                  <c:v>0.01</c:v>
                </c:pt>
                <c:pt idx="5031">
                  <c:v>0.01</c:v>
                </c:pt>
                <c:pt idx="5032">
                  <c:v>0.01</c:v>
                </c:pt>
                <c:pt idx="5033">
                  <c:v>0.01</c:v>
                </c:pt>
                <c:pt idx="5034">
                  <c:v>0.01</c:v>
                </c:pt>
                <c:pt idx="5035">
                  <c:v>0.01</c:v>
                </c:pt>
                <c:pt idx="5036">
                  <c:v>0.01</c:v>
                </c:pt>
                <c:pt idx="5037">
                  <c:v>0.01</c:v>
                </c:pt>
                <c:pt idx="5038">
                  <c:v>0.01</c:v>
                </c:pt>
                <c:pt idx="5039">
                  <c:v>0.01</c:v>
                </c:pt>
                <c:pt idx="5040">
                  <c:v>0.01</c:v>
                </c:pt>
                <c:pt idx="5041">
                  <c:v>0.01</c:v>
                </c:pt>
                <c:pt idx="5042">
                  <c:v>0.01</c:v>
                </c:pt>
                <c:pt idx="5043">
                  <c:v>0.01</c:v>
                </c:pt>
                <c:pt idx="5044">
                  <c:v>0.01</c:v>
                </c:pt>
                <c:pt idx="5045">
                  <c:v>0.01</c:v>
                </c:pt>
                <c:pt idx="5046">
                  <c:v>0.01</c:v>
                </c:pt>
                <c:pt idx="5047">
                  <c:v>0.01</c:v>
                </c:pt>
                <c:pt idx="5048">
                  <c:v>0.01</c:v>
                </c:pt>
                <c:pt idx="5049">
                  <c:v>0.01</c:v>
                </c:pt>
                <c:pt idx="5050">
                  <c:v>0.01</c:v>
                </c:pt>
                <c:pt idx="5051">
                  <c:v>0.01</c:v>
                </c:pt>
                <c:pt idx="5052">
                  <c:v>0.01</c:v>
                </c:pt>
                <c:pt idx="5053">
                  <c:v>0.01</c:v>
                </c:pt>
                <c:pt idx="5054">
                  <c:v>0.01</c:v>
                </c:pt>
                <c:pt idx="5055">
                  <c:v>0.01</c:v>
                </c:pt>
                <c:pt idx="5056">
                  <c:v>0.01</c:v>
                </c:pt>
                <c:pt idx="5057">
                  <c:v>0.01</c:v>
                </c:pt>
                <c:pt idx="5058">
                  <c:v>0.01</c:v>
                </c:pt>
                <c:pt idx="5059">
                  <c:v>0.01</c:v>
                </c:pt>
                <c:pt idx="5060">
                  <c:v>0.01</c:v>
                </c:pt>
                <c:pt idx="5061">
                  <c:v>0.01</c:v>
                </c:pt>
                <c:pt idx="5062">
                  <c:v>0.01</c:v>
                </c:pt>
                <c:pt idx="5063">
                  <c:v>0.01</c:v>
                </c:pt>
                <c:pt idx="5064">
                  <c:v>0.01</c:v>
                </c:pt>
                <c:pt idx="5065">
                  <c:v>0.01</c:v>
                </c:pt>
                <c:pt idx="5066">
                  <c:v>0.01</c:v>
                </c:pt>
                <c:pt idx="5067">
                  <c:v>0.01</c:v>
                </c:pt>
                <c:pt idx="5068">
                  <c:v>0.01</c:v>
                </c:pt>
                <c:pt idx="5069">
                  <c:v>0.01</c:v>
                </c:pt>
                <c:pt idx="5070">
                  <c:v>0.01</c:v>
                </c:pt>
                <c:pt idx="5071">
                  <c:v>0.01</c:v>
                </c:pt>
                <c:pt idx="5072">
                  <c:v>0.01</c:v>
                </c:pt>
                <c:pt idx="5073">
                  <c:v>0.01</c:v>
                </c:pt>
                <c:pt idx="5074">
                  <c:v>0.01</c:v>
                </c:pt>
                <c:pt idx="5075">
                  <c:v>0.01</c:v>
                </c:pt>
                <c:pt idx="5076">
                  <c:v>0.01</c:v>
                </c:pt>
                <c:pt idx="5077">
                  <c:v>0.01</c:v>
                </c:pt>
                <c:pt idx="5078">
                  <c:v>0.01</c:v>
                </c:pt>
                <c:pt idx="5079">
                  <c:v>0.01</c:v>
                </c:pt>
                <c:pt idx="5080">
                  <c:v>0.01</c:v>
                </c:pt>
                <c:pt idx="5081">
                  <c:v>0.01</c:v>
                </c:pt>
                <c:pt idx="5082">
                  <c:v>0.01</c:v>
                </c:pt>
                <c:pt idx="5083">
                  <c:v>0.01</c:v>
                </c:pt>
                <c:pt idx="5084">
                  <c:v>0.01</c:v>
                </c:pt>
                <c:pt idx="5085">
                  <c:v>0.01</c:v>
                </c:pt>
                <c:pt idx="5086">
                  <c:v>0.01</c:v>
                </c:pt>
                <c:pt idx="5087">
                  <c:v>0.01</c:v>
                </c:pt>
                <c:pt idx="5088">
                  <c:v>0.01</c:v>
                </c:pt>
                <c:pt idx="5089">
                  <c:v>0.01</c:v>
                </c:pt>
                <c:pt idx="5090">
                  <c:v>0.01</c:v>
                </c:pt>
                <c:pt idx="5091">
                  <c:v>0.01</c:v>
                </c:pt>
                <c:pt idx="5092">
                  <c:v>0.01</c:v>
                </c:pt>
                <c:pt idx="5093">
                  <c:v>0.01</c:v>
                </c:pt>
                <c:pt idx="5094">
                  <c:v>0.01</c:v>
                </c:pt>
                <c:pt idx="5095">
                  <c:v>0.01</c:v>
                </c:pt>
                <c:pt idx="5096">
                  <c:v>0.01</c:v>
                </c:pt>
                <c:pt idx="5097">
                  <c:v>0.01</c:v>
                </c:pt>
                <c:pt idx="5098">
                  <c:v>0.01</c:v>
                </c:pt>
                <c:pt idx="5099">
                  <c:v>0.01</c:v>
                </c:pt>
                <c:pt idx="5100">
                  <c:v>0.01</c:v>
                </c:pt>
                <c:pt idx="5101">
                  <c:v>0.01</c:v>
                </c:pt>
                <c:pt idx="5102">
                  <c:v>0.01</c:v>
                </c:pt>
                <c:pt idx="5103">
                  <c:v>0.01</c:v>
                </c:pt>
                <c:pt idx="5104">
                  <c:v>0.01</c:v>
                </c:pt>
                <c:pt idx="5105">
                  <c:v>0.01</c:v>
                </c:pt>
                <c:pt idx="5106">
                  <c:v>0.01</c:v>
                </c:pt>
                <c:pt idx="5107">
                  <c:v>0.01</c:v>
                </c:pt>
                <c:pt idx="5108">
                  <c:v>0.01</c:v>
                </c:pt>
                <c:pt idx="5109">
                  <c:v>0.01</c:v>
                </c:pt>
                <c:pt idx="5110">
                  <c:v>0.01</c:v>
                </c:pt>
                <c:pt idx="5111">
                  <c:v>0.01</c:v>
                </c:pt>
                <c:pt idx="5112">
                  <c:v>0.01</c:v>
                </c:pt>
                <c:pt idx="5113">
                  <c:v>0.01</c:v>
                </c:pt>
                <c:pt idx="5114">
                  <c:v>0.01</c:v>
                </c:pt>
                <c:pt idx="5115">
                  <c:v>0.01</c:v>
                </c:pt>
                <c:pt idx="5116">
                  <c:v>0.01</c:v>
                </c:pt>
                <c:pt idx="5117">
                  <c:v>0.01</c:v>
                </c:pt>
                <c:pt idx="5118">
                  <c:v>0.01</c:v>
                </c:pt>
                <c:pt idx="5119">
                  <c:v>0.01</c:v>
                </c:pt>
                <c:pt idx="5120">
                  <c:v>0.01</c:v>
                </c:pt>
                <c:pt idx="5121">
                  <c:v>0.01</c:v>
                </c:pt>
                <c:pt idx="5122">
                  <c:v>0.01</c:v>
                </c:pt>
                <c:pt idx="5123">
                  <c:v>0.01</c:v>
                </c:pt>
                <c:pt idx="5124">
                  <c:v>0.01</c:v>
                </c:pt>
                <c:pt idx="5125">
                  <c:v>0.01</c:v>
                </c:pt>
                <c:pt idx="5126">
                  <c:v>0.01</c:v>
                </c:pt>
                <c:pt idx="5127">
                  <c:v>0.01</c:v>
                </c:pt>
                <c:pt idx="5128">
                  <c:v>0.01</c:v>
                </c:pt>
                <c:pt idx="5129">
                  <c:v>0.01</c:v>
                </c:pt>
                <c:pt idx="5130">
                  <c:v>0.01</c:v>
                </c:pt>
                <c:pt idx="5131">
                  <c:v>0.01</c:v>
                </c:pt>
                <c:pt idx="5132">
                  <c:v>0.01</c:v>
                </c:pt>
                <c:pt idx="5133">
                  <c:v>0.01</c:v>
                </c:pt>
                <c:pt idx="5134">
                  <c:v>0.01</c:v>
                </c:pt>
                <c:pt idx="5135">
                  <c:v>0.01</c:v>
                </c:pt>
                <c:pt idx="5136">
                  <c:v>0.01</c:v>
                </c:pt>
                <c:pt idx="5137">
                  <c:v>0.01</c:v>
                </c:pt>
                <c:pt idx="5138">
                  <c:v>0.01</c:v>
                </c:pt>
                <c:pt idx="5139">
                  <c:v>0.01</c:v>
                </c:pt>
                <c:pt idx="5140">
                  <c:v>0.01</c:v>
                </c:pt>
                <c:pt idx="5141">
                  <c:v>0.01</c:v>
                </c:pt>
                <c:pt idx="5142">
                  <c:v>0.01</c:v>
                </c:pt>
                <c:pt idx="5143">
                  <c:v>0.01</c:v>
                </c:pt>
                <c:pt idx="5144">
                  <c:v>0.01</c:v>
                </c:pt>
                <c:pt idx="5145">
                  <c:v>0.01</c:v>
                </c:pt>
                <c:pt idx="5146">
                  <c:v>0.01</c:v>
                </c:pt>
                <c:pt idx="5147">
                  <c:v>0.01</c:v>
                </c:pt>
                <c:pt idx="5148">
                  <c:v>0.01</c:v>
                </c:pt>
                <c:pt idx="5149">
                  <c:v>0.01</c:v>
                </c:pt>
                <c:pt idx="5150">
                  <c:v>0.01</c:v>
                </c:pt>
                <c:pt idx="5151">
                  <c:v>0.01</c:v>
                </c:pt>
                <c:pt idx="5152">
                  <c:v>0.01</c:v>
                </c:pt>
                <c:pt idx="5153">
                  <c:v>0.01</c:v>
                </c:pt>
                <c:pt idx="5154">
                  <c:v>0.01</c:v>
                </c:pt>
                <c:pt idx="5155">
                  <c:v>0.01</c:v>
                </c:pt>
                <c:pt idx="5156">
                  <c:v>0.01</c:v>
                </c:pt>
                <c:pt idx="5157">
                  <c:v>0.01</c:v>
                </c:pt>
                <c:pt idx="5158">
                  <c:v>0.01</c:v>
                </c:pt>
                <c:pt idx="5159">
                  <c:v>0.01</c:v>
                </c:pt>
                <c:pt idx="5160">
                  <c:v>0.01</c:v>
                </c:pt>
                <c:pt idx="5161">
                  <c:v>0.01</c:v>
                </c:pt>
                <c:pt idx="5162">
                  <c:v>0.01</c:v>
                </c:pt>
                <c:pt idx="5163">
                  <c:v>0.01</c:v>
                </c:pt>
                <c:pt idx="5164">
                  <c:v>0.01</c:v>
                </c:pt>
                <c:pt idx="5165">
                  <c:v>0.01</c:v>
                </c:pt>
                <c:pt idx="5166">
                  <c:v>0.01</c:v>
                </c:pt>
                <c:pt idx="5167">
                  <c:v>0.01</c:v>
                </c:pt>
                <c:pt idx="5168">
                  <c:v>0.01</c:v>
                </c:pt>
                <c:pt idx="5169">
                  <c:v>0.01</c:v>
                </c:pt>
                <c:pt idx="5170">
                  <c:v>0.01</c:v>
                </c:pt>
                <c:pt idx="5171">
                  <c:v>0.01</c:v>
                </c:pt>
                <c:pt idx="5172">
                  <c:v>0.01</c:v>
                </c:pt>
                <c:pt idx="5173">
                  <c:v>0.01</c:v>
                </c:pt>
                <c:pt idx="5174">
                  <c:v>0.01</c:v>
                </c:pt>
                <c:pt idx="5175">
                  <c:v>0.01</c:v>
                </c:pt>
                <c:pt idx="5176">
                  <c:v>0.01</c:v>
                </c:pt>
                <c:pt idx="5177">
                  <c:v>0.01</c:v>
                </c:pt>
                <c:pt idx="5178">
                  <c:v>0.01</c:v>
                </c:pt>
                <c:pt idx="5179">
                  <c:v>0.01</c:v>
                </c:pt>
                <c:pt idx="5180">
                  <c:v>0.01</c:v>
                </c:pt>
                <c:pt idx="5181">
                  <c:v>0.01</c:v>
                </c:pt>
                <c:pt idx="5182">
                  <c:v>0.01</c:v>
                </c:pt>
                <c:pt idx="5183">
                  <c:v>0.01</c:v>
                </c:pt>
                <c:pt idx="5184">
                  <c:v>0.01</c:v>
                </c:pt>
                <c:pt idx="5185">
                  <c:v>0.01</c:v>
                </c:pt>
                <c:pt idx="5186">
                  <c:v>0.01</c:v>
                </c:pt>
                <c:pt idx="5187">
                  <c:v>0.01</c:v>
                </c:pt>
                <c:pt idx="5188">
                  <c:v>0.01</c:v>
                </c:pt>
                <c:pt idx="5189">
                  <c:v>0.01</c:v>
                </c:pt>
                <c:pt idx="5190">
                  <c:v>0.01</c:v>
                </c:pt>
                <c:pt idx="5191">
                  <c:v>0.01</c:v>
                </c:pt>
                <c:pt idx="5192">
                  <c:v>0.01</c:v>
                </c:pt>
                <c:pt idx="5193">
                  <c:v>0.01</c:v>
                </c:pt>
                <c:pt idx="5194">
                  <c:v>0.01</c:v>
                </c:pt>
                <c:pt idx="5195">
                  <c:v>0.01</c:v>
                </c:pt>
                <c:pt idx="5196">
                  <c:v>0.01</c:v>
                </c:pt>
                <c:pt idx="5197">
                  <c:v>0.01</c:v>
                </c:pt>
                <c:pt idx="5198">
                  <c:v>0.01</c:v>
                </c:pt>
                <c:pt idx="5199">
                  <c:v>0.01</c:v>
                </c:pt>
                <c:pt idx="5200">
                  <c:v>0.01</c:v>
                </c:pt>
                <c:pt idx="5201">
                  <c:v>0.01</c:v>
                </c:pt>
                <c:pt idx="5202">
                  <c:v>0.01</c:v>
                </c:pt>
                <c:pt idx="5203">
                  <c:v>0.01</c:v>
                </c:pt>
                <c:pt idx="5204">
                  <c:v>0.01</c:v>
                </c:pt>
                <c:pt idx="5205">
                  <c:v>0.01</c:v>
                </c:pt>
                <c:pt idx="5206">
                  <c:v>0.01</c:v>
                </c:pt>
                <c:pt idx="5207">
                  <c:v>0.01</c:v>
                </c:pt>
                <c:pt idx="5208">
                  <c:v>0.01</c:v>
                </c:pt>
                <c:pt idx="5209">
                  <c:v>0.01</c:v>
                </c:pt>
                <c:pt idx="5210">
                  <c:v>0.01</c:v>
                </c:pt>
                <c:pt idx="5211">
                  <c:v>0.01</c:v>
                </c:pt>
                <c:pt idx="5212">
                  <c:v>0.01</c:v>
                </c:pt>
                <c:pt idx="5213">
                  <c:v>0.01</c:v>
                </c:pt>
                <c:pt idx="5214">
                  <c:v>0.01</c:v>
                </c:pt>
                <c:pt idx="5215">
                  <c:v>0.01</c:v>
                </c:pt>
                <c:pt idx="5216">
                  <c:v>0.01</c:v>
                </c:pt>
                <c:pt idx="5217">
                  <c:v>0.01</c:v>
                </c:pt>
                <c:pt idx="5218">
                  <c:v>0.01</c:v>
                </c:pt>
                <c:pt idx="5219">
                  <c:v>0.01</c:v>
                </c:pt>
                <c:pt idx="5220">
                  <c:v>0.01</c:v>
                </c:pt>
                <c:pt idx="5221">
                  <c:v>0.01</c:v>
                </c:pt>
                <c:pt idx="5222">
                  <c:v>0.01</c:v>
                </c:pt>
                <c:pt idx="5223">
                  <c:v>0.01</c:v>
                </c:pt>
                <c:pt idx="5224">
                  <c:v>0.01</c:v>
                </c:pt>
                <c:pt idx="5225">
                  <c:v>0.01</c:v>
                </c:pt>
                <c:pt idx="5226">
                  <c:v>0.01</c:v>
                </c:pt>
                <c:pt idx="5227">
                  <c:v>0.01</c:v>
                </c:pt>
                <c:pt idx="5228">
                  <c:v>0.01</c:v>
                </c:pt>
                <c:pt idx="5229">
                  <c:v>0.01</c:v>
                </c:pt>
                <c:pt idx="5230">
                  <c:v>0.01</c:v>
                </c:pt>
                <c:pt idx="5231">
                  <c:v>0.01</c:v>
                </c:pt>
                <c:pt idx="5232">
                  <c:v>0.01</c:v>
                </c:pt>
                <c:pt idx="5233">
                  <c:v>0.01</c:v>
                </c:pt>
                <c:pt idx="5234">
                  <c:v>0.01</c:v>
                </c:pt>
                <c:pt idx="5235">
                  <c:v>0.01</c:v>
                </c:pt>
                <c:pt idx="5236">
                  <c:v>0.01</c:v>
                </c:pt>
                <c:pt idx="5237">
                  <c:v>0.01</c:v>
                </c:pt>
                <c:pt idx="5238">
                  <c:v>0.01</c:v>
                </c:pt>
                <c:pt idx="5239">
                  <c:v>0.01</c:v>
                </c:pt>
                <c:pt idx="5240">
                  <c:v>0.01</c:v>
                </c:pt>
                <c:pt idx="5241">
                  <c:v>0.01</c:v>
                </c:pt>
                <c:pt idx="5242">
                  <c:v>0.01</c:v>
                </c:pt>
                <c:pt idx="5243">
                  <c:v>0.01</c:v>
                </c:pt>
                <c:pt idx="5244">
                  <c:v>0.01</c:v>
                </c:pt>
                <c:pt idx="5245">
                  <c:v>0.01</c:v>
                </c:pt>
                <c:pt idx="5246">
                  <c:v>0.01</c:v>
                </c:pt>
                <c:pt idx="5247">
                  <c:v>0.01</c:v>
                </c:pt>
                <c:pt idx="5248">
                  <c:v>0.01</c:v>
                </c:pt>
                <c:pt idx="5249">
                  <c:v>0.01</c:v>
                </c:pt>
                <c:pt idx="5250">
                  <c:v>0.01</c:v>
                </c:pt>
                <c:pt idx="5251">
                  <c:v>0.01</c:v>
                </c:pt>
                <c:pt idx="5252">
                  <c:v>0.01</c:v>
                </c:pt>
                <c:pt idx="5253">
                  <c:v>0.01</c:v>
                </c:pt>
                <c:pt idx="5254">
                  <c:v>0.01</c:v>
                </c:pt>
                <c:pt idx="5255">
                  <c:v>0.01</c:v>
                </c:pt>
                <c:pt idx="5256">
                  <c:v>0.01</c:v>
                </c:pt>
                <c:pt idx="5257">
                  <c:v>0.01</c:v>
                </c:pt>
                <c:pt idx="5258">
                  <c:v>0.01</c:v>
                </c:pt>
                <c:pt idx="5259">
                  <c:v>0.01</c:v>
                </c:pt>
                <c:pt idx="5260">
                  <c:v>0.01</c:v>
                </c:pt>
                <c:pt idx="5261">
                  <c:v>0.01</c:v>
                </c:pt>
                <c:pt idx="5262">
                  <c:v>0.01</c:v>
                </c:pt>
                <c:pt idx="5263">
                  <c:v>0.01</c:v>
                </c:pt>
                <c:pt idx="5264">
                  <c:v>0.01</c:v>
                </c:pt>
                <c:pt idx="5265">
                  <c:v>0.01</c:v>
                </c:pt>
                <c:pt idx="5266">
                  <c:v>0.01</c:v>
                </c:pt>
                <c:pt idx="5267">
                  <c:v>0.01</c:v>
                </c:pt>
                <c:pt idx="5268">
                  <c:v>0.01</c:v>
                </c:pt>
                <c:pt idx="5269">
                  <c:v>0.01</c:v>
                </c:pt>
                <c:pt idx="5270">
                  <c:v>0.01</c:v>
                </c:pt>
                <c:pt idx="5271">
                  <c:v>0.01</c:v>
                </c:pt>
                <c:pt idx="5272">
                  <c:v>0.01</c:v>
                </c:pt>
                <c:pt idx="5273">
                  <c:v>0.01</c:v>
                </c:pt>
                <c:pt idx="5274">
                  <c:v>0.01</c:v>
                </c:pt>
                <c:pt idx="5275">
                  <c:v>0.01</c:v>
                </c:pt>
                <c:pt idx="5276">
                  <c:v>0.01</c:v>
                </c:pt>
                <c:pt idx="5277">
                  <c:v>0.01</c:v>
                </c:pt>
                <c:pt idx="5278">
                  <c:v>0.01</c:v>
                </c:pt>
                <c:pt idx="5279">
                  <c:v>0.01</c:v>
                </c:pt>
                <c:pt idx="5280">
                  <c:v>0.01</c:v>
                </c:pt>
                <c:pt idx="5281">
                  <c:v>0.01</c:v>
                </c:pt>
                <c:pt idx="5282">
                  <c:v>0.01</c:v>
                </c:pt>
                <c:pt idx="5283">
                  <c:v>0.01</c:v>
                </c:pt>
                <c:pt idx="5284">
                  <c:v>0.01</c:v>
                </c:pt>
                <c:pt idx="5285">
                  <c:v>0.01</c:v>
                </c:pt>
                <c:pt idx="5286">
                  <c:v>0.01</c:v>
                </c:pt>
                <c:pt idx="5287">
                  <c:v>0.01</c:v>
                </c:pt>
                <c:pt idx="5288">
                  <c:v>0.01</c:v>
                </c:pt>
                <c:pt idx="5289">
                  <c:v>0.01</c:v>
                </c:pt>
                <c:pt idx="5290">
                  <c:v>0.01</c:v>
                </c:pt>
                <c:pt idx="5291">
                  <c:v>0.01</c:v>
                </c:pt>
                <c:pt idx="5292">
                  <c:v>0.01</c:v>
                </c:pt>
                <c:pt idx="5293">
                  <c:v>0.01</c:v>
                </c:pt>
                <c:pt idx="5294">
                  <c:v>0.01</c:v>
                </c:pt>
                <c:pt idx="5295">
                  <c:v>0.01</c:v>
                </c:pt>
                <c:pt idx="5296">
                  <c:v>0.01</c:v>
                </c:pt>
                <c:pt idx="5297">
                  <c:v>0.01</c:v>
                </c:pt>
                <c:pt idx="5298">
                  <c:v>0.01</c:v>
                </c:pt>
                <c:pt idx="5299">
                  <c:v>0.01</c:v>
                </c:pt>
                <c:pt idx="5300">
                  <c:v>0.01</c:v>
                </c:pt>
                <c:pt idx="5301">
                  <c:v>0.01</c:v>
                </c:pt>
                <c:pt idx="5302">
                  <c:v>0.01</c:v>
                </c:pt>
                <c:pt idx="5303">
                  <c:v>0.01</c:v>
                </c:pt>
                <c:pt idx="5304">
                  <c:v>0.01</c:v>
                </c:pt>
                <c:pt idx="5305">
                  <c:v>0.01</c:v>
                </c:pt>
                <c:pt idx="5306">
                  <c:v>0.01</c:v>
                </c:pt>
                <c:pt idx="5307">
                  <c:v>0.01</c:v>
                </c:pt>
                <c:pt idx="5308">
                  <c:v>0.01</c:v>
                </c:pt>
                <c:pt idx="5309">
                  <c:v>0.01</c:v>
                </c:pt>
                <c:pt idx="5310">
                  <c:v>0.01</c:v>
                </c:pt>
                <c:pt idx="5311">
                  <c:v>0.01</c:v>
                </c:pt>
                <c:pt idx="5312">
                  <c:v>0.01</c:v>
                </c:pt>
                <c:pt idx="5313">
                  <c:v>0.01</c:v>
                </c:pt>
                <c:pt idx="5314">
                  <c:v>0.01</c:v>
                </c:pt>
                <c:pt idx="5315">
                  <c:v>0.01</c:v>
                </c:pt>
                <c:pt idx="5316">
                  <c:v>0.01</c:v>
                </c:pt>
                <c:pt idx="5317">
                  <c:v>0.01</c:v>
                </c:pt>
                <c:pt idx="5318">
                  <c:v>0.01</c:v>
                </c:pt>
                <c:pt idx="5319">
                  <c:v>0.01</c:v>
                </c:pt>
                <c:pt idx="5320">
                  <c:v>0.01</c:v>
                </c:pt>
                <c:pt idx="5321">
                  <c:v>0.01</c:v>
                </c:pt>
                <c:pt idx="5322">
                  <c:v>0.01</c:v>
                </c:pt>
                <c:pt idx="5323">
                  <c:v>0.01</c:v>
                </c:pt>
                <c:pt idx="5324">
                  <c:v>0.01</c:v>
                </c:pt>
                <c:pt idx="5325">
                  <c:v>0.01</c:v>
                </c:pt>
                <c:pt idx="5326">
                  <c:v>0.01</c:v>
                </c:pt>
                <c:pt idx="5327">
                  <c:v>0.01</c:v>
                </c:pt>
                <c:pt idx="5328">
                  <c:v>0.01</c:v>
                </c:pt>
                <c:pt idx="5329">
                  <c:v>0.01</c:v>
                </c:pt>
                <c:pt idx="5330">
                  <c:v>0.01</c:v>
                </c:pt>
                <c:pt idx="5331">
                  <c:v>0.01</c:v>
                </c:pt>
                <c:pt idx="5332">
                  <c:v>0.01</c:v>
                </c:pt>
                <c:pt idx="5333">
                  <c:v>0.01</c:v>
                </c:pt>
                <c:pt idx="5334">
                  <c:v>0.01</c:v>
                </c:pt>
                <c:pt idx="5335">
                  <c:v>0.01</c:v>
                </c:pt>
                <c:pt idx="5336">
                  <c:v>0.01</c:v>
                </c:pt>
                <c:pt idx="5337">
                  <c:v>0.01</c:v>
                </c:pt>
                <c:pt idx="5338">
                  <c:v>0.01</c:v>
                </c:pt>
                <c:pt idx="5339">
                  <c:v>0.01</c:v>
                </c:pt>
                <c:pt idx="5340">
                  <c:v>0.01</c:v>
                </c:pt>
                <c:pt idx="5341">
                  <c:v>0.01</c:v>
                </c:pt>
                <c:pt idx="5342">
                  <c:v>0.01</c:v>
                </c:pt>
                <c:pt idx="5343">
                  <c:v>0.01</c:v>
                </c:pt>
                <c:pt idx="5344">
                  <c:v>0.01</c:v>
                </c:pt>
                <c:pt idx="5345">
                  <c:v>0.01</c:v>
                </c:pt>
                <c:pt idx="5346">
                  <c:v>0.01</c:v>
                </c:pt>
                <c:pt idx="5347">
                  <c:v>0.01</c:v>
                </c:pt>
                <c:pt idx="5348">
                  <c:v>0.01</c:v>
                </c:pt>
                <c:pt idx="5349">
                  <c:v>0.01</c:v>
                </c:pt>
                <c:pt idx="5350">
                  <c:v>0.01</c:v>
                </c:pt>
                <c:pt idx="5351">
                  <c:v>0.01</c:v>
                </c:pt>
                <c:pt idx="5352">
                  <c:v>0.01</c:v>
                </c:pt>
                <c:pt idx="5353">
                  <c:v>0.01</c:v>
                </c:pt>
                <c:pt idx="5354">
                  <c:v>0.01</c:v>
                </c:pt>
                <c:pt idx="5355">
                  <c:v>0.01</c:v>
                </c:pt>
                <c:pt idx="5356">
                  <c:v>0.01</c:v>
                </c:pt>
                <c:pt idx="5357">
                  <c:v>0.01</c:v>
                </c:pt>
                <c:pt idx="5358">
                  <c:v>0.01</c:v>
                </c:pt>
                <c:pt idx="5359">
                  <c:v>0.01</c:v>
                </c:pt>
                <c:pt idx="5360">
                  <c:v>0.01</c:v>
                </c:pt>
                <c:pt idx="5361">
                  <c:v>0.01</c:v>
                </c:pt>
                <c:pt idx="5362">
                  <c:v>0.01</c:v>
                </c:pt>
                <c:pt idx="5363">
                  <c:v>0.01</c:v>
                </c:pt>
                <c:pt idx="5364">
                  <c:v>0.01</c:v>
                </c:pt>
                <c:pt idx="5365">
                  <c:v>0.01</c:v>
                </c:pt>
                <c:pt idx="5366">
                  <c:v>0.01</c:v>
                </c:pt>
                <c:pt idx="5367">
                  <c:v>0.01</c:v>
                </c:pt>
                <c:pt idx="5368">
                  <c:v>0.01</c:v>
                </c:pt>
                <c:pt idx="5369">
                  <c:v>0.01</c:v>
                </c:pt>
                <c:pt idx="5370">
                  <c:v>0.01</c:v>
                </c:pt>
                <c:pt idx="5371">
                  <c:v>0.01</c:v>
                </c:pt>
                <c:pt idx="5372">
                  <c:v>0.01</c:v>
                </c:pt>
                <c:pt idx="5373">
                  <c:v>0.01</c:v>
                </c:pt>
                <c:pt idx="5374">
                  <c:v>0.01</c:v>
                </c:pt>
                <c:pt idx="5375">
                  <c:v>0.01</c:v>
                </c:pt>
                <c:pt idx="5376">
                  <c:v>0.01</c:v>
                </c:pt>
                <c:pt idx="5377">
                  <c:v>0.01</c:v>
                </c:pt>
                <c:pt idx="5378">
                  <c:v>0.01</c:v>
                </c:pt>
                <c:pt idx="5379">
                  <c:v>0.01</c:v>
                </c:pt>
                <c:pt idx="5380">
                  <c:v>0.01</c:v>
                </c:pt>
                <c:pt idx="5381">
                  <c:v>0.01</c:v>
                </c:pt>
                <c:pt idx="5382">
                  <c:v>0.01</c:v>
                </c:pt>
                <c:pt idx="5383">
                  <c:v>0.01</c:v>
                </c:pt>
                <c:pt idx="5384">
                  <c:v>0.01</c:v>
                </c:pt>
                <c:pt idx="5385">
                  <c:v>0.01</c:v>
                </c:pt>
                <c:pt idx="5386">
                  <c:v>0.01</c:v>
                </c:pt>
                <c:pt idx="5387">
                  <c:v>0.01</c:v>
                </c:pt>
                <c:pt idx="5388">
                  <c:v>0.01</c:v>
                </c:pt>
                <c:pt idx="5389">
                  <c:v>0.01</c:v>
                </c:pt>
                <c:pt idx="5390">
                  <c:v>0.01</c:v>
                </c:pt>
                <c:pt idx="5391">
                  <c:v>0.01</c:v>
                </c:pt>
                <c:pt idx="5392">
                  <c:v>0.01</c:v>
                </c:pt>
                <c:pt idx="5393">
                  <c:v>0.01</c:v>
                </c:pt>
                <c:pt idx="5394">
                  <c:v>0.01</c:v>
                </c:pt>
                <c:pt idx="5395">
                  <c:v>0.01</c:v>
                </c:pt>
                <c:pt idx="5396">
                  <c:v>0.01</c:v>
                </c:pt>
                <c:pt idx="5397">
                  <c:v>0.01</c:v>
                </c:pt>
                <c:pt idx="5398">
                  <c:v>0.01</c:v>
                </c:pt>
                <c:pt idx="5399">
                  <c:v>0.01</c:v>
                </c:pt>
                <c:pt idx="5400">
                  <c:v>0.01</c:v>
                </c:pt>
                <c:pt idx="5401">
                  <c:v>0.01</c:v>
                </c:pt>
                <c:pt idx="5402">
                  <c:v>0.01</c:v>
                </c:pt>
                <c:pt idx="5403">
                  <c:v>0.01</c:v>
                </c:pt>
                <c:pt idx="5404">
                  <c:v>0.01</c:v>
                </c:pt>
                <c:pt idx="5405">
                  <c:v>0.01</c:v>
                </c:pt>
                <c:pt idx="5406">
                  <c:v>0.01</c:v>
                </c:pt>
                <c:pt idx="5407">
                  <c:v>0.01</c:v>
                </c:pt>
                <c:pt idx="5408">
                  <c:v>0.01</c:v>
                </c:pt>
                <c:pt idx="5409">
                  <c:v>0.01</c:v>
                </c:pt>
                <c:pt idx="5410">
                  <c:v>0.01</c:v>
                </c:pt>
                <c:pt idx="5411">
                  <c:v>0.01</c:v>
                </c:pt>
                <c:pt idx="5412">
                  <c:v>0.01</c:v>
                </c:pt>
                <c:pt idx="5413">
                  <c:v>0.01</c:v>
                </c:pt>
                <c:pt idx="5414">
                  <c:v>0.01</c:v>
                </c:pt>
                <c:pt idx="5415">
                  <c:v>0.01</c:v>
                </c:pt>
                <c:pt idx="5416">
                  <c:v>0.01</c:v>
                </c:pt>
                <c:pt idx="5417">
                  <c:v>0.01</c:v>
                </c:pt>
                <c:pt idx="5418">
                  <c:v>0.01</c:v>
                </c:pt>
                <c:pt idx="5419">
                  <c:v>0.01</c:v>
                </c:pt>
                <c:pt idx="5420">
                  <c:v>0.01</c:v>
                </c:pt>
                <c:pt idx="5421">
                  <c:v>0.01</c:v>
                </c:pt>
                <c:pt idx="5422">
                  <c:v>0.01</c:v>
                </c:pt>
                <c:pt idx="5423">
                  <c:v>0.01</c:v>
                </c:pt>
                <c:pt idx="5424">
                  <c:v>0.01</c:v>
                </c:pt>
                <c:pt idx="5425">
                  <c:v>0.01</c:v>
                </c:pt>
                <c:pt idx="5426">
                  <c:v>0.01</c:v>
                </c:pt>
                <c:pt idx="5427">
                  <c:v>0.01</c:v>
                </c:pt>
                <c:pt idx="5428">
                  <c:v>0.01</c:v>
                </c:pt>
                <c:pt idx="5429">
                  <c:v>0.01</c:v>
                </c:pt>
                <c:pt idx="5430">
                  <c:v>0.01</c:v>
                </c:pt>
                <c:pt idx="5431">
                  <c:v>0.01</c:v>
                </c:pt>
                <c:pt idx="5432">
                  <c:v>0.01</c:v>
                </c:pt>
                <c:pt idx="5433">
                  <c:v>0.01</c:v>
                </c:pt>
                <c:pt idx="5434">
                  <c:v>0.01</c:v>
                </c:pt>
                <c:pt idx="5435">
                  <c:v>0.01</c:v>
                </c:pt>
                <c:pt idx="5436">
                  <c:v>0.01</c:v>
                </c:pt>
                <c:pt idx="5437">
                  <c:v>0.01</c:v>
                </c:pt>
                <c:pt idx="5438">
                  <c:v>0.01</c:v>
                </c:pt>
                <c:pt idx="5439">
                  <c:v>0.01</c:v>
                </c:pt>
                <c:pt idx="5440">
                  <c:v>0.01</c:v>
                </c:pt>
                <c:pt idx="5441">
                  <c:v>0.01</c:v>
                </c:pt>
                <c:pt idx="5442">
                  <c:v>0.01</c:v>
                </c:pt>
                <c:pt idx="5443">
                  <c:v>0.01</c:v>
                </c:pt>
                <c:pt idx="5444">
                  <c:v>0.01</c:v>
                </c:pt>
                <c:pt idx="5445">
                  <c:v>0.01</c:v>
                </c:pt>
                <c:pt idx="5446">
                  <c:v>0.01</c:v>
                </c:pt>
                <c:pt idx="5447">
                  <c:v>0.01</c:v>
                </c:pt>
                <c:pt idx="5448">
                  <c:v>0.01</c:v>
                </c:pt>
                <c:pt idx="5449">
                  <c:v>0.01</c:v>
                </c:pt>
                <c:pt idx="5450">
                  <c:v>0.01</c:v>
                </c:pt>
                <c:pt idx="5451">
                  <c:v>0.01</c:v>
                </c:pt>
                <c:pt idx="5452">
                  <c:v>0.01</c:v>
                </c:pt>
                <c:pt idx="5453">
                  <c:v>0.01</c:v>
                </c:pt>
                <c:pt idx="5454">
                  <c:v>0.01</c:v>
                </c:pt>
                <c:pt idx="5455">
                  <c:v>0.01</c:v>
                </c:pt>
                <c:pt idx="5456">
                  <c:v>0.01</c:v>
                </c:pt>
                <c:pt idx="5457">
                  <c:v>0.01</c:v>
                </c:pt>
                <c:pt idx="5458">
                  <c:v>0.01</c:v>
                </c:pt>
                <c:pt idx="5459">
                  <c:v>0.01</c:v>
                </c:pt>
                <c:pt idx="5460">
                  <c:v>0.01</c:v>
                </c:pt>
                <c:pt idx="5461">
                  <c:v>0.01</c:v>
                </c:pt>
                <c:pt idx="5462">
                  <c:v>0.01</c:v>
                </c:pt>
                <c:pt idx="5463">
                  <c:v>0.01</c:v>
                </c:pt>
                <c:pt idx="5464">
                  <c:v>0.01</c:v>
                </c:pt>
                <c:pt idx="5465">
                  <c:v>0.01</c:v>
                </c:pt>
                <c:pt idx="5466">
                  <c:v>0.01</c:v>
                </c:pt>
                <c:pt idx="5467">
                  <c:v>0.01</c:v>
                </c:pt>
                <c:pt idx="5468">
                  <c:v>0.01</c:v>
                </c:pt>
                <c:pt idx="5469">
                  <c:v>0.01</c:v>
                </c:pt>
                <c:pt idx="5470">
                  <c:v>0.01</c:v>
                </c:pt>
                <c:pt idx="5471">
                  <c:v>0.01</c:v>
                </c:pt>
                <c:pt idx="5472">
                  <c:v>0.01</c:v>
                </c:pt>
                <c:pt idx="5473">
                  <c:v>0.01</c:v>
                </c:pt>
                <c:pt idx="5474">
                  <c:v>0.01</c:v>
                </c:pt>
                <c:pt idx="5475">
                  <c:v>0.01</c:v>
                </c:pt>
                <c:pt idx="5476">
                  <c:v>0.01</c:v>
                </c:pt>
                <c:pt idx="5477">
                  <c:v>0.01</c:v>
                </c:pt>
                <c:pt idx="5478">
                  <c:v>0.01</c:v>
                </c:pt>
                <c:pt idx="5479">
                  <c:v>0.01</c:v>
                </c:pt>
                <c:pt idx="5480">
                  <c:v>0.01</c:v>
                </c:pt>
                <c:pt idx="5481">
                  <c:v>0.01</c:v>
                </c:pt>
                <c:pt idx="5482">
                  <c:v>0.01</c:v>
                </c:pt>
                <c:pt idx="5483">
                  <c:v>0.01</c:v>
                </c:pt>
                <c:pt idx="5484">
                  <c:v>0.01</c:v>
                </c:pt>
                <c:pt idx="5485">
                  <c:v>0.01</c:v>
                </c:pt>
                <c:pt idx="5486">
                  <c:v>0.01</c:v>
                </c:pt>
                <c:pt idx="5487">
                  <c:v>0.01</c:v>
                </c:pt>
                <c:pt idx="5488">
                  <c:v>0.01</c:v>
                </c:pt>
                <c:pt idx="5489">
                  <c:v>0.01</c:v>
                </c:pt>
                <c:pt idx="5490">
                  <c:v>0.01</c:v>
                </c:pt>
                <c:pt idx="5491">
                  <c:v>0.01</c:v>
                </c:pt>
                <c:pt idx="5492">
                  <c:v>0.01</c:v>
                </c:pt>
                <c:pt idx="5493">
                  <c:v>0.01</c:v>
                </c:pt>
                <c:pt idx="5494">
                  <c:v>0.01</c:v>
                </c:pt>
                <c:pt idx="5495">
                  <c:v>0.01</c:v>
                </c:pt>
                <c:pt idx="5496">
                  <c:v>0.01</c:v>
                </c:pt>
                <c:pt idx="5497">
                  <c:v>0.01</c:v>
                </c:pt>
                <c:pt idx="5498">
                  <c:v>0.01</c:v>
                </c:pt>
                <c:pt idx="5499">
                  <c:v>7.4999999999999997E-3</c:v>
                </c:pt>
                <c:pt idx="5500">
                  <c:v>7.4999999999999997E-3</c:v>
                </c:pt>
                <c:pt idx="5501">
                  <c:v>7.4999999999999997E-3</c:v>
                </c:pt>
                <c:pt idx="5502">
                  <c:v>7.4999999999999997E-3</c:v>
                </c:pt>
                <c:pt idx="5503">
                  <c:v>7.4999999999999997E-3</c:v>
                </c:pt>
                <c:pt idx="5504">
                  <c:v>7.4999999999999997E-3</c:v>
                </c:pt>
                <c:pt idx="5505">
                  <c:v>7.4999999999999997E-3</c:v>
                </c:pt>
                <c:pt idx="5506">
                  <c:v>7.4999999999999997E-3</c:v>
                </c:pt>
                <c:pt idx="5507">
                  <c:v>7.4999999999999997E-3</c:v>
                </c:pt>
                <c:pt idx="5508">
                  <c:v>7.4999999999999997E-3</c:v>
                </c:pt>
                <c:pt idx="5509">
                  <c:v>7.4999999999999997E-3</c:v>
                </c:pt>
                <c:pt idx="5510">
                  <c:v>7.4999999999999997E-3</c:v>
                </c:pt>
                <c:pt idx="5511">
                  <c:v>7.4999999999999997E-3</c:v>
                </c:pt>
                <c:pt idx="5512">
                  <c:v>7.4999999999999997E-3</c:v>
                </c:pt>
                <c:pt idx="5513">
                  <c:v>7.4999999999999997E-3</c:v>
                </c:pt>
                <c:pt idx="5514">
                  <c:v>7.4999999999999997E-3</c:v>
                </c:pt>
                <c:pt idx="5515">
                  <c:v>7.4999999999999997E-3</c:v>
                </c:pt>
                <c:pt idx="5516">
                  <c:v>7.4999999999999997E-3</c:v>
                </c:pt>
                <c:pt idx="5517">
                  <c:v>7.4999999999999997E-3</c:v>
                </c:pt>
                <c:pt idx="5518">
                  <c:v>7.4999999999999997E-3</c:v>
                </c:pt>
                <c:pt idx="5519">
                  <c:v>7.4999999999999997E-3</c:v>
                </c:pt>
                <c:pt idx="5520">
                  <c:v>7.4999999999999997E-3</c:v>
                </c:pt>
                <c:pt idx="5521">
                  <c:v>7.4999999999999997E-3</c:v>
                </c:pt>
                <c:pt idx="5522">
                  <c:v>7.4999999999999997E-3</c:v>
                </c:pt>
                <c:pt idx="5523">
                  <c:v>7.4999999999999997E-3</c:v>
                </c:pt>
                <c:pt idx="5524">
                  <c:v>7.4999999999999997E-3</c:v>
                </c:pt>
                <c:pt idx="5525">
                  <c:v>7.4999999999999997E-3</c:v>
                </c:pt>
                <c:pt idx="5526">
                  <c:v>7.4999999999999997E-3</c:v>
                </c:pt>
                <c:pt idx="5527">
                  <c:v>7.4999999999999997E-3</c:v>
                </c:pt>
                <c:pt idx="5528">
                  <c:v>7.4999999999999997E-3</c:v>
                </c:pt>
                <c:pt idx="5529">
                  <c:v>7.4999999999999997E-3</c:v>
                </c:pt>
                <c:pt idx="5530">
                  <c:v>7.4999999999999997E-3</c:v>
                </c:pt>
                <c:pt idx="5531">
                  <c:v>7.4999999999999997E-3</c:v>
                </c:pt>
                <c:pt idx="5532">
                  <c:v>7.4999999999999997E-3</c:v>
                </c:pt>
                <c:pt idx="5533">
                  <c:v>7.4999999999999997E-3</c:v>
                </c:pt>
                <c:pt idx="5534">
                  <c:v>7.4999999999999997E-3</c:v>
                </c:pt>
                <c:pt idx="5535">
                  <c:v>7.4999999999999997E-3</c:v>
                </c:pt>
                <c:pt idx="5536">
                  <c:v>7.4999999999999997E-3</c:v>
                </c:pt>
                <c:pt idx="5537">
                  <c:v>7.4999999999999997E-3</c:v>
                </c:pt>
                <c:pt idx="5538">
                  <c:v>7.4999999999999997E-3</c:v>
                </c:pt>
                <c:pt idx="5539">
                  <c:v>7.4999999999999997E-3</c:v>
                </c:pt>
                <c:pt idx="5540">
                  <c:v>7.4999999999999997E-3</c:v>
                </c:pt>
                <c:pt idx="5541">
                  <c:v>7.4999999999999997E-3</c:v>
                </c:pt>
                <c:pt idx="5542">
                  <c:v>7.4999999999999997E-3</c:v>
                </c:pt>
                <c:pt idx="5543">
                  <c:v>7.4999999999999997E-3</c:v>
                </c:pt>
                <c:pt idx="5544">
                  <c:v>7.4999999999999997E-3</c:v>
                </c:pt>
                <c:pt idx="5545">
                  <c:v>7.4999999999999997E-3</c:v>
                </c:pt>
                <c:pt idx="5546">
                  <c:v>7.4999999999999997E-3</c:v>
                </c:pt>
                <c:pt idx="5547">
                  <c:v>7.4999999999999997E-3</c:v>
                </c:pt>
                <c:pt idx="5548">
                  <c:v>7.4999999999999997E-3</c:v>
                </c:pt>
                <c:pt idx="5549">
                  <c:v>7.4999999999999997E-3</c:v>
                </c:pt>
                <c:pt idx="5550">
                  <c:v>7.4999999999999997E-3</c:v>
                </c:pt>
                <c:pt idx="5551">
                  <c:v>7.4999999999999997E-3</c:v>
                </c:pt>
                <c:pt idx="5552">
                  <c:v>7.4999999999999997E-3</c:v>
                </c:pt>
                <c:pt idx="5553">
                  <c:v>7.4999999999999997E-3</c:v>
                </c:pt>
                <c:pt idx="5554">
                  <c:v>7.4999999999999997E-3</c:v>
                </c:pt>
                <c:pt idx="5555">
                  <c:v>7.4999999999999997E-3</c:v>
                </c:pt>
                <c:pt idx="5556">
                  <c:v>7.4999999999999997E-3</c:v>
                </c:pt>
                <c:pt idx="5557">
                  <c:v>7.4999999999999997E-3</c:v>
                </c:pt>
                <c:pt idx="5558">
                  <c:v>7.4999999999999997E-3</c:v>
                </c:pt>
                <c:pt idx="5559">
                  <c:v>7.4999999999999997E-3</c:v>
                </c:pt>
                <c:pt idx="5560">
                  <c:v>7.4999999999999997E-3</c:v>
                </c:pt>
                <c:pt idx="5561">
                  <c:v>7.4999999999999997E-3</c:v>
                </c:pt>
                <c:pt idx="5562">
                  <c:v>7.4999999999999997E-3</c:v>
                </c:pt>
                <c:pt idx="5563">
                  <c:v>7.4999999999999997E-3</c:v>
                </c:pt>
                <c:pt idx="5564">
                  <c:v>7.4999999999999997E-3</c:v>
                </c:pt>
                <c:pt idx="5565">
                  <c:v>7.4999999999999997E-3</c:v>
                </c:pt>
                <c:pt idx="5566">
                  <c:v>7.4999999999999997E-3</c:v>
                </c:pt>
                <c:pt idx="5567">
                  <c:v>7.4999999999999997E-3</c:v>
                </c:pt>
                <c:pt idx="5568">
                  <c:v>7.4999999999999997E-3</c:v>
                </c:pt>
                <c:pt idx="5569">
                  <c:v>7.4999999999999997E-3</c:v>
                </c:pt>
                <c:pt idx="5570">
                  <c:v>7.4999999999999997E-3</c:v>
                </c:pt>
                <c:pt idx="5571">
                  <c:v>7.4999999999999997E-3</c:v>
                </c:pt>
                <c:pt idx="5572">
                  <c:v>7.4999999999999997E-3</c:v>
                </c:pt>
                <c:pt idx="5573">
                  <c:v>7.4999999999999997E-3</c:v>
                </c:pt>
                <c:pt idx="5574">
                  <c:v>7.4999999999999997E-3</c:v>
                </c:pt>
                <c:pt idx="5575">
                  <c:v>7.4999999999999997E-3</c:v>
                </c:pt>
                <c:pt idx="5576">
                  <c:v>7.4999999999999997E-3</c:v>
                </c:pt>
                <c:pt idx="5577">
                  <c:v>7.4999999999999997E-3</c:v>
                </c:pt>
                <c:pt idx="5578">
                  <c:v>7.4999999999999997E-3</c:v>
                </c:pt>
                <c:pt idx="5579">
                  <c:v>7.4999999999999997E-3</c:v>
                </c:pt>
                <c:pt idx="5580">
                  <c:v>7.4999999999999997E-3</c:v>
                </c:pt>
                <c:pt idx="5581">
                  <c:v>7.4999999999999997E-3</c:v>
                </c:pt>
                <c:pt idx="5582">
                  <c:v>7.4999999999999997E-3</c:v>
                </c:pt>
                <c:pt idx="5583">
                  <c:v>7.4999999999999997E-3</c:v>
                </c:pt>
                <c:pt idx="5584">
                  <c:v>7.4999999999999997E-3</c:v>
                </c:pt>
                <c:pt idx="5585">
                  <c:v>7.4999999999999997E-3</c:v>
                </c:pt>
                <c:pt idx="5586">
                  <c:v>7.4999999999999997E-3</c:v>
                </c:pt>
                <c:pt idx="5587">
                  <c:v>7.4999999999999997E-3</c:v>
                </c:pt>
                <c:pt idx="5588">
                  <c:v>7.4999999999999997E-3</c:v>
                </c:pt>
                <c:pt idx="5589">
                  <c:v>7.4999999999999997E-3</c:v>
                </c:pt>
                <c:pt idx="5590">
                  <c:v>7.4999999999999997E-3</c:v>
                </c:pt>
                <c:pt idx="5591">
                  <c:v>7.4999999999999997E-3</c:v>
                </c:pt>
                <c:pt idx="5592">
                  <c:v>7.4999999999999997E-3</c:v>
                </c:pt>
                <c:pt idx="5593">
                  <c:v>7.4999999999999997E-3</c:v>
                </c:pt>
                <c:pt idx="5594">
                  <c:v>7.4999999999999997E-3</c:v>
                </c:pt>
                <c:pt idx="5595">
                  <c:v>7.4999999999999997E-3</c:v>
                </c:pt>
                <c:pt idx="5596">
                  <c:v>7.4999999999999997E-3</c:v>
                </c:pt>
                <c:pt idx="5597">
                  <c:v>7.4999999999999997E-3</c:v>
                </c:pt>
                <c:pt idx="5598">
                  <c:v>7.4999999999999997E-3</c:v>
                </c:pt>
                <c:pt idx="5599">
                  <c:v>7.4999999999999997E-3</c:v>
                </c:pt>
                <c:pt idx="5600">
                  <c:v>7.4999999999999997E-3</c:v>
                </c:pt>
                <c:pt idx="5601">
                  <c:v>7.4999999999999997E-3</c:v>
                </c:pt>
                <c:pt idx="5602">
                  <c:v>7.4999999999999997E-3</c:v>
                </c:pt>
                <c:pt idx="5603">
                  <c:v>7.4999999999999997E-3</c:v>
                </c:pt>
                <c:pt idx="5604">
                  <c:v>7.4999999999999997E-3</c:v>
                </c:pt>
                <c:pt idx="5605">
                  <c:v>7.4999999999999997E-3</c:v>
                </c:pt>
                <c:pt idx="5606">
                  <c:v>7.4999999999999997E-3</c:v>
                </c:pt>
                <c:pt idx="5607">
                  <c:v>7.4999999999999997E-3</c:v>
                </c:pt>
                <c:pt idx="5608">
                  <c:v>7.4999999999999997E-3</c:v>
                </c:pt>
                <c:pt idx="5609">
                  <c:v>7.4999999999999997E-3</c:v>
                </c:pt>
                <c:pt idx="5610">
                  <c:v>7.4999999999999997E-3</c:v>
                </c:pt>
                <c:pt idx="5611">
                  <c:v>7.4999999999999997E-3</c:v>
                </c:pt>
                <c:pt idx="5612">
                  <c:v>7.4999999999999997E-3</c:v>
                </c:pt>
                <c:pt idx="5613">
                  <c:v>7.4999999999999997E-3</c:v>
                </c:pt>
                <c:pt idx="5614">
                  <c:v>7.4999999999999997E-3</c:v>
                </c:pt>
                <c:pt idx="5615">
                  <c:v>7.4999999999999997E-3</c:v>
                </c:pt>
                <c:pt idx="5616">
                  <c:v>7.4999999999999997E-3</c:v>
                </c:pt>
                <c:pt idx="5617">
                  <c:v>7.4999999999999997E-3</c:v>
                </c:pt>
                <c:pt idx="5618">
                  <c:v>7.4999999999999997E-3</c:v>
                </c:pt>
                <c:pt idx="5619">
                  <c:v>7.4999999999999997E-3</c:v>
                </c:pt>
                <c:pt idx="5620">
                  <c:v>7.4999999999999997E-3</c:v>
                </c:pt>
                <c:pt idx="5621">
                  <c:v>7.4999999999999997E-3</c:v>
                </c:pt>
                <c:pt idx="5622">
                  <c:v>7.4999999999999997E-3</c:v>
                </c:pt>
                <c:pt idx="5623">
                  <c:v>7.4999999999999997E-3</c:v>
                </c:pt>
                <c:pt idx="5624">
                  <c:v>7.4999999999999997E-3</c:v>
                </c:pt>
                <c:pt idx="5625">
                  <c:v>7.4999999999999997E-3</c:v>
                </c:pt>
                <c:pt idx="5626">
                  <c:v>7.4999999999999997E-3</c:v>
                </c:pt>
                <c:pt idx="5627">
                  <c:v>7.4999999999999997E-3</c:v>
                </c:pt>
                <c:pt idx="5628">
                  <c:v>7.4999999999999997E-3</c:v>
                </c:pt>
                <c:pt idx="5629">
                  <c:v>7.4999999999999997E-3</c:v>
                </c:pt>
                <c:pt idx="5630">
                  <c:v>7.4999999999999997E-3</c:v>
                </c:pt>
                <c:pt idx="5631">
                  <c:v>7.4999999999999997E-3</c:v>
                </c:pt>
                <c:pt idx="5632">
                  <c:v>7.4999999999999997E-3</c:v>
                </c:pt>
                <c:pt idx="5633">
                  <c:v>7.4999999999999997E-3</c:v>
                </c:pt>
                <c:pt idx="5634">
                  <c:v>7.4999999999999997E-3</c:v>
                </c:pt>
                <c:pt idx="5635">
                  <c:v>7.4999999999999997E-3</c:v>
                </c:pt>
                <c:pt idx="5636">
                  <c:v>7.4999999999999997E-3</c:v>
                </c:pt>
                <c:pt idx="5637">
                  <c:v>7.4999999999999997E-3</c:v>
                </c:pt>
                <c:pt idx="5638">
                  <c:v>7.4999999999999997E-3</c:v>
                </c:pt>
                <c:pt idx="5639">
                  <c:v>7.4999999999999997E-3</c:v>
                </c:pt>
                <c:pt idx="5640">
                  <c:v>7.4999999999999997E-3</c:v>
                </c:pt>
                <c:pt idx="5641">
                  <c:v>7.4999999999999997E-3</c:v>
                </c:pt>
                <c:pt idx="5642">
                  <c:v>7.4999999999999997E-3</c:v>
                </c:pt>
                <c:pt idx="5643">
                  <c:v>7.4999999999999997E-3</c:v>
                </c:pt>
                <c:pt idx="5644">
                  <c:v>7.4999999999999997E-3</c:v>
                </c:pt>
                <c:pt idx="5645">
                  <c:v>7.4999999999999997E-3</c:v>
                </c:pt>
                <c:pt idx="5646">
                  <c:v>7.4999999999999997E-3</c:v>
                </c:pt>
                <c:pt idx="5647">
                  <c:v>7.4999999999999997E-3</c:v>
                </c:pt>
                <c:pt idx="5648">
                  <c:v>7.4999999999999997E-3</c:v>
                </c:pt>
                <c:pt idx="5649">
                  <c:v>7.4999999999999997E-3</c:v>
                </c:pt>
                <c:pt idx="5650">
                  <c:v>7.4999999999999997E-3</c:v>
                </c:pt>
                <c:pt idx="5651">
                  <c:v>7.4999999999999997E-3</c:v>
                </c:pt>
                <c:pt idx="5652">
                  <c:v>7.4999999999999997E-3</c:v>
                </c:pt>
                <c:pt idx="5653">
                  <c:v>7.4999999999999997E-3</c:v>
                </c:pt>
                <c:pt idx="5654">
                  <c:v>7.4999999999999997E-3</c:v>
                </c:pt>
                <c:pt idx="5655">
                  <c:v>7.4999999999999997E-3</c:v>
                </c:pt>
                <c:pt idx="5656">
                  <c:v>7.4999999999999997E-3</c:v>
                </c:pt>
                <c:pt idx="5657">
                  <c:v>7.4999999999999997E-3</c:v>
                </c:pt>
                <c:pt idx="5658">
                  <c:v>7.4999999999999997E-3</c:v>
                </c:pt>
                <c:pt idx="5659">
                  <c:v>7.4999999999999997E-3</c:v>
                </c:pt>
                <c:pt idx="5660">
                  <c:v>7.4999999999999997E-3</c:v>
                </c:pt>
                <c:pt idx="5661">
                  <c:v>7.4999999999999997E-3</c:v>
                </c:pt>
                <c:pt idx="5662">
                  <c:v>7.4999999999999997E-3</c:v>
                </c:pt>
                <c:pt idx="5663">
                  <c:v>7.4999999999999997E-3</c:v>
                </c:pt>
                <c:pt idx="5664">
                  <c:v>7.4999999999999997E-3</c:v>
                </c:pt>
                <c:pt idx="5665">
                  <c:v>7.4999999999999997E-3</c:v>
                </c:pt>
                <c:pt idx="5666">
                  <c:v>7.4999999999999997E-3</c:v>
                </c:pt>
                <c:pt idx="5667">
                  <c:v>7.4999999999999997E-3</c:v>
                </c:pt>
                <c:pt idx="5668">
                  <c:v>7.4999999999999997E-3</c:v>
                </c:pt>
                <c:pt idx="5669">
                  <c:v>7.4999999999999997E-3</c:v>
                </c:pt>
                <c:pt idx="5670">
                  <c:v>7.4999999999999997E-3</c:v>
                </c:pt>
                <c:pt idx="5671">
                  <c:v>7.4999999999999997E-3</c:v>
                </c:pt>
                <c:pt idx="5672">
                  <c:v>7.4999999999999997E-3</c:v>
                </c:pt>
                <c:pt idx="5673">
                  <c:v>7.4999999999999997E-3</c:v>
                </c:pt>
                <c:pt idx="5674">
                  <c:v>5.0000000000000001E-3</c:v>
                </c:pt>
                <c:pt idx="5675">
                  <c:v>5.0000000000000001E-3</c:v>
                </c:pt>
                <c:pt idx="5676">
                  <c:v>5.0000000000000001E-3</c:v>
                </c:pt>
                <c:pt idx="5677">
                  <c:v>5.0000000000000001E-3</c:v>
                </c:pt>
                <c:pt idx="5678">
                  <c:v>5.0000000000000001E-3</c:v>
                </c:pt>
                <c:pt idx="5679">
                  <c:v>5.0000000000000001E-3</c:v>
                </c:pt>
                <c:pt idx="5680">
                  <c:v>5.0000000000000001E-3</c:v>
                </c:pt>
                <c:pt idx="5681">
                  <c:v>5.0000000000000001E-3</c:v>
                </c:pt>
                <c:pt idx="5682">
                  <c:v>5.0000000000000001E-3</c:v>
                </c:pt>
                <c:pt idx="5683">
                  <c:v>5.0000000000000001E-3</c:v>
                </c:pt>
                <c:pt idx="5684">
                  <c:v>5.0000000000000001E-3</c:v>
                </c:pt>
                <c:pt idx="5685">
                  <c:v>5.0000000000000001E-3</c:v>
                </c:pt>
                <c:pt idx="5686">
                  <c:v>5.0000000000000001E-3</c:v>
                </c:pt>
                <c:pt idx="5687">
                  <c:v>5.0000000000000001E-3</c:v>
                </c:pt>
                <c:pt idx="5688">
                  <c:v>5.0000000000000001E-3</c:v>
                </c:pt>
                <c:pt idx="5689">
                  <c:v>5.0000000000000001E-3</c:v>
                </c:pt>
                <c:pt idx="5690">
                  <c:v>5.0000000000000001E-3</c:v>
                </c:pt>
                <c:pt idx="5691">
                  <c:v>5.0000000000000001E-3</c:v>
                </c:pt>
                <c:pt idx="5692">
                  <c:v>5.0000000000000001E-3</c:v>
                </c:pt>
                <c:pt idx="5693">
                  <c:v>5.0000000000000001E-3</c:v>
                </c:pt>
                <c:pt idx="5694">
                  <c:v>5.0000000000000001E-3</c:v>
                </c:pt>
                <c:pt idx="5695">
                  <c:v>5.0000000000000001E-3</c:v>
                </c:pt>
                <c:pt idx="5696">
                  <c:v>5.0000000000000001E-3</c:v>
                </c:pt>
                <c:pt idx="5697">
                  <c:v>5.0000000000000001E-3</c:v>
                </c:pt>
                <c:pt idx="5698">
                  <c:v>5.0000000000000001E-3</c:v>
                </c:pt>
                <c:pt idx="5699">
                  <c:v>5.0000000000000001E-3</c:v>
                </c:pt>
                <c:pt idx="5700">
                  <c:v>5.0000000000000001E-3</c:v>
                </c:pt>
                <c:pt idx="5701">
                  <c:v>5.0000000000000001E-3</c:v>
                </c:pt>
                <c:pt idx="5702">
                  <c:v>5.0000000000000001E-3</c:v>
                </c:pt>
                <c:pt idx="5703">
                  <c:v>5.0000000000000001E-3</c:v>
                </c:pt>
                <c:pt idx="5704">
                  <c:v>5.0000000000000001E-3</c:v>
                </c:pt>
                <c:pt idx="5705">
                  <c:v>5.0000000000000001E-3</c:v>
                </c:pt>
                <c:pt idx="5706">
                  <c:v>5.0000000000000001E-3</c:v>
                </c:pt>
                <c:pt idx="5707">
                  <c:v>5.0000000000000001E-3</c:v>
                </c:pt>
                <c:pt idx="5708">
                  <c:v>5.0000000000000001E-3</c:v>
                </c:pt>
                <c:pt idx="5709">
                  <c:v>5.0000000000000001E-3</c:v>
                </c:pt>
                <c:pt idx="5710">
                  <c:v>5.0000000000000001E-3</c:v>
                </c:pt>
                <c:pt idx="5711">
                  <c:v>5.0000000000000001E-3</c:v>
                </c:pt>
                <c:pt idx="5712">
                  <c:v>5.0000000000000001E-3</c:v>
                </c:pt>
                <c:pt idx="5713">
                  <c:v>5.0000000000000001E-3</c:v>
                </c:pt>
                <c:pt idx="5714">
                  <c:v>5.0000000000000001E-3</c:v>
                </c:pt>
                <c:pt idx="5715">
                  <c:v>5.0000000000000001E-3</c:v>
                </c:pt>
                <c:pt idx="5716">
                  <c:v>5.0000000000000001E-3</c:v>
                </c:pt>
                <c:pt idx="5717">
                  <c:v>5.0000000000000001E-3</c:v>
                </c:pt>
                <c:pt idx="5718">
                  <c:v>5.0000000000000001E-3</c:v>
                </c:pt>
                <c:pt idx="5719">
                  <c:v>5.0000000000000001E-3</c:v>
                </c:pt>
                <c:pt idx="5720">
                  <c:v>5.0000000000000001E-3</c:v>
                </c:pt>
                <c:pt idx="5721">
                  <c:v>5.0000000000000001E-3</c:v>
                </c:pt>
                <c:pt idx="5722">
                  <c:v>5.0000000000000001E-3</c:v>
                </c:pt>
                <c:pt idx="5723">
                  <c:v>5.0000000000000001E-3</c:v>
                </c:pt>
                <c:pt idx="5724">
                  <c:v>5.0000000000000001E-3</c:v>
                </c:pt>
                <c:pt idx="5725">
                  <c:v>5.0000000000000001E-3</c:v>
                </c:pt>
                <c:pt idx="5726">
                  <c:v>5.0000000000000001E-3</c:v>
                </c:pt>
                <c:pt idx="5727">
                  <c:v>5.0000000000000001E-3</c:v>
                </c:pt>
                <c:pt idx="5728">
                  <c:v>5.0000000000000001E-3</c:v>
                </c:pt>
                <c:pt idx="5729">
                  <c:v>5.0000000000000001E-3</c:v>
                </c:pt>
                <c:pt idx="5730">
                  <c:v>5.0000000000000001E-3</c:v>
                </c:pt>
                <c:pt idx="5731">
                  <c:v>5.0000000000000001E-3</c:v>
                </c:pt>
                <c:pt idx="5732">
                  <c:v>5.0000000000000001E-3</c:v>
                </c:pt>
                <c:pt idx="5733">
                  <c:v>5.0000000000000001E-3</c:v>
                </c:pt>
                <c:pt idx="5734">
                  <c:v>5.0000000000000001E-3</c:v>
                </c:pt>
                <c:pt idx="5735">
                  <c:v>5.0000000000000001E-3</c:v>
                </c:pt>
                <c:pt idx="5736">
                  <c:v>5.0000000000000001E-3</c:v>
                </c:pt>
                <c:pt idx="5737">
                  <c:v>5.0000000000000001E-3</c:v>
                </c:pt>
                <c:pt idx="5738">
                  <c:v>5.0000000000000001E-3</c:v>
                </c:pt>
                <c:pt idx="5739">
                  <c:v>5.0000000000000001E-3</c:v>
                </c:pt>
                <c:pt idx="5740">
                  <c:v>5.0000000000000001E-3</c:v>
                </c:pt>
                <c:pt idx="5741">
                  <c:v>5.0000000000000001E-3</c:v>
                </c:pt>
                <c:pt idx="5742">
                  <c:v>5.0000000000000001E-3</c:v>
                </c:pt>
                <c:pt idx="5743">
                  <c:v>5.0000000000000001E-3</c:v>
                </c:pt>
                <c:pt idx="5744">
                  <c:v>5.0000000000000001E-3</c:v>
                </c:pt>
                <c:pt idx="5745">
                  <c:v>5.0000000000000001E-3</c:v>
                </c:pt>
                <c:pt idx="5746">
                  <c:v>5.0000000000000001E-3</c:v>
                </c:pt>
                <c:pt idx="5747">
                  <c:v>5.0000000000000001E-3</c:v>
                </c:pt>
                <c:pt idx="5748">
                  <c:v>5.0000000000000001E-3</c:v>
                </c:pt>
                <c:pt idx="5749">
                  <c:v>5.0000000000000001E-3</c:v>
                </c:pt>
                <c:pt idx="5750">
                  <c:v>5.0000000000000001E-3</c:v>
                </c:pt>
                <c:pt idx="5751">
                  <c:v>5.0000000000000001E-3</c:v>
                </c:pt>
                <c:pt idx="5752">
                  <c:v>5.0000000000000001E-3</c:v>
                </c:pt>
                <c:pt idx="5753">
                  <c:v>5.0000000000000001E-3</c:v>
                </c:pt>
                <c:pt idx="5754">
                  <c:v>5.0000000000000001E-3</c:v>
                </c:pt>
                <c:pt idx="5755">
                  <c:v>5.0000000000000001E-3</c:v>
                </c:pt>
                <c:pt idx="5756">
                  <c:v>5.0000000000000001E-3</c:v>
                </c:pt>
                <c:pt idx="5757">
                  <c:v>5.0000000000000001E-3</c:v>
                </c:pt>
                <c:pt idx="5758">
                  <c:v>5.0000000000000001E-3</c:v>
                </c:pt>
                <c:pt idx="5759">
                  <c:v>5.0000000000000001E-3</c:v>
                </c:pt>
                <c:pt idx="5760">
                  <c:v>5.0000000000000001E-3</c:v>
                </c:pt>
                <c:pt idx="5761">
                  <c:v>5.0000000000000001E-3</c:v>
                </c:pt>
                <c:pt idx="5762">
                  <c:v>5.0000000000000001E-3</c:v>
                </c:pt>
                <c:pt idx="5763">
                  <c:v>5.0000000000000001E-3</c:v>
                </c:pt>
                <c:pt idx="5764">
                  <c:v>5.0000000000000001E-3</c:v>
                </c:pt>
                <c:pt idx="5765">
                  <c:v>5.0000000000000001E-3</c:v>
                </c:pt>
                <c:pt idx="5766">
                  <c:v>5.0000000000000001E-3</c:v>
                </c:pt>
                <c:pt idx="5767">
                  <c:v>5.0000000000000001E-3</c:v>
                </c:pt>
                <c:pt idx="5768">
                  <c:v>5.0000000000000001E-3</c:v>
                </c:pt>
                <c:pt idx="5769">
                  <c:v>5.0000000000000001E-3</c:v>
                </c:pt>
                <c:pt idx="5770">
                  <c:v>5.0000000000000001E-3</c:v>
                </c:pt>
                <c:pt idx="5771">
                  <c:v>5.0000000000000001E-3</c:v>
                </c:pt>
                <c:pt idx="5772">
                  <c:v>5.0000000000000001E-3</c:v>
                </c:pt>
                <c:pt idx="5773">
                  <c:v>5.0000000000000001E-3</c:v>
                </c:pt>
                <c:pt idx="5774">
                  <c:v>5.0000000000000001E-3</c:v>
                </c:pt>
                <c:pt idx="5775">
                  <c:v>5.0000000000000001E-3</c:v>
                </c:pt>
                <c:pt idx="5776">
                  <c:v>5.0000000000000001E-3</c:v>
                </c:pt>
                <c:pt idx="5777">
                  <c:v>5.0000000000000001E-3</c:v>
                </c:pt>
                <c:pt idx="5778">
                  <c:v>5.0000000000000001E-3</c:v>
                </c:pt>
                <c:pt idx="5779">
                  <c:v>5.0000000000000001E-3</c:v>
                </c:pt>
                <c:pt idx="5780">
                  <c:v>5.0000000000000001E-3</c:v>
                </c:pt>
                <c:pt idx="5781">
                  <c:v>5.0000000000000001E-3</c:v>
                </c:pt>
                <c:pt idx="5782">
                  <c:v>5.0000000000000001E-3</c:v>
                </c:pt>
                <c:pt idx="5783">
                  <c:v>5.0000000000000001E-3</c:v>
                </c:pt>
                <c:pt idx="5784">
                  <c:v>5.0000000000000001E-3</c:v>
                </c:pt>
                <c:pt idx="5785">
                  <c:v>5.0000000000000001E-3</c:v>
                </c:pt>
                <c:pt idx="5786">
                  <c:v>5.0000000000000001E-3</c:v>
                </c:pt>
                <c:pt idx="5787">
                  <c:v>5.0000000000000001E-3</c:v>
                </c:pt>
                <c:pt idx="5788">
                  <c:v>5.0000000000000001E-3</c:v>
                </c:pt>
                <c:pt idx="5789">
                  <c:v>5.0000000000000001E-3</c:v>
                </c:pt>
                <c:pt idx="5790">
                  <c:v>5.0000000000000001E-3</c:v>
                </c:pt>
                <c:pt idx="5791">
                  <c:v>5.0000000000000001E-3</c:v>
                </c:pt>
                <c:pt idx="5792">
                  <c:v>5.0000000000000001E-3</c:v>
                </c:pt>
                <c:pt idx="5793">
                  <c:v>5.0000000000000001E-3</c:v>
                </c:pt>
                <c:pt idx="5794">
                  <c:v>5.0000000000000001E-3</c:v>
                </c:pt>
                <c:pt idx="5795">
                  <c:v>5.0000000000000001E-3</c:v>
                </c:pt>
                <c:pt idx="5796">
                  <c:v>5.0000000000000001E-3</c:v>
                </c:pt>
                <c:pt idx="5797">
                  <c:v>5.0000000000000001E-3</c:v>
                </c:pt>
                <c:pt idx="5798">
                  <c:v>5.0000000000000001E-3</c:v>
                </c:pt>
                <c:pt idx="5799">
                  <c:v>5.0000000000000001E-3</c:v>
                </c:pt>
                <c:pt idx="5800">
                  <c:v>5.0000000000000001E-3</c:v>
                </c:pt>
                <c:pt idx="5801">
                  <c:v>5.0000000000000001E-3</c:v>
                </c:pt>
                <c:pt idx="5802">
                  <c:v>5.0000000000000001E-3</c:v>
                </c:pt>
                <c:pt idx="5803">
                  <c:v>5.0000000000000001E-3</c:v>
                </c:pt>
                <c:pt idx="5804">
                  <c:v>5.0000000000000001E-3</c:v>
                </c:pt>
                <c:pt idx="5805">
                  <c:v>5.0000000000000001E-3</c:v>
                </c:pt>
                <c:pt idx="5806">
                  <c:v>5.0000000000000001E-3</c:v>
                </c:pt>
                <c:pt idx="5807">
                  <c:v>5.0000000000000001E-3</c:v>
                </c:pt>
                <c:pt idx="5808">
                  <c:v>5.0000000000000001E-3</c:v>
                </c:pt>
                <c:pt idx="5809">
                  <c:v>5.0000000000000001E-3</c:v>
                </c:pt>
                <c:pt idx="5810">
                  <c:v>5.0000000000000001E-3</c:v>
                </c:pt>
                <c:pt idx="5811">
                  <c:v>5.0000000000000001E-3</c:v>
                </c:pt>
                <c:pt idx="5812">
                  <c:v>5.0000000000000001E-3</c:v>
                </c:pt>
                <c:pt idx="5813">
                  <c:v>5.0000000000000001E-3</c:v>
                </c:pt>
                <c:pt idx="5814">
                  <c:v>5.0000000000000001E-3</c:v>
                </c:pt>
                <c:pt idx="5815">
                  <c:v>5.0000000000000001E-3</c:v>
                </c:pt>
                <c:pt idx="5816">
                  <c:v>5.0000000000000001E-3</c:v>
                </c:pt>
                <c:pt idx="5817">
                  <c:v>5.0000000000000001E-3</c:v>
                </c:pt>
                <c:pt idx="5818">
                  <c:v>5.0000000000000001E-3</c:v>
                </c:pt>
                <c:pt idx="5819">
                  <c:v>5.0000000000000001E-3</c:v>
                </c:pt>
                <c:pt idx="5820">
                  <c:v>5.0000000000000001E-3</c:v>
                </c:pt>
                <c:pt idx="5821">
                  <c:v>5.0000000000000001E-3</c:v>
                </c:pt>
                <c:pt idx="5822">
                  <c:v>5.0000000000000001E-3</c:v>
                </c:pt>
                <c:pt idx="5823">
                  <c:v>5.0000000000000001E-3</c:v>
                </c:pt>
                <c:pt idx="5824">
                  <c:v>5.0000000000000001E-3</c:v>
                </c:pt>
                <c:pt idx="5825">
                  <c:v>5.0000000000000001E-3</c:v>
                </c:pt>
                <c:pt idx="5826">
                  <c:v>5.0000000000000001E-3</c:v>
                </c:pt>
                <c:pt idx="5827">
                  <c:v>5.0000000000000001E-3</c:v>
                </c:pt>
                <c:pt idx="5828">
                  <c:v>5.0000000000000001E-3</c:v>
                </c:pt>
                <c:pt idx="5829">
                  <c:v>5.0000000000000001E-3</c:v>
                </c:pt>
                <c:pt idx="5830">
                  <c:v>5.0000000000000001E-3</c:v>
                </c:pt>
                <c:pt idx="5831">
                  <c:v>5.0000000000000001E-3</c:v>
                </c:pt>
                <c:pt idx="5832">
                  <c:v>5.0000000000000001E-3</c:v>
                </c:pt>
                <c:pt idx="5833">
                  <c:v>5.0000000000000001E-3</c:v>
                </c:pt>
                <c:pt idx="5834">
                  <c:v>5.0000000000000001E-3</c:v>
                </c:pt>
                <c:pt idx="5835">
                  <c:v>5.0000000000000001E-3</c:v>
                </c:pt>
                <c:pt idx="5836">
                  <c:v>5.0000000000000001E-3</c:v>
                </c:pt>
                <c:pt idx="5837">
                  <c:v>5.0000000000000001E-3</c:v>
                </c:pt>
                <c:pt idx="5838">
                  <c:v>5.0000000000000001E-3</c:v>
                </c:pt>
                <c:pt idx="5839">
                  <c:v>5.0000000000000001E-3</c:v>
                </c:pt>
                <c:pt idx="5840">
                  <c:v>5.0000000000000001E-3</c:v>
                </c:pt>
                <c:pt idx="5841">
                  <c:v>5.0000000000000001E-3</c:v>
                </c:pt>
                <c:pt idx="5842">
                  <c:v>5.0000000000000001E-3</c:v>
                </c:pt>
                <c:pt idx="5843">
                  <c:v>5.0000000000000001E-3</c:v>
                </c:pt>
                <c:pt idx="5844">
                  <c:v>5.0000000000000001E-3</c:v>
                </c:pt>
                <c:pt idx="5845">
                  <c:v>5.0000000000000001E-3</c:v>
                </c:pt>
                <c:pt idx="5846">
                  <c:v>5.0000000000000001E-3</c:v>
                </c:pt>
                <c:pt idx="5847">
                  <c:v>5.0000000000000001E-3</c:v>
                </c:pt>
                <c:pt idx="5848">
                  <c:v>5.0000000000000001E-3</c:v>
                </c:pt>
                <c:pt idx="5849">
                  <c:v>5.0000000000000001E-3</c:v>
                </c:pt>
                <c:pt idx="5850">
                  <c:v>5.0000000000000001E-3</c:v>
                </c:pt>
                <c:pt idx="5851">
                  <c:v>5.0000000000000001E-3</c:v>
                </c:pt>
                <c:pt idx="5852">
                  <c:v>5.0000000000000001E-3</c:v>
                </c:pt>
                <c:pt idx="5853">
                  <c:v>5.0000000000000001E-3</c:v>
                </c:pt>
                <c:pt idx="5854">
                  <c:v>5.0000000000000001E-3</c:v>
                </c:pt>
                <c:pt idx="5855">
                  <c:v>5.0000000000000001E-3</c:v>
                </c:pt>
                <c:pt idx="5856">
                  <c:v>5.0000000000000001E-3</c:v>
                </c:pt>
                <c:pt idx="5857">
                  <c:v>5.0000000000000001E-3</c:v>
                </c:pt>
                <c:pt idx="5858">
                  <c:v>5.0000000000000001E-3</c:v>
                </c:pt>
                <c:pt idx="5859">
                  <c:v>5.0000000000000001E-3</c:v>
                </c:pt>
                <c:pt idx="5860">
                  <c:v>5.0000000000000001E-3</c:v>
                </c:pt>
                <c:pt idx="5861">
                  <c:v>5.0000000000000001E-3</c:v>
                </c:pt>
                <c:pt idx="5862">
                  <c:v>5.0000000000000001E-3</c:v>
                </c:pt>
                <c:pt idx="5863">
                  <c:v>5.0000000000000001E-3</c:v>
                </c:pt>
                <c:pt idx="5864">
                  <c:v>5.0000000000000001E-3</c:v>
                </c:pt>
                <c:pt idx="5865">
                  <c:v>5.0000000000000001E-3</c:v>
                </c:pt>
                <c:pt idx="5866">
                  <c:v>5.0000000000000001E-3</c:v>
                </c:pt>
                <c:pt idx="5867">
                  <c:v>5.0000000000000001E-3</c:v>
                </c:pt>
                <c:pt idx="5868">
                  <c:v>5.0000000000000001E-3</c:v>
                </c:pt>
                <c:pt idx="5869">
                  <c:v>5.0000000000000001E-3</c:v>
                </c:pt>
                <c:pt idx="5870">
                  <c:v>5.0000000000000001E-3</c:v>
                </c:pt>
                <c:pt idx="5871">
                  <c:v>5.0000000000000001E-3</c:v>
                </c:pt>
                <c:pt idx="5872">
                  <c:v>5.0000000000000001E-3</c:v>
                </c:pt>
                <c:pt idx="5873">
                  <c:v>5.0000000000000001E-3</c:v>
                </c:pt>
                <c:pt idx="5874">
                  <c:v>5.0000000000000001E-3</c:v>
                </c:pt>
                <c:pt idx="5875">
                  <c:v>5.0000000000000001E-3</c:v>
                </c:pt>
                <c:pt idx="5876">
                  <c:v>5.0000000000000001E-3</c:v>
                </c:pt>
                <c:pt idx="5877">
                  <c:v>5.0000000000000001E-3</c:v>
                </c:pt>
                <c:pt idx="5878">
                  <c:v>5.0000000000000001E-3</c:v>
                </c:pt>
                <c:pt idx="5879">
                  <c:v>5.0000000000000001E-3</c:v>
                </c:pt>
                <c:pt idx="5880">
                  <c:v>5.0000000000000001E-3</c:v>
                </c:pt>
                <c:pt idx="5881">
                  <c:v>5.0000000000000001E-3</c:v>
                </c:pt>
                <c:pt idx="5882">
                  <c:v>5.0000000000000001E-3</c:v>
                </c:pt>
                <c:pt idx="5883">
                  <c:v>5.0000000000000001E-3</c:v>
                </c:pt>
                <c:pt idx="5884">
                  <c:v>5.0000000000000001E-3</c:v>
                </c:pt>
                <c:pt idx="5885">
                  <c:v>5.0000000000000001E-3</c:v>
                </c:pt>
                <c:pt idx="5886">
                  <c:v>5.0000000000000001E-3</c:v>
                </c:pt>
                <c:pt idx="5887">
                  <c:v>5.0000000000000001E-3</c:v>
                </c:pt>
                <c:pt idx="5888">
                  <c:v>5.0000000000000001E-3</c:v>
                </c:pt>
                <c:pt idx="5889">
                  <c:v>5.0000000000000001E-3</c:v>
                </c:pt>
                <c:pt idx="5890">
                  <c:v>5.0000000000000001E-3</c:v>
                </c:pt>
                <c:pt idx="5891">
                  <c:v>5.0000000000000001E-3</c:v>
                </c:pt>
                <c:pt idx="5892">
                  <c:v>5.0000000000000001E-3</c:v>
                </c:pt>
                <c:pt idx="5893">
                  <c:v>5.0000000000000001E-3</c:v>
                </c:pt>
                <c:pt idx="5894">
                  <c:v>5.0000000000000001E-3</c:v>
                </c:pt>
                <c:pt idx="5895">
                  <c:v>5.0000000000000001E-3</c:v>
                </c:pt>
                <c:pt idx="5896">
                  <c:v>5.0000000000000001E-3</c:v>
                </c:pt>
                <c:pt idx="5897">
                  <c:v>5.0000000000000001E-3</c:v>
                </c:pt>
                <c:pt idx="5898">
                  <c:v>5.0000000000000001E-3</c:v>
                </c:pt>
                <c:pt idx="5899">
                  <c:v>5.0000000000000001E-3</c:v>
                </c:pt>
                <c:pt idx="5900">
                  <c:v>5.0000000000000001E-3</c:v>
                </c:pt>
                <c:pt idx="5901">
                  <c:v>5.0000000000000001E-3</c:v>
                </c:pt>
                <c:pt idx="5902">
                  <c:v>5.0000000000000001E-3</c:v>
                </c:pt>
                <c:pt idx="5903">
                  <c:v>5.0000000000000001E-3</c:v>
                </c:pt>
                <c:pt idx="5904">
                  <c:v>5.0000000000000001E-3</c:v>
                </c:pt>
                <c:pt idx="5905">
                  <c:v>5.0000000000000001E-3</c:v>
                </c:pt>
                <c:pt idx="5906">
                  <c:v>5.0000000000000001E-3</c:v>
                </c:pt>
                <c:pt idx="5907">
                  <c:v>5.0000000000000001E-3</c:v>
                </c:pt>
                <c:pt idx="5908">
                  <c:v>5.0000000000000001E-3</c:v>
                </c:pt>
                <c:pt idx="5909">
                  <c:v>5.0000000000000001E-3</c:v>
                </c:pt>
                <c:pt idx="5910">
                  <c:v>5.0000000000000001E-3</c:v>
                </c:pt>
                <c:pt idx="5911">
                  <c:v>5.0000000000000001E-3</c:v>
                </c:pt>
                <c:pt idx="5912">
                  <c:v>5.0000000000000001E-3</c:v>
                </c:pt>
                <c:pt idx="5913">
                  <c:v>5.0000000000000001E-3</c:v>
                </c:pt>
                <c:pt idx="5914">
                  <c:v>5.0000000000000001E-3</c:v>
                </c:pt>
                <c:pt idx="5915">
                  <c:v>5.0000000000000001E-3</c:v>
                </c:pt>
                <c:pt idx="5916">
                  <c:v>5.0000000000000001E-3</c:v>
                </c:pt>
                <c:pt idx="5917">
                  <c:v>5.0000000000000001E-3</c:v>
                </c:pt>
                <c:pt idx="5918">
                  <c:v>5.0000000000000001E-3</c:v>
                </c:pt>
                <c:pt idx="5919">
                  <c:v>5.0000000000000001E-3</c:v>
                </c:pt>
                <c:pt idx="5920">
                  <c:v>5.0000000000000001E-3</c:v>
                </c:pt>
                <c:pt idx="5921">
                  <c:v>5.0000000000000001E-3</c:v>
                </c:pt>
                <c:pt idx="5922">
                  <c:v>5.0000000000000001E-3</c:v>
                </c:pt>
                <c:pt idx="5923">
                  <c:v>5.0000000000000001E-3</c:v>
                </c:pt>
                <c:pt idx="5924">
                  <c:v>5.0000000000000001E-3</c:v>
                </c:pt>
                <c:pt idx="5925">
                  <c:v>5.0000000000000001E-3</c:v>
                </c:pt>
                <c:pt idx="5926">
                  <c:v>5.0000000000000001E-3</c:v>
                </c:pt>
                <c:pt idx="5927">
                  <c:v>5.0000000000000001E-3</c:v>
                </c:pt>
                <c:pt idx="5928">
                  <c:v>5.0000000000000001E-3</c:v>
                </c:pt>
                <c:pt idx="5929">
                  <c:v>5.0000000000000001E-3</c:v>
                </c:pt>
                <c:pt idx="5930">
                  <c:v>5.0000000000000001E-3</c:v>
                </c:pt>
                <c:pt idx="5931">
                  <c:v>5.0000000000000001E-3</c:v>
                </c:pt>
                <c:pt idx="5932">
                  <c:v>5.0000000000000001E-3</c:v>
                </c:pt>
                <c:pt idx="5933">
                  <c:v>5.0000000000000001E-3</c:v>
                </c:pt>
                <c:pt idx="5934">
                  <c:v>5.0000000000000001E-3</c:v>
                </c:pt>
                <c:pt idx="5935">
                  <c:v>5.0000000000000001E-3</c:v>
                </c:pt>
                <c:pt idx="5936">
                  <c:v>5.0000000000000001E-3</c:v>
                </c:pt>
                <c:pt idx="5937">
                  <c:v>5.0000000000000001E-3</c:v>
                </c:pt>
                <c:pt idx="5938">
                  <c:v>5.0000000000000001E-3</c:v>
                </c:pt>
                <c:pt idx="5939">
                  <c:v>5.0000000000000001E-3</c:v>
                </c:pt>
                <c:pt idx="5940">
                  <c:v>5.0000000000000001E-3</c:v>
                </c:pt>
                <c:pt idx="5941">
                  <c:v>5.0000000000000001E-3</c:v>
                </c:pt>
                <c:pt idx="5942">
                  <c:v>5.0000000000000001E-3</c:v>
                </c:pt>
                <c:pt idx="5943">
                  <c:v>5.0000000000000001E-3</c:v>
                </c:pt>
                <c:pt idx="5944">
                  <c:v>5.0000000000000001E-3</c:v>
                </c:pt>
                <c:pt idx="5945">
                  <c:v>5.0000000000000001E-3</c:v>
                </c:pt>
                <c:pt idx="5946">
                  <c:v>5.0000000000000001E-3</c:v>
                </c:pt>
                <c:pt idx="5947">
                  <c:v>5.0000000000000001E-3</c:v>
                </c:pt>
                <c:pt idx="5948">
                  <c:v>5.0000000000000001E-3</c:v>
                </c:pt>
                <c:pt idx="5949">
                  <c:v>5.0000000000000001E-3</c:v>
                </c:pt>
                <c:pt idx="5950">
                  <c:v>5.0000000000000001E-3</c:v>
                </c:pt>
                <c:pt idx="5951">
                  <c:v>5.0000000000000001E-3</c:v>
                </c:pt>
                <c:pt idx="5952">
                  <c:v>5.0000000000000001E-3</c:v>
                </c:pt>
                <c:pt idx="5953">
                  <c:v>5.0000000000000001E-3</c:v>
                </c:pt>
                <c:pt idx="5954">
                  <c:v>5.0000000000000001E-3</c:v>
                </c:pt>
                <c:pt idx="5955">
                  <c:v>5.0000000000000001E-3</c:v>
                </c:pt>
                <c:pt idx="5956">
                  <c:v>5.0000000000000001E-3</c:v>
                </c:pt>
                <c:pt idx="5957">
                  <c:v>5.0000000000000001E-3</c:v>
                </c:pt>
                <c:pt idx="5958">
                  <c:v>5.0000000000000001E-3</c:v>
                </c:pt>
                <c:pt idx="5959">
                  <c:v>5.0000000000000001E-3</c:v>
                </c:pt>
                <c:pt idx="5960">
                  <c:v>5.0000000000000001E-3</c:v>
                </c:pt>
                <c:pt idx="5961">
                  <c:v>5.0000000000000001E-3</c:v>
                </c:pt>
                <c:pt idx="5962">
                  <c:v>5.0000000000000001E-3</c:v>
                </c:pt>
                <c:pt idx="5963">
                  <c:v>5.0000000000000001E-3</c:v>
                </c:pt>
                <c:pt idx="5964">
                  <c:v>5.0000000000000001E-3</c:v>
                </c:pt>
                <c:pt idx="5965">
                  <c:v>5.0000000000000001E-3</c:v>
                </c:pt>
                <c:pt idx="5966">
                  <c:v>5.0000000000000001E-3</c:v>
                </c:pt>
                <c:pt idx="5967">
                  <c:v>5.0000000000000001E-3</c:v>
                </c:pt>
                <c:pt idx="5968">
                  <c:v>5.0000000000000001E-3</c:v>
                </c:pt>
                <c:pt idx="5969">
                  <c:v>5.0000000000000001E-3</c:v>
                </c:pt>
                <c:pt idx="5970">
                  <c:v>5.0000000000000001E-3</c:v>
                </c:pt>
                <c:pt idx="5971">
                  <c:v>5.0000000000000001E-3</c:v>
                </c:pt>
                <c:pt idx="5972">
                  <c:v>5.0000000000000001E-3</c:v>
                </c:pt>
                <c:pt idx="5973">
                  <c:v>5.0000000000000001E-3</c:v>
                </c:pt>
                <c:pt idx="5974">
                  <c:v>5.0000000000000001E-3</c:v>
                </c:pt>
                <c:pt idx="5975">
                  <c:v>5.0000000000000001E-3</c:v>
                </c:pt>
                <c:pt idx="5976">
                  <c:v>5.0000000000000001E-3</c:v>
                </c:pt>
                <c:pt idx="5977">
                  <c:v>5.0000000000000001E-3</c:v>
                </c:pt>
                <c:pt idx="5978">
                  <c:v>5.0000000000000001E-3</c:v>
                </c:pt>
                <c:pt idx="5979">
                  <c:v>5.0000000000000001E-3</c:v>
                </c:pt>
                <c:pt idx="5980">
                  <c:v>5.0000000000000001E-3</c:v>
                </c:pt>
                <c:pt idx="5981">
                  <c:v>5.0000000000000001E-3</c:v>
                </c:pt>
                <c:pt idx="5982">
                  <c:v>5.0000000000000001E-3</c:v>
                </c:pt>
                <c:pt idx="5983">
                  <c:v>5.0000000000000001E-3</c:v>
                </c:pt>
                <c:pt idx="5984">
                  <c:v>5.0000000000000001E-3</c:v>
                </c:pt>
                <c:pt idx="5985">
                  <c:v>5.0000000000000001E-3</c:v>
                </c:pt>
                <c:pt idx="5986">
                  <c:v>5.0000000000000001E-3</c:v>
                </c:pt>
                <c:pt idx="5987">
                  <c:v>5.0000000000000001E-3</c:v>
                </c:pt>
                <c:pt idx="5988">
                  <c:v>5.0000000000000001E-3</c:v>
                </c:pt>
                <c:pt idx="5989">
                  <c:v>5.0000000000000001E-3</c:v>
                </c:pt>
                <c:pt idx="5990">
                  <c:v>5.0000000000000001E-3</c:v>
                </c:pt>
                <c:pt idx="5991">
                  <c:v>5.0000000000000001E-3</c:v>
                </c:pt>
                <c:pt idx="5992">
                  <c:v>5.0000000000000001E-3</c:v>
                </c:pt>
                <c:pt idx="5993">
                  <c:v>5.0000000000000001E-3</c:v>
                </c:pt>
                <c:pt idx="5994">
                  <c:v>5.0000000000000001E-3</c:v>
                </c:pt>
                <c:pt idx="5995">
                  <c:v>5.0000000000000001E-3</c:v>
                </c:pt>
                <c:pt idx="5996">
                  <c:v>5.0000000000000001E-3</c:v>
                </c:pt>
                <c:pt idx="5997">
                  <c:v>5.0000000000000001E-3</c:v>
                </c:pt>
                <c:pt idx="5998">
                  <c:v>5.0000000000000001E-3</c:v>
                </c:pt>
                <c:pt idx="5999">
                  <c:v>5.0000000000000001E-3</c:v>
                </c:pt>
                <c:pt idx="6000">
                  <c:v>5.0000000000000001E-3</c:v>
                </c:pt>
                <c:pt idx="6001">
                  <c:v>5.0000000000000001E-3</c:v>
                </c:pt>
                <c:pt idx="6002">
                  <c:v>5.0000000000000001E-3</c:v>
                </c:pt>
                <c:pt idx="6003">
                  <c:v>5.0000000000000001E-3</c:v>
                </c:pt>
                <c:pt idx="6004">
                  <c:v>5.0000000000000001E-3</c:v>
                </c:pt>
                <c:pt idx="6005">
                  <c:v>5.0000000000000001E-3</c:v>
                </c:pt>
                <c:pt idx="6006">
                  <c:v>5.0000000000000001E-3</c:v>
                </c:pt>
                <c:pt idx="6007">
                  <c:v>5.0000000000000001E-3</c:v>
                </c:pt>
                <c:pt idx="6008">
                  <c:v>5.0000000000000001E-3</c:v>
                </c:pt>
                <c:pt idx="6009">
                  <c:v>5.0000000000000001E-3</c:v>
                </c:pt>
                <c:pt idx="6010">
                  <c:v>5.0000000000000001E-3</c:v>
                </c:pt>
                <c:pt idx="6011">
                  <c:v>5.0000000000000001E-3</c:v>
                </c:pt>
                <c:pt idx="6012">
                  <c:v>5.0000000000000001E-3</c:v>
                </c:pt>
                <c:pt idx="6013">
                  <c:v>5.0000000000000001E-3</c:v>
                </c:pt>
                <c:pt idx="6014">
                  <c:v>5.0000000000000001E-3</c:v>
                </c:pt>
                <c:pt idx="6015">
                  <c:v>5.0000000000000001E-3</c:v>
                </c:pt>
                <c:pt idx="6016">
                  <c:v>5.0000000000000001E-3</c:v>
                </c:pt>
                <c:pt idx="6017">
                  <c:v>5.0000000000000001E-3</c:v>
                </c:pt>
                <c:pt idx="6018">
                  <c:v>5.0000000000000001E-3</c:v>
                </c:pt>
                <c:pt idx="6019">
                  <c:v>5.0000000000000001E-3</c:v>
                </c:pt>
                <c:pt idx="6020">
                  <c:v>5.0000000000000001E-3</c:v>
                </c:pt>
                <c:pt idx="6021">
                  <c:v>5.0000000000000001E-3</c:v>
                </c:pt>
                <c:pt idx="6022">
                  <c:v>5.0000000000000001E-3</c:v>
                </c:pt>
                <c:pt idx="6023">
                  <c:v>5.0000000000000001E-3</c:v>
                </c:pt>
                <c:pt idx="6024">
                  <c:v>5.0000000000000001E-3</c:v>
                </c:pt>
                <c:pt idx="6025">
                  <c:v>5.0000000000000001E-3</c:v>
                </c:pt>
                <c:pt idx="6026">
                  <c:v>5.0000000000000001E-3</c:v>
                </c:pt>
                <c:pt idx="6027">
                  <c:v>5.0000000000000001E-3</c:v>
                </c:pt>
                <c:pt idx="6028">
                  <c:v>5.0000000000000001E-3</c:v>
                </c:pt>
                <c:pt idx="6029">
                  <c:v>5.0000000000000001E-3</c:v>
                </c:pt>
                <c:pt idx="6030">
                  <c:v>5.0000000000000001E-3</c:v>
                </c:pt>
                <c:pt idx="6031">
                  <c:v>5.0000000000000001E-3</c:v>
                </c:pt>
                <c:pt idx="6032">
                  <c:v>5.0000000000000001E-3</c:v>
                </c:pt>
                <c:pt idx="6033">
                  <c:v>5.0000000000000001E-3</c:v>
                </c:pt>
                <c:pt idx="6034">
                  <c:v>5.0000000000000001E-3</c:v>
                </c:pt>
                <c:pt idx="6035">
                  <c:v>5.0000000000000001E-3</c:v>
                </c:pt>
                <c:pt idx="6036">
                  <c:v>5.0000000000000001E-3</c:v>
                </c:pt>
                <c:pt idx="6037">
                  <c:v>5.0000000000000001E-3</c:v>
                </c:pt>
                <c:pt idx="6038">
                  <c:v>5.0000000000000001E-3</c:v>
                </c:pt>
                <c:pt idx="6039">
                  <c:v>5.0000000000000001E-3</c:v>
                </c:pt>
                <c:pt idx="6040">
                  <c:v>5.0000000000000001E-3</c:v>
                </c:pt>
                <c:pt idx="6041">
                  <c:v>5.0000000000000001E-3</c:v>
                </c:pt>
                <c:pt idx="6042">
                  <c:v>5.0000000000000001E-3</c:v>
                </c:pt>
                <c:pt idx="6043">
                  <c:v>5.0000000000000001E-3</c:v>
                </c:pt>
                <c:pt idx="6044">
                  <c:v>5.0000000000000001E-3</c:v>
                </c:pt>
                <c:pt idx="6045">
                  <c:v>5.0000000000000001E-3</c:v>
                </c:pt>
                <c:pt idx="6046">
                  <c:v>5.0000000000000001E-3</c:v>
                </c:pt>
                <c:pt idx="6047">
                  <c:v>5.0000000000000001E-3</c:v>
                </c:pt>
                <c:pt idx="6048">
                  <c:v>5.0000000000000001E-3</c:v>
                </c:pt>
                <c:pt idx="6049">
                  <c:v>5.0000000000000001E-3</c:v>
                </c:pt>
                <c:pt idx="6050">
                  <c:v>5.0000000000000001E-3</c:v>
                </c:pt>
                <c:pt idx="6051">
                  <c:v>5.0000000000000001E-3</c:v>
                </c:pt>
                <c:pt idx="6052">
                  <c:v>5.0000000000000001E-3</c:v>
                </c:pt>
                <c:pt idx="6053">
                  <c:v>5.0000000000000001E-3</c:v>
                </c:pt>
                <c:pt idx="6054">
                  <c:v>5.0000000000000001E-3</c:v>
                </c:pt>
                <c:pt idx="6055">
                  <c:v>5.0000000000000001E-3</c:v>
                </c:pt>
                <c:pt idx="6056">
                  <c:v>5.0000000000000001E-3</c:v>
                </c:pt>
                <c:pt idx="6057">
                  <c:v>5.0000000000000001E-3</c:v>
                </c:pt>
                <c:pt idx="6058">
                  <c:v>5.0000000000000001E-3</c:v>
                </c:pt>
                <c:pt idx="6059">
                  <c:v>5.0000000000000001E-3</c:v>
                </c:pt>
                <c:pt idx="6060">
                  <c:v>5.0000000000000001E-3</c:v>
                </c:pt>
                <c:pt idx="6061">
                  <c:v>5.0000000000000001E-3</c:v>
                </c:pt>
                <c:pt idx="6062">
                  <c:v>5.0000000000000001E-3</c:v>
                </c:pt>
                <c:pt idx="6063">
                  <c:v>5.0000000000000001E-3</c:v>
                </c:pt>
                <c:pt idx="6064">
                  <c:v>5.0000000000000001E-3</c:v>
                </c:pt>
                <c:pt idx="6065">
                  <c:v>5.0000000000000001E-3</c:v>
                </c:pt>
                <c:pt idx="6066">
                  <c:v>5.0000000000000001E-3</c:v>
                </c:pt>
                <c:pt idx="6067">
                  <c:v>5.0000000000000001E-3</c:v>
                </c:pt>
                <c:pt idx="6068">
                  <c:v>5.0000000000000001E-3</c:v>
                </c:pt>
                <c:pt idx="6069">
                  <c:v>5.0000000000000001E-3</c:v>
                </c:pt>
                <c:pt idx="6070">
                  <c:v>5.0000000000000001E-3</c:v>
                </c:pt>
                <c:pt idx="6071">
                  <c:v>5.0000000000000001E-3</c:v>
                </c:pt>
                <c:pt idx="6072">
                  <c:v>5.0000000000000001E-3</c:v>
                </c:pt>
                <c:pt idx="6073">
                  <c:v>5.0000000000000001E-3</c:v>
                </c:pt>
                <c:pt idx="6074">
                  <c:v>5.0000000000000001E-3</c:v>
                </c:pt>
                <c:pt idx="6075">
                  <c:v>5.0000000000000001E-3</c:v>
                </c:pt>
                <c:pt idx="6076">
                  <c:v>5.0000000000000001E-3</c:v>
                </c:pt>
                <c:pt idx="6077">
                  <c:v>5.0000000000000001E-3</c:v>
                </c:pt>
                <c:pt idx="6078">
                  <c:v>5.0000000000000001E-3</c:v>
                </c:pt>
                <c:pt idx="6079">
                  <c:v>5.0000000000000001E-3</c:v>
                </c:pt>
                <c:pt idx="6080">
                  <c:v>5.0000000000000001E-3</c:v>
                </c:pt>
                <c:pt idx="6081">
                  <c:v>5.0000000000000001E-3</c:v>
                </c:pt>
                <c:pt idx="6082">
                  <c:v>5.0000000000000001E-3</c:v>
                </c:pt>
                <c:pt idx="6083">
                  <c:v>5.0000000000000001E-3</c:v>
                </c:pt>
                <c:pt idx="6084">
                  <c:v>5.0000000000000001E-3</c:v>
                </c:pt>
                <c:pt idx="6085">
                  <c:v>5.0000000000000001E-3</c:v>
                </c:pt>
                <c:pt idx="6086">
                  <c:v>5.0000000000000001E-3</c:v>
                </c:pt>
                <c:pt idx="6087">
                  <c:v>5.0000000000000001E-3</c:v>
                </c:pt>
                <c:pt idx="6088">
                  <c:v>5.0000000000000001E-3</c:v>
                </c:pt>
                <c:pt idx="6089">
                  <c:v>5.0000000000000001E-3</c:v>
                </c:pt>
                <c:pt idx="6090">
                  <c:v>5.0000000000000001E-3</c:v>
                </c:pt>
                <c:pt idx="6091">
                  <c:v>5.0000000000000001E-3</c:v>
                </c:pt>
                <c:pt idx="6092">
                  <c:v>5.0000000000000001E-3</c:v>
                </c:pt>
                <c:pt idx="6093">
                  <c:v>5.0000000000000001E-3</c:v>
                </c:pt>
                <c:pt idx="6094">
                  <c:v>5.0000000000000001E-3</c:v>
                </c:pt>
                <c:pt idx="6095">
                  <c:v>5.0000000000000001E-3</c:v>
                </c:pt>
                <c:pt idx="6096">
                  <c:v>5.0000000000000001E-3</c:v>
                </c:pt>
                <c:pt idx="6097">
                  <c:v>5.0000000000000001E-3</c:v>
                </c:pt>
                <c:pt idx="6098">
                  <c:v>5.0000000000000001E-3</c:v>
                </c:pt>
                <c:pt idx="6099">
                  <c:v>5.0000000000000001E-3</c:v>
                </c:pt>
                <c:pt idx="6100">
                  <c:v>5.0000000000000001E-3</c:v>
                </c:pt>
                <c:pt idx="6101">
                  <c:v>5.0000000000000001E-3</c:v>
                </c:pt>
                <c:pt idx="6102">
                  <c:v>5.0000000000000001E-3</c:v>
                </c:pt>
                <c:pt idx="6103">
                  <c:v>5.0000000000000001E-3</c:v>
                </c:pt>
                <c:pt idx="6104">
                  <c:v>5.0000000000000001E-3</c:v>
                </c:pt>
                <c:pt idx="6105">
                  <c:v>5.0000000000000001E-3</c:v>
                </c:pt>
                <c:pt idx="6106">
                  <c:v>5.0000000000000001E-3</c:v>
                </c:pt>
                <c:pt idx="6107">
                  <c:v>5.0000000000000001E-3</c:v>
                </c:pt>
                <c:pt idx="6108">
                  <c:v>5.0000000000000001E-3</c:v>
                </c:pt>
                <c:pt idx="6109">
                  <c:v>5.0000000000000001E-3</c:v>
                </c:pt>
                <c:pt idx="6110">
                  <c:v>5.0000000000000001E-3</c:v>
                </c:pt>
                <c:pt idx="6111">
                  <c:v>5.0000000000000001E-3</c:v>
                </c:pt>
                <c:pt idx="6112">
                  <c:v>5.0000000000000001E-3</c:v>
                </c:pt>
                <c:pt idx="6113">
                  <c:v>5.0000000000000001E-3</c:v>
                </c:pt>
                <c:pt idx="6114">
                  <c:v>5.0000000000000001E-3</c:v>
                </c:pt>
                <c:pt idx="6115">
                  <c:v>5.0000000000000001E-3</c:v>
                </c:pt>
                <c:pt idx="6116">
                  <c:v>5.0000000000000001E-3</c:v>
                </c:pt>
                <c:pt idx="6117">
                  <c:v>5.0000000000000001E-3</c:v>
                </c:pt>
                <c:pt idx="6118">
                  <c:v>5.0000000000000001E-3</c:v>
                </c:pt>
                <c:pt idx="6119">
                  <c:v>5.0000000000000001E-3</c:v>
                </c:pt>
                <c:pt idx="6120">
                  <c:v>5.0000000000000001E-3</c:v>
                </c:pt>
                <c:pt idx="6121">
                  <c:v>5.0000000000000001E-3</c:v>
                </c:pt>
                <c:pt idx="6122">
                  <c:v>5.0000000000000001E-3</c:v>
                </c:pt>
                <c:pt idx="6123">
                  <c:v>5.0000000000000001E-3</c:v>
                </c:pt>
                <c:pt idx="6124">
                  <c:v>5.0000000000000001E-3</c:v>
                </c:pt>
                <c:pt idx="6125">
                  <c:v>5.0000000000000001E-3</c:v>
                </c:pt>
                <c:pt idx="6126">
                  <c:v>5.0000000000000001E-3</c:v>
                </c:pt>
                <c:pt idx="6127">
                  <c:v>5.0000000000000001E-3</c:v>
                </c:pt>
                <c:pt idx="6128">
                  <c:v>5.0000000000000001E-3</c:v>
                </c:pt>
                <c:pt idx="6129">
                  <c:v>5.0000000000000001E-3</c:v>
                </c:pt>
                <c:pt idx="6130">
                  <c:v>5.0000000000000001E-3</c:v>
                </c:pt>
                <c:pt idx="6131">
                  <c:v>5.0000000000000001E-3</c:v>
                </c:pt>
                <c:pt idx="6132">
                  <c:v>5.0000000000000001E-3</c:v>
                </c:pt>
                <c:pt idx="6133">
                  <c:v>5.0000000000000001E-3</c:v>
                </c:pt>
                <c:pt idx="6134">
                  <c:v>5.0000000000000001E-3</c:v>
                </c:pt>
                <c:pt idx="6135">
                  <c:v>5.0000000000000001E-3</c:v>
                </c:pt>
                <c:pt idx="6136">
                  <c:v>5.0000000000000001E-3</c:v>
                </c:pt>
                <c:pt idx="6137">
                  <c:v>5.0000000000000001E-3</c:v>
                </c:pt>
                <c:pt idx="6138">
                  <c:v>5.0000000000000001E-3</c:v>
                </c:pt>
                <c:pt idx="6139">
                  <c:v>5.0000000000000001E-3</c:v>
                </c:pt>
                <c:pt idx="6140">
                  <c:v>5.0000000000000001E-3</c:v>
                </c:pt>
                <c:pt idx="6141">
                  <c:v>5.0000000000000001E-3</c:v>
                </c:pt>
                <c:pt idx="6142">
                  <c:v>5.0000000000000001E-3</c:v>
                </c:pt>
                <c:pt idx="6143">
                  <c:v>5.0000000000000001E-3</c:v>
                </c:pt>
                <c:pt idx="6144">
                  <c:v>5.0000000000000001E-3</c:v>
                </c:pt>
                <c:pt idx="6145">
                  <c:v>5.0000000000000001E-3</c:v>
                </c:pt>
                <c:pt idx="6146">
                  <c:v>5.0000000000000001E-3</c:v>
                </c:pt>
                <c:pt idx="6147">
                  <c:v>5.0000000000000001E-3</c:v>
                </c:pt>
                <c:pt idx="6148">
                  <c:v>5.0000000000000001E-3</c:v>
                </c:pt>
                <c:pt idx="6149">
                  <c:v>5.0000000000000001E-3</c:v>
                </c:pt>
                <c:pt idx="6150">
                  <c:v>5.0000000000000001E-3</c:v>
                </c:pt>
                <c:pt idx="6151">
                  <c:v>5.0000000000000001E-3</c:v>
                </c:pt>
                <c:pt idx="6152">
                  <c:v>5.0000000000000001E-3</c:v>
                </c:pt>
                <c:pt idx="6153">
                  <c:v>5.0000000000000001E-3</c:v>
                </c:pt>
                <c:pt idx="6154">
                  <c:v>5.0000000000000001E-3</c:v>
                </c:pt>
                <c:pt idx="6155">
                  <c:v>5.0000000000000001E-3</c:v>
                </c:pt>
                <c:pt idx="6156">
                  <c:v>5.0000000000000001E-3</c:v>
                </c:pt>
                <c:pt idx="6157">
                  <c:v>5.0000000000000001E-3</c:v>
                </c:pt>
                <c:pt idx="6158">
                  <c:v>5.0000000000000001E-3</c:v>
                </c:pt>
                <c:pt idx="6159">
                  <c:v>5.0000000000000001E-3</c:v>
                </c:pt>
                <c:pt idx="6160">
                  <c:v>5.0000000000000001E-3</c:v>
                </c:pt>
                <c:pt idx="6161">
                  <c:v>5.0000000000000001E-3</c:v>
                </c:pt>
                <c:pt idx="6162">
                  <c:v>5.0000000000000001E-3</c:v>
                </c:pt>
                <c:pt idx="6163">
                  <c:v>5.0000000000000001E-3</c:v>
                </c:pt>
                <c:pt idx="6164">
                  <c:v>5.0000000000000001E-3</c:v>
                </c:pt>
                <c:pt idx="6165">
                  <c:v>5.0000000000000001E-3</c:v>
                </c:pt>
                <c:pt idx="6166">
                  <c:v>5.0000000000000001E-3</c:v>
                </c:pt>
                <c:pt idx="6167">
                  <c:v>5.0000000000000001E-3</c:v>
                </c:pt>
                <c:pt idx="6168">
                  <c:v>5.0000000000000001E-3</c:v>
                </c:pt>
                <c:pt idx="6169">
                  <c:v>5.0000000000000001E-3</c:v>
                </c:pt>
                <c:pt idx="6170">
                  <c:v>5.0000000000000001E-3</c:v>
                </c:pt>
                <c:pt idx="6171">
                  <c:v>5.0000000000000001E-3</c:v>
                </c:pt>
                <c:pt idx="6172">
                  <c:v>5.0000000000000001E-3</c:v>
                </c:pt>
                <c:pt idx="6173">
                  <c:v>5.0000000000000001E-3</c:v>
                </c:pt>
                <c:pt idx="6174">
                  <c:v>5.0000000000000001E-3</c:v>
                </c:pt>
                <c:pt idx="6175">
                  <c:v>5.0000000000000001E-3</c:v>
                </c:pt>
                <c:pt idx="6176">
                  <c:v>5.0000000000000001E-3</c:v>
                </c:pt>
                <c:pt idx="6177">
                  <c:v>5.0000000000000001E-3</c:v>
                </c:pt>
                <c:pt idx="6178">
                  <c:v>5.0000000000000001E-3</c:v>
                </c:pt>
                <c:pt idx="6179">
                  <c:v>5.0000000000000001E-3</c:v>
                </c:pt>
                <c:pt idx="6180">
                  <c:v>5.0000000000000001E-3</c:v>
                </c:pt>
                <c:pt idx="6181">
                  <c:v>5.0000000000000001E-3</c:v>
                </c:pt>
                <c:pt idx="6182">
                  <c:v>5.0000000000000001E-3</c:v>
                </c:pt>
                <c:pt idx="6183">
                  <c:v>5.0000000000000001E-3</c:v>
                </c:pt>
                <c:pt idx="6184">
                  <c:v>5.0000000000000001E-3</c:v>
                </c:pt>
                <c:pt idx="6185">
                  <c:v>5.0000000000000001E-3</c:v>
                </c:pt>
                <c:pt idx="6186">
                  <c:v>5.0000000000000001E-3</c:v>
                </c:pt>
                <c:pt idx="6187">
                  <c:v>5.0000000000000001E-3</c:v>
                </c:pt>
                <c:pt idx="6188">
                  <c:v>5.0000000000000001E-3</c:v>
                </c:pt>
                <c:pt idx="6189">
                  <c:v>5.0000000000000001E-3</c:v>
                </c:pt>
                <c:pt idx="6190">
                  <c:v>5.0000000000000001E-3</c:v>
                </c:pt>
                <c:pt idx="6191">
                  <c:v>5.0000000000000001E-3</c:v>
                </c:pt>
                <c:pt idx="6192">
                  <c:v>5.0000000000000001E-3</c:v>
                </c:pt>
                <c:pt idx="6193">
                  <c:v>5.0000000000000001E-3</c:v>
                </c:pt>
                <c:pt idx="6194">
                  <c:v>5.0000000000000001E-3</c:v>
                </c:pt>
                <c:pt idx="6195">
                  <c:v>5.0000000000000001E-3</c:v>
                </c:pt>
                <c:pt idx="6196">
                  <c:v>5.0000000000000001E-3</c:v>
                </c:pt>
                <c:pt idx="6197">
                  <c:v>5.0000000000000001E-3</c:v>
                </c:pt>
                <c:pt idx="6198">
                  <c:v>5.0000000000000001E-3</c:v>
                </c:pt>
                <c:pt idx="6199">
                  <c:v>5.0000000000000001E-3</c:v>
                </c:pt>
                <c:pt idx="6200">
                  <c:v>5.0000000000000001E-3</c:v>
                </c:pt>
                <c:pt idx="6201">
                  <c:v>5.0000000000000001E-3</c:v>
                </c:pt>
                <c:pt idx="6202">
                  <c:v>5.0000000000000001E-3</c:v>
                </c:pt>
                <c:pt idx="6203">
                  <c:v>5.0000000000000001E-3</c:v>
                </c:pt>
                <c:pt idx="6204">
                  <c:v>5.0000000000000001E-3</c:v>
                </c:pt>
                <c:pt idx="6205">
                  <c:v>5.0000000000000001E-3</c:v>
                </c:pt>
                <c:pt idx="6206">
                  <c:v>5.0000000000000001E-3</c:v>
                </c:pt>
                <c:pt idx="6207">
                  <c:v>5.0000000000000001E-3</c:v>
                </c:pt>
                <c:pt idx="6208">
                  <c:v>5.0000000000000001E-3</c:v>
                </c:pt>
                <c:pt idx="6209">
                  <c:v>5.0000000000000001E-3</c:v>
                </c:pt>
                <c:pt idx="6210">
                  <c:v>5.0000000000000001E-3</c:v>
                </c:pt>
                <c:pt idx="6211">
                  <c:v>5.0000000000000001E-3</c:v>
                </c:pt>
                <c:pt idx="6212">
                  <c:v>5.0000000000000001E-3</c:v>
                </c:pt>
                <c:pt idx="6213">
                  <c:v>5.0000000000000001E-3</c:v>
                </c:pt>
                <c:pt idx="6214">
                  <c:v>5.0000000000000001E-3</c:v>
                </c:pt>
                <c:pt idx="6215">
                  <c:v>5.0000000000000001E-3</c:v>
                </c:pt>
                <c:pt idx="6216">
                  <c:v>5.0000000000000001E-3</c:v>
                </c:pt>
                <c:pt idx="6217">
                  <c:v>5.0000000000000001E-3</c:v>
                </c:pt>
                <c:pt idx="6218">
                  <c:v>5.0000000000000001E-3</c:v>
                </c:pt>
                <c:pt idx="6219">
                  <c:v>5.0000000000000001E-3</c:v>
                </c:pt>
                <c:pt idx="6220">
                  <c:v>5.0000000000000001E-3</c:v>
                </c:pt>
                <c:pt idx="6221">
                  <c:v>5.0000000000000001E-3</c:v>
                </c:pt>
                <c:pt idx="6222">
                  <c:v>5.0000000000000001E-3</c:v>
                </c:pt>
                <c:pt idx="6223">
                  <c:v>5.0000000000000001E-3</c:v>
                </c:pt>
                <c:pt idx="6224">
                  <c:v>5.0000000000000001E-3</c:v>
                </c:pt>
                <c:pt idx="6225">
                  <c:v>5.0000000000000001E-3</c:v>
                </c:pt>
                <c:pt idx="6226">
                  <c:v>5.0000000000000001E-3</c:v>
                </c:pt>
                <c:pt idx="6227">
                  <c:v>5.0000000000000001E-3</c:v>
                </c:pt>
                <c:pt idx="6228">
                  <c:v>5.0000000000000001E-3</c:v>
                </c:pt>
                <c:pt idx="6229">
                  <c:v>5.0000000000000001E-3</c:v>
                </c:pt>
                <c:pt idx="6230">
                  <c:v>5.0000000000000001E-3</c:v>
                </c:pt>
                <c:pt idx="6231">
                  <c:v>5.0000000000000001E-3</c:v>
                </c:pt>
                <c:pt idx="6232">
                  <c:v>5.0000000000000001E-3</c:v>
                </c:pt>
                <c:pt idx="6233">
                  <c:v>5.0000000000000001E-3</c:v>
                </c:pt>
                <c:pt idx="6234">
                  <c:v>5.0000000000000001E-3</c:v>
                </c:pt>
                <c:pt idx="6235">
                  <c:v>5.0000000000000001E-3</c:v>
                </c:pt>
                <c:pt idx="6236">
                  <c:v>5.0000000000000001E-3</c:v>
                </c:pt>
                <c:pt idx="6237">
                  <c:v>5.0000000000000001E-3</c:v>
                </c:pt>
                <c:pt idx="6238">
                  <c:v>5.0000000000000001E-3</c:v>
                </c:pt>
                <c:pt idx="6239">
                  <c:v>5.0000000000000001E-3</c:v>
                </c:pt>
                <c:pt idx="6240">
                  <c:v>5.0000000000000001E-3</c:v>
                </c:pt>
                <c:pt idx="6241">
                  <c:v>5.0000000000000001E-3</c:v>
                </c:pt>
                <c:pt idx="6242">
                  <c:v>5.0000000000000001E-3</c:v>
                </c:pt>
                <c:pt idx="6243">
                  <c:v>5.0000000000000001E-3</c:v>
                </c:pt>
                <c:pt idx="6244">
                  <c:v>5.0000000000000001E-3</c:v>
                </c:pt>
                <c:pt idx="6245">
                  <c:v>5.0000000000000001E-3</c:v>
                </c:pt>
                <c:pt idx="6246">
                  <c:v>5.0000000000000001E-3</c:v>
                </c:pt>
                <c:pt idx="6247">
                  <c:v>5.0000000000000001E-3</c:v>
                </c:pt>
                <c:pt idx="6248">
                  <c:v>5.0000000000000001E-3</c:v>
                </c:pt>
                <c:pt idx="6249">
                  <c:v>5.0000000000000001E-3</c:v>
                </c:pt>
                <c:pt idx="6250">
                  <c:v>5.0000000000000001E-3</c:v>
                </c:pt>
                <c:pt idx="6251">
                  <c:v>5.0000000000000001E-3</c:v>
                </c:pt>
                <c:pt idx="6252">
                  <c:v>5.0000000000000001E-3</c:v>
                </c:pt>
                <c:pt idx="6253">
                  <c:v>5.0000000000000001E-3</c:v>
                </c:pt>
                <c:pt idx="6254">
                  <c:v>5.0000000000000001E-3</c:v>
                </c:pt>
                <c:pt idx="6255">
                  <c:v>5.0000000000000001E-3</c:v>
                </c:pt>
                <c:pt idx="6256">
                  <c:v>5.0000000000000001E-3</c:v>
                </c:pt>
                <c:pt idx="6257">
                  <c:v>5.0000000000000001E-3</c:v>
                </c:pt>
                <c:pt idx="6258">
                  <c:v>5.0000000000000001E-3</c:v>
                </c:pt>
                <c:pt idx="6259">
                  <c:v>5.0000000000000001E-3</c:v>
                </c:pt>
                <c:pt idx="6260">
                  <c:v>5.0000000000000001E-3</c:v>
                </c:pt>
                <c:pt idx="6261">
                  <c:v>5.0000000000000001E-3</c:v>
                </c:pt>
                <c:pt idx="6262">
                  <c:v>5.0000000000000001E-3</c:v>
                </c:pt>
                <c:pt idx="6263">
                  <c:v>5.0000000000000001E-3</c:v>
                </c:pt>
                <c:pt idx="6264">
                  <c:v>5.0000000000000001E-3</c:v>
                </c:pt>
                <c:pt idx="6265">
                  <c:v>5.0000000000000001E-3</c:v>
                </c:pt>
                <c:pt idx="6266">
                  <c:v>5.0000000000000001E-3</c:v>
                </c:pt>
                <c:pt idx="6267">
                  <c:v>5.0000000000000001E-3</c:v>
                </c:pt>
                <c:pt idx="6268">
                  <c:v>5.0000000000000001E-3</c:v>
                </c:pt>
                <c:pt idx="6269">
                  <c:v>5.0000000000000001E-3</c:v>
                </c:pt>
                <c:pt idx="6270">
                  <c:v>5.0000000000000001E-3</c:v>
                </c:pt>
                <c:pt idx="6271">
                  <c:v>5.0000000000000001E-3</c:v>
                </c:pt>
                <c:pt idx="6272">
                  <c:v>5.0000000000000001E-3</c:v>
                </c:pt>
                <c:pt idx="6273">
                  <c:v>5.0000000000000001E-3</c:v>
                </c:pt>
                <c:pt idx="6274">
                  <c:v>5.0000000000000001E-3</c:v>
                </c:pt>
                <c:pt idx="6275">
                  <c:v>5.0000000000000001E-3</c:v>
                </c:pt>
                <c:pt idx="6276">
                  <c:v>5.0000000000000001E-3</c:v>
                </c:pt>
                <c:pt idx="6277">
                  <c:v>5.0000000000000001E-3</c:v>
                </c:pt>
                <c:pt idx="6278">
                  <c:v>5.0000000000000001E-3</c:v>
                </c:pt>
                <c:pt idx="6279">
                  <c:v>5.0000000000000001E-3</c:v>
                </c:pt>
                <c:pt idx="6280">
                  <c:v>5.0000000000000001E-3</c:v>
                </c:pt>
                <c:pt idx="6281">
                  <c:v>5.0000000000000001E-3</c:v>
                </c:pt>
                <c:pt idx="6282">
                  <c:v>5.0000000000000001E-3</c:v>
                </c:pt>
                <c:pt idx="6283">
                  <c:v>5.0000000000000001E-3</c:v>
                </c:pt>
                <c:pt idx="6284">
                  <c:v>5.0000000000000001E-3</c:v>
                </c:pt>
                <c:pt idx="6285">
                  <c:v>5.0000000000000001E-3</c:v>
                </c:pt>
                <c:pt idx="6286">
                  <c:v>5.0000000000000001E-3</c:v>
                </c:pt>
                <c:pt idx="6287">
                  <c:v>5.0000000000000001E-3</c:v>
                </c:pt>
                <c:pt idx="6288">
                  <c:v>5.0000000000000001E-3</c:v>
                </c:pt>
                <c:pt idx="6289">
                  <c:v>5.0000000000000001E-3</c:v>
                </c:pt>
                <c:pt idx="6290">
                  <c:v>5.0000000000000001E-3</c:v>
                </c:pt>
                <c:pt idx="6291">
                  <c:v>5.0000000000000001E-3</c:v>
                </c:pt>
                <c:pt idx="6292">
                  <c:v>5.0000000000000001E-3</c:v>
                </c:pt>
                <c:pt idx="6293">
                  <c:v>5.0000000000000001E-3</c:v>
                </c:pt>
                <c:pt idx="6294">
                  <c:v>5.0000000000000001E-3</c:v>
                </c:pt>
                <c:pt idx="6295">
                  <c:v>5.0000000000000001E-3</c:v>
                </c:pt>
                <c:pt idx="6296">
                  <c:v>5.0000000000000001E-3</c:v>
                </c:pt>
                <c:pt idx="6297">
                  <c:v>5.0000000000000001E-3</c:v>
                </c:pt>
                <c:pt idx="6298">
                  <c:v>5.0000000000000001E-3</c:v>
                </c:pt>
                <c:pt idx="6299">
                  <c:v>5.0000000000000001E-3</c:v>
                </c:pt>
                <c:pt idx="6300">
                  <c:v>5.0000000000000001E-3</c:v>
                </c:pt>
                <c:pt idx="6301">
                  <c:v>5.0000000000000001E-3</c:v>
                </c:pt>
                <c:pt idx="6302">
                  <c:v>5.0000000000000001E-3</c:v>
                </c:pt>
                <c:pt idx="6303">
                  <c:v>5.0000000000000001E-3</c:v>
                </c:pt>
                <c:pt idx="6304">
                  <c:v>5.0000000000000001E-3</c:v>
                </c:pt>
                <c:pt idx="6305">
                  <c:v>5.0000000000000001E-3</c:v>
                </c:pt>
                <c:pt idx="6306">
                  <c:v>5.0000000000000001E-3</c:v>
                </c:pt>
                <c:pt idx="6307">
                  <c:v>5.0000000000000001E-3</c:v>
                </c:pt>
                <c:pt idx="6308">
                  <c:v>5.0000000000000001E-3</c:v>
                </c:pt>
                <c:pt idx="6309">
                  <c:v>5.0000000000000001E-3</c:v>
                </c:pt>
                <c:pt idx="6310">
                  <c:v>5.0000000000000001E-3</c:v>
                </c:pt>
                <c:pt idx="6311">
                  <c:v>5.0000000000000001E-3</c:v>
                </c:pt>
                <c:pt idx="6312">
                  <c:v>5.0000000000000001E-3</c:v>
                </c:pt>
                <c:pt idx="6313">
                  <c:v>5.0000000000000001E-3</c:v>
                </c:pt>
                <c:pt idx="6314">
                  <c:v>5.0000000000000001E-3</c:v>
                </c:pt>
                <c:pt idx="6315">
                  <c:v>5.0000000000000001E-3</c:v>
                </c:pt>
                <c:pt idx="6316">
                  <c:v>5.0000000000000001E-3</c:v>
                </c:pt>
                <c:pt idx="6317">
                  <c:v>5.0000000000000001E-3</c:v>
                </c:pt>
                <c:pt idx="6318">
                  <c:v>5.0000000000000001E-3</c:v>
                </c:pt>
                <c:pt idx="6319">
                  <c:v>5.0000000000000001E-3</c:v>
                </c:pt>
                <c:pt idx="6320">
                  <c:v>5.0000000000000001E-3</c:v>
                </c:pt>
                <c:pt idx="6321">
                  <c:v>5.0000000000000001E-3</c:v>
                </c:pt>
                <c:pt idx="6322">
                  <c:v>5.0000000000000001E-3</c:v>
                </c:pt>
                <c:pt idx="6323">
                  <c:v>5.0000000000000001E-3</c:v>
                </c:pt>
                <c:pt idx="6324">
                  <c:v>5.0000000000000001E-3</c:v>
                </c:pt>
                <c:pt idx="6325">
                  <c:v>5.0000000000000001E-3</c:v>
                </c:pt>
                <c:pt idx="6326">
                  <c:v>5.0000000000000001E-3</c:v>
                </c:pt>
                <c:pt idx="6327">
                  <c:v>5.0000000000000001E-3</c:v>
                </c:pt>
                <c:pt idx="6328">
                  <c:v>5.0000000000000001E-3</c:v>
                </c:pt>
                <c:pt idx="6329">
                  <c:v>5.0000000000000001E-3</c:v>
                </c:pt>
                <c:pt idx="6330">
                  <c:v>5.0000000000000001E-3</c:v>
                </c:pt>
                <c:pt idx="6331">
                  <c:v>5.0000000000000001E-3</c:v>
                </c:pt>
                <c:pt idx="6332">
                  <c:v>5.0000000000000001E-3</c:v>
                </c:pt>
                <c:pt idx="6333">
                  <c:v>5.0000000000000001E-3</c:v>
                </c:pt>
                <c:pt idx="6334">
                  <c:v>5.0000000000000001E-3</c:v>
                </c:pt>
                <c:pt idx="6335">
                  <c:v>5.0000000000000001E-3</c:v>
                </c:pt>
                <c:pt idx="6336">
                  <c:v>5.0000000000000001E-3</c:v>
                </c:pt>
                <c:pt idx="6337">
                  <c:v>5.0000000000000001E-3</c:v>
                </c:pt>
                <c:pt idx="6338">
                  <c:v>5.0000000000000001E-3</c:v>
                </c:pt>
                <c:pt idx="6339">
                  <c:v>5.0000000000000001E-3</c:v>
                </c:pt>
                <c:pt idx="6340">
                  <c:v>5.0000000000000001E-3</c:v>
                </c:pt>
                <c:pt idx="6341">
                  <c:v>5.0000000000000001E-3</c:v>
                </c:pt>
                <c:pt idx="6342">
                  <c:v>5.0000000000000001E-3</c:v>
                </c:pt>
                <c:pt idx="6343">
                  <c:v>5.0000000000000001E-3</c:v>
                </c:pt>
                <c:pt idx="6344">
                  <c:v>5.0000000000000001E-3</c:v>
                </c:pt>
                <c:pt idx="6345">
                  <c:v>5.0000000000000001E-3</c:v>
                </c:pt>
                <c:pt idx="6346">
                  <c:v>5.0000000000000001E-3</c:v>
                </c:pt>
                <c:pt idx="6347">
                  <c:v>5.0000000000000001E-3</c:v>
                </c:pt>
                <c:pt idx="6348">
                  <c:v>5.0000000000000001E-3</c:v>
                </c:pt>
                <c:pt idx="6349">
                  <c:v>5.0000000000000001E-3</c:v>
                </c:pt>
                <c:pt idx="6350">
                  <c:v>5.0000000000000001E-3</c:v>
                </c:pt>
                <c:pt idx="6351">
                  <c:v>5.0000000000000001E-3</c:v>
                </c:pt>
                <c:pt idx="6352">
                  <c:v>5.0000000000000001E-3</c:v>
                </c:pt>
                <c:pt idx="6353">
                  <c:v>5.0000000000000001E-3</c:v>
                </c:pt>
                <c:pt idx="6354">
                  <c:v>5.0000000000000001E-3</c:v>
                </c:pt>
                <c:pt idx="6355">
                  <c:v>5.0000000000000001E-3</c:v>
                </c:pt>
                <c:pt idx="6356">
                  <c:v>5.0000000000000001E-3</c:v>
                </c:pt>
                <c:pt idx="6357">
                  <c:v>5.0000000000000001E-3</c:v>
                </c:pt>
                <c:pt idx="6358">
                  <c:v>5.0000000000000001E-3</c:v>
                </c:pt>
                <c:pt idx="6359">
                  <c:v>5.0000000000000001E-3</c:v>
                </c:pt>
                <c:pt idx="6360">
                  <c:v>5.0000000000000001E-3</c:v>
                </c:pt>
                <c:pt idx="6361">
                  <c:v>5.0000000000000001E-3</c:v>
                </c:pt>
                <c:pt idx="6362">
                  <c:v>5.0000000000000001E-3</c:v>
                </c:pt>
                <c:pt idx="6363">
                  <c:v>5.0000000000000001E-3</c:v>
                </c:pt>
                <c:pt idx="6364">
                  <c:v>5.0000000000000001E-3</c:v>
                </c:pt>
                <c:pt idx="6365">
                  <c:v>5.0000000000000001E-3</c:v>
                </c:pt>
                <c:pt idx="6366">
                  <c:v>5.0000000000000001E-3</c:v>
                </c:pt>
                <c:pt idx="6367">
                  <c:v>5.0000000000000001E-3</c:v>
                </c:pt>
                <c:pt idx="6368">
                  <c:v>5.0000000000000001E-3</c:v>
                </c:pt>
                <c:pt idx="6369">
                  <c:v>5.0000000000000001E-3</c:v>
                </c:pt>
                <c:pt idx="6370">
                  <c:v>5.0000000000000001E-3</c:v>
                </c:pt>
                <c:pt idx="6371">
                  <c:v>5.0000000000000001E-3</c:v>
                </c:pt>
                <c:pt idx="6372">
                  <c:v>5.0000000000000001E-3</c:v>
                </c:pt>
                <c:pt idx="6373">
                  <c:v>5.0000000000000001E-3</c:v>
                </c:pt>
                <c:pt idx="6374">
                  <c:v>5.0000000000000001E-3</c:v>
                </c:pt>
                <c:pt idx="6375">
                  <c:v>5.0000000000000001E-3</c:v>
                </c:pt>
                <c:pt idx="6376">
                  <c:v>5.0000000000000001E-3</c:v>
                </c:pt>
                <c:pt idx="6377">
                  <c:v>5.0000000000000001E-3</c:v>
                </c:pt>
                <c:pt idx="6378">
                  <c:v>5.0000000000000001E-3</c:v>
                </c:pt>
                <c:pt idx="6379">
                  <c:v>5.0000000000000001E-3</c:v>
                </c:pt>
                <c:pt idx="6380">
                  <c:v>5.0000000000000001E-3</c:v>
                </c:pt>
                <c:pt idx="6381">
                  <c:v>5.0000000000000001E-3</c:v>
                </c:pt>
                <c:pt idx="6382">
                  <c:v>5.0000000000000001E-3</c:v>
                </c:pt>
                <c:pt idx="6383">
                  <c:v>5.0000000000000001E-3</c:v>
                </c:pt>
                <c:pt idx="6384">
                  <c:v>5.0000000000000001E-3</c:v>
                </c:pt>
                <c:pt idx="6385">
                  <c:v>5.0000000000000001E-3</c:v>
                </c:pt>
                <c:pt idx="6386">
                  <c:v>5.0000000000000001E-3</c:v>
                </c:pt>
                <c:pt idx="6387">
                  <c:v>5.0000000000000001E-3</c:v>
                </c:pt>
                <c:pt idx="6388">
                  <c:v>5.0000000000000001E-3</c:v>
                </c:pt>
                <c:pt idx="6389">
                  <c:v>5.0000000000000001E-3</c:v>
                </c:pt>
                <c:pt idx="6390">
                  <c:v>5.0000000000000001E-3</c:v>
                </c:pt>
                <c:pt idx="6391">
                  <c:v>5.0000000000000001E-3</c:v>
                </c:pt>
                <c:pt idx="6392">
                  <c:v>5.0000000000000001E-3</c:v>
                </c:pt>
                <c:pt idx="6393">
                  <c:v>5.0000000000000001E-3</c:v>
                </c:pt>
                <c:pt idx="6394">
                  <c:v>5.0000000000000001E-3</c:v>
                </c:pt>
                <c:pt idx="6395">
                  <c:v>5.0000000000000001E-3</c:v>
                </c:pt>
                <c:pt idx="6396">
                  <c:v>5.0000000000000001E-3</c:v>
                </c:pt>
                <c:pt idx="6397">
                  <c:v>5.0000000000000001E-3</c:v>
                </c:pt>
                <c:pt idx="6398">
                  <c:v>5.0000000000000001E-3</c:v>
                </c:pt>
                <c:pt idx="6399">
                  <c:v>5.0000000000000001E-3</c:v>
                </c:pt>
                <c:pt idx="6400">
                  <c:v>5.0000000000000001E-3</c:v>
                </c:pt>
                <c:pt idx="6401">
                  <c:v>5.0000000000000001E-3</c:v>
                </c:pt>
                <c:pt idx="6402">
                  <c:v>7.4999999999999997E-3</c:v>
                </c:pt>
                <c:pt idx="6403">
                  <c:v>7.4999999999999997E-3</c:v>
                </c:pt>
                <c:pt idx="6404">
                  <c:v>7.4999999999999997E-3</c:v>
                </c:pt>
                <c:pt idx="6405">
                  <c:v>7.4999999999999997E-3</c:v>
                </c:pt>
                <c:pt idx="6406">
                  <c:v>7.4999999999999997E-3</c:v>
                </c:pt>
                <c:pt idx="6407">
                  <c:v>7.4999999999999997E-3</c:v>
                </c:pt>
                <c:pt idx="6408">
                  <c:v>7.4999999999999997E-3</c:v>
                </c:pt>
                <c:pt idx="6409">
                  <c:v>7.4999999999999997E-3</c:v>
                </c:pt>
                <c:pt idx="6410">
                  <c:v>7.4999999999999997E-3</c:v>
                </c:pt>
                <c:pt idx="6411">
                  <c:v>7.4999999999999997E-3</c:v>
                </c:pt>
                <c:pt idx="6412">
                  <c:v>7.4999999999999997E-3</c:v>
                </c:pt>
                <c:pt idx="6413">
                  <c:v>7.4999999999999997E-3</c:v>
                </c:pt>
                <c:pt idx="6414">
                  <c:v>7.4999999999999997E-3</c:v>
                </c:pt>
                <c:pt idx="6415">
                  <c:v>7.4999999999999997E-3</c:v>
                </c:pt>
                <c:pt idx="6416">
                  <c:v>7.4999999999999997E-3</c:v>
                </c:pt>
                <c:pt idx="6417">
                  <c:v>7.4999999999999997E-3</c:v>
                </c:pt>
                <c:pt idx="6418">
                  <c:v>7.4999999999999997E-3</c:v>
                </c:pt>
                <c:pt idx="6419">
                  <c:v>7.4999999999999997E-3</c:v>
                </c:pt>
                <c:pt idx="6420">
                  <c:v>7.4999999999999997E-3</c:v>
                </c:pt>
                <c:pt idx="6421">
                  <c:v>7.4999999999999997E-3</c:v>
                </c:pt>
                <c:pt idx="6422">
                  <c:v>7.4999999999999997E-3</c:v>
                </c:pt>
                <c:pt idx="6423">
                  <c:v>7.4999999999999997E-3</c:v>
                </c:pt>
                <c:pt idx="6424">
                  <c:v>7.4999999999999997E-3</c:v>
                </c:pt>
                <c:pt idx="6425">
                  <c:v>7.4999999999999997E-3</c:v>
                </c:pt>
                <c:pt idx="6426">
                  <c:v>7.4999999999999997E-3</c:v>
                </c:pt>
                <c:pt idx="6427">
                  <c:v>7.4999999999999997E-3</c:v>
                </c:pt>
                <c:pt idx="6428">
                  <c:v>7.4999999999999997E-3</c:v>
                </c:pt>
                <c:pt idx="6429">
                  <c:v>7.4999999999999997E-3</c:v>
                </c:pt>
                <c:pt idx="6430">
                  <c:v>7.4999999999999997E-3</c:v>
                </c:pt>
                <c:pt idx="6431">
                  <c:v>7.4999999999999997E-3</c:v>
                </c:pt>
                <c:pt idx="6432">
                  <c:v>7.4999999999999997E-3</c:v>
                </c:pt>
                <c:pt idx="6433">
                  <c:v>7.4999999999999997E-3</c:v>
                </c:pt>
                <c:pt idx="6434">
                  <c:v>7.4999999999999997E-3</c:v>
                </c:pt>
                <c:pt idx="6435">
                  <c:v>7.4999999999999997E-3</c:v>
                </c:pt>
                <c:pt idx="6436">
                  <c:v>7.4999999999999997E-3</c:v>
                </c:pt>
                <c:pt idx="6437">
                  <c:v>7.4999999999999997E-3</c:v>
                </c:pt>
                <c:pt idx="6438">
                  <c:v>7.4999999999999997E-3</c:v>
                </c:pt>
                <c:pt idx="6439">
                  <c:v>7.4999999999999997E-3</c:v>
                </c:pt>
                <c:pt idx="6440">
                  <c:v>7.4999999999999997E-3</c:v>
                </c:pt>
                <c:pt idx="6441">
                  <c:v>7.4999999999999997E-3</c:v>
                </c:pt>
                <c:pt idx="6442">
                  <c:v>7.4999999999999997E-3</c:v>
                </c:pt>
                <c:pt idx="6443">
                  <c:v>7.4999999999999997E-3</c:v>
                </c:pt>
                <c:pt idx="6444">
                  <c:v>7.4999999999999997E-3</c:v>
                </c:pt>
                <c:pt idx="6445">
                  <c:v>7.4999999999999997E-3</c:v>
                </c:pt>
                <c:pt idx="6446">
                  <c:v>7.4999999999999997E-3</c:v>
                </c:pt>
                <c:pt idx="6447">
                  <c:v>7.4999999999999997E-3</c:v>
                </c:pt>
                <c:pt idx="6448">
                  <c:v>7.4999999999999997E-3</c:v>
                </c:pt>
                <c:pt idx="6449">
                  <c:v>7.4999999999999997E-3</c:v>
                </c:pt>
                <c:pt idx="6450">
                  <c:v>7.4999999999999997E-3</c:v>
                </c:pt>
                <c:pt idx="6451">
                  <c:v>7.4999999999999997E-3</c:v>
                </c:pt>
                <c:pt idx="6452">
                  <c:v>7.4999999999999997E-3</c:v>
                </c:pt>
                <c:pt idx="6453">
                  <c:v>7.4999999999999997E-3</c:v>
                </c:pt>
                <c:pt idx="6454">
                  <c:v>7.4999999999999997E-3</c:v>
                </c:pt>
                <c:pt idx="6455">
                  <c:v>7.4999999999999997E-3</c:v>
                </c:pt>
                <c:pt idx="6456">
                  <c:v>7.4999999999999997E-3</c:v>
                </c:pt>
                <c:pt idx="6457">
                  <c:v>7.4999999999999997E-3</c:v>
                </c:pt>
                <c:pt idx="6458">
                  <c:v>0.01</c:v>
                </c:pt>
                <c:pt idx="6459">
                  <c:v>0.01</c:v>
                </c:pt>
                <c:pt idx="6460">
                  <c:v>0.01</c:v>
                </c:pt>
                <c:pt idx="6461">
                  <c:v>0.01</c:v>
                </c:pt>
                <c:pt idx="6462">
                  <c:v>0.01</c:v>
                </c:pt>
                <c:pt idx="6463">
                  <c:v>0.01</c:v>
                </c:pt>
                <c:pt idx="6464">
                  <c:v>0.01</c:v>
                </c:pt>
                <c:pt idx="6465">
                  <c:v>0.01</c:v>
                </c:pt>
                <c:pt idx="6466">
                  <c:v>0.01</c:v>
                </c:pt>
                <c:pt idx="6467">
                  <c:v>0.01</c:v>
                </c:pt>
                <c:pt idx="6468">
                  <c:v>0.01</c:v>
                </c:pt>
                <c:pt idx="6469">
                  <c:v>0.01</c:v>
                </c:pt>
                <c:pt idx="6470">
                  <c:v>0.01</c:v>
                </c:pt>
                <c:pt idx="6471">
                  <c:v>0.01</c:v>
                </c:pt>
                <c:pt idx="6472">
                  <c:v>0.01</c:v>
                </c:pt>
                <c:pt idx="6473">
                  <c:v>0.01</c:v>
                </c:pt>
                <c:pt idx="6474">
                  <c:v>0.01</c:v>
                </c:pt>
                <c:pt idx="6475">
                  <c:v>0.01</c:v>
                </c:pt>
                <c:pt idx="6476">
                  <c:v>0.01</c:v>
                </c:pt>
                <c:pt idx="6477">
                  <c:v>0.01</c:v>
                </c:pt>
                <c:pt idx="6478">
                  <c:v>0.01</c:v>
                </c:pt>
                <c:pt idx="6479">
                  <c:v>0.01</c:v>
                </c:pt>
                <c:pt idx="6480">
                  <c:v>0.01</c:v>
                </c:pt>
                <c:pt idx="6481">
                  <c:v>0.01</c:v>
                </c:pt>
                <c:pt idx="6482">
                  <c:v>0.01</c:v>
                </c:pt>
                <c:pt idx="6483">
                  <c:v>0.01</c:v>
                </c:pt>
                <c:pt idx="6484">
                  <c:v>0.01</c:v>
                </c:pt>
                <c:pt idx="6485">
                  <c:v>0.01</c:v>
                </c:pt>
                <c:pt idx="6486">
                  <c:v>0.01</c:v>
                </c:pt>
                <c:pt idx="6487">
                  <c:v>0.01</c:v>
                </c:pt>
                <c:pt idx="6488">
                  <c:v>0.01</c:v>
                </c:pt>
                <c:pt idx="6489">
                  <c:v>0.01</c:v>
                </c:pt>
                <c:pt idx="6490">
                  <c:v>0.01</c:v>
                </c:pt>
                <c:pt idx="6491">
                  <c:v>0.01</c:v>
                </c:pt>
                <c:pt idx="6492">
                  <c:v>0.01</c:v>
                </c:pt>
                <c:pt idx="6493">
                  <c:v>0.01</c:v>
                </c:pt>
                <c:pt idx="6494">
                  <c:v>0.01</c:v>
                </c:pt>
                <c:pt idx="6495">
                  <c:v>0.01</c:v>
                </c:pt>
                <c:pt idx="6496">
                  <c:v>0.01</c:v>
                </c:pt>
                <c:pt idx="6497">
                  <c:v>0.01</c:v>
                </c:pt>
                <c:pt idx="6498">
                  <c:v>0.01</c:v>
                </c:pt>
                <c:pt idx="6499">
                  <c:v>0.01</c:v>
                </c:pt>
                <c:pt idx="6500">
                  <c:v>0.01</c:v>
                </c:pt>
                <c:pt idx="6501">
                  <c:v>0.01</c:v>
                </c:pt>
                <c:pt idx="6502">
                  <c:v>0.01</c:v>
                </c:pt>
                <c:pt idx="6503">
                  <c:v>0.01</c:v>
                </c:pt>
                <c:pt idx="6504">
                  <c:v>0.01</c:v>
                </c:pt>
                <c:pt idx="6505">
                  <c:v>0.01</c:v>
                </c:pt>
                <c:pt idx="6506">
                  <c:v>0.01</c:v>
                </c:pt>
                <c:pt idx="6507">
                  <c:v>0.01</c:v>
                </c:pt>
                <c:pt idx="6508">
                  <c:v>0.01</c:v>
                </c:pt>
                <c:pt idx="6509">
                  <c:v>0.01</c:v>
                </c:pt>
                <c:pt idx="6510">
                  <c:v>0.01</c:v>
                </c:pt>
                <c:pt idx="6511">
                  <c:v>0.01</c:v>
                </c:pt>
                <c:pt idx="6512">
                  <c:v>0.01</c:v>
                </c:pt>
                <c:pt idx="6513">
                  <c:v>0.01</c:v>
                </c:pt>
                <c:pt idx="6514">
                  <c:v>0.01</c:v>
                </c:pt>
                <c:pt idx="6515">
                  <c:v>0.01</c:v>
                </c:pt>
                <c:pt idx="6516">
                  <c:v>0.01</c:v>
                </c:pt>
                <c:pt idx="6517">
                  <c:v>0.01</c:v>
                </c:pt>
                <c:pt idx="6518">
                  <c:v>0.01</c:v>
                </c:pt>
                <c:pt idx="6519">
                  <c:v>0.01</c:v>
                </c:pt>
                <c:pt idx="6520">
                  <c:v>0.01</c:v>
                </c:pt>
                <c:pt idx="6521">
                  <c:v>0.01</c:v>
                </c:pt>
                <c:pt idx="6522">
                  <c:v>0.01</c:v>
                </c:pt>
                <c:pt idx="6523">
                  <c:v>0.01</c:v>
                </c:pt>
                <c:pt idx="6524">
                  <c:v>0.01</c:v>
                </c:pt>
                <c:pt idx="6525">
                  <c:v>0.01</c:v>
                </c:pt>
                <c:pt idx="6526">
                  <c:v>0.01</c:v>
                </c:pt>
                <c:pt idx="6527">
                  <c:v>0.01</c:v>
                </c:pt>
                <c:pt idx="6528">
                  <c:v>0.01</c:v>
                </c:pt>
                <c:pt idx="6529">
                  <c:v>0.01</c:v>
                </c:pt>
                <c:pt idx="6530">
                  <c:v>0.01</c:v>
                </c:pt>
                <c:pt idx="6531">
                  <c:v>0.01</c:v>
                </c:pt>
                <c:pt idx="6532">
                  <c:v>0.01</c:v>
                </c:pt>
                <c:pt idx="6533">
                  <c:v>0.01</c:v>
                </c:pt>
                <c:pt idx="6534">
                  <c:v>0.01</c:v>
                </c:pt>
                <c:pt idx="6535">
                  <c:v>0.01</c:v>
                </c:pt>
                <c:pt idx="6536">
                  <c:v>0.01</c:v>
                </c:pt>
                <c:pt idx="6537">
                  <c:v>0.01</c:v>
                </c:pt>
                <c:pt idx="6538">
                  <c:v>0.01</c:v>
                </c:pt>
                <c:pt idx="6539">
                  <c:v>0.01</c:v>
                </c:pt>
                <c:pt idx="6540">
                  <c:v>0.01</c:v>
                </c:pt>
                <c:pt idx="6541">
                  <c:v>0.01</c:v>
                </c:pt>
                <c:pt idx="6542">
                  <c:v>0.01</c:v>
                </c:pt>
                <c:pt idx="6543">
                  <c:v>0.01</c:v>
                </c:pt>
                <c:pt idx="6544">
                  <c:v>0.01</c:v>
                </c:pt>
                <c:pt idx="6545">
                  <c:v>0.01</c:v>
                </c:pt>
                <c:pt idx="6546">
                  <c:v>0.01</c:v>
                </c:pt>
                <c:pt idx="6547">
                  <c:v>0.01</c:v>
                </c:pt>
                <c:pt idx="6548">
                  <c:v>0.01</c:v>
                </c:pt>
                <c:pt idx="6549">
                  <c:v>0.01</c:v>
                </c:pt>
                <c:pt idx="6550">
                  <c:v>0.01</c:v>
                </c:pt>
                <c:pt idx="6551">
                  <c:v>0.01</c:v>
                </c:pt>
                <c:pt idx="6552">
                  <c:v>0.01</c:v>
                </c:pt>
                <c:pt idx="6553">
                  <c:v>0.01</c:v>
                </c:pt>
                <c:pt idx="6554">
                  <c:v>0.01</c:v>
                </c:pt>
                <c:pt idx="6555">
                  <c:v>0.01</c:v>
                </c:pt>
                <c:pt idx="6556">
                  <c:v>0.01</c:v>
                </c:pt>
                <c:pt idx="6557">
                  <c:v>0.01</c:v>
                </c:pt>
                <c:pt idx="6558">
                  <c:v>0.01</c:v>
                </c:pt>
                <c:pt idx="6559">
                  <c:v>0.01</c:v>
                </c:pt>
                <c:pt idx="6560">
                  <c:v>0.01</c:v>
                </c:pt>
                <c:pt idx="6561">
                  <c:v>0.01</c:v>
                </c:pt>
                <c:pt idx="6562">
                  <c:v>0.01</c:v>
                </c:pt>
                <c:pt idx="6563">
                  <c:v>0.01</c:v>
                </c:pt>
                <c:pt idx="6564">
                  <c:v>0.01</c:v>
                </c:pt>
                <c:pt idx="6565">
                  <c:v>0.01</c:v>
                </c:pt>
                <c:pt idx="6566">
                  <c:v>0.01</c:v>
                </c:pt>
                <c:pt idx="6567">
                  <c:v>0.01</c:v>
                </c:pt>
                <c:pt idx="6568">
                  <c:v>0.01</c:v>
                </c:pt>
                <c:pt idx="6569">
                  <c:v>0.01</c:v>
                </c:pt>
                <c:pt idx="6570">
                  <c:v>0.01</c:v>
                </c:pt>
                <c:pt idx="6571">
                  <c:v>0.01</c:v>
                </c:pt>
                <c:pt idx="6572">
                  <c:v>0.01</c:v>
                </c:pt>
                <c:pt idx="6573">
                  <c:v>0.01</c:v>
                </c:pt>
                <c:pt idx="6574">
                  <c:v>0.01</c:v>
                </c:pt>
                <c:pt idx="6575">
                  <c:v>0.01</c:v>
                </c:pt>
                <c:pt idx="6576">
                  <c:v>0.01</c:v>
                </c:pt>
                <c:pt idx="6577">
                  <c:v>0.01</c:v>
                </c:pt>
                <c:pt idx="6578">
                  <c:v>0.01</c:v>
                </c:pt>
                <c:pt idx="6579">
                  <c:v>0.01</c:v>
                </c:pt>
                <c:pt idx="6580">
                  <c:v>0.01</c:v>
                </c:pt>
                <c:pt idx="6581">
                  <c:v>0.01</c:v>
                </c:pt>
                <c:pt idx="6582">
                  <c:v>0.01</c:v>
                </c:pt>
                <c:pt idx="6583">
                  <c:v>0.01</c:v>
                </c:pt>
                <c:pt idx="6584">
                  <c:v>0.01</c:v>
                </c:pt>
                <c:pt idx="6585">
                  <c:v>0.01</c:v>
                </c:pt>
                <c:pt idx="6586">
                  <c:v>0.01</c:v>
                </c:pt>
                <c:pt idx="6587">
                  <c:v>0.01</c:v>
                </c:pt>
                <c:pt idx="6588">
                  <c:v>0.01</c:v>
                </c:pt>
                <c:pt idx="6589">
                  <c:v>0.01</c:v>
                </c:pt>
                <c:pt idx="6590">
                  <c:v>0.01</c:v>
                </c:pt>
                <c:pt idx="6591">
                  <c:v>1.2500000000000001E-2</c:v>
                </c:pt>
                <c:pt idx="6592">
                  <c:v>1.2500000000000001E-2</c:v>
                </c:pt>
                <c:pt idx="6593">
                  <c:v>1.2500000000000001E-2</c:v>
                </c:pt>
                <c:pt idx="6594">
                  <c:v>1.2500000000000001E-2</c:v>
                </c:pt>
                <c:pt idx="6595">
                  <c:v>1.2500000000000001E-2</c:v>
                </c:pt>
                <c:pt idx="6596">
                  <c:v>1.2500000000000001E-2</c:v>
                </c:pt>
                <c:pt idx="6597">
                  <c:v>1.2500000000000001E-2</c:v>
                </c:pt>
                <c:pt idx="6598">
                  <c:v>1.2500000000000001E-2</c:v>
                </c:pt>
                <c:pt idx="6599">
                  <c:v>1.2500000000000001E-2</c:v>
                </c:pt>
                <c:pt idx="6600">
                  <c:v>1.2500000000000001E-2</c:v>
                </c:pt>
                <c:pt idx="6601">
                  <c:v>1.2500000000000001E-2</c:v>
                </c:pt>
                <c:pt idx="6602">
                  <c:v>1.2500000000000001E-2</c:v>
                </c:pt>
                <c:pt idx="6603">
                  <c:v>1.2500000000000001E-2</c:v>
                </c:pt>
                <c:pt idx="6604">
                  <c:v>1.2500000000000001E-2</c:v>
                </c:pt>
                <c:pt idx="6605">
                  <c:v>1.2500000000000001E-2</c:v>
                </c:pt>
                <c:pt idx="6606">
                  <c:v>1.2500000000000001E-2</c:v>
                </c:pt>
                <c:pt idx="6607">
                  <c:v>1.2500000000000001E-2</c:v>
                </c:pt>
                <c:pt idx="6608">
                  <c:v>1.2500000000000001E-2</c:v>
                </c:pt>
                <c:pt idx="6609">
                  <c:v>1.2500000000000001E-2</c:v>
                </c:pt>
                <c:pt idx="6610">
                  <c:v>1.2500000000000001E-2</c:v>
                </c:pt>
                <c:pt idx="6611">
                  <c:v>1.2500000000000001E-2</c:v>
                </c:pt>
                <c:pt idx="6612">
                  <c:v>1.2500000000000001E-2</c:v>
                </c:pt>
                <c:pt idx="6613">
                  <c:v>1.2500000000000001E-2</c:v>
                </c:pt>
                <c:pt idx="6614">
                  <c:v>1.2500000000000001E-2</c:v>
                </c:pt>
                <c:pt idx="6615">
                  <c:v>1.2500000000000001E-2</c:v>
                </c:pt>
                <c:pt idx="6616">
                  <c:v>1.2500000000000001E-2</c:v>
                </c:pt>
                <c:pt idx="6617">
                  <c:v>1.2500000000000001E-2</c:v>
                </c:pt>
                <c:pt idx="6618">
                  <c:v>1.2500000000000001E-2</c:v>
                </c:pt>
                <c:pt idx="6619">
                  <c:v>1.2500000000000001E-2</c:v>
                </c:pt>
                <c:pt idx="6620">
                  <c:v>1.2500000000000001E-2</c:v>
                </c:pt>
                <c:pt idx="6621">
                  <c:v>1.2500000000000001E-2</c:v>
                </c:pt>
                <c:pt idx="6622">
                  <c:v>1.2500000000000001E-2</c:v>
                </c:pt>
                <c:pt idx="6623">
                  <c:v>1.2500000000000001E-2</c:v>
                </c:pt>
                <c:pt idx="6624">
                  <c:v>1.2500000000000001E-2</c:v>
                </c:pt>
                <c:pt idx="6625">
                  <c:v>1.2500000000000001E-2</c:v>
                </c:pt>
                <c:pt idx="6626">
                  <c:v>1.2500000000000001E-2</c:v>
                </c:pt>
                <c:pt idx="6627">
                  <c:v>1.2500000000000001E-2</c:v>
                </c:pt>
                <c:pt idx="6628">
                  <c:v>1.2500000000000001E-2</c:v>
                </c:pt>
                <c:pt idx="6629">
                  <c:v>1.2500000000000001E-2</c:v>
                </c:pt>
                <c:pt idx="6630">
                  <c:v>1.2500000000000001E-2</c:v>
                </c:pt>
                <c:pt idx="6631">
                  <c:v>1.2500000000000001E-2</c:v>
                </c:pt>
                <c:pt idx="6632">
                  <c:v>1.2500000000000001E-2</c:v>
                </c:pt>
                <c:pt idx="6633">
                  <c:v>1.2500000000000001E-2</c:v>
                </c:pt>
                <c:pt idx="6634">
                  <c:v>1.2500000000000001E-2</c:v>
                </c:pt>
                <c:pt idx="6635">
                  <c:v>1.2500000000000001E-2</c:v>
                </c:pt>
                <c:pt idx="6636">
                  <c:v>1.2500000000000001E-2</c:v>
                </c:pt>
                <c:pt idx="6637">
                  <c:v>1.2500000000000001E-2</c:v>
                </c:pt>
                <c:pt idx="6638">
                  <c:v>1.2500000000000001E-2</c:v>
                </c:pt>
                <c:pt idx="6639">
                  <c:v>1.2500000000000001E-2</c:v>
                </c:pt>
                <c:pt idx="6640">
                  <c:v>1.2500000000000001E-2</c:v>
                </c:pt>
                <c:pt idx="6641">
                  <c:v>1.2500000000000001E-2</c:v>
                </c:pt>
                <c:pt idx="6642">
                  <c:v>1.2500000000000001E-2</c:v>
                </c:pt>
                <c:pt idx="6643">
                  <c:v>1.2500000000000001E-2</c:v>
                </c:pt>
                <c:pt idx="6644">
                  <c:v>1.2500000000000001E-2</c:v>
                </c:pt>
                <c:pt idx="6645">
                  <c:v>1.2500000000000001E-2</c:v>
                </c:pt>
                <c:pt idx="6646">
                  <c:v>1.2500000000000001E-2</c:v>
                </c:pt>
                <c:pt idx="6647">
                  <c:v>1.2500000000000001E-2</c:v>
                </c:pt>
                <c:pt idx="6648">
                  <c:v>1.2500000000000001E-2</c:v>
                </c:pt>
                <c:pt idx="6649">
                  <c:v>1.2500000000000001E-2</c:v>
                </c:pt>
                <c:pt idx="6650">
                  <c:v>1.2500000000000001E-2</c:v>
                </c:pt>
                <c:pt idx="6651">
                  <c:v>1.2500000000000001E-2</c:v>
                </c:pt>
                <c:pt idx="6652">
                  <c:v>1.2500000000000001E-2</c:v>
                </c:pt>
                <c:pt idx="6653">
                  <c:v>1.2500000000000001E-2</c:v>
                </c:pt>
                <c:pt idx="6654">
                  <c:v>1.2500000000000001E-2</c:v>
                </c:pt>
                <c:pt idx="6655">
                  <c:v>1.2500000000000001E-2</c:v>
                </c:pt>
                <c:pt idx="6656">
                  <c:v>1.2500000000000001E-2</c:v>
                </c:pt>
                <c:pt idx="6657">
                  <c:v>1.2500000000000001E-2</c:v>
                </c:pt>
                <c:pt idx="6658">
                  <c:v>1.2500000000000001E-2</c:v>
                </c:pt>
                <c:pt idx="6659">
                  <c:v>1.2500000000000001E-2</c:v>
                </c:pt>
                <c:pt idx="6660">
                  <c:v>1.2500000000000001E-2</c:v>
                </c:pt>
                <c:pt idx="6661">
                  <c:v>1.2500000000000001E-2</c:v>
                </c:pt>
                <c:pt idx="6662">
                  <c:v>1.2500000000000001E-2</c:v>
                </c:pt>
                <c:pt idx="6663">
                  <c:v>1.2500000000000001E-2</c:v>
                </c:pt>
                <c:pt idx="6664">
                  <c:v>1.2500000000000001E-2</c:v>
                </c:pt>
                <c:pt idx="6665">
                  <c:v>1.2500000000000001E-2</c:v>
                </c:pt>
                <c:pt idx="6666">
                  <c:v>1.2500000000000001E-2</c:v>
                </c:pt>
                <c:pt idx="6667">
                  <c:v>1.2500000000000001E-2</c:v>
                </c:pt>
                <c:pt idx="6668">
                  <c:v>1.2500000000000001E-2</c:v>
                </c:pt>
                <c:pt idx="6669">
                  <c:v>1.2500000000000001E-2</c:v>
                </c:pt>
                <c:pt idx="6670">
                  <c:v>1.2500000000000001E-2</c:v>
                </c:pt>
                <c:pt idx="6671">
                  <c:v>1.2500000000000001E-2</c:v>
                </c:pt>
                <c:pt idx="6672">
                  <c:v>1.2500000000000001E-2</c:v>
                </c:pt>
                <c:pt idx="6673">
                  <c:v>1.2500000000000001E-2</c:v>
                </c:pt>
                <c:pt idx="6674">
                  <c:v>1.2500000000000001E-2</c:v>
                </c:pt>
                <c:pt idx="6675">
                  <c:v>1.2500000000000001E-2</c:v>
                </c:pt>
                <c:pt idx="6676">
                  <c:v>1.2500000000000001E-2</c:v>
                </c:pt>
                <c:pt idx="6677">
                  <c:v>1.2500000000000001E-2</c:v>
                </c:pt>
                <c:pt idx="6678">
                  <c:v>1.2500000000000001E-2</c:v>
                </c:pt>
                <c:pt idx="6679">
                  <c:v>1.2500000000000001E-2</c:v>
                </c:pt>
                <c:pt idx="6680">
                  <c:v>1.2500000000000001E-2</c:v>
                </c:pt>
                <c:pt idx="6681">
                  <c:v>1.2500000000000001E-2</c:v>
                </c:pt>
                <c:pt idx="6682">
                  <c:v>1.2500000000000001E-2</c:v>
                </c:pt>
                <c:pt idx="6683">
                  <c:v>1.2500000000000001E-2</c:v>
                </c:pt>
                <c:pt idx="6684">
                  <c:v>1.2500000000000001E-2</c:v>
                </c:pt>
                <c:pt idx="6685">
                  <c:v>1.2500000000000001E-2</c:v>
                </c:pt>
                <c:pt idx="6686">
                  <c:v>1.2500000000000001E-2</c:v>
                </c:pt>
                <c:pt idx="6687">
                  <c:v>1.2500000000000001E-2</c:v>
                </c:pt>
                <c:pt idx="6688">
                  <c:v>1.2500000000000001E-2</c:v>
                </c:pt>
                <c:pt idx="6689">
                  <c:v>1.2500000000000001E-2</c:v>
                </c:pt>
                <c:pt idx="6690">
                  <c:v>1.2500000000000001E-2</c:v>
                </c:pt>
                <c:pt idx="6691">
                  <c:v>1.2500000000000001E-2</c:v>
                </c:pt>
                <c:pt idx="6692">
                  <c:v>1.2500000000000001E-2</c:v>
                </c:pt>
                <c:pt idx="6693">
                  <c:v>1.2500000000000001E-2</c:v>
                </c:pt>
                <c:pt idx="6694">
                  <c:v>1.2500000000000001E-2</c:v>
                </c:pt>
                <c:pt idx="6695">
                  <c:v>1.2500000000000001E-2</c:v>
                </c:pt>
                <c:pt idx="6696">
                  <c:v>1.2500000000000001E-2</c:v>
                </c:pt>
                <c:pt idx="6697">
                  <c:v>1.2500000000000001E-2</c:v>
                </c:pt>
                <c:pt idx="6698">
                  <c:v>1.2500000000000001E-2</c:v>
                </c:pt>
                <c:pt idx="6699">
                  <c:v>1.2500000000000001E-2</c:v>
                </c:pt>
                <c:pt idx="6700">
                  <c:v>1.2500000000000001E-2</c:v>
                </c:pt>
                <c:pt idx="6701">
                  <c:v>1.2500000000000001E-2</c:v>
                </c:pt>
                <c:pt idx="6702">
                  <c:v>1.2500000000000001E-2</c:v>
                </c:pt>
                <c:pt idx="6703">
                  <c:v>1.2500000000000001E-2</c:v>
                </c:pt>
                <c:pt idx="6704">
                  <c:v>1.2500000000000001E-2</c:v>
                </c:pt>
                <c:pt idx="6705">
                  <c:v>1.2500000000000001E-2</c:v>
                </c:pt>
                <c:pt idx="6706">
                  <c:v>1.2500000000000001E-2</c:v>
                </c:pt>
                <c:pt idx="6707">
                  <c:v>1.2500000000000001E-2</c:v>
                </c:pt>
                <c:pt idx="6708">
                  <c:v>1.2500000000000001E-2</c:v>
                </c:pt>
                <c:pt idx="6709">
                  <c:v>1.2500000000000001E-2</c:v>
                </c:pt>
                <c:pt idx="6710">
                  <c:v>1.2500000000000001E-2</c:v>
                </c:pt>
                <c:pt idx="6711">
                  <c:v>1.2500000000000001E-2</c:v>
                </c:pt>
                <c:pt idx="6712">
                  <c:v>1.2500000000000001E-2</c:v>
                </c:pt>
                <c:pt idx="6713">
                  <c:v>1.2500000000000001E-2</c:v>
                </c:pt>
                <c:pt idx="6714">
                  <c:v>1.2500000000000001E-2</c:v>
                </c:pt>
                <c:pt idx="6715">
                  <c:v>1.2500000000000001E-2</c:v>
                </c:pt>
                <c:pt idx="6716">
                  <c:v>1.2500000000000001E-2</c:v>
                </c:pt>
                <c:pt idx="6717">
                  <c:v>1.2500000000000001E-2</c:v>
                </c:pt>
                <c:pt idx="6718">
                  <c:v>1.2500000000000001E-2</c:v>
                </c:pt>
                <c:pt idx="6719">
                  <c:v>1.2500000000000001E-2</c:v>
                </c:pt>
                <c:pt idx="6720">
                  <c:v>1.2500000000000001E-2</c:v>
                </c:pt>
                <c:pt idx="6721">
                  <c:v>1.2500000000000001E-2</c:v>
                </c:pt>
                <c:pt idx="6722">
                  <c:v>1.2500000000000001E-2</c:v>
                </c:pt>
                <c:pt idx="6723">
                  <c:v>1.2500000000000001E-2</c:v>
                </c:pt>
                <c:pt idx="6724">
                  <c:v>1.2500000000000001E-2</c:v>
                </c:pt>
                <c:pt idx="6725">
                  <c:v>1.2500000000000001E-2</c:v>
                </c:pt>
                <c:pt idx="6726">
                  <c:v>1.2500000000000001E-2</c:v>
                </c:pt>
                <c:pt idx="6727">
                  <c:v>1.2500000000000001E-2</c:v>
                </c:pt>
                <c:pt idx="6728">
                  <c:v>1.2500000000000001E-2</c:v>
                </c:pt>
                <c:pt idx="6729">
                  <c:v>1.2500000000000001E-2</c:v>
                </c:pt>
                <c:pt idx="6730">
                  <c:v>1.2500000000000001E-2</c:v>
                </c:pt>
                <c:pt idx="6731">
                  <c:v>1.2500000000000001E-2</c:v>
                </c:pt>
                <c:pt idx="6732">
                  <c:v>1.2500000000000001E-2</c:v>
                </c:pt>
                <c:pt idx="6733">
                  <c:v>1.2500000000000001E-2</c:v>
                </c:pt>
                <c:pt idx="6734">
                  <c:v>1.2500000000000001E-2</c:v>
                </c:pt>
                <c:pt idx="6735">
                  <c:v>1.2500000000000001E-2</c:v>
                </c:pt>
                <c:pt idx="6736">
                  <c:v>1.2500000000000001E-2</c:v>
                </c:pt>
                <c:pt idx="6737">
                  <c:v>1.2500000000000001E-2</c:v>
                </c:pt>
                <c:pt idx="6738">
                  <c:v>1.2500000000000001E-2</c:v>
                </c:pt>
                <c:pt idx="6739">
                  <c:v>1.2500000000000001E-2</c:v>
                </c:pt>
                <c:pt idx="6740">
                  <c:v>1.2500000000000001E-2</c:v>
                </c:pt>
                <c:pt idx="6741">
                  <c:v>1.2500000000000001E-2</c:v>
                </c:pt>
                <c:pt idx="6742">
                  <c:v>1.2500000000000001E-2</c:v>
                </c:pt>
                <c:pt idx="6743">
                  <c:v>1.2500000000000001E-2</c:v>
                </c:pt>
                <c:pt idx="6744">
                  <c:v>1.2500000000000001E-2</c:v>
                </c:pt>
                <c:pt idx="6745">
                  <c:v>1.2500000000000001E-2</c:v>
                </c:pt>
                <c:pt idx="6746">
                  <c:v>1.2500000000000001E-2</c:v>
                </c:pt>
                <c:pt idx="6747">
                  <c:v>1.2500000000000001E-2</c:v>
                </c:pt>
                <c:pt idx="6748">
                  <c:v>1.2500000000000001E-2</c:v>
                </c:pt>
                <c:pt idx="6749">
                  <c:v>1.2500000000000001E-2</c:v>
                </c:pt>
                <c:pt idx="6750">
                  <c:v>1.2500000000000001E-2</c:v>
                </c:pt>
                <c:pt idx="6751">
                  <c:v>1.2500000000000001E-2</c:v>
                </c:pt>
                <c:pt idx="6752">
                  <c:v>1.2500000000000001E-2</c:v>
                </c:pt>
                <c:pt idx="6753">
                  <c:v>1.2500000000000001E-2</c:v>
                </c:pt>
                <c:pt idx="6754">
                  <c:v>1.2500000000000001E-2</c:v>
                </c:pt>
                <c:pt idx="6755">
                  <c:v>1.2500000000000001E-2</c:v>
                </c:pt>
                <c:pt idx="6756">
                  <c:v>1.2500000000000001E-2</c:v>
                </c:pt>
                <c:pt idx="6757">
                  <c:v>1.2500000000000001E-2</c:v>
                </c:pt>
                <c:pt idx="6758">
                  <c:v>1.2500000000000001E-2</c:v>
                </c:pt>
                <c:pt idx="6759">
                  <c:v>1.2500000000000001E-2</c:v>
                </c:pt>
                <c:pt idx="6760">
                  <c:v>1.2500000000000001E-2</c:v>
                </c:pt>
                <c:pt idx="6761">
                  <c:v>1.2500000000000001E-2</c:v>
                </c:pt>
                <c:pt idx="6762">
                  <c:v>1.2500000000000001E-2</c:v>
                </c:pt>
                <c:pt idx="6763">
                  <c:v>1.2500000000000001E-2</c:v>
                </c:pt>
                <c:pt idx="6764">
                  <c:v>1.2500000000000001E-2</c:v>
                </c:pt>
                <c:pt idx="6765">
                  <c:v>1.2500000000000001E-2</c:v>
                </c:pt>
                <c:pt idx="6766">
                  <c:v>1.4999999999999999E-2</c:v>
                </c:pt>
                <c:pt idx="6767">
                  <c:v>1.4999999999999999E-2</c:v>
                </c:pt>
                <c:pt idx="6768">
                  <c:v>1.4999999999999999E-2</c:v>
                </c:pt>
                <c:pt idx="6769">
                  <c:v>1.4999999999999999E-2</c:v>
                </c:pt>
                <c:pt idx="6770">
                  <c:v>1.4999999999999999E-2</c:v>
                </c:pt>
                <c:pt idx="6771">
                  <c:v>1.4999999999999999E-2</c:v>
                </c:pt>
                <c:pt idx="6772">
                  <c:v>1.4999999999999999E-2</c:v>
                </c:pt>
                <c:pt idx="6773">
                  <c:v>1.4999999999999999E-2</c:v>
                </c:pt>
                <c:pt idx="6774">
                  <c:v>1.4999999999999999E-2</c:v>
                </c:pt>
                <c:pt idx="6775">
                  <c:v>1.4999999999999999E-2</c:v>
                </c:pt>
                <c:pt idx="6776">
                  <c:v>1.4999999999999999E-2</c:v>
                </c:pt>
                <c:pt idx="6777">
                  <c:v>1.4999999999999999E-2</c:v>
                </c:pt>
                <c:pt idx="6778">
                  <c:v>1.4999999999999999E-2</c:v>
                </c:pt>
                <c:pt idx="6779">
                  <c:v>1.4999999999999999E-2</c:v>
                </c:pt>
                <c:pt idx="6780">
                  <c:v>1.4999999999999999E-2</c:v>
                </c:pt>
                <c:pt idx="6781">
                  <c:v>1.4999999999999999E-2</c:v>
                </c:pt>
                <c:pt idx="6782">
                  <c:v>1.4999999999999999E-2</c:v>
                </c:pt>
                <c:pt idx="6783">
                  <c:v>1.4999999999999999E-2</c:v>
                </c:pt>
                <c:pt idx="6784">
                  <c:v>1.4999999999999999E-2</c:v>
                </c:pt>
                <c:pt idx="6785">
                  <c:v>1.4999999999999999E-2</c:v>
                </c:pt>
                <c:pt idx="6786">
                  <c:v>1.4999999999999999E-2</c:v>
                </c:pt>
                <c:pt idx="6787">
                  <c:v>1.4999999999999999E-2</c:v>
                </c:pt>
                <c:pt idx="6788">
                  <c:v>1.4999999999999999E-2</c:v>
                </c:pt>
                <c:pt idx="6789">
                  <c:v>1.4999999999999999E-2</c:v>
                </c:pt>
                <c:pt idx="6790">
                  <c:v>1.4999999999999999E-2</c:v>
                </c:pt>
                <c:pt idx="6791">
                  <c:v>1.4999999999999999E-2</c:v>
                </c:pt>
                <c:pt idx="6792">
                  <c:v>1.4999999999999999E-2</c:v>
                </c:pt>
                <c:pt idx="6793">
                  <c:v>1.4999999999999999E-2</c:v>
                </c:pt>
                <c:pt idx="6794">
                  <c:v>1.4999999999999999E-2</c:v>
                </c:pt>
                <c:pt idx="6795">
                  <c:v>1.4999999999999999E-2</c:v>
                </c:pt>
                <c:pt idx="6796">
                  <c:v>1.4999999999999999E-2</c:v>
                </c:pt>
                <c:pt idx="6797">
                  <c:v>1.4999999999999999E-2</c:v>
                </c:pt>
                <c:pt idx="6798">
                  <c:v>1.4999999999999999E-2</c:v>
                </c:pt>
                <c:pt idx="6799">
                  <c:v>1.4999999999999999E-2</c:v>
                </c:pt>
                <c:pt idx="6800">
                  <c:v>1.4999999999999999E-2</c:v>
                </c:pt>
                <c:pt idx="6801">
                  <c:v>1.4999999999999999E-2</c:v>
                </c:pt>
                <c:pt idx="6802">
                  <c:v>1.4999999999999999E-2</c:v>
                </c:pt>
                <c:pt idx="6803">
                  <c:v>1.4999999999999999E-2</c:v>
                </c:pt>
                <c:pt idx="6804">
                  <c:v>1.4999999999999999E-2</c:v>
                </c:pt>
                <c:pt idx="6805">
                  <c:v>1.4999999999999999E-2</c:v>
                </c:pt>
                <c:pt idx="6806">
                  <c:v>1.4999999999999999E-2</c:v>
                </c:pt>
                <c:pt idx="6807">
                  <c:v>1.4999999999999999E-2</c:v>
                </c:pt>
                <c:pt idx="6808">
                  <c:v>1.4999999999999999E-2</c:v>
                </c:pt>
                <c:pt idx="6809">
                  <c:v>1.4999999999999999E-2</c:v>
                </c:pt>
                <c:pt idx="6810">
                  <c:v>1.4999999999999999E-2</c:v>
                </c:pt>
                <c:pt idx="6811">
                  <c:v>1.4999999999999999E-2</c:v>
                </c:pt>
                <c:pt idx="6812">
                  <c:v>1.4999999999999999E-2</c:v>
                </c:pt>
                <c:pt idx="6813">
                  <c:v>1.4999999999999999E-2</c:v>
                </c:pt>
                <c:pt idx="6814">
                  <c:v>1.4999999999999999E-2</c:v>
                </c:pt>
                <c:pt idx="6815">
                  <c:v>1.4999999999999999E-2</c:v>
                </c:pt>
                <c:pt idx="6816">
                  <c:v>1.4999999999999999E-2</c:v>
                </c:pt>
                <c:pt idx="6817">
                  <c:v>1.4999999999999999E-2</c:v>
                </c:pt>
                <c:pt idx="6818">
                  <c:v>1.4999999999999999E-2</c:v>
                </c:pt>
                <c:pt idx="6819">
                  <c:v>1.4999999999999999E-2</c:v>
                </c:pt>
                <c:pt idx="6820">
                  <c:v>1.4999999999999999E-2</c:v>
                </c:pt>
                <c:pt idx="6821">
                  <c:v>1.4999999999999999E-2</c:v>
                </c:pt>
                <c:pt idx="6822">
                  <c:v>1.4999999999999999E-2</c:v>
                </c:pt>
                <c:pt idx="6823">
                  <c:v>1.4999999999999999E-2</c:v>
                </c:pt>
                <c:pt idx="6824">
                  <c:v>1.4999999999999999E-2</c:v>
                </c:pt>
                <c:pt idx="6825">
                  <c:v>1.4999999999999999E-2</c:v>
                </c:pt>
                <c:pt idx="6826">
                  <c:v>1.4999999999999999E-2</c:v>
                </c:pt>
                <c:pt idx="6827">
                  <c:v>1.4999999999999999E-2</c:v>
                </c:pt>
                <c:pt idx="6828">
                  <c:v>1.4999999999999999E-2</c:v>
                </c:pt>
                <c:pt idx="6829">
                  <c:v>1.4999999999999999E-2</c:v>
                </c:pt>
                <c:pt idx="6830">
                  <c:v>1.4999999999999999E-2</c:v>
                </c:pt>
                <c:pt idx="6831">
                  <c:v>1.4999999999999999E-2</c:v>
                </c:pt>
                <c:pt idx="6832">
                  <c:v>1.4999999999999999E-2</c:v>
                </c:pt>
                <c:pt idx="6833">
                  <c:v>1.4999999999999999E-2</c:v>
                </c:pt>
                <c:pt idx="6834">
                  <c:v>1.4999999999999999E-2</c:v>
                </c:pt>
                <c:pt idx="6835">
                  <c:v>1.4999999999999999E-2</c:v>
                </c:pt>
                <c:pt idx="6836">
                  <c:v>1.4999999999999999E-2</c:v>
                </c:pt>
                <c:pt idx="6837">
                  <c:v>1.4999999999999999E-2</c:v>
                </c:pt>
                <c:pt idx="6838">
                  <c:v>1.4999999999999999E-2</c:v>
                </c:pt>
                <c:pt idx="6839">
                  <c:v>1.4999999999999999E-2</c:v>
                </c:pt>
                <c:pt idx="6840">
                  <c:v>1.4999999999999999E-2</c:v>
                </c:pt>
                <c:pt idx="6841">
                  <c:v>1.4999999999999999E-2</c:v>
                </c:pt>
                <c:pt idx="6842">
                  <c:v>1.4999999999999999E-2</c:v>
                </c:pt>
                <c:pt idx="6843">
                  <c:v>1.4999999999999999E-2</c:v>
                </c:pt>
                <c:pt idx="6844">
                  <c:v>1.4999999999999999E-2</c:v>
                </c:pt>
                <c:pt idx="6845">
                  <c:v>1.4999999999999999E-2</c:v>
                </c:pt>
                <c:pt idx="6846">
                  <c:v>1.4999999999999999E-2</c:v>
                </c:pt>
                <c:pt idx="6847">
                  <c:v>1.4999999999999999E-2</c:v>
                </c:pt>
                <c:pt idx="6848">
                  <c:v>1.4999999999999999E-2</c:v>
                </c:pt>
                <c:pt idx="6849">
                  <c:v>1.4999999999999999E-2</c:v>
                </c:pt>
                <c:pt idx="6850">
                  <c:v>1.4999999999999999E-2</c:v>
                </c:pt>
                <c:pt idx="6851">
                  <c:v>1.4999999999999999E-2</c:v>
                </c:pt>
                <c:pt idx="6852">
                  <c:v>1.4999999999999999E-2</c:v>
                </c:pt>
                <c:pt idx="6853">
                  <c:v>1.4999999999999999E-2</c:v>
                </c:pt>
                <c:pt idx="6854">
                  <c:v>1.4999999999999999E-2</c:v>
                </c:pt>
                <c:pt idx="6855">
                  <c:v>1.4999999999999999E-2</c:v>
                </c:pt>
                <c:pt idx="6856">
                  <c:v>1.4999999999999999E-2</c:v>
                </c:pt>
                <c:pt idx="6857">
                  <c:v>1.4999999999999999E-2</c:v>
                </c:pt>
                <c:pt idx="6858">
                  <c:v>1.4999999999999999E-2</c:v>
                </c:pt>
                <c:pt idx="6859">
                  <c:v>1.4999999999999999E-2</c:v>
                </c:pt>
                <c:pt idx="6860">
                  <c:v>1.4999999999999999E-2</c:v>
                </c:pt>
                <c:pt idx="6861">
                  <c:v>1.4999999999999999E-2</c:v>
                </c:pt>
                <c:pt idx="6862">
                  <c:v>1.4999999999999999E-2</c:v>
                </c:pt>
                <c:pt idx="6863">
                  <c:v>1.4999999999999999E-2</c:v>
                </c:pt>
                <c:pt idx="6864">
                  <c:v>1.4999999999999999E-2</c:v>
                </c:pt>
                <c:pt idx="6865">
                  <c:v>1.4999999999999999E-2</c:v>
                </c:pt>
                <c:pt idx="6866">
                  <c:v>1.4999999999999999E-2</c:v>
                </c:pt>
                <c:pt idx="6867">
                  <c:v>1.4999999999999999E-2</c:v>
                </c:pt>
                <c:pt idx="6868">
                  <c:v>1.4999999999999999E-2</c:v>
                </c:pt>
                <c:pt idx="6869">
                  <c:v>1.4999999999999999E-2</c:v>
                </c:pt>
                <c:pt idx="6870">
                  <c:v>1.4999999999999999E-2</c:v>
                </c:pt>
                <c:pt idx="6871">
                  <c:v>1.7500000000000002E-2</c:v>
                </c:pt>
                <c:pt idx="6872">
                  <c:v>1.7500000000000002E-2</c:v>
                </c:pt>
                <c:pt idx="6873">
                  <c:v>1.7500000000000002E-2</c:v>
                </c:pt>
                <c:pt idx="6874">
                  <c:v>1.7500000000000002E-2</c:v>
                </c:pt>
                <c:pt idx="6875">
                  <c:v>1.7500000000000002E-2</c:v>
                </c:pt>
                <c:pt idx="6876">
                  <c:v>1.7500000000000002E-2</c:v>
                </c:pt>
                <c:pt idx="6877">
                  <c:v>1.7500000000000002E-2</c:v>
                </c:pt>
                <c:pt idx="6878">
                  <c:v>1.7500000000000002E-2</c:v>
                </c:pt>
                <c:pt idx="6879">
                  <c:v>1.7500000000000002E-2</c:v>
                </c:pt>
                <c:pt idx="6880">
                  <c:v>1.7500000000000002E-2</c:v>
                </c:pt>
                <c:pt idx="6881">
                  <c:v>1.7500000000000002E-2</c:v>
                </c:pt>
                <c:pt idx="6882">
                  <c:v>1.7500000000000002E-2</c:v>
                </c:pt>
                <c:pt idx="6883">
                  <c:v>1.7500000000000002E-2</c:v>
                </c:pt>
                <c:pt idx="6884">
                  <c:v>1.7500000000000002E-2</c:v>
                </c:pt>
                <c:pt idx="6885">
                  <c:v>1.7500000000000002E-2</c:v>
                </c:pt>
                <c:pt idx="6886">
                  <c:v>1.7500000000000002E-2</c:v>
                </c:pt>
                <c:pt idx="6887">
                  <c:v>1.7500000000000002E-2</c:v>
                </c:pt>
                <c:pt idx="6888">
                  <c:v>1.7500000000000002E-2</c:v>
                </c:pt>
                <c:pt idx="6889">
                  <c:v>1.7500000000000002E-2</c:v>
                </c:pt>
                <c:pt idx="6890">
                  <c:v>1.7500000000000002E-2</c:v>
                </c:pt>
                <c:pt idx="6891">
                  <c:v>1.7500000000000002E-2</c:v>
                </c:pt>
                <c:pt idx="6892">
                  <c:v>1.7500000000000002E-2</c:v>
                </c:pt>
                <c:pt idx="6893">
                  <c:v>1.7500000000000002E-2</c:v>
                </c:pt>
                <c:pt idx="6894">
                  <c:v>1.7500000000000002E-2</c:v>
                </c:pt>
                <c:pt idx="6895">
                  <c:v>1.7500000000000002E-2</c:v>
                </c:pt>
                <c:pt idx="6896">
                  <c:v>1.7500000000000002E-2</c:v>
                </c:pt>
                <c:pt idx="6897">
                  <c:v>1.7500000000000002E-2</c:v>
                </c:pt>
                <c:pt idx="6898">
                  <c:v>1.7500000000000002E-2</c:v>
                </c:pt>
                <c:pt idx="6899">
                  <c:v>1.7500000000000002E-2</c:v>
                </c:pt>
                <c:pt idx="6900">
                  <c:v>1.7500000000000002E-2</c:v>
                </c:pt>
                <c:pt idx="6901">
                  <c:v>1.7500000000000002E-2</c:v>
                </c:pt>
                <c:pt idx="6902">
                  <c:v>1.7500000000000002E-2</c:v>
                </c:pt>
                <c:pt idx="6903">
                  <c:v>1.7500000000000002E-2</c:v>
                </c:pt>
                <c:pt idx="6904">
                  <c:v>1.7500000000000002E-2</c:v>
                </c:pt>
                <c:pt idx="6905">
                  <c:v>1.7500000000000002E-2</c:v>
                </c:pt>
                <c:pt idx="6906">
                  <c:v>1.7500000000000002E-2</c:v>
                </c:pt>
                <c:pt idx="6907">
                  <c:v>1.7500000000000002E-2</c:v>
                </c:pt>
                <c:pt idx="6908">
                  <c:v>1.7500000000000002E-2</c:v>
                </c:pt>
                <c:pt idx="6909">
                  <c:v>1.7500000000000002E-2</c:v>
                </c:pt>
                <c:pt idx="6910">
                  <c:v>1.7500000000000002E-2</c:v>
                </c:pt>
                <c:pt idx="6911">
                  <c:v>1.7500000000000002E-2</c:v>
                </c:pt>
                <c:pt idx="6912">
                  <c:v>1.7500000000000002E-2</c:v>
                </c:pt>
                <c:pt idx="6913">
                  <c:v>1.7500000000000002E-2</c:v>
                </c:pt>
                <c:pt idx="6914">
                  <c:v>1.7500000000000002E-2</c:v>
                </c:pt>
                <c:pt idx="6915">
                  <c:v>1.7500000000000002E-2</c:v>
                </c:pt>
                <c:pt idx="6916">
                  <c:v>1.7500000000000002E-2</c:v>
                </c:pt>
                <c:pt idx="6917">
                  <c:v>1.7500000000000002E-2</c:v>
                </c:pt>
                <c:pt idx="6918">
                  <c:v>1.7500000000000002E-2</c:v>
                </c:pt>
                <c:pt idx="6919">
                  <c:v>1.7500000000000002E-2</c:v>
                </c:pt>
                <c:pt idx="6920">
                  <c:v>1.7500000000000002E-2</c:v>
                </c:pt>
                <c:pt idx="6921">
                  <c:v>1.7500000000000002E-2</c:v>
                </c:pt>
                <c:pt idx="6922">
                  <c:v>1.7500000000000002E-2</c:v>
                </c:pt>
                <c:pt idx="6923">
                  <c:v>1.7500000000000002E-2</c:v>
                </c:pt>
                <c:pt idx="6924">
                  <c:v>1.7500000000000002E-2</c:v>
                </c:pt>
                <c:pt idx="6925">
                  <c:v>1.7500000000000002E-2</c:v>
                </c:pt>
                <c:pt idx="6926">
                  <c:v>1.7500000000000002E-2</c:v>
                </c:pt>
                <c:pt idx="6927">
                  <c:v>1.7500000000000002E-2</c:v>
                </c:pt>
                <c:pt idx="6928">
                  <c:v>1.7500000000000002E-2</c:v>
                </c:pt>
                <c:pt idx="6929">
                  <c:v>1.7500000000000002E-2</c:v>
                </c:pt>
                <c:pt idx="6930">
                  <c:v>1.7500000000000002E-2</c:v>
                </c:pt>
                <c:pt idx="6931">
                  <c:v>1.7500000000000002E-2</c:v>
                </c:pt>
                <c:pt idx="6932">
                  <c:v>1.7500000000000002E-2</c:v>
                </c:pt>
                <c:pt idx="6933">
                  <c:v>1.7500000000000002E-2</c:v>
                </c:pt>
                <c:pt idx="6934">
                  <c:v>1.7500000000000002E-2</c:v>
                </c:pt>
                <c:pt idx="6935">
                  <c:v>1.7500000000000002E-2</c:v>
                </c:pt>
                <c:pt idx="6936">
                  <c:v>1.7500000000000002E-2</c:v>
                </c:pt>
                <c:pt idx="6937">
                  <c:v>1.7500000000000002E-2</c:v>
                </c:pt>
                <c:pt idx="6938">
                  <c:v>1.7500000000000002E-2</c:v>
                </c:pt>
                <c:pt idx="6939">
                  <c:v>1.7500000000000002E-2</c:v>
                </c:pt>
                <c:pt idx="6940">
                  <c:v>1.7500000000000002E-2</c:v>
                </c:pt>
                <c:pt idx="6941">
                  <c:v>1.7500000000000002E-2</c:v>
                </c:pt>
                <c:pt idx="6942">
                  <c:v>1.7500000000000002E-2</c:v>
                </c:pt>
                <c:pt idx="6943">
                  <c:v>1.7500000000000002E-2</c:v>
                </c:pt>
                <c:pt idx="6944">
                  <c:v>1.7500000000000002E-2</c:v>
                </c:pt>
                <c:pt idx="6945">
                  <c:v>1.7500000000000002E-2</c:v>
                </c:pt>
                <c:pt idx="6946">
                  <c:v>1.7500000000000002E-2</c:v>
                </c:pt>
                <c:pt idx="6947">
                  <c:v>1.7500000000000002E-2</c:v>
                </c:pt>
                <c:pt idx="6948">
                  <c:v>1.7500000000000002E-2</c:v>
                </c:pt>
                <c:pt idx="6949">
                  <c:v>1.7500000000000002E-2</c:v>
                </c:pt>
                <c:pt idx="6950">
                  <c:v>1.7500000000000002E-2</c:v>
                </c:pt>
                <c:pt idx="6951">
                  <c:v>1.7500000000000002E-2</c:v>
                </c:pt>
                <c:pt idx="6952">
                  <c:v>1.7500000000000002E-2</c:v>
                </c:pt>
                <c:pt idx="6953">
                  <c:v>1.7500000000000002E-2</c:v>
                </c:pt>
                <c:pt idx="6954">
                  <c:v>1.7500000000000002E-2</c:v>
                </c:pt>
                <c:pt idx="6955">
                  <c:v>1.7500000000000002E-2</c:v>
                </c:pt>
                <c:pt idx="6956">
                  <c:v>1.7500000000000002E-2</c:v>
                </c:pt>
                <c:pt idx="6957">
                  <c:v>1.7500000000000002E-2</c:v>
                </c:pt>
                <c:pt idx="6958">
                  <c:v>1.7500000000000002E-2</c:v>
                </c:pt>
                <c:pt idx="6959">
                  <c:v>1.7500000000000002E-2</c:v>
                </c:pt>
                <c:pt idx="6960">
                  <c:v>1.7500000000000002E-2</c:v>
                </c:pt>
                <c:pt idx="6961">
                  <c:v>1.7500000000000002E-2</c:v>
                </c:pt>
                <c:pt idx="6962">
                  <c:v>1.7500000000000002E-2</c:v>
                </c:pt>
                <c:pt idx="6963">
                  <c:v>1.7500000000000002E-2</c:v>
                </c:pt>
                <c:pt idx="6964">
                  <c:v>1.7500000000000002E-2</c:v>
                </c:pt>
                <c:pt idx="6965">
                  <c:v>1.7500000000000002E-2</c:v>
                </c:pt>
                <c:pt idx="6966">
                  <c:v>1.7500000000000002E-2</c:v>
                </c:pt>
                <c:pt idx="6967">
                  <c:v>1.7500000000000002E-2</c:v>
                </c:pt>
                <c:pt idx="6968">
                  <c:v>1.7500000000000002E-2</c:v>
                </c:pt>
                <c:pt idx="6969">
                  <c:v>1.7500000000000002E-2</c:v>
                </c:pt>
                <c:pt idx="6970">
                  <c:v>1.7500000000000002E-2</c:v>
                </c:pt>
                <c:pt idx="6971">
                  <c:v>1.7500000000000002E-2</c:v>
                </c:pt>
                <c:pt idx="6972">
                  <c:v>1.7500000000000002E-2</c:v>
                </c:pt>
                <c:pt idx="6973">
                  <c:v>1.7500000000000002E-2</c:v>
                </c:pt>
                <c:pt idx="6974">
                  <c:v>1.7500000000000002E-2</c:v>
                </c:pt>
                <c:pt idx="6975">
                  <c:v>1.7500000000000002E-2</c:v>
                </c:pt>
                <c:pt idx="6976">
                  <c:v>1.7500000000000002E-2</c:v>
                </c:pt>
                <c:pt idx="6977">
                  <c:v>1.7500000000000002E-2</c:v>
                </c:pt>
                <c:pt idx="6978">
                  <c:v>1.7500000000000002E-2</c:v>
                </c:pt>
                <c:pt idx="6979">
                  <c:v>1.7500000000000002E-2</c:v>
                </c:pt>
                <c:pt idx="6980">
                  <c:v>1.7500000000000002E-2</c:v>
                </c:pt>
                <c:pt idx="6981">
                  <c:v>1.7500000000000002E-2</c:v>
                </c:pt>
                <c:pt idx="6982">
                  <c:v>1.7500000000000002E-2</c:v>
                </c:pt>
                <c:pt idx="6983">
                  <c:v>1.7500000000000002E-2</c:v>
                </c:pt>
                <c:pt idx="6984">
                  <c:v>1.7500000000000002E-2</c:v>
                </c:pt>
                <c:pt idx="6985">
                  <c:v>1.7500000000000002E-2</c:v>
                </c:pt>
                <c:pt idx="6986">
                  <c:v>1.7500000000000002E-2</c:v>
                </c:pt>
                <c:pt idx="6987">
                  <c:v>1.7500000000000002E-2</c:v>
                </c:pt>
                <c:pt idx="6988">
                  <c:v>1.7500000000000002E-2</c:v>
                </c:pt>
                <c:pt idx="6989">
                  <c:v>1.7500000000000002E-2</c:v>
                </c:pt>
                <c:pt idx="6990">
                  <c:v>1.7500000000000002E-2</c:v>
                </c:pt>
                <c:pt idx="6991">
                  <c:v>1.7500000000000002E-2</c:v>
                </c:pt>
                <c:pt idx="6992">
                  <c:v>1.7500000000000002E-2</c:v>
                </c:pt>
                <c:pt idx="6993">
                  <c:v>1.7500000000000002E-2</c:v>
                </c:pt>
                <c:pt idx="6994">
                  <c:v>1.7500000000000002E-2</c:v>
                </c:pt>
                <c:pt idx="6995">
                  <c:v>1.7500000000000002E-2</c:v>
                </c:pt>
                <c:pt idx="6996">
                  <c:v>1.7500000000000002E-2</c:v>
                </c:pt>
                <c:pt idx="6997">
                  <c:v>1.7500000000000002E-2</c:v>
                </c:pt>
                <c:pt idx="6998">
                  <c:v>1.7500000000000002E-2</c:v>
                </c:pt>
                <c:pt idx="6999">
                  <c:v>1.7500000000000002E-2</c:v>
                </c:pt>
                <c:pt idx="7000">
                  <c:v>1.7500000000000002E-2</c:v>
                </c:pt>
                <c:pt idx="7001">
                  <c:v>1.7500000000000002E-2</c:v>
                </c:pt>
                <c:pt idx="7002">
                  <c:v>1.7500000000000002E-2</c:v>
                </c:pt>
                <c:pt idx="7003">
                  <c:v>1.7500000000000002E-2</c:v>
                </c:pt>
                <c:pt idx="7004">
                  <c:v>1.7500000000000002E-2</c:v>
                </c:pt>
                <c:pt idx="7005">
                  <c:v>1.7500000000000002E-2</c:v>
                </c:pt>
                <c:pt idx="7006">
                  <c:v>1.7500000000000002E-2</c:v>
                </c:pt>
                <c:pt idx="7007">
                  <c:v>1.7500000000000002E-2</c:v>
                </c:pt>
                <c:pt idx="7008">
                  <c:v>1.7500000000000002E-2</c:v>
                </c:pt>
                <c:pt idx="7009">
                  <c:v>1.7500000000000002E-2</c:v>
                </c:pt>
                <c:pt idx="7010">
                  <c:v>1.7500000000000002E-2</c:v>
                </c:pt>
                <c:pt idx="7011">
                  <c:v>1.7500000000000002E-2</c:v>
                </c:pt>
                <c:pt idx="7012">
                  <c:v>1.7500000000000002E-2</c:v>
                </c:pt>
                <c:pt idx="7013">
                  <c:v>1.7500000000000002E-2</c:v>
                </c:pt>
                <c:pt idx="7014">
                  <c:v>1.7500000000000002E-2</c:v>
                </c:pt>
                <c:pt idx="7015">
                  <c:v>1.7500000000000002E-2</c:v>
                </c:pt>
                <c:pt idx="7016">
                  <c:v>1.7500000000000002E-2</c:v>
                </c:pt>
                <c:pt idx="7017">
                  <c:v>1.7500000000000002E-2</c:v>
                </c:pt>
                <c:pt idx="7018">
                  <c:v>1.7500000000000002E-2</c:v>
                </c:pt>
                <c:pt idx="7019">
                  <c:v>1.7500000000000002E-2</c:v>
                </c:pt>
                <c:pt idx="7020">
                  <c:v>1.7500000000000002E-2</c:v>
                </c:pt>
                <c:pt idx="7021">
                  <c:v>1.7500000000000002E-2</c:v>
                </c:pt>
                <c:pt idx="7022">
                  <c:v>1.7500000000000002E-2</c:v>
                </c:pt>
                <c:pt idx="7023">
                  <c:v>1.7500000000000002E-2</c:v>
                </c:pt>
                <c:pt idx="7024">
                  <c:v>1.7500000000000002E-2</c:v>
                </c:pt>
                <c:pt idx="7025">
                  <c:v>1.7500000000000002E-2</c:v>
                </c:pt>
                <c:pt idx="7026">
                  <c:v>1.7500000000000002E-2</c:v>
                </c:pt>
                <c:pt idx="7027">
                  <c:v>1.7500000000000002E-2</c:v>
                </c:pt>
                <c:pt idx="7028">
                  <c:v>1.7500000000000002E-2</c:v>
                </c:pt>
                <c:pt idx="7029">
                  <c:v>1.7500000000000002E-2</c:v>
                </c:pt>
                <c:pt idx="7030">
                  <c:v>1.7500000000000002E-2</c:v>
                </c:pt>
                <c:pt idx="7031">
                  <c:v>1.7500000000000002E-2</c:v>
                </c:pt>
                <c:pt idx="7032">
                  <c:v>1.7500000000000002E-2</c:v>
                </c:pt>
                <c:pt idx="7033">
                  <c:v>1.7500000000000002E-2</c:v>
                </c:pt>
                <c:pt idx="7034">
                  <c:v>1.7500000000000002E-2</c:v>
                </c:pt>
                <c:pt idx="7035">
                  <c:v>1.7500000000000002E-2</c:v>
                </c:pt>
                <c:pt idx="7036">
                  <c:v>1.7500000000000002E-2</c:v>
                </c:pt>
                <c:pt idx="7037">
                  <c:v>1.7500000000000002E-2</c:v>
                </c:pt>
                <c:pt idx="7038">
                  <c:v>1.7500000000000002E-2</c:v>
                </c:pt>
                <c:pt idx="7039">
                  <c:v>1.7500000000000002E-2</c:v>
                </c:pt>
                <c:pt idx="7040">
                  <c:v>1.7500000000000002E-2</c:v>
                </c:pt>
                <c:pt idx="7041">
                  <c:v>1.7500000000000002E-2</c:v>
                </c:pt>
                <c:pt idx="7042">
                  <c:v>1.7500000000000002E-2</c:v>
                </c:pt>
                <c:pt idx="7043">
                  <c:v>1.7500000000000002E-2</c:v>
                </c:pt>
                <c:pt idx="7044">
                  <c:v>1.7500000000000002E-2</c:v>
                </c:pt>
                <c:pt idx="7045">
                  <c:v>1.7500000000000002E-2</c:v>
                </c:pt>
                <c:pt idx="7046">
                  <c:v>1.7500000000000002E-2</c:v>
                </c:pt>
                <c:pt idx="7047">
                  <c:v>1.7500000000000002E-2</c:v>
                </c:pt>
                <c:pt idx="7048">
                  <c:v>1.7500000000000002E-2</c:v>
                </c:pt>
                <c:pt idx="7049">
                  <c:v>1.7500000000000002E-2</c:v>
                </c:pt>
                <c:pt idx="7050">
                  <c:v>1.7500000000000002E-2</c:v>
                </c:pt>
                <c:pt idx="7051">
                  <c:v>1.7500000000000002E-2</c:v>
                </c:pt>
                <c:pt idx="7052">
                  <c:v>1.7500000000000002E-2</c:v>
                </c:pt>
                <c:pt idx="7053">
                  <c:v>1.7500000000000002E-2</c:v>
                </c:pt>
                <c:pt idx="7054">
                  <c:v>1.7500000000000002E-2</c:v>
                </c:pt>
                <c:pt idx="7055">
                  <c:v>1.7500000000000002E-2</c:v>
                </c:pt>
                <c:pt idx="7056">
                  <c:v>1.7500000000000002E-2</c:v>
                </c:pt>
                <c:pt idx="7057">
                  <c:v>1.7500000000000002E-2</c:v>
                </c:pt>
                <c:pt idx="7058">
                  <c:v>1.7500000000000002E-2</c:v>
                </c:pt>
                <c:pt idx="7059">
                  <c:v>1.7500000000000002E-2</c:v>
                </c:pt>
                <c:pt idx="7060">
                  <c:v>1.7500000000000002E-2</c:v>
                </c:pt>
                <c:pt idx="7061">
                  <c:v>1.7500000000000002E-2</c:v>
                </c:pt>
                <c:pt idx="7062">
                  <c:v>1.7500000000000002E-2</c:v>
                </c:pt>
                <c:pt idx="7063">
                  <c:v>1.7500000000000002E-2</c:v>
                </c:pt>
                <c:pt idx="7064">
                  <c:v>1.7500000000000002E-2</c:v>
                </c:pt>
                <c:pt idx="7065">
                  <c:v>1.7500000000000002E-2</c:v>
                </c:pt>
                <c:pt idx="7066">
                  <c:v>1.7500000000000002E-2</c:v>
                </c:pt>
                <c:pt idx="7067">
                  <c:v>1.7500000000000002E-2</c:v>
                </c:pt>
                <c:pt idx="7068">
                  <c:v>1.7500000000000002E-2</c:v>
                </c:pt>
                <c:pt idx="7069">
                  <c:v>1.7500000000000002E-2</c:v>
                </c:pt>
                <c:pt idx="7070">
                  <c:v>1.7500000000000002E-2</c:v>
                </c:pt>
                <c:pt idx="7071">
                  <c:v>1.7500000000000002E-2</c:v>
                </c:pt>
                <c:pt idx="7072">
                  <c:v>1.7500000000000002E-2</c:v>
                </c:pt>
                <c:pt idx="7073">
                  <c:v>1.7500000000000002E-2</c:v>
                </c:pt>
                <c:pt idx="7074">
                  <c:v>1.7500000000000002E-2</c:v>
                </c:pt>
                <c:pt idx="7075">
                  <c:v>1.7500000000000002E-2</c:v>
                </c:pt>
                <c:pt idx="7076">
                  <c:v>1.7500000000000002E-2</c:v>
                </c:pt>
                <c:pt idx="7077">
                  <c:v>1.7500000000000002E-2</c:v>
                </c:pt>
                <c:pt idx="7078">
                  <c:v>1.7500000000000002E-2</c:v>
                </c:pt>
                <c:pt idx="7079">
                  <c:v>1.7500000000000002E-2</c:v>
                </c:pt>
                <c:pt idx="7080">
                  <c:v>1.7500000000000002E-2</c:v>
                </c:pt>
                <c:pt idx="7081">
                  <c:v>1.7500000000000002E-2</c:v>
                </c:pt>
                <c:pt idx="7082">
                  <c:v>1.7500000000000002E-2</c:v>
                </c:pt>
                <c:pt idx="7083">
                  <c:v>1.7500000000000002E-2</c:v>
                </c:pt>
                <c:pt idx="7084">
                  <c:v>1.7500000000000002E-2</c:v>
                </c:pt>
                <c:pt idx="7085">
                  <c:v>1.7500000000000002E-2</c:v>
                </c:pt>
                <c:pt idx="7086">
                  <c:v>1.7500000000000002E-2</c:v>
                </c:pt>
                <c:pt idx="7087">
                  <c:v>1.7500000000000002E-2</c:v>
                </c:pt>
                <c:pt idx="7088">
                  <c:v>1.7500000000000002E-2</c:v>
                </c:pt>
                <c:pt idx="7089">
                  <c:v>1.7500000000000002E-2</c:v>
                </c:pt>
                <c:pt idx="7090">
                  <c:v>1.7500000000000002E-2</c:v>
                </c:pt>
                <c:pt idx="7091">
                  <c:v>1.7500000000000002E-2</c:v>
                </c:pt>
                <c:pt idx="7092">
                  <c:v>1.7500000000000002E-2</c:v>
                </c:pt>
                <c:pt idx="7093">
                  <c:v>1.7500000000000002E-2</c:v>
                </c:pt>
                <c:pt idx="7094">
                  <c:v>1.7500000000000002E-2</c:v>
                </c:pt>
                <c:pt idx="7095">
                  <c:v>1.7500000000000002E-2</c:v>
                </c:pt>
                <c:pt idx="7096">
                  <c:v>1.7500000000000002E-2</c:v>
                </c:pt>
                <c:pt idx="7097">
                  <c:v>1.7500000000000002E-2</c:v>
                </c:pt>
                <c:pt idx="7098">
                  <c:v>1.7500000000000002E-2</c:v>
                </c:pt>
                <c:pt idx="7099">
                  <c:v>1.7500000000000002E-2</c:v>
                </c:pt>
                <c:pt idx="7100">
                  <c:v>1.7500000000000002E-2</c:v>
                </c:pt>
                <c:pt idx="7101">
                  <c:v>1.7500000000000002E-2</c:v>
                </c:pt>
                <c:pt idx="7102">
                  <c:v>1.7500000000000002E-2</c:v>
                </c:pt>
                <c:pt idx="7103">
                  <c:v>1.7500000000000002E-2</c:v>
                </c:pt>
                <c:pt idx="7104">
                  <c:v>1.7500000000000002E-2</c:v>
                </c:pt>
                <c:pt idx="7105">
                  <c:v>1.7500000000000002E-2</c:v>
                </c:pt>
                <c:pt idx="7106">
                  <c:v>1.7500000000000002E-2</c:v>
                </c:pt>
                <c:pt idx="7107">
                  <c:v>1.7500000000000002E-2</c:v>
                </c:pt>
                <c:pt idx="7108">
                  <c:v>1.7500000000000002E-2</c:v>
                </c:pt>
                <c:pt idx="7109">
                  <c:v>1.7500000000000002E-2</c:v>
                </c:pt>
                <c:pt idx="7110">
                  <c:v>1.7500000000000002E-2</c:v>
                </c:pt>
                <c:pt idx="7111">
                  <c:v>1.7500000000000002E-2</c:v>
                </c:pt>
                <c:pt idx="7112">
                  <c:v>1.7500000000000002E-2</c:v>
                </c:pt>
                <c:pt idx="7113">
                  <c:v>1.7500000000000002E-2</c:v>
                </c:pt>
                <c:pt idx="7114">
                  <c:v>1.7500000000000002E-2</c:v>
                </c:pt>
                <c:pt idx="7115">
                  <c:v>1.7500000000000002E-2</c:v>
                </c:pt>
                <c:pt idx="7116">
                  <c:v>1.7500000000000002E-2</c:v>
                </c:pt>
                <c:pt idx="7117">
                  <c:v>1.7500000000000002E-2</c:v>
                </c:pt>
                <c:pt idx="7118">
                  <c:v>1.7500000000000002E-2</c:v>
                </c:pt>
                <c:pt idx="7119">
                  <c:v>1.7500000000000002E-2</c:v>
                </c:pt>
                <c:pt idx="7120">
                  <c:v>1.7500000000000002E-2</c:v>
                </c:pt>
                <c:pt idx="7121">
                  <c:v>1.7500000000000002E-2</c:v>
                </c:pt>
                <c:pt idx="7122">
                  <c:v>1.7500000000000002E-2</c:v>
                </c:pt>
                <c:pt idx="7123">
                  <c:v>1.7500000000000002E-2</c:v>
                </c:pt>
                <c:pt idx="7124">
                  <c:v>1.7500000000000002E-2</c:v>
                </c:pt>
                <c:pt idx="7125">
                  <c:v>1.7500000000000002E-2</c:v>
                </c:pt>
                <c:pt idx="7126">
                  <c:v>1.7500000000000002E-2</c:v>
                </c:pt>
                <c:pt idx="7127">
                  <c:v>1.7500000000000002E-2</c:v>
                </c:pt>
                <c:pt idx="7128">
                  <c:v>1.7500000000000002E-2</c:v>
                </c:pt>
                <c:pt idx="7129">
                  <c:v>1.7500000000000002E-2</c:v>
                </c:pt>
                <c:pt idx="7130">
                  <c:v>1.7500000000000002E-2</c:v>
                </c:pt>
                <c:pt idx="7131">
                  <c:v>1.7500000000000002E-2</c:v>
                </c:pt>
                <c:pt idx="7132">
                  <c:v>1.7500000000000002E-2</c:v>
                </c:pt>
                <c:pt idx="7133">
                  <c:v>1.7500000000000002E-2</c:v>
                </c:pt>
                <c:pt idx="7134">
                  <c:v>1.7500000000000002E-2</c:v>
                </c:pt>
                <c:pt idx="7135">
                  <c:v>1.7500000000000002E-2</c:v>
                </c:pt>
                <c:pt idx="7136">
                  <c:v>1.7500000000000002E-2</c:v>
                </c:pt>
                <c:pt idx="7137">
                  <c:v>1.7500000000000002E-2</c:v>
                </c:pt>
                <c:pt idx="7138">
                  <c:v>1.7500000000000002E-2</c:v>
                </c:pt>
                <c:pt idx="7139">
                  <c:v>1.7500000000000002E-2</c:v>
                </c:pt>
                <c:pt idx="7140">
                  <c:v>1.7500000000000002E-2</c:v>
                </c:pt>
                <c:pt idx="7141">
                  <c:v>1.7500000000000002E-2</c:v>
                </c:pt>
                <c:pt idx="7142">
                  <c:v>1.7500000000000002E-2</c:v>
                </c:pt>
                <c:pt idx="7143">
                  <c:v>1.7500000000000002E-2</c:v>
                </c:pt>
                <c:pt idx="7144">
                  <c:v>1.7500000000000002E-2</c:v>
                </c:pt>
                <c:pt idx="7145">
                  <c:v>1.7500000000000002E-2</c:v>
                </c:pt>
                <c:pt idx="7146">
                  <c:v>1.7500000000000002E-2</c:v>
                </c:pt>
                <c:pt idx="7147">
                  <c:v>1.7500000000000002E-2</c:v>
                </c:pt>
                <c:pt idx="7148">
                  <c:v>1.7500000000000002E-2</c:v>
                </c:pt>
                <c:pt idx="7149">
                  <c:v>1.7500000000000002E-2</c:v>
                </c:pt>
                <c:pt idx="7150">
                  <c:v>1.7500000000000002E-2</c:v>
                </c:pt>
                <c:pt idx="7151">
                  <c:v>1.7500000000000002E-2</c:v>
                </c:pt>
                <c:pt idx="7152">
                  <c:v>1.7500000000000002E-2</c:v>
                </c:pt>
                <c:pt idx="7153">
                  <c:v>1.7500000000000002E-2</c:v>
                </c:pt>
                <c:pt idx="7154">
                  <c:v>1.7500000000000002E-2</c:v>
                </c:pt>
                <c:pt idx="7155">
                  <c:v>1.7500000000000002E-2</c:v>
                </c:pt>
                <c:pt idx="7156">
                  <c:v>1.7500000000000002E-2</c:v>
                </c:pt>
                <c:pt idx="7157">
                  <c:v>1.7500000000000002E-2</c:v>
                </c:pt>
                <c:pt idx="7158">
                  <c:v>1.7500000000000002E-2</c:v>
                </c:pt>
                <c:pt idx="7159">
                  <c:v>1.7500000000000002E-2</c:v>
                </c:pt>
                <c:pt idx="7160">
                  <c:v>1.7500000000000002E-2</c:v>
                </c:pt>
                <c:pt idx="7161">
                  <c:v>1.7500000000000002E-2</c:v>
                </c:pt>
                <c:pt idx="7162">
                  <c:v>1.7500000000000002E-2</c:v>
                </c:pt>
                <c:pt idx="7163">
                  <c:v>1.7500000000000002E-2</c:v>
                </c:pt>
                <c:pt idx="7164">
                  <c:v>1.7500000000000002E-2</c:v>
                </c:pt>
                <c:pt idx="7165">
                  <c:v>1.7500000000000002E-2</c:v>
                </c:pt>
                <c:pt idx="7166">
                  <c:v>1.7500000000000002E-2</c:v>
                </c:pt>
                <c:pt idx="7167">
                  <c:v>1.7500000000000002E-2</c:v>
                </c:pt>
                <c:pt idx="7168">
                  <c:v>1.7500000000000002E-2</c:v>
                </c:pt>
                <c:pt idx="7169">
                  <c:v>1.7500000000000002E-2</c:v>
                </c:pt>
                <c:pt idx="7170">
                  <c:v>1.7500000000000002E-2</c:v>
                </c:pt>
                <c:pt idx="7171">
                  <c:v>1.7500000000000002E-2</c:v>
                </c:pt>
                <c:pt idx="7172">
                  <c:v>1.7500000000000002E-2</c:v>
                </c:pt>
                <c:pt idx="7173">
                  <c:v>1.7500000000000002E-2</c:v>
                </c:pt>
                <c:pt idx="7174">
                  <c:v>1.7500000000000002E-2</c:v>
                </c:pt>
                <c:pt idx="7175">
                  <c:v>1.7500000000000002E-2</c:v>
                </c:pt>
                <c:pt idx="7176">
                  <c:v>1.7500000000000002E-2</c:v>
                </c:pt>
                <c:pt idx="7177">
                  <c:v>1.7500000000000002E-2</c:v>
                </c:pt>
                <c:pt idx="7178">
                  <c:v>1.7500000000000002E-2</c:v>
                </c:pt>
                <c:pt idx="7179">
                  <c:v>1.7500000000000002E-2</c:v>
                </c:pt>
                <c:pt idx="7180">
                  <c:v>1.7500000000000002E-2</c:v>
                </c:pt>
                <c:pt idx="7181">
                  <c:v>1.7500000000000002E-2</c:v>
                </c:pt>
                <c:pt idx="7182">
                  <c:v>1.7500000000000002E-2</c:v>
                </c:pt>
                <c:pt idx="7183">
                  <c:v>1.7500000000000002E-2</c:v>
                </c:pt>
                <c:pt idx="7184">
                  <c:v>1.7500000000000002E-2</c:v>
                </c:pt>
                <c:pt idx="7185">
                  <c:v>1.7500000000000002E-2</c:v>
                </c:pt>
                <c:pt idx="7186">
                  <c:v>1.7500000000000002E-2</c:v>
                </c:pt>
                <c:pt idx="7187">
                  <c:v>1.7500000000000002E-2</c:v>
                </c:pt>
                <c:pt idx="7188">
                  <c:v>1.7500000000000002E-2</c:v>
                </c:pt>
                <c:pt idx="7189">
                  <c:v>1.7500000000000002E-2</c:v>
                </c:pt>
                <c:pt idx="7190">
                  <c:v>1.7500000000000002E-2</c:v>
                </c:pt>
                <c:pt idx="7191">
                  <c:v>1.7500000000000002E-2</c:v>
                </c:pt>
                <c:pt idx="7192">
                  <c:v>1.7500000000000002E-2</c:v>
                </c:pt>
                <c:pt idx="7193">
                  <c:v>1.7500000000000002E-2</c:v>
                </c:pt>
                <c:pt idx="7194">
                  <c:v>1.7500000000000002E-2</c:v>
                </c:pt>
                <c:pt idx="7195">
                  <c:v>1.7500000000000002E-2</c:v>
                </c:pt>
                <c:pt idx="7196">
                  <c:v>1.7500000000000002E-2</c:v>
                </c:pt>
                <c:pt idx="7197">
                  <c:v>1.7500000000000002E-2</c:v>
                </c:pt>
                <c:pt idx="7198">
                  <c:v>1.7500000000000002E-2</c:v>
                </c:pt>
                <c:pt idx="7199">
                  <c:v>1.7500000000000002E-2</c:v>
                </c:pt>
                <c:pt idx="7200">
                  <c:v>1.7500000000000002E-2</c:v>
                </c:pt>
                <c:pt idx="7201">
                  <c:v>1.7500000000000002E-2</c:v>
                </c:pt>
                <c:pt idx="7202">
                  <c:v>1.7500000000000002E-2</c:v>
                </c:pt>
                <c:pt idx="7203">
                  <c:v>1.7500000000000002E-2</c:v>
                </c:pt>
                <c:pt idx="7204">
                  <c:v>1.7500000000000002E-2</c:v>
                </c:pt>
                <c:pt idx="7205">
                  <c:v>1.7500000000000002E-2</c:v>
                </c:pt>
                <c:pt idx="7206">
                  <c:v>1.7500000000000002E-2</c:v>
                </c:pt>
                <c:pt idx="7207">
                  <c:v>1.7500000000000002E-2</c:v>
                </c:pt>
                <c:pt idx="7208">
                  <c:v>1.7500000000000002E-2</c:v>
                </c:pt>
                <c:pt idx="7209">
                  <c:v>1.7500000000000002E-2</c:v>
                </c:pt>
                <c:pt idx="7210">
                  <c:v>1.7500000000000002E-2</c:v>
                </c:pt>
                <c:pt idx="7211">
                  <c:v>1.7500000000000002E-2</c:v>
                </c:pt>
                <c:pt idx="7212">
                  <c:v>1.7500000000000002E-2</c:v>
                </c:pt>
                <c:pt idx="7213">
                  <c:v>1.7500000000000002E-2</c:v>
                </c:pt>
                <c:pt idx="7214">
                  <c:v>1.7500000000000002E-2</c:v>
                </c:pt>
                <c:pt idx="7215">
                  <c:v>1.7500000000000002E-2</c:v>
                </c:pt>
                <c:pt idx="7216">
                  <c:v>1.7500000000000002E-2</c:v>
                </c:pt>
                <c:pt idx="7217">
                  <c:v>1.7500000000000002E-2</c:v>
                </c:pt>
                <c:pt idx="7218">
                  <c:v>1.7500000000000002E-2</c:v>
                </c:pt>
                <c:pt idx="7219">
                  <c:v>1.7500000000000002E-2</c:v>
                </c:pt>
                <c:pt idx="7220">
                  <c:v>1.7500000000000002E-2</c:v>
                </c:pt>
                <c:pt idx="7221">
                  <c:v>1.7500000000000002E-2</c:v>
                </c:pt>
                <c:pt idx="7222">
                  <c:v>1.7500000000000002E-2</c:v>
                </c:pt>
                <c:pt idx="7223">
                  <c:v>1.7500000000000002E-2</c:v>
                </c:pt>
                <c:pt idx="7224">
                  <c:v>1.7500000000000002E-2</c:v>
                </c:pt>
                <c:pt idx="7225">
                  <c:v>1.7500000000000002E-2</c:v>
                </c:pt>
                <c:pt idx="7226">
                  <c:v>1.7500000000000002E-2</c:v>
                </c:pt>
                <c:pt idx="7227">
                  <c:v>1.7500000000000002E-2</c:v>
                </c:pt>
                <c:pt idx="7228">
                  <c:v>1.7500000000000002E-2</c:v>
                </c:pt>
                <c:pt idx="7229">
                  <c:v>1.7500000000000002E-2</c:v>
                </c:pt>
                <c:pt idx="7230">
                  <c:v>1.7500000000000002E-2</c:v>
                </c:pt>
                <c:pt idx="7231">
                  <c:v>1.7500000000000002E-2</c:v>
                </c:pt>
                <c:pt idx="7232">
                  <c:v>1.7500000000000002E-2</c:v>
                </c:pt>
                <c:pt idx="7233">
                  <c:v>1.7500000000000002E-2</c:v>
                </c:pt>
                <c:pt idx="7234">
                  <c:v>1.7500000000000002E-2</c:v>
                </c:pt>
                <c:pt idx="7235">
                  <c:v>1.7500000000000002E-2</c:v>
                </c:pt>
                <c:pt idx="7236">
                  <c:v>1.7500000000000002E-2</c:v>
                </c:pt>
                <c:pt idx="7237">
                  <c:v>1.7500000000000002E-2</c:v>
                </c:pt>
                <c:pt idx="7238">
                  <c:v>1.7500000000000002E-2</c:v>
                </c:pt>
                <c:pt idx="7239">
                  <c:v>1.7500000000000002E-2</c:v>
                </c:pt>
                <c:pt idx="7240">
                  <c:v>1.7500000000000002E-2</c:v>
                </c:pt>
                <c:pt idx="7241">
                  <c:v>1.7500000000000002E-2</c:v>
                </c:pt>
                <c:pt idx="7242">
                  <c:v>1.7500000000000002E-2</c:v>
                </c:pt>
                <c:pt idx="7243">
                  <c:v>1.7500000000000002E-2</c:v>
                </c:pt>
                <c:pt idx="7244">
                  <c:v>1.7500000000000002E-2</c:v>
                </c:pt>
                <c:pt idx="7245">
                  <c:v>1.7500000000000002E-2</c:v>
                </c:pt>
                <c:pt idx="7246">
                  <c:v>1.7500000000000002E-2</c:v>
                </c:pt>
                <c:pt idx="7247">
                  <c:v>1.7500000000000002E-2</c:v>
                </c:pt>
                <c:pt idx="7248">
                  <c:v>1.7500000000000002E-2</c:v>
                </c:pt>
                <c:pt idx="7249">
                  <c:v>1.7500000000000002E-2</c:v>
                </c:pt>
                <c:pt idx="7250">
                  <c:v>1.7500000000000002E-2</c:v>
                </c:pt>
                <c:pt idx="7251">
                  <c:v>1.7500000000000002E-2</c:v>
                </c:pt>
                <c:pt idx="7252">
                  <c:v>1.7500000000000002E-2</c:v>
                </c:pt>
                <c:pt idx="7253">
                  <c:v>1.7500000000000002E-2</c:v>
                </c:pt>
                <c:pt idx="7254">
                  <c:v>1.7500000000000002E-2</c:v>
                </c:pt>
                <c:pt idx="7255">
                  <c:v>1.7500000000000002E-2</c:v>
                </c:pt>
                <c:pt idx="7256">
                  <c:v>1.7500000000000002E-2</c:v>
                </c:pt>
                <c:pt idx="7257">
                  <c:v>1.7500000000000002E-2</c:v>
                </c:pt>
                <c:pt idx="7258">
                  <c:v>1.7500000000000002E-2</c:v>
                </c:pt>
                <c:pt idx="7259">
                  <c:v>1.7500000000000002E-2</c:v>
                </c:pt>
                <c:pt idx="7260">
                  <c:v>1.7500000000000002E-2</c:v>
                </c:pt>
                <c:pt idx="7261">
                  <c:v>1.7500000000000002E-2</c:v>
                </c:pt>
                <c:pt idx="7262">
                  <c:v>1.7500000000000002E-2</c:v>
                </c:pt>
                <c:pt idx="7263">
                  <c:v>1.7500000000000002E-2</c:v>
                </c:pt>
                <c:pt idx="7264">
                  <c:v>1.7500000000000002E-2</c:v>
                </c:pt>
                <c:pt idx="7265">
                  <c:v>1.7500000000000002E-2</c:v>
                </c:pt>
                <c:pt idx="7266">
                  <c:v>1.7500000000000002E-2</c:v>
                </c:pt>
                <c:pt idx="7267">
                  <c:v>1.7500000000000002E-2</c:v>
                </c:pt>
                <c:pt idx="7268">
                  <c:v>1.7500000000000002E-2</c:v>
                </c:pt>
                <c:pt idx="7269">
                  <c:v>1.7500000000000002E-2</c:v>
                </c:pt>
                <c:pt idx="7270">
                  <c:v>1.7500000000000002E-2</c:v>
                </c:pt>
                <c:pt idx="7271">
                  <c:v>1.7500000000000002E-2</c:v>
                </c:pt>
                <c:pt idx="7272">
                  <c:v>1.7500000000000002E-2</c:v>
                </c:pt>
                <c:pt idx="7273">
                  <c:v>1.7500000000000002E-2</c:v>
                </c:pt>
                <c:pt idx="7274">
                  <c:v>1.7500000000000002E-2</c:v>
                </c:pt>
                <c:pt idx="7275">
                  <c:v>1.7500000000000002E-2</c:v>
                </c:pt>
                <c:pt idx="7276">
                  <c:v>1.7500000000000002E-2</c:v>
                </c:pt>
                <c:pt idx="7277">
                  <c:v>1.7500000000000002E-2</c:v>
                </c:pt>
                <c:pt idx="7278">
                  <c:v>1.7500000000000002E-2</c:v>
                </c:pt>
                <c:pt idx="7279">
                  <c:v>1.7500000000000002E-2</c:v>
                </c:pt>
                <c:pt idx="7280">
                  <c:v>1.7500000000000002E-2</c:v>
                </c:pt>
                <c:pt idx="7281">
                  <c:v>1.7500000000000002E-2</c:v>
                </c:pt>
                <c:pt idx="7282">
                  <c:v>1.7500000000000002E-2</c:v>
                </c:pt>
                <c:pt idx="7283">
                  <c:v>1.7500000000000002E-2</c:v>
                </c:pt>
                <c:pt idx="7284">
                  <c:v>1.7500000000000002E-2</c:v>
                </c:pt>
                <c:pt idx="7285">
                  <c:v>1.7500000000000002E-2</c:v>
                </c:pt>
                <c:pt idx="7286">
                  <c:v>1.7500000000000002E-2</c:v>
                </c:pt>
                <c:pt idx="7287">
                  <c:v>1.7500000000000002E-2</c:v>
                </c:pt>
                <c:pt idx="7288">
                  <c:v>1.7500000000000002E-2</c:v>
                </c:pt>
                <c:pt idx="7289">
                  <c:v>1.7500000000000002E-2</c:v>
                </c:pt>
                <c:pt idx="7290">
                  <c:v>1.7500000000000002E-2</c:v>
                </c:pt>
                <c:pt idx="7291">
                  <c:v>1.7500000000000002E-2</c:v>
                </c:pt>
                <c:pt idx="7292">
                  <c:v>1.7500000000000002E-2</c:v>
                </c:pt>
                <c:pt idx="7293">
                  <c:v>1.7500000000000002E-2</c:v>
                </c:pt>
                <c:pt idx="7294">
                  <c:v>1.7500000000000002E-2</c:v>
                </c:pt>
                <c:pt idx="7295">
                  <c:v>1.7500000000000002E-2</c:v>
                </c:pt>
                <c:pt idx="7296">
                  <c:v>1.7500000000000002E-2</c:v>
                </c:pt>
                <c:pt idx="7297">
                  <c:v>1.7500000000000002E-2</c:v>
                </c:pt>
                <c:pt idx="7298">
                  <c:v>1.7500000000000002E-2</c:v>
                </c:pt>
                <c:pt idx="7299">
                  <c:v>1.7500000000000002E-2</c:v>
                </c:pt>
                <c:pt idx="7300">
                  <c:v>1.7500000000000002E-2</c:v>
                </c:pt>
                <c:pt idx="7301">
                  <c:v>1.7500000000000002E-2</c:v>
                </c:pt>
                <c:pt idx="7302">
                  <c:v>1.7500000000000002E-2</c:v>
                </c:pt>
                <c:pt idx="7303">
                  <c:v>1.7500000000000002E-2</c:v>
                </c:pt>
                <c:pt idx="7304">
                  <c:v>1.7500000000000002E-2</c:v>
                </c:pt>
                <c:pt idx="7305">
                  <c:v>1.7500000000000002E-2</c:v>
                </c:pt>
                <c:pt idx="7306">
                  <c:v>1.7500000000000002E-2</c:v>
                </c:pt>
                <c:pt idx="7307">
                  <c:v>1.7500000000000002E-2</c:v>
                </c:pt>
                <c:pt idx="7308">
                  <c:v>1.7500000000000002E-2</c:v>
                </c:pt>
                <c:pt idx="7309">
                  <c:v>1.7500000000000002E-2</c:v>
                </c:pt>
                <c:pt idx="7310">
                  <c:v>1.7500000000000002E-2</c:v>
                </c:pt>
                <c:pt idx="7311">
                  <c:v>1.7500000000000002E-2</c:v>
                </c:pt>
                <c:pt idx="7312">
                  <c:v>1.7500000000000002E-2</c:v>
                </c:pt>
                <c:pt idx="7313">
                  <c:v>1.7500000000000002E-2</c:v>
                </c:pt>
                <c:pt idx="7314">
                  <c:v>1.7500000000000002E-2</c:v>
                </c:pt>
                <c:pt idx="7315">
                  <c:v>1.7500000000000002E-2</c:v>
                </c:pt>
                <c:pt idx="7316">
                  <c:v>1.7500000000000002E-2</c:v>
                </c:pt>
                <c:pt idx="7317">
                  <c:v>1.7500000000000002E-2</c:v>
                </c:pt>
                <c:pt idx="7318">
                  <c:v>1.7500000000000002E-2</c:v>
                </c:pt>
                <c:pt idx="7319">
                  <c:v>1.7500000000000002E-2</c:v>
                </c:pt>
                <c:pt idx="7320">
                  <c:v>1.7500000000000002E-2</c:v>
                </c:pt>
                <c:pt idx="7321">
                  <c:v>1.7500000000000002E-2</c:v>
                </c:pt>
                <c:pt idx="7322">
                  <c:v>1.7500000000000002E-2</c:v>
                </c:pt>
                <c:pt idx="7323">
                  <c:v>1.7500000000000002E-2</c:v>
                </c:pt>
                <c:pt idx="7324">
                  <c:v>1.7500000000000002E-2</c:v>
                </c:pt>
                <c:pt idx="7325">
                  <c:v>1.7500000000000002E-2</c:v>
                </c:pt>
                <c:pt idx="7326">
                  <c:v>1.7500000000000002E-2</c:v>
                </c:pt>
                <c:pt idx="7327">
                  <c:v>1.7500000000000002E-2</c:v>
                </c:pt>
                <c:pt idx="7328">
                  <c:v>1.7500000000000002E-2</c:v>
                </c:pt>
                <c:pt idx="7329">
                  <c:v>1.7500000000000002E-2</c:v>
                </c:pt>
                <c:pt idx="7330">
                  <c:v>1.7500000000000002E-2</c:v>
                </c:pt>
                <c:pt idx="7331">
                  <c:v>1.7500000000000002E-2</c:v>
                </c:pt>
                <c:pt idx="7332">
                  <c:v>1.7500000000000002E-2</c:v>
                </c:pt>
                <c:pt idx="7333">
                  <c:v>1.7500000000000002E-2</c:v>
                </c:pt>
                <c:pt idx="7334">
                  <c:v>1.7500000000000002E-2</c:v>
                </c:pt>
                <c:pt idx="7335">
                  <c:v>1.7500000000000002E-2</c:v>
                </c:pt>
                <c:pt idx="7336">
                  <c:v>1.7500000000000002E-2</c:v>
                </c:pt>
                <c:pt idx="7337">
                  <c:v>1.7500000000000002E-2</c:v>
                </c:pt>
                <c:pt idx="7338">
                  <c:v>1.7500000000000002E-2</c:v>
                </c:pt>
                <c:pt idx="7339">
                  <c:v>1.7500000000000002E-2</c:v>
                </c:pt>
                <c:pt idx="7340">
                  <c:v>1.7500000000000002E-2</c:v>
                </c:pt>
                <c:pt idx="7341">
                  <c:v>1.7500000000000002E-2</c:v>
                </c:pt>
                <c:pt idx="7342">
                  <c:v>1.7500000000000002E-2</c:v>
                </c:pt>
                <c:pt idx="7343">
                  <c:v>1.7500000000000002E-2</c:v>
                </c:pt>
                <c:pt idx="7344">
                  <c:v>1.7500000000000002E-2</c:v>
                </c:pt>
                <c:pt idx="7345">
                  <c:v>1.7500000000000002E-2</c:v>
                </c:pt>
                <c:pt idx="7346">
                  <c:v>1.7500000000000002E-2</c:v>
                </c:pt>
                <c:pt idx="7347">
                  <c:v>1.7500000000000002E-2</c:v>
                </c:pt>
                <c:pt idx="7348">
                  <c:v>1.7500000000000002E-2</c:v>
                </c:pt>
                <c:pt idx="7349">
                  <c:v>1.7500000000000002E-2</c:v>
                </c:pt>
                <c:pt idx="7350">
                  <c:v>1.7500000000000002E-2</c:v>
                </c:pt>
                <c:pt idx="7351">
                  <c:v>1.7500000000000002E-2</c:v>
                </c:pt>
                <c:pt idx="7352">
                  <c:v>1.7500000000000002E-2</c:v>
                </c:pt>
                <c:pt idx="7353">
                  <c:v>1.7500000000000002E-2</c:v>
                </c:pt>
                <c:pt idx="7354">
                  <c:v>1.7500000000000002E-2</c:v>
                </c:pt>
                <c:pt idx="7355">
                  <c:v>1.7500000000000002E-2</c:v>
                </c:pt>
                <c:pt idx="7356">
                  <c:v>1.7500000000000002E-2</c:v>
                </c:pt>
                <c:pt idx="7357">
                  <c:v>1.7500000000000002E-2</c:v>
                </c:pt>
                <c:pt idx="7358">
                  <c:v>1.7500000000000002E-2</c:v>
                </c:pt>
                <c:pt idx="7359">
                  <c:v>1.7500000000000002E-2</c:v>
                </c:pt>
                <c:pt idx="7360">
                  <c:v>1.7500000000000002E-2</c:v>
                </c:pt>
                <c:pt idx="7361">
                  <c:v>1.7500000000000002E-2</c:v>
                </c:pt>
                <c:pt idx="7362">
                  <c:v>1.7500000000000002E-2</c:v>
                </c:pt>
                <c:pt idx="7363">
                  <c:v>1.7500000000000002E-2</c:v>
                </c:pt>
                <c:pt idx="7364">
                  <c:v>1.7500000000000002E-2</c:v>
                </c:pt>
                <c:pt idx="7365">
                  <c:v>1.7500000000000002E-2</c:v>
                </c:pt>
                <c:pt idx="7366">
                  <c:v>1.7500000000000002E-2</c:v>
                </c:pt>
                <c:pt idx="7367">
                  <c:v>1.7500000000000002E-2</c:v>
                </c:pt>
                <c:pt idx="7368">
                  <c:v>1.2500000000000001E-2</c:v>
                </c:pt>
                <c:pt idx="7369">
                  <c:v>1.2500000000000001E-2</c:v>
                </c:pt>
                <c:pt idx="7370">
                  <c:v>1.2500000000000001E-2</c:v>
                </c:pt>
                <c:pt idx="7371">
                  <c:v>1.2500000000000001E-2</c:v>
                </c:pt>
                <c:pt idx="7372">
                  <c:v>1.2500000000000001E-2</c:v>
                </c:pt>
                <c:pt idx="7373">
                  <c:v>1.2500000000000001E-2</c:v>
                </c:pt>
                <c:pt idx="7374">
                  <c:v>1.2500000000000001E-2</c:v>
                </c:pt>
                <c:pt idx="7375">
                  <c:v>1.2500000000000001E-2</c:v>
                </c:pt>
                <c:pt idx="7376">
                  <c:v>1.2500000000000001E-2</c:v>
                </c:pt>
                <c:pt idx="7377">
                  <c:v>1.2500000000000001E-2</c:v>
                </c:pt>
                <c:pt idx="7378">
                  <c:v>1.2500000000000001E-2</c:v>
                </c:pt>
                <c:pt idx="7379">
                  <c:v>1.2500000000000001E-2</c:v>
                </c:pt>
                <c:pt idx="7380">
                  <c:v>7.4999999999999997E-3</c:v>
                </c:pt>
                <c:pt idx="7381">
                  <c:v>7.4999999999999997E-3</c:v>
                </c:pt>
                <c:pt idx="7382">
                  <c:v>7.4999999999999997E-3</c:v>
                </c:pt>
                <c:pt idx="7383">
                  <c:v>7.4999999999999997E-3</c:v>
                </c:pt>
                <c:pt idx="7384">
                  <c:v>7.4999999999999997E-3</c:v>
                </c:pt>
                <c:pt idx="7385">
                  <c:v>7.4999999999999997E-3</c:v>
                </c:pt>
                <c:pt idx="7386">
                  <c:v>7.4999999999999997E-3</c:v>
                </c:pt>
                <c:pt idx="7387">
                  <c:v>7.4999999999999997E-3</c:v>
                </c:pt>
                <c:pt idx="7388">
                  <c:v>7.4999999999999997E-3</c:v>
                </c:pt>
                <c:pt idx="7389">
                  <c:v>7.4999999999999997E-3</c:v>
                </c:pt>
                <c:pt idx="7390">
                  <c:v>7.4999999999999997E-3</c:v>
                </c:pt>
                <c:pt idx="7391">
                  <c:v>2.5000000000000001E-3</c:v>
                </c:pt>
                <c:pt idx="7392">
                  <c:v>2.5000000000000001E-3</c:v>
                </c:pt>
                <c:pt idx="7393">
                  <c:v>2.5000000000000001E-3</c:v>
                </c:pt>
                <c:pt idx="7394">
                  <c:v>2.5000000000000001E-3</c:v>
                </c:pt>
                <c:pt idx="7395">
                  <c:v>2.5000000000000001E-3</c:v>
                </c:pt>
                <c:pt idx="7396">
                  <c:v>2.5000000000000001E-3</c:v>
                </c:pt>
                <c:pt idx="7397">
                  <c:v>2.5000000000000001E-3</c:v>
                </c:pt>
                <c:pt idx="7398">
                  <c:v>2.5000000000000001E-3</c:v>
                </c:pt>
                <c:pt idx="7399">
                  <c:v>2.5000000000000001E-3</c:v>
                </c:pt>
                <c:pt idx="7400">
                  <c:v>2.5000000000000001E-3</c:v>
                </c:pt>
                <c:pt idx="7401">
                  <c:v>2.5000000000000001E-3</c:v>
                </c:pt>
                <c:pt idx="7402">
                  <c:v>2.5000000000000001E-3</c:v>
                </c:pt>
                <c:pt idx="7403">
                  <c:v>2.5000000000000001E-3</c:v>
                </c:pt>
                <c:pt idx="7404">
                  <c:v>2.5000000000000001E-3</c:v>
                </c:pt>
                <c:pt idx="7405">
                  <c:v>2.5000000000000001E-3</c:v>
                </c:pt>
                <c:pt idx="7406">
                  <c:v>2.5000000000000001E-3</c:v>
                </c:pt>
                <c:pt idx="7407">
                  <c:v>2.5000000000000001E-3</c:v>
                </c:pt>
                <c:pt idx="7408">
                  <c:v>2.5000000000000001E-3</c:v>
                </c:pt>
                <c:pt idx="7409">
                  <c:v>2.5000000000000001E-3</c:v>
                </c:pt>
                <c:pt idx="7410">
                  <c:v>2.5000000000000001E-3</c:v>
                </c:pt>
                <c:pt idx="7411">
                  <c:v>2.5000000000000001E-3</c:v>
                </c:pt>
                <c:pt idx="7412">
                  <c:v>2.5000000000000001E-3</c:v>
                </c:pt>
                <c:pt idx="7413">
                  <c:v>2.5000000000000001E-3</c:v>
                </c:pt>
                <c:pt idx="7414">
                  <c:v>2.5000000000000001E-3</c:v>
                </c:pt>
                <c:pt idx="7415">
                  <c:v>2.5000000000000001E-3</c:v>
                </c:pt>
                <c:pt idx="7416">
                  <c:v>2.5000000000000001E-3</c:v>
                </c:pt>
                <c:pt idx="7417">
                  <c:v>2.5000000000000001E-3</c:v>
                </c:pt>
                <c:pt idx="7418">
                  <c:v>2.5000000000000001E-3</c:v>
                </c:pt>
                <c:pt idx="7419">
                  <c:v>2.5000000000000001E-3</c:v>
                </c:pt>
                <c:pt idx="7420">
                  <c:v>2.5000000000000001E-3</c:v>
                </c:pt>
                <c:pt idx="7421">
                  <c:v>2.5000000000000001E-3</c:v>
                </c:pt>
                <c:pt idx="7422">
                  <c:v>2.5000000000000001E-3</c:v>
                </c:pt>
                <c:pt idx="7423">
                  <c:v>2.5000000000000001E-3</c:v>
                </c:pt>
                <c:pt idx="7424">
                  <c:v>2.5000000000000001E-3</c:v>
                </c:pt>
                <c:pt idx="7425">
                  <c:v>2.5000000000000001E-3</c:v>
                </c:pt>
                <c:pt idx="7426">
                  <c:v>2.5000000000000001E-3</c:v>
                </c:pt>
                <c:pt idx="7427">
                  <c:v>2.5000000000000001E-3</c:v>
                </c:pt>
                <c:pt idx="7428">
                  <c:v>2.5000000000000001E-3</c:v>
                </c:pt>
                <c:pt idx="7429">
                  <c:v>2.5000000000000001E-3</c:v>
                </c:pt>
                <c:pt idx="7430">
                  <c:v>2.5000000000000001E-3</c:v>
                </c:pt>
                <c:pt idx="7431">
                  <c:v>2.5000000000000001E-3</c:v>
                </c:pt>
                <c:pt idx="7432">
                  <c:v>2.5000000000000001E-3</c:v>
                </c:pt>
                <c:pt idx="7433">
                  <c:v>2.5000000000000001E-3</c:v>
                </c:pt>
                <c:pt idx="7434">
                  <c:v>2.5000000000000001E-3</c:v>
                </c:pt>
                <c:pt idx="7435">
                  <c:v>2.5000000000000001E-3</c:v>
                </c:pt>
                <c:pt idx="7436">
                  <c:v>2.5000000000000001E-3</c:v>
                </c:pt>
                <c:pt idx="7437">
                  <c:v>2.5000000000000001E-3</c:v>
                </c:pt>
                <c:pt idx="7438">
                  <c:v>2.5000000000000001E-3</c:v>
                </c:pt>
                <c:pt idx="7439">
                  <c:v>2.5000000000000001E-3</c:v>
                </c:pt>
                <c:pt idx="7440">
                  <c:v>2.5000000000000001E-3</c:v>
                </c:pt>
                <c:pt idx="7441">
                  <c:v>2.5000000000000001E-3</c:v>
                </c:pt>
                <c:pt idx="7442">
                  <c:v>2.5000000000000001E-3</c:v>
                </c:pt>
                <c:pt idx="7443">
                  <c:v>2.5000000000000001E-3</c:v>
                </c:pt>
                <c:pt idx="7444">
                  <c:v>2.5000000000000001E-3</c:v>
                </c:pt>
                <c:pt idx="7445">
                  <c:v>2.5000000000000001E-3</c:v>
                </c:pt>
                <c:pt idx="7446">
                  <c:v>2.5000000000000001E-3</c:v>
                </c:pt>
                <c:pt idx="7447">
                  <c:v>2.5000000000000001E-3</c:v>
                </c:pt>
                <c:pt idx="7448">
                  <c:v>2.5000000000000001E-3</c:v>
                </c:pt>
                <c:pt idx="7449">
                  <c:v>2.5000000000000001E-3</c:v>
                </c:pt>
                <c:pt idx="7450">
                  <c:v>2.5000000000000001E-3</c:v>
                </c:pt>
                <c:pt idx="7451">
                  <c:v>2.5000000000000001E-3</c:v>
                </c:pt>
                <c:pt idx="7452">
                  <c:v>2.5000000000000001E-3</c:v>
                </c:pt>
                <c:pt idx="7453">
                  <c:v>2.5000000000000001E-3</c:v>
                </c:pt>
                <c:pt idx="7454">
                  <c:v>2.5000000000000001E-3</c:v>
                </c:pt>
                <c:pt idx="7455">
                  <c:v>2.5000000000000001E-3</c:v>
                </c:pt>
                <c:pt idx="7456">
                  <c:v>2.5000000000000001E-3</c:v>
                </c:pt>
                <c:pt idx="7457">
                  <c:v>2.5000000000000001E-3</c:v>
                </c:pt>
                <c:pt idx="7458">
                  <c:v>2.5000000000000001E-3</c:v>
                </c:pt>
                <c:pt idx="7459">
                  <c:v>2.5000000000000001E-3</c:v>
                </c:pt>
                <c:pt idx="7460">
                  <c:v>2.5000000000000001E-3</c:v>
                </c:pt>
                <c:pt idx="7461">
                  <c:v>2.5000000000000001E-3</c:v>
                </c:pt>
                <c:pt idx="7462">
                  <c:v>2.5000000000000001E-3</c:v>
                </c:pt>
                <c:pt idx="7463">
                  <c:v>2.5000000000000001E-3</c:v>
                </c:pt>
                <c:pt idx="7464">
                  <c:v>2.5000000000000001E-3</c:v>
                </c:pt>
                <c:pt idx="7465">
                  <c:v>2.5000000000000001E-3</c:v>
                </c:pt>
                <c:pt idx="7466">
                  <c:v>2.5000000000000001E-3</c:v>
                </c:pt>
                <c:pt idx="7467">
                  <c:v>2.5000000000000001E-3</c:v>
                </c:pt>
                <c:pt idx="7468">
                  <c:v>2.5000000000000001E-3</c:v>
                </c:pt>
                <c:pt idx="7469">
                  <c:v>2.5000000000000001E-3</c:v>
                </c:pt>
                <c:pt idx="7470">
                  <c:v>2.5000000000000001E-3</c:v>
                </c:pt>
                <c:pt idx="7471">
                  <c:v>2.5000000000000001E-3</c:v>
                </c:pt>
                <c:pt idx="7472">
                  <c:v>2.5000000000000001E-3</c:v>
                </c:pt>
                <c:pt idx="7473">
                  <c:v>2.5000000000000001E-3</c:v>
                </c:pt>
                <c:pt idx="7474">
                  <c:v>2.5000000000000001E-3</c:v>
                </c:pt>
                <c:pt idx="7475">
                  <c:v>2.5000000000000001E-3</c:v>
                </c:pt>
                <c:pt idx="7476">
                  <c:v>2.5000000000000001E-3</c:v>
                </c:pt>
                <c:pt idx="7477">
                  <c:v>2.5000000000000001E-3</c:v>
                </c:pt>
                <c:pt idx="7478">
                  <c:v>2.5000000000000001E-3</c:v>
                </c:pt>
                <c:pt idx="7479">
                  <c:v>2.5000000000000001E-3</c:v>
                </c:pt>
                <c:pt idx="7480">
                  <c:v>2.5000000000000001E-3</c:v>
                </c:pt>
                <c:pt idx="7481">
                  <c:v>2.5000000000000001E-3</c:v>
                </c:pt>
                <c:pt idx="7482">
                  <c:v>2.5000000000000001E-3</c:v>
                </c:pt>
                <c:pt idx="7483">
                  <c:v>2.5000000000000001E-3</c:v>
                </c:pt>
                <c:pt idx="7484">
                  <c:v>2.5000000000000001E-3</c:v>
                </c:pt>
                <c:pt idx="7485">
                  <c:v>2.5000000000000001E-3</c:v>
                </c:pt>
                <c:pt idx="7486">
                  <c:v>2.5000000000000001E-3</c:v>
                </c:pt>
                <c:pt idx="7487">
                  <c:v>2.5000000000000001E-3</c:v>
                </c:pt>
                <c:pt idx="7488">
                  <c:v>2.5000000000000001E-3</c:v>
                </c:pt>
                <c:pt idx="7489">
                  <c:v>2.5000000000000001E-3</c:v>
                </c:pt>
                <c:pt idx="7490">
                  <c:v>2.5000000000000001E-3</c:v>
                </c:pt>
                <c:pt idx="7491">
                  <c:v>2.5000000000000001E-3</c:v>
                </c:pt>
                <c:pt idx="7492">
                  <c:v>2.5000000000000001E-3</c:v>
                </c:pt>
                <c:pt idx="7493">
                  <c:v>2.5000000000000001E-3</c:v>
                </c:pt>
                <c:pt idx="7494">
                  <c:v>2.5000000000000001E-3</c:v>
                </c:pt>
                <c:pt idx="7495">
                  <c:v>2.5000000000000001E-3</c:v>
                </c:pt>
                <c:pt idx="7496">
                  <c:v>2.5000000000000001E-3</c:v>
                </c:pt>
                <c:pt idx="7497">
                  <c:v>2.5000000000000001E-3</c:v>
                </c:pt>
                <c:pt idx="7498">
                  <c:v>2.5000000000000001E-3</c:v>
                </c:pt>
                <c:pt idx="7499">
                  <c:v>2.5000000000000001E-3</c:v>
                </c:pt>
                <c:pt idx="7500">
                  <c:v>2.5000000000000001E-3</c:v>
                </c:pt>
                <c:pt idx="7501">
                  <c:v>2.5000000000000001E-3</c:v>
                </c:pt>
                <c:pt idx="7502">
                  <c:v>2.5000000000000001E-3</c:v>
                </c:pt>
                <c:pt idx="7503">
                  <c:v>2.5000000000000001E-3</c:v>
                </c:pt>
                <c:pt idx="7504">
                  <c:v>2.5000000000000001E-3</c:v>
                </c:pt>
                <c:pt idx="7505">
                  <c:v>2.5000000000000001E-3</c:v>
                </c:pt>
                <c:pt idx="7506">
                  <c:v>2.5000000000000001E-3</c:v>
                </c:pt>
                <c:pt idx="7507">
                  <c:v>2.5000000000000001E-3</c:v>
                </c:pt>
                <c:pt idx="7508">
                  <c:v>2.5000000000000001E-3</c:v>
                </c:pt>
                <c:pt idx="7509">
                  <c:v>2.5000000000000001E-3</c:v>
                </c:pt>
                <c:pt idx="7510">
                  <c:v>2.5000000000000001E-3</c:v>
                </c:pt>
                <c:pt idx="7511">
                  <c:v>2.5000000000000001E-3</c:v>
                </c:pt>
                <c:pt idx="7512">
                  <c:v>2.5000000000000001E-3</c:v>
                </c:pt>
                <c:pt idx="7513">
                  <c:v>2.5000000000000001E-3</c:v>
                </c:pt>
                <c:pt idx="7514">
                  <c:v>2.5000000000000001E-3</c:v>
                </c:pt>
                <c:pt idx="7515">
                  <c:v>2.5000000000000001E-3</c:v>
                </c:pt>
                <c:pt idx="7516">
                  <c:v>2.5000000000000001E-3</c:v>
                </c:pt>
                <c:pt idx="7517">
                  <c:v>2.5000000000000001E-3</c:v>
                </c:pt>
                <c:pt idx="7518">
                  <c:v>2.5000000000000001E-3</c:v>
                </c:pt>
                <c:pt idx="7519">
                  <c:v>2.5000000000000001E-3</c:v>
                </c:pt>
                <c:pt idx="7520">
                  <c:v>2.5000000000000001E-3</c:v>
                </c:pt>
                <c:pt idx="7521">
                  <c:v>2.5000000000000001E-3</c:v>
                </c:pt>
                <c:pt idx="7522">
                  <c:v>2.5000000000000001E-3</c:v>
                </c:pt>
                <c:pt idx="7523">
                  <c:v>2.5000000000000001E-3</c:v>
                </c:pt>
                <c:pt idx="7524">
                  <c:v>2.5000000000000001E-3</c:v>
                </c:pt>
                <c:pt idx="7525">
                  <c:v>2.5000000000000001E-3</c:v>
                </c:pt>
                <c:pt idx="7526">
                  <c:v>2.5000000000000001E-3</c:v>
                </c:pt>
                <c:pt idx="7527">
                  <c:v>2.5000000000000001E-3</c:v>
                </c:pt>
                <c:pt idx="7528">
                  <c:v>2.5000000000000001E-3</c:v>
                </c:pt>
                <c:pt idx="7529">
                  <c:v>2.5000000000000001E-3</c:v>
                </c:pt>
                <c:pt idx="7530">
                  <c:v>2.5000000000000001E-3</c:v>
                </c:pt>
                <c:pt idx="7531">
                  <c:v>2.5000000000000001E-3</c:v>
                </c:pt>
                <c:pt idx="7532">
                  <c:v>2.5000000000000001E-3</c:v>
                </c:pt>
                <c:pt idx="7533">
                  <c:v>2.5000000000000001E-3</c:v>
                </c:pt>
                <c:pt idx="7534">
                  <c:v>2.5000000000000001E-3</c:v>
                </c:pt>
                <c:pt idx="7535">
                  <c:v>2.5000000000000001E-3</c:v>
                </c:pt>
                <c:pt idx="7536">
                  <c:v>2.5000000000000001E-3</c:v>
                </c:pt>
                <c:pt idx="7537">
                  <c:v>2.5000000000000001E-3</c:v>
                </c:pt>
                <c:pt idx="7538">
                  <c:v>2.5000000000000001E-3</c:v>
                </c:pt>
                <c:pt idx="7539">
                  <c:v>2.5000000000000001E-3</c:v>
                </c:pt>
                <c:pt idx="7540">
                  <c:v>2.5000000000000001E-3</c:v>
                </c:pt>
                <c:pt idx="7541">
                  <c:v>2.5000000000000001E-3</c:v>
                </c:pt>
                <c:pt idx="7542">
                  <c:v>2.5000000000000001E-3</c:v>
                </c:pt>
                <c:pt idx="7543">
                  <c:v>2.5000000000000001E-3</c:v>
                </c:pt>
                <c:pt idx="7544">
                  <c:v>2.5000000000000001E-3</c:v>
                </c:pt>
                <c:pt idx="7545">
                  <c:v>2.5000000000000001E-3</c:v>
                </c:pt>
                <c:pt idx="7546">
                  <c:v>2.5000000000000001E-3</c:v>
                </c:pt>
                <c:pt idx="7547">
                  <c:v>2.5000000000000001E-3</c:v>
                </c:pt>
                <c:pt idx="7548">
                  <c:v>2.5000000000000001E-3</c:v>
                </c:pt>
                <c:pt idx="7549">
                  <c:v>2.5000000000000001E-3</c:v>
                </c:pt>
                <c:pt idx="7550">
                  <c:v>2.5000000000000001E-3</c:v>
                </c:pt>
                <c:pt idx="7551">
                  <c:v>2.5000000000000001E-3</c:v>
                </c:pt>
                <c:pt idx="7552">
                  <c:v>2.5000000000000001E-3</c:v>
                </c:pt>
                <c:pt idx="7553">
                  <c:v>2.5000000000000001E-3</c:v>
                </c:pt>
                <c:pt idx="7554">
                  <c:v>2.5000000000000001E-3</c:v>
                </c:pt>
                <c:pt idx="7555">
                  <c:v>2.5000000000000001E-3</c:v>
                </c:pt>
                <c:pt idx="7556">
                  <c:v>2.5000000000000001E-3</c:v>
                </c:pt>
                <c:pt idx="7557">
                  <c:v>2.5000000000000001E-3</c:v>
                </c:pt>
                <c:pt idx="7558">
                  <c:v>2.5000000000000001E-3</c:v>
                </c:pt>
                <c:pt idx="7559">
                  <c:v>2.5000000000000001E-3</c:v>
                </c:pt>
                <c:pt idx="7560">
                  <c:v>2.5000000000000001E-3</c:v>
                </c:pt>
                <c:pt idx="7561">
                  <c:v>2.5000000000000001E-3</c:v>
                </c:pt>
                <c:pt idx="7562">
                  <c:v>2.5000000000000001E-3</c:v>
                </c:pt>
                <c:pt idx="7563">
                  <c:v>2.5000000000000001E-3</c:v>
                </c:pt>
                <c:pt idx="7564">
                  <c:v>2.5000000000000001E-3</c:v>
                </c:pt>
                <c:pt idx="7565">
                  <c:v>2.5000000000000001E-3</c:v>
                </c:pt>
                <c:pt idx="7566">
                  <c:v>2.5000000000000001E-3</c:v>
                </c:pt>
                <c:pt idx="7567">
                  <c:v>2.5000000000000001E-3</c:v>
                </c:pt>
                <c:pt idx="7568">
                  <c:v>2.5000000000000001E-3</c:v>
                </c:pt>
                <c:pt idx="7569">
                  <c:v>2.5000000000000001E-3</c:v>
                </c:pt>
                <c:pt idx="7570">
                  <c:v>2.5000000000000001E-3</c:v>
                </c:pt>
                <c:pt idx="7571">
                  <c:v>2.5000000000000001E-3</c:v>
                </c:pt>
                <c:pt idx="7572">
                  <c:v>2.5000000000000001E-3</c:v>
                </c:pt>
                <c:pt idx="7573">
                  <c:v>2.5000000000000001E-3</c:v>
                </c:pt>
                <c:pt idx="7574">
                  <c:v>2.5000000000000001E-3</c:v>
                </c:pt>
                <c:pt idx="7575">
                  <c:v>2.5000000000000001E-3</c:v>
                </c:pt>
                <c:pt idx="7576">
                  <c:v>2.5000000000000001E-3</c:v>
                </c:pt>
                <c:pt idx="7577">
                  <c:v>2.5000000000000001E-3</c:v>
                </c:pt>
                <c:pt idx="7578">
                  <c:v>2.5000000000000001E-3</c:v>
                </c:pt>
                <c:pt idx="7579">
                  <c:v>2.5000000000000001E-3</c:v>
                </c:pt>
                <c:pt idx="7580">
                  <c:v>2.5000000000000001E-3</c:v>
                </c:pt>
                <c:pt idx="7581">
                  <c:v>2.5000000000000001E-3</c:v>
                </c:pt>
                <c:pt idx="7582">
                  <c:v>2.5000000000000001E-3</c:v>
                </c:pt>
                <c:pt idx="7583">
                  <c:v>2.5000000000000001E-3</c:v>
                </c:pt>
                <c:pt idx="7584">
                  <c:v>2.5000000000000001E-3</c:v>
                </c:pt>
                <c:pt idx="7585">
                  <c:v>2.5000000000000001E-3</c:v>
                </c:pt>
                <c:pt idx="7586">
                  <c:v>2.5000000000000001E-3</c:v>
                </c:pt>
                <c:pt idx="7587">
                  <c:v>2.5000000000000001E-3</c:v>
                </c:pt>
                <c:pt idx="7588">
                  <c:v>2.5000000000000001E-3</c:v>
                </c:pt>
                <c:pt idx="7589">
                  <c:v>2.5000000000000001E-3</c:v>
                </c:pt>
                <c:pt idx="7590">
                  <c:v>2.5000000000000001E-3</c:v>
                </c:pt>
                <c:pt idx="7591">
                  <c:v>2.5000000000000001E-3</c:v>
                </c:pt>
                <c:pt idx="7592">
                  <c:v>2.5000000000000001E-3</c:v>
                </c:pt>
                <c:pt idx="7593">
                  <c:v>2.5000000000000001E-3</c:v>
                </c:pt>
                <c:pt idx="7594">
                  <c:v>2.5000000000000001E-3</c:v>
                </c:pt>
                <c:pt idx="7595">
                  <c:v>2.5000000000000001E-3</c:v>
                </c:pt>
                <c:pt idx="7596">
                  <c:v>2.5000000000000001E-3</c:v>
                </c:pt>
                <c:pt idx="7597">
                  <c:v>2.5000000000000001E-3</c:v>
                </c:pt>
                <c:pt idx="7598">
                  <c:v>2.5000000000000001E-3</c:v>
                </c:pt>
                <c:pt idx="7599">
                  <c:v>2.5000000000000001E-3</c:v>
                </c:pt>
                <c:pt idx="7600">
                  <c:v>2.5000000000000001E-3</c:v>
                </c:pt>
                <c:pt idx="7601">
                  <c:v>2.5000000000000001E-3</c:v>
                </c:pt>
                <c:pt idx="7602">
                  <c:v>2.5000000000000001E-3</c:v>
                </c:pt>
                <c:pt idx="7603">
                  <c:v>2.5000000000000001E-3</c:v>
                </c:pt>
                <c:pt idx="7604">
                  <c:v>2.5000000000000001E-3</c:v>
                </c:pt>
                <c:pt idx="7605">
                  <c:v>2.5000000000000001E-3</c:v>
                </c:pt>
                <c:pt idx="7606">
                  <c:v>2.5000000000000001E-3</c:v>
                </c:pt>
                <c:pt idx="7607">
                  <c:v>2.5000000000000001E-3</c:v>
                </c:pt>
                <c:pt idx="7608">
                  <c:v>2.5000000000000001E-3</c:v>
                </c:pt>
                <c:pt idx="7609">
                  <c:v>2.5000000000000001E-3</c:v>
                </c:pt>
                <c:pt idx="7610">
                  <c:v>2.5000000000000001E-3</c:v>
                </c:pt>
                <c:pt idx="7611">
                  <c:v>2.5000000000000001E-3</c:v>
                </c:pt>
                <c:pt idx="7612">
                  <c:v>2.5000000000000001E-3</c:v>
                </c:pt>
                <c:pt idx="7613">
                  <c:v>2.5000000000000001E-3</c:v>
                </c:pt>
                <c:pt idx="7614">
                  <c:v>2.5000000000000001E-3</c:v>
                </c:pt>
                <c:pt idx="7615">
                  <c:v>2.5000000000000001E-3</c:v>
                </c:pt>
                <c:pt idx="7616">
                  <c:v>2.5000000000000001E-3</c:v>
                </c:pt>
                <c:pt idx="7617">
                  <c:v>2.5000000000000001E-3</c:v>
                </c:pt>
                <c:pt idx="7618">
                  <c:v>2.5000000000000001E-3</c:v>
                </c:pt>
                <c:pt idx="7619">
                  <c:v>2.5000000000000001E-3</c:v>
                </c:pt>
                <c:pt idx="7620">
                  <c:v>2.5000000000000001E-3</c:v>
                </c:pt>
                <c:pt idx="7621">
                  <c:v>2.5000000000000001E-3</c:v>
                </c:pt>
                <c:pt idx="7622">
                  <c:v>2.5000000000000001E-3</c:v>
                </c:pt>
                <c:pt idx="7623">
                  <c:v>2.5000000000000001E-3</c:v>
                </c:pt>
                <c:pt idx="7624">
                  <c:v>2.5000000000000001E-3</c:v>
                </c:pt>
                <c:pt idx="7625">
                  <c:v>2.5000000000000001E-3</c:v>
                </c:pt>
                <c:pt idx="7626">
                  <c:v>2.5000000000000001E-3</c:v>
                </c:pt>
                <c:pt idx="7627">
                  <c:v>2.5000000000000001E-3</c:v>
                </c:pt>
                <c:pt idx="7628">
                  <c:v>2.5000000000000001E-3</c:v>
                </c:pt>
                <c:pt idx="7629">
                  <c:v>2.5000000000000001E-3</c:v>
                </c:pt>
                <c:pt idx="7630">
                  <c:v>2.5000000000000001E-3</c:v>
                </c:pt>
                <c:pt idx="7631">
                  <c:v>2.5000000000000001E-3</c:v>
                </c:pt>
                <c:pt idx="7632">
                  <c:v>2.5000000000000001E-3</c:v>
                </c:pt>
                <c:pt idx="7633">
                  <c:v>2.5000000000000001E-3</c:v>
                </c:pt>
                <c:pt idx="7634">
                  <c:v>2.5000000000000001E-3</c:v>
                </c:pt>
                <c:pt idx="7635">
                  <c:v>2.5000000000000001E-3</c:v>
                </c:pt>
                <c:pt idx="7636">
                  <c:v>2.5000000000000001E-3</c:v>
                </c:pt>
                <c:pt idx="7637">
                  <c:v>2.5000000000000001E-3</c:v>
                </c:pt>
                <c:pt idx="7638">
                  <c:v>2.5000000000000001E-3</c:v>
                </c:pt>
                <c:pt idx="7639">
                  <c:v>2.5000000000000001E-3</c:v>
                </c:pt>
                <c:pt idx="7640">
                  <c:v>2.5000000000000001E-3</c:v>
                </c:pt>
                <c:pt idx="7641">
                  <c:v>2.5000000000000001E-3</c:v>
                </c:pt>
                <c:pt idx="7642">
                  <c:v>2.5000000000000001E-3</c:v>
                </c:pt>
                <c:pt idx="7643">
                  <c:v>2.5000000000000001E-3</c:v>
                </c:pt>
                <c:pt idx="7644">
                  <c:v>2.5000000000000001E-3</c:v>
                </c:pt>
                <c:pt idx="7645">
                  <c:v>2.5000000000000001E-3</c:v>
                </c:pt>
                <c:pt idx="7646">
                  <c:v>2.5000000000000001E-3</c:v>
                </c:pt>
                <c:pt idx="7647">
                  <c:v>2.5000000000000001E-3</c:v>
                </c:pt>
                <c:pt idx="7648">
                  <c:v>2.5000000000000001E-3</c:v>
                </c:pt>
                <c:pt idx="7649">
                  <c:v>2.5000000000000001E-3</c:v>
                </c:pt>
                <c:pt idx="7650">
                  <c:v>2.5000000000000001E-3</c:v>
                </c:pt>
                <c:pt idx="7651">
                  <c:v>2.5000000000000001E-3</c:v>
                </c:pt>
                <c:pt idx="7652">
                  <c:v>2.5000000000000001E-3</c:v>
                </c:pt>
                <c:pt idx="7653">
                  <c:v>2.5000000000000001E-3</c:v>
                </c:pt>
                <c:pt idx="7654">
                  <c:v>2.5000000000000001E-3</c:v>
                </c:pt>
                <c:pt idx="7655">
                  <c:v>2.5000000000000001E-3</c:v>
                </c:pt>
                <c:pt idx="7656">
                  <c:v>2.5000000000000001E-3</c:v>
                </c:pt>
                <c:pt idx="7657">
                  <c:v>2.5000000000000001E-3</c:v>
                </c:pt>
                <c:pt idx="7658">
                  <c:v>2.5000000000000001E-3</c:v>
                </c:pt>
                <c:pt idx="7659">
                  <c:v>2.5000000000000001E-3</c:v>
                </c:pt>
                <c:pt idx="7660">
                  <c:v>2.5000000000000001E-3</c:v>
                </c:pt>
                <c:pt idx="7661">
                  <c:v>2.5000000000000001E-3</c:v>
                </c:pt>
                <c:pt idx="7662">
                  <c:v>2.5000000000000001E-3</c:v>
                </c:pt>
                <c:pt idx="7663">
                  <c:v>2.5000000000000001E-3</c:v>
                </c:pt>
                <c:pt idx="7664">
                  <c:v>2.5000000000000001E-3</c:v>
                </c:pt>
                <c:pt idx="7665">
                  <c:v>2.5000000000000001E-3</c:v>
                </c:pt>
                <c:pt idx="7666">
                  <c:v>2.5000000000000001E-3</c:v>
                </c:pt>
                <c:pt idx="7667">
                  <c:v>2.5000000000000001E-3</c:v>
                </c:pt>
                <c:pt idx="7668">
                  <c:v>2.5000000000000001E-3</c:v>
                </c:pt>
                <c:pt idx="7669">
                  <c:v>2.5000000000000001E-3</c:v>
                </c:pt>
                <c:pt idx="7670">
                  <c:v>2.5000000000000001E-3</c:v>
                </c:pt>
                <c:pt idx="7671">
                  <c:v>2.5000000000000001E-3</c:v>
                </c:pt>
                <c:pt idx="7672">
                  <c:v>2.5000000000000001E-3</c:v>
                </c:pt>
                <c:pt idx="7673">
                  <c:v>2.5000000000000001E-3</c:v>
                </c:pt>
                <c:pt idx="7674">
                  <c:v>2.5000000000000001E-3</c:v>
                </c:pt>
                <c:pt idx="7675">
                  <c:v>2.5000000000000001E-3</c:v>
                </c:pt>
                <c:pt idx="7676">
                  <c:v>2.5000000000000001E-3</c:v>
                </c:pt>
                <c:pt idx="7677">
                  <c:v>2.5000000000000001E-3</c:v>
                </c:pt>
                <c:pt idx="7678">
                  <c:v>2.5000000000000001E-3</c:v>
                </c:pt>
                <c:pt idx="7679">
                  <c:v>2.5000000000000001E-3</c:v>
                </c:pt>
                <c:pt idx="7680">
                  <c:v>2.5000000000000001E-3</c:v>
                </c:pt>
                <c:pt idx="7681">
                  <c:v>2.5000000000000001E-3</c:v>
                </c:pt>
                <c:pt idx="7682">
                  <c:v>2.5000000000000001E-3</c:v>
                </c:pt>
                <c:pt idx="7683">
                  <c:v>2.5000000000000001E-3</c:v>
                </c:pt>
                <c:pt idx="7684">
                  <c:v>2.5000000000000001E-3</c:v>
                </c:pt>
                <c:pt idx="7685">
                  <c:v>2.5000000000000001E-3</c:v>
                </c:pt>
                <c:pt idx="7686">
                  <c:v>2.5000000000000001E-3</c:v>
                </c:pt>
                <c:pt idx="7687">
                  <c:v>2.5000000000000001E-3</c:v>
                </c:pt>
                <c:pt idx="7688">
                  <c:v>2.5000000000000001E-3</c:v>
                </c:pt>
                <c:pt idx="7689">
                  <c:v>2.5000000000000001E-3</c:v>
                </c:pt>
                <c:pt idx="7690">
                  <c:v>2.5000000000000001E-3</c:v>
                </c:pt>
                <c:pt idx="7691">
                  <c:v>2.5000000000000001E-3</c:v>
                </c:pt>
                <c:pt idx="7692">
                  <c:v>2.5000000000000001E-3</c:v>
                </c:pt>
                <c:pt idx="7693">
                  <c:v>2.5000000000000001E-3</c:v>
                </c:pt>
                <c:pt idx="7694">
                  <c:v>2.5000000000000001E-3</c:v>
                </c:pt>
                <c:pt idx="7695">
                  <c:v>2.5000000000000001E-3</c:v>
                </c:pt>
                <c:pt idx="7696">
                  <c:v>2.5000000000000001E-3</c:v>
                </c:pt>
                <c:pt idx="7697">
                  <c:v>2.5000000000000001E-3</c:v>
                </c:pt>
                <c:pt idx="7698">
                  <c:v>2.5000000000000001E-3</c:v>
                </c:pt>
                <c:pt idx="7699">
                  <c:v>2.5000000000000001E-3</c:v>
                </c:pt>
                <c:pt idx="7700">
                  <c:v>2.5000000000000001E-3</c:v>
                </c:pt>
                <c:pt idx="7701">
                  <c:v>2.5000000000000001E-3</c:v>
                </c:pt>
                <c:pt idx="7702">
                  <c:v>2.5000000000000001E-3</c:v>
                </c:pt>
                <c:pt idx="7703">
                  <c:v>2.5000000000000001E-3</c:v>
                </c:pt>
                <c:pt idx="7704">
                  <c:v>2.5000000000000001E-3</c:v>
                </c:pt>
                <c:pt idx="7705">
                  <c:v>2.5000000000000001E-3</c:v>
                </c:pt>
                <c:pt idx="7706">
                  <c:v>2.5000000000000001E-3</c:v>
                </c:pt>
                <c:pt idx="7707">
                  <c:v>2.5000000000000001E-3</c:v>
                </c:pt>
                <c:pt idx="7708">
                  <c:v>2.5000000000000001E-3</c:v>
                </c:pt>
                <c:pt idx="7709">
                  <c:v>2.5000000000000001E-3</c:v>
                </c:pt>
                <c:pt idx="7710">
                  <c:v>2.5000000000000001E-3</c:v>
                </c:pt>
                <c:pt idx="7711">
                  <c:v>2.5000000000000001E-3</c:v>
                </c:pt>
                <c:pt idx="7712">
                  <c:v>2.5000000000000001E-3</c:v>
                </c:pt>
                <c:pt idx="7713">
                  <c:v>2.5000000000000001E-3</c:v>
                </c:pt>
                <c:pt idx="7714">
                  <c:v>2.5000000000000001E-3</c:v>
                </c:pt>
                <c:pt idx="7715">
                  <c:v>2.5000000000000001E-3</c:v>
                </c:pt>
                <c:pt idx="7716">
                  <c:v>2.5000000000000001E-3</c:v>
                </c:pt>
                <c:pt idx="7717">
                  <c:v>2.5000000000000001E-3</c:v>
                </c:pt>
                <c:pt idx="7718">
                  <c:v>2.5000000000000001E-3</c:v>
                </c:pt>
                <c:pt idx="7719">
                  <c:v>2.5000000000000001E-3</c:v>
                </c:pt>
                <c:pt idx="7720">
                  <c:v>2.5000000000000001E-3</c:v>
                </c:pt>
                <c:pt idx="7721">
                  <c:v>2.5000000000000001E-3</c:v>
                </c:pt>
                <c:pt idx="7722">
                  <c:v>2.5000000000000001E-3</c:v>
                </c:pt>
                <c:pt idx="7723">
                  <c:v>2.5000000000000001E-3</c:v>
                </c:pt>
                <c:pt idx="7724">
                  <c:v>2.5000000000000001E-3</c:v>
                </c:pt>
                <c:pt idx="7725">
                  <c:v>2.5000000000000001E-3</c:v>
                </c:pt>
                <c:pt idx="7726">
                  <c:v>2.5000000000000001E-3</c:v>
                </c:pt>
                <c:pt idx="7727">
                  <c:v>2.5000000000000001E-3</c:v>
                </c:pt>
                <c:pt idx="7728">
                  <c:v>2.5000000000000001E-3</c:v>
                </c:pt>
                <c:pt idx="7729">
                  <c:v>2.5000000000000001E-3</c:v>
                </c:pt>
                <c:pt idx="7730">
                  <c:v>2.5000000000000001E-3</c:v>
                </c:pt>
                <c:pt idx="7731">
                  <c:v>2.5000000000000001E-3</c:v>
                </c:pt>
                <c:pt idx="7732">
                  <c:v>2.5000000000000001E-3</c:v>
                </c:pt>
                <c:pt idx="7733">
                  <c:v>2.5000000000000001E-3</c:v>
                </c:pt>
                <c:pt idx="7734">
                  <c:v>2.5000000000000001E-3</c:v>
                </c:pt>
                <c:pt idx="7735">
                  <c:v>2.5000000000000001E-3</c:v>
                </c:pt>
                <c:pt idx="7736">
                  <c:v>2.5000000000000001E-3</c:v>
                </c:pt>
                <c:pt idx="7737">
                  <c:v>2.5000000000000001E-3</c:v>
                </c:pt>
                <c:pt idx="7738">
                  <c:v>2.5000000000000001E-3</c:v>
                </c:pt>
                <c:pt idx="7739">
                  <c:v>2.5000000000000001E-3</c:v>
                </c:pt>
                <c:pt idx="7740">
                  <c:v>2.5000000000000001E-3</c:v>
                </c:pt>
                <c:pt idx="7741">
                  <c:v>2.5000000000000001E-3</c:v>
                </c:pt>
                <c:pt idx="7742">
                  <c:v>2.5000000000000001E-3</c:v>
                </c:pt>
                <c:pt idx="7743">
                  <c:v>2.5000000000000001E-3</c:v>
                </c:pt>
                <c:pt idx="7744">
                  <c:v>2.5000000000000001E-3</c:v>
                </c:pt>
                <c:pt idx="7745">
                  <c:v>2.5000000000000001E-3</c:v>
                </c:pt>
                <c:pt idx="7746">
                  <c:v>2.5000000000000001E-3</c:v>
                </c:pt>
                <c:pt idx="7747">
                  <c:v>2.5000000000000001E-3</c:v>
                </c:pt>
                <c:pt idx="7748">
                  <c:v>2.5000000000000001E-3</c:v>
                </c:pt>
                <c:pt idx="7749">
                  <c:v>2.5000000000000001E-3</c:v>
                </c:pt>
                <c:pt idx="7750">
                  <c:v>2.5000000000000001E-3</c:v>
                </c:pt>
                <c:pt idx="7751">
                  <c:v>2.5000000000000001E-3</c:v>
                </c:pt>
                <c:pt idx="7752">
                  <c:v>2.5000000000000001E-3</c:v>
                </c:pt>
                <c:pt idx="7753">
                  <c:v>2.5000000000000001E-3</c:v>
                </c:pt>
                <c:pt idx="7754">
                  <c:v>2.5000000000000001E-3</c:v>
                </c:pt>
                <c:pt idx="7755">
                  <c:v>2.5000000000000001E-3</c:v>
                </c:pt>
                <c:pt idx="7756">
                  <c:v>2.5000000000000001E-3</c:v>
                </c:pt>
                <c:pt idx="7757">
                  <c:v>2.5000000000000001E-3</c:v>
                </c:pt>
                <c:pt idx="7758">
                  <c:v>2.5000000000000001E-3</c:v>
                </c:pt>
                <c:pt idx="7759">
                  <c:v>2.5000000000000001E-3</c:v>
                </c:pt>
                <c:pt idx="7760">
                  <c:v>2.5000000000000001E-3</c:v>
                </c:pt>
                <c:pt idx="7761">
                  <c:v>2.5000000000000001E-3</c:v>
                </c:pt>
                <c:pt idx="7762">
                  <c:v>2.5000000000000001E-3</c:v>
                </c:pt>
                <c:pt idx="7763">
                  <c:v>2.5000000000000001E-3</c:v>
                </c:pt>
                <c:pt idx="7764">
                  <c:v>2.5000000000000001E-3</c:v>
                </c:pt>
                <c:pt idx="7765">
                  <c:v>2.5000000000000001E-3</c:v>
                </c:pt>
                <c:pt idx="7766">
                  <c:v>2.5000000000000001E-3</c:v>
                </c:pt>
                <c:pt idx="7767">
                  <c:v>2.5000000000000001E-3</c:v>
                </c:pt>
                <c:pt idx="7768">
                  <c:v>2.5000000000000001E-3</c:v>
                </c:pt>
                <c:pt idx="7769">
                  <c:v>2.5000000000000001E-3</c:v>
                </c:pt>
                <c:pt idx="7770">
                  <c:v>2.5000000000000001E-3</c:v>
                </c:pt>
                <c:pt idx="7771">
                  <c:v>2.5000000000000001E-3</c:v>
                </c:pt>
                <c:pt idx="7772">
                  <c:v>2.5000000000000001E-3</c:v>
                </c:pt>
                <c:pt idx="7773">
                  <c:v>2.5000000000000001E-3</c:v>
                </c:pt>
                <c:pt idx="7774">
                  <c:v>2.5000000000000001E-3</c:v>
                </c:pt>
                <c:pt idx="7775">
                  <c:v>2.5000000000000001E-3</c:v>
                </c:pt>
                <c:pt idx="7776">
                  <c:v>2.5000000000000001E-3</c:v>
                </c:pt>
                <c:pt idx="7777">
                  <c:v>2.5000000000000001E-3</c:v>
                </c:pt>
                <c:pt idx="7778">
                  <c:v>2.5000000000000001E-3</c:v>
                </c:pt>
                <c:pt idx="7779">
                  <c:v>2.5000000000000001E-3</c:v>
                </c:pt>
                <c:pt idx="7780">
                  <c:v>2.5000000000000001E-3</c:v>
                </c:pt>
                <c:pt idx="7781">
                  <c:v>2.5000000000000001E-3</c:v>
                </c:pt>
                <c:pt idx="7782">
                  <c:v>2.5000000000000001E-3</c:v>
                </c:pt>
                <c:pt idx="7783">
                  <c:v>2.5000000000000001E-3</c:v>
                </c:pt>
                <c:pt idx="7784">
                  <c:v>2.5000000000000001E-3</c:v>
                </c:pt>
                <c:pt idx="7785">
                  <c:v>2.5000000000000001E-3</c:v>
                </c:pt>
                <c:pt idx="7786">
                  <c:v>2.5000000000000001E-3</c:v>
                </c:pt>
                <c:pt idx="7787">
                  <c:v>2.5000000000000001E-3</c:v>
                </c:pt>
                <c:pt idx="7788">
                  <c:v>2.5000000000000001E-3</c:v>
                </c:pt>
                <c:pt idx="7789">
                  <c:v>2.5000000000000001E-3</c:v>
                </c:pt>
                <c:pt idx="7790">
                  <c:v>2.5000000000000001E-3</c:v>
                </c:pt>
                <c:pt idx="7791">
                  <c:v>2.5000000000000001E-3</c:v>
                </c:pt>
                <c:pt idx="7792">
                  <c:v>2.5000000000000001E-3</c:v>
                </c:pt>
                <c:pt idx="7793">
                  <c:v>2.5000000000000001E-3</c:v>
                </c:pt>
                <c:pt idx="7794">
                  <c:v>2.5000000000000001E-3</c:v>
                </c:pt>
                <c:pt idx="7795">
                  <c:v>2.5000000000000001E-3</c:v>
                </c:pt>
                <c:pt idx="7796">
                  <c:v>2.5000000000000001E-3</c:v>
                </c:pt>
                <c:pt idx="7797">
                  <c:v>2.5000000000000001E-3</c:v>
                </c:pt>
                <c:pt idx="7798">
                  <c:v>2.5000000000000001E-3</c:v>
                </c:pt>
                <c:pt idx="7799">
                  <c:v>2.5000000000000001E-3</c:v>
                </c:pt>
                <c:pt idx="7800">
                  <c:v>2.5000000000000001E-3</c:v>
                </c:pt>
                <c:pt idx="7801">
                  <c:v>2.5000000000000001E-3</c:v>
                </c:pt>
                <c:pt idx="7802">
                  <c:v>2.5000000000000001E-3</c:v>
                </c:pt>
                <c:pt idx="7803">
                  <c:v>2.5000000000000001E-3</c:v>
                </c:pt>
                <c:pt idx="7804">
                  <c:v>2.5000000000000001E-3</c:v>
                </c:pt>
                <c:pt idx="7805">
                  <c:v>2.5000000000000001E-3</c:v>
                </c:pt>
                <c:pt idx="7806">
                  <c:v>2.5000000000000001E-3</c:v>
                </c:pt>
                <c:pt idx="7807">
                  <c:v>2.5000000000000001E-3</c:v>
                </c:pt>
                <c:pt idx="7808">
                  <c:v>2.5000000000000001E-3</c:v>
                </c:pt>
                <c:pt idx="7809">
                  <c:v>2.5000000000000001E-3</c:v>
                </c:pt>
                <c:pt idx="7810">
                  <c:v>2.5000000000000001E-3</c:v>
                </c:pt>
                <c:pt idx="7811">
                  <c:v>2.5000000000000001E-3</c:v>
                </c:pt>
                <c:pt idx="7812">
                  <c:v>2.5000000000000001E-3</c:v>
                </c:pt>
                <c:pt idx="7813">
                  <c:v>2.5000000000000001E-3</c:v>
                </c:pt>
                <c:pt idx="7814">
                  <c:v>2.5000000000000001E-3</c:v>
                </c:pt>
                <c:pt idx="7815">
                  <c:v>2.5000000000000001E-3</c:v>
                </c:pt>
                <c:pt idx="7816">
                  <c:v>2.5000000000000001E-3</c:v>
                </c:pt>
                <c:pt idx="7817">
                  <c:v>2.5000000000000001E-3</c:v>
                </c:pt>
                <c:pt idx="7818">
                  <c:v>2.5000000000000001E-3</c:v>
                </c:pt>
                <c:pt idx="7819">
                  <c:v>2.5000000000000001E-3</c:v>
                </c:pt>
                <c:pt idx="7820">
                  <c:v>2.5000000000000001E-3</c:v>
                </c:pt>
                <c:pt idx="7821">
                  <c:v>2.5000000000000001E-3</c:v>
                </c:pt>
                <c:pt idx="7822">
                  <c:v>2.5000000000000001E-3</c:v>
                </c:pt>
                <c:pt idx="7823">
                  <c:v>2.5000000000000001E-3</c:v>
                </c:pt>
                <c:pt idx="7824">
                  <c:v>2.5000000000000001E-3</c:v>
                </c:pt>
                <c:pt idx="7825">
                  <c:v>2.5000000000000001E-3</c:v>
                </c:pt>
                <c:pt idx="7826">
                  <c:v>2.5000000000000001E-3</c:v>
                </c:pt>
                <c:pt idx="7827">
                  <c:v>2.5000000000000001E-3</c:v>
                </c:pt>
                <c:pt idx="7828">
                  <c:v>2.5000000000000001E-3</c:v>
                </c:pt>
                <c:pt idx="7829">
                  <c:v>2.5000000000000001E-3</c:v>
                </c:pt>
                <c:pt idx="7830">
                  <c:v>2.5000000000000001E-3</c:v>
                </c:pt>
                <c:pt idx="7831">
                  <c:v>2.5000000000000001E-3</c:v>
                </c:pt>
                <c:pt idx="7832">
                  <c:v>2.5000000000000001E-3</c:v>
                </c:pt>
                <c:pt idx="7833">
                  <c:v>2.5000000000000001E-3</c:v>
                </c:pt>
                <c:pt idx="7834">
                  <c:v>2.5000000000000001E-3</c:v>
                </c:pt>
                <c:pt idx="7835">
                  <c:v>2.5000000000000001E-3</c:v>
                </c:pt>
                <c:pt idx="7836">
                  <c:v>2.5000000000000001E-3</c:v>
                </c:pt>
                <c:pt idx="7837">
                  <c:v>2.5000000000000001E-3</c:v>
                </c:pt>
                <c:pt idx="7838">
                  <c:v>2.5000000000000001E-3</c:v>
                </c:pt>
                <c:pt idx="7839">
                  <c:v>2.5000000000000001E-3</c:v>
                </c:pt>
                <c:pt idx="7840">
                  <c:v>2.5000000000000001E-3</c:v>
                </c:pt>
                <c:pt idx="7841">
                  <c:v>2.5000000000000001E-3</c:v>
                </c:pt>
                <c:pt idx="7842">
                  <c:v>2.5000000000000001E-3</c:v>
                </c:pt>
                <c:pt idx="7843">
                  <c:v>2.5000000000000001E-3</c:v>
                </c:pt>
                <c:pt idx="7844">
                  <c:v>2.5000000000000001E-3</c:v>
                </c:pt>
                <c:pt idx="7845">
                  <c:v>2.5000000000000001E-3</c:v>
                </c:pt>
                <c:pt idx="7846">
                  <c:v>2.5000000000000001E-3</c:v>
                </c:pt>
                <c:pt idx="7847">
                  <c:v>2.5000000000000001E-3</c:v>
                </c:pt>
                <c:pt idx="7848">
                  <c:v>2.5000000000000001E-3</c:v>
                </c:pt>
                <c:pt idx="7849">
                  <c:v>2.5000000000000001E-3</c:v>
                </c:pt>
                <c:pt idx="7850">
                  <c:v>2.5000000000000001E-3</c:v>
                </c:pt>
                <c:pt idx="7851">
                  <c:v>2.5000000000000001E-3</c:v>
                </c:pt>
                <c:pt idx="7852">
                  <c:v>2.5000000000000001E-3</c:v>
                </c:pt>
                <c:pt idx="7853">
                  <c:v>2.5000000000000001E-3</c:v>
                </c:pt>
                <c:pt idx="7854">
                  <c:v>2.5000000000000001E-3</c:v>
                </c:pt>
                <c:pt idx="7855">
                  <c:v>2.5000000000000001E-3</c:v>
                </c:pt>
                <c:pt idx="7856">
                  <c:v>2.5000000000000001E-3</c:v>
                </c:pt>
                <c:pt idx="7857">
                  <c:v>2.5000000000000001E-3</c:v>
                </c:pt>
                <c:pt idx="7858">
                  <c:v>2.5000000000000001E-3</c:v>
                </c:pt>
                <c:pt idx="7859">
                  <c:v>2.5000000000000001E-3</c:v>
                </c:pt>
                <c:pt idx="7860">
                  <c:v>2.5000000000000001E-3</c:v>
                </c:pt>
                <c:pt idx="7861">
                  <c:v>2.5000000000000001E-3</c:v>
                </c:pt>
                <c:pt idx="7862">
                  <c:v>2.5000000000000001E-3</c:v>
                </c:pt>
                <c:pt idx="7863">
                  <c:v>2.5000000000000001E-3</c:v>
                </c:pt>
                <c:pt idx="7864">
                  <c:v>2.5000000000000001E-3</c:v>
                </c:pt>
                <c:pt idx="7865">
                  <c:v>2.5000000000000001E-3</c:v>
                </c:pt>
                <c:pt idx="7866">
                  <c:v>2.5000000000000001E-3</c:v>
                </c:pt>
                <c:pt idx="7867">
                  <c:v>2.5000000000000001E-3</c:v>
                </c:pt>
                <c:pt idx="7868">
                  <c:v>2.5000000000000001E-3</c:v>
                </c:pt>
                <c:pt idx="7869">
                  <c:v>2.5000000000000001E-3</c:v>
                </c:pt>
                <c:pt idx="7870">
                  <c:v>2.5000000000000001E-3</c:v>
                </c:pt>
                <c:pt idx="7871">
                  <c:v>2.5000000000000001E-3</c:v>
                </c:pt>
                <c:pt idx="7872">
                  <c:v>2.5000000000000001E-3</c:v>
                </c:pt>
                <c:pt idx="7873">
                  <c:v>2.5000000000000001E-3</c:v>
                </c:pt>
                <c:pt idx="7874">
                  <c:v>2.5000000000000001E-3</c:v>
                </c:pt>
                <c:pt idx="7875">
                  <c:v>2.5000000000000001E-3</c:v>
                </c:pt>
                <c:pt idx="7876">
                  <c:v>2.5000000000000001E-3</c:v>
                </c:pt>
                <c:pt idx="7877">
                  <c:v>2.5000000000000001E-3</c:v>
                </c:pt>
                <c:pt idx="7878">
                  <c:v>2.5000000000000001E-3</c:v>
                </c:pt>
                <c:pt idx="7879">
                  <c:v>2.5000000000000001E-3</c:v>
                </c:pt>
                <c:pt idx="7880">
                  <c:v>2.5000000000000001E-3</c:v>
                </c:pt>
                <c:pt idx="7881">
                  <c:v>2.5000000000000001E-3</c:v>
                </c:pt>
                <c:pt idx="7882">
                  <c:v>2.5000000000000001E-3</c:v>
                </c:pt>
                <c:pt idx="7883">
                  <c:v>2.5000000000000001E-3</c:v>
                </c:pt>
                <c:pt idx="7884">
                  <c:v>2.5000000000000001E-3</c:v>
                </c:pt>
                <c:pt idx="7885">
                  <c:v>2.5000000000000001E-3</c:v>
                </c:pt>
                <c:pt idx="7886">
                  <c:v>2.5000000000000001E-3</c:v>
                </c:pt>
                <c:pt idx="7887">
                  <c:v>2.5000000000000001E-3</c:v>
                </c:pt>
                <c:pt idx="7888">
                  <c:v>2.5000000000000001E-3</c:v>
                </c:pt>
                <c:pt idx="7889">
                  <c:v>2.5000000000000001E-3</c:v>
                </c:pt>
                <c:pt idx="7890">
                  <c:v>2.5000000000000001E-3</c:v>
                </c:pt>
                <c:pt idx="7891">
                  <c:v>2.5000000000000001E-3</c:v>
                </c:pt>
                <c:pt idx="7892">
                  <c:v>2.5000000000000001E-3</c:v>
                </c:pt>
                <c:pt idx="7893">
                  <c:v>2.5000000000000001E-3</c:v>
                </c:pt>
                <c:pt idx="7894">
                  <c:v>2.5000000000000001E-3</c:v>
                </c:pt>
                <c:pt idx="7895">
                  <c:v>2.5000000000000001E-3</c:v>
                </c:pt>
                <c:pt idx="7896">
                  <c:v>2.5000000000000001E-3</c:v>
                </c:pt>
                <c:pt idx="7897">
                  <c:v>2.5000000000000001E-3</c:v>
                </c:pt>
                <c:pt idx="7898">
                  <c:v>2.5000000000000001E-3</c:v>
                </c:pt>
                <c:pt idx="7899">
                  <c:v>2.5000000000000001E-3</c:v>
                </c:pt>
                <c:pt idx="7900">
                  <c:v>2.5000000000000001E-3</c:v>
                </c:pt>
                <c:pt idx="7901">
                  <c:v>2.5000000000000001E-3</c:v>
                </c:pt>
                <c:pt idx="7902">
                  <c:v>2.5000000000000001E-3</c:v>
                </c:pt>
                <c:pt idx="7903">
                  <c:v>2.5000000000000001E-3</c:v>
                </c:pt>
                <c:pt idx="7904">
                  <c:v>2.5000000000000001E-3</c:v>
                </c:pt>
                <c:pt idx="7905">
                  <c:v>2.5000000000000001E-3</c:v>
                </c:pt>
                <c:pt idx="7906">
                  <c:v>2.5000000000000001E-3</c:v>
                </c:pt>
                <c:pt idx="7907">
                  <c:v>2.5000000000000001E-3</c:v>
                </c:pt>
                <c:pt idx="7908">
                  <c:v>2.5000000000000001E-3</c:v>
                </c:pt>
                <c:pt idx="7909">
                  <c:v>2.5000000000000001E-3</c:v>
                </c:pt>
                <c:pt idx="7910">
                  <c:v>2.5000000000000001E-3</c:v>
                </c:pt>
                <c:pt idx="7911">
                  <c:v>2.5000000000000001E-3</c:v>
                </c:pt>
                <c:pt idx="7912">
                  <c:v>2.5000000000000001E-3</c:v>
                </c:pt>
                <c:pt idx="7913">
                  <c:v>2.5000000000000001E-3</c:v>
                </c:pt>
                <c:pt idx="7914">
                  <c:v>2.5000000000000001E-3</c:v>
                </c:pt>
                <c:pt idx="7915">
                  <c:v>2.5000000000000001E-3</c:v>
                </c:pt>
                <c:pt idx="7916">
                  <c:v>2.5000000000000001E-3</c:v>
                </c:pt>
                <c:pt idx="7917">
                  <c:v>2.5000000000000001E-3</c:v>
                </c:pt>
                <c:pt idx="7918">
                  <c:v>2.5000000000000001E-3</c:v>
                </c:pt>
                <c:pt idx="7919">
                  <c:v>2.5000000000000001E-3</c:v>
                </c:pt>
                <c:pt idx="7920">
                  <c:v>2.5000000000000001E-3</c:v>
                </c:pt>
                <c:pt idx="7921">
                  <c:v>2.5000000000000001E-3</c:v>
                </c:pt>
                <c:pt idx="7922">
                  <c:v>2.5000000000000001E-3</c:v>
                </c:pt>
                <c:pt idx="7923">
                  <c:v>2.5000000000000001E-3</c:v>
                </c:pt>
                <c:pt idx="7924">
                  <c:v>2.5000000000000001E-3</c:v>
                </c:pt>
                <c:pt idx="7925">
                  <c:v>2.5000000000000001E-3</c:v>
                </c:pt>
                <c:pt idx="7926">
                  <c:v>2.5000000000000001E-3</c:v>
                </c:pt>
                <c:pt idx="7927">
                  <c:v>2.5000000000000001E-3</c:v>
                </c:pt>
                <c:pt idx="7928">
                  <c:v>2.5000000000000001E-3</c:v>
                </c:pt>
                <c:pt idx="7929">
                  <c:v>2.5000000000000001E-3</c:v>
                </c:pt>
                <c:pt idx="7930">
                  <c:v>2.5000000000000001E-3</c:v>
                </c:pt>
                <c:pt idx="7931">
                  <c:v>2.5000000000000001E-3</c:v>
                </c:pt>
                <c:pt idx="7932">
                  <c:v>2.5000000000000001E-3</c:v>
                </c:pt>
                <c:pt idx="7933">
                  <c:v>2.5000000000000001E-3</c:v>
                </c:pt>
                <c:pt idx="7934">
                  <c:v>2.5000000000000001E-3</c:v>
                </c:pt>
                <c:pt idx="7935">
                  <c:v>2.5000000000000001E-3</c:v>
                </c:pt>
                <c:pt idx="7936">
                  <c:v>2.5000000000000001E-3</c:v>
                </c:pt>
                <c:pt idx="7937">
                  <c:v>2.5000000000000001E-3</c:v>
                </c:pt>
                <c:pt idx="7938">
                  <c:v>2.5000000000000001E-3</c:v>
                </c:pt>
                <c:pt idx="7939">
                  <c:v>2.5000000000000001E-3</c:v>
                </c:pt>
                <c:pt idx="7940">
                  <c:v>2.5000000000000001E-3</c:v>
                </c:pt>
                <c:pt idx="7941">
                  <c:v>2.5000000000000001E-3</c:v>
                </c:pt>
                <c:pt idx="7942">
                  <c:v>2.5000000000000001E-3</c:v>
                </c:pt>
                <c:pt idx="7943">
                  <c:v>2.5000000000000001E-3</c:v>
                </c:pt>
                <c:pt idx="7944">
                  <c:v>2.5000000000000001E-3</c:v>
                </c:pt>
                <c:pt idx="7945">
                  <c:v>2.5000000000000001E-3</c:v>
                </c:pt>
                <c:pt idx="7946">
                  <c:v>2.5000000000000001E-3</c:v>
                </c:pt>
                <c:pt idx="7947">
                  <c:v>2.5000000000000001E-3</c:v>
                </c:pt>
                <c:pt idx="7948">
                  <c:v>2.5000000000000001E-3</c:v>
                </c:pt>
                <c:pt idx="7949">
                  <c:v>2.5000000000000001E-3</c:v>
                </c:pt>
                <c:pt idx="7950">
                  <c:v>2.5000000000000001E-3</c:v>
                </c:pt>
                <c:pt idx="7951">
                  <c:v>2.5000000000000001E-3</c:v>
                </c:pt>
                <c:pt idx="7952">
                  <c:v>2.5000000000000001E-3</c:v>
                </c:pt>
                <c:pt idx="7953">
                  <c:v>2.5000000000000001E-3</c:v>
                </c:pt>
                <c:pt idx="7954">
                  <c:v>2.5000000000000001E-3</c:v>
                </c:pt>
                <c:pt idx="7955">
                  <c:v>2.5000000000000001E-3</c:v>
                </c:pt>
                <c:pt idx="7956">
                  <c:v>2.5000000000000001E-3</c:v>
                </c:pt>
                <c:pt idx="7957">
                  <c:v>2.5000000000000001E-3</c:v>
                </c:pt>
                <c:pt idx="7958">
                  <c:v>2.5000000000000001E-3</c:v>
                </c:pt>
                <c:pt idx="7959">
                  <c:v>2.5000000000000001E-3</c:v>
                </c:pt>
                <c:pt idx="7960">
                  <c:v>2.5000000000000001E-3</c:v>
                </c:pt>
                <c:pt idx="7961">
                  <c:v>2.5000000000000001E-3</c:v>
                </c:pt>
                <c:pt idx="7962">
                  <c:v>2.5000000000000001E-3</c:v>
                </c:pt>
                <c:pt idx="7963">
                  <c:v>2.5000000000000001E-3</c:v>
                </c:pt>
                <c:pt idx="7964">
                  <c:v>2.5000000000000001E-3</c:v>
                </c:pt>
                <c:pt idx="7965">
                  <c:v>2.5000000000000001E-3</c:v>
                </c:pt>
                <c:pt idx="7966">
                  <c:v>2.5000000000000001E-3</c:v>
                </c:pt>
                <c:pt idx="7967">
                  <c:v>2.5000000000000001E-3</c:v>
                </c:pt>
                <c:pt idx="7968">
                  <c:v>2.5000000000000001E-3</c:v>
                </c:pt>
                <c:pt idx="7969">
                  <c:v>2.5000000000000001E-3</c:v>
                </c:pt>
                <c:pt idx="7970">
                  <c:v>2.5000000000000001E-3</c:v>
                </c:pt>
                <c:pt idx="7971">
                  <c:v>2.5000000000000001E-3</c:v>
                </c:pt>
                <c:pt idx="7972">
                  <c:v>2.5000000000000001E-3</c:v>
                </c:pt>
                <c:pt idx="7973">
                  <c:v>2.5000000000000001E-3</c:v>
                </c:pt>
                <c:pt idx="7974">
                  <c:v>2.5000000000000001E-3</c:v>
                </c:pt>
                <c:pt idx="7975">
                  <c:v>2.5000000000000001E-3</c:v>
                </c:pt>
                <c:pt idx="7976">
                  <c:v>2.5000000000000001E-3</c:v>
                </c:pt>
                <c:pt idx="7977">
                  <c:v>2.5000000000000001E-3</c:v>
                </c:pt>
                <c:pt idx="7978">
                  <c:v>2.5000000000000001E-3</c:v>
                </c:pt>
                <c:pt idx="7979">
                  <c:v>2.5000000000000001E-3</c:v>
                </c:pt>
                <c:pt idx="7980">
                  <c:v>2.5000000000000001E-3</c:v>
                </c:pt>
                <c:pt idx="7981">
                  <c:v>2.5000000000000001E-3</c:v>
                </c:pt>
                <c:pt idx="7982">
                  <c:v>2.5000000000000001E-3</c:v>
                </c:pt>
                <c:pt idx="7983">
                  <c:v>2.5000000000000001E-3</c:v>
                </c:pt>
                <c:pt idx="7984">
                  <c:v>2.5000000000000001E-3</c:v>
                </c:pt>
                <c:pt idx="7985">
                  <c:v>2.5000000000000001E-3</c:v>
                </c:pt>
                <c:pt idx="7986">
                  <c:v>2.5000000000000001E-3</c:v>
                </c:pt>
                <c:pt idx="7987">
                  <c:v>2.5000000000000001E-3</c:v>
                </c:pt>
                <c:pt idx="7988">
                  <c:v>2.5000000000000001E-3</c:v>
                </c:pt>
                <c:pt idx="7989">
                  <c:v>2.5000000000000001E-3</c:v>
                </c:pt>
                <c:pt idx="7990">
                  <c:v>2.5000000000000001E-3</c:v>
                </c:pt>
                <c:pt idx="7991">
                  <c:v>2.5000000000000001E-3</c:v>
                </c:pt>
                <c:pt idx="7992">
                  <c:v>2.5000000000000001E-3</c:v>
                </c:pt>
                <c:pt idx="7993">
                  <c:v>2.5000000000000001E-3</c:v>
                </c:pt>
                <c:pt idx="7994">
                  <c:v>2.5000000000000001E-3</c:v>
                </c:pt>
                <c:pt idx="7995">
                  <c:v>2.5000000000000001E-3</c:v>
                </c:pt>
                <c:pt idx="7996">
                  <c:v>2.5000000000000001E-3</c:v>
                </c:pt>
                <c:pt idx="7997">
                  <c:v>2.5000000000000001E-3</c:v>
                </c:pt>
                <c:pt idx="7998">
                  <c:v>2.5000000000000001E-3</c:v>
                </c:pt>
                <c:pt idx="7999">
                  <c:v>2.5000000000000001E-3</c:v>
                </c:pt>
                <c:pt idx="8000">
                  <c:v>2.5000000000000001E-3</c:v>
                </c:pt>
                <c:pt idx="8001">
                  <c:v>2.5000000000000001E-3</c:v>
                </c:pt>
                <c:pt idx="8002">
                  <c:v>2.5000000000000001E-3</c:v>
                </c:pt>
                <c:pt idx="8003">
                  <c:v>2.5000000000000001E-3</c:v>
                </c:pt>
                <c:pt idx="8004">
                  <c:v>2.5000000000000001E-3</c:v>
                </c:pt>
                <c:pt idx="8005">
                  <c:v>2.5000000000000001E-3</c:v>
                </c:pt>
                <c:pt idx="8006">
                  <c:v>2.5000000000000001E-3</c:v>
                </c:pt>
                <c:pt idx="8007">
                  <c:v>2.5000000000000001E-3</c:v>
                </c:pt>
                <c:pt idx="8008">
                  <c:v>2.5000000000000001E-3</c:v>
                </c:pt>
                <c:pt idx="8009">
                  <c:v>2.5000000000000001E-3</c:v>
                </c:pt>
                <c:pt idx="8010">
                  <c:v>2.5000000000000001E-3</c:v>
                </c:pt>
                <c:pt idx="8011">
                  <c:v>2.5000000000000001E-3</c:v>
                </c:pt>
                <c:pt idx="8012">
                  <c:v>2.5000000000000001E-3</c:v>
                </c:pt>
                <c:pt idx="8013">
                  <c:v>2.5000000000000001E-3</c:v>
                </c:pt>
                <c:pt idx="8014">
                  <c:v>2.5000000000000001E-3</c:v>
                </c:pt>
                <c:pt idx="8015">
                  <c:v>2.5000000000000001E-3</c:v>
                </c:pt>
                <c:pt idx="8016">
                  <c:v>2.5000000000000001E-3</c:v>
                </c:pt>
                <c:pt idx="8017">
                  <c:v>2.5000000000000001E-3</c:v>
                </c:pt>
                <c:pt idx="8018">
                  <c:v>2.5000000000000001E-3</c:v>
                </c:pt>
                <c:pt idx="8019">
                  <c:v>2.5000000000000001E-3</c:v>
                </c:pt>
                <c:pt idx="8020">
                  <c:v>2.5000000000000001E-3</c:v>
                </c:pt>
                <c:pt idx="8021">
                  <c:v>2.5000000000000001E-3</c:v>
                </c:pt>
                <c:pt idx="8022">
                  <c:v>2.5000000000000001E-3</c:v>
                </c:pt>
                <c:pt idx="8023">
                  <c:v>2.5000000000000001E-3</c:v>
                </c:pt>
                <c:pt idx="8024">
                  <c:v>2.5000000000000001E-3</c:v>
                </c:pt>
                <c:pt idx="8025">
                  <c:v>2.5000000000000001E-3</c:v>
                </c:pt>
                <c:pt idx="8026">
                  <c:v>2.5000000000000001E-3</c:v>
                </c:pt>
                <c:pt idx="8027">
                  <c:v>2.5000000000000001E-3</c:v>
                </c:pt>
                <c:pt idx="8028">
                  <c:v>2.5000000000000001E-3</c:v>
                </c:pt>
                <c:pt idx="8029">
                  <c:v>2.5000000000000001E-3</c:v>
                </c:pt>
                <c:pt idx="8030">
                  <c:v>2.5000000000000001E-3</c:v>
                </c:pt>
                <c:pt idx="8031">
                  <c:v>2.5000000000000001E-3</c:v>
                </c:pt>
                <c:pt idx="8032">
                  <c:v>2.5000000000000001E-3</c:v>
                </c:pt>
                <c:pt idx="8033">
                  <c:v>2.5000000000000001E-3</c:v>
                </c:pt>
                <c:pt idx="8034">
                  <c:v>2.5000000000000001E-3</c:v>
                </c:pt>
                <c:pt idx="8035">
                  <c:v>2.5000000000000001E-3</c:v>
                </c:pt>
                <c:pt idx="8036">
                  <c:v>2.5000000000000001E-3</c:v>
                </c:pt>
                <c:pt idx="8037">
                  <c:v>2.5000000000000001E-3</c:v>
                </c:pt>
                <c:pt idx="8038">
                  <c:v>2.5000000000000001E-3</c:v>
                </c:pt>
                <c:pt idx="8039">
                  <c:v>2.5000000000000001E-3</c:v>
                </c:pt>
                <c:pt idx="8040">
                  <c:v>2.5000000000000001E-3</c:v>
                </c:pt>
                <c:pt idx="8041">
                  <c:v>2.5000000000000001E-3</c:v>
                </c:pt>
                <c:pt idx="8042">
                  <c:v>2.5000000000000001E-3</c:v>
                </c:pt>
                <c:pt idx="8043">
                  <c:v>2.5000000000000001E-3</c:v>
                </c:pt>
                <c:pt idx="8044">
                  <c:v>2.5000000000000001E-3</c:v>
                </c:pt>
                <c:pt idx="8045">
                  <c:v>2.5000000000000001E-3</c:v>
                </c:pt>
                <c:pt idx="8046">
                  <c:v>2.5000000000000001E-3</c:v>
                </c:pt>
                <c:pt idx="8047">
                  <c:v>2.5000000000000001E-3</c:v>
                </c:pt>
                <c:pt idx="8048">
                  <c:v>2.5000000000000001E-3</c:v>
                </c:pt>
                <c:pt idx="8049">
                  <c:v>2.5000000000000001E-3</c:v>
                </c:pt>
                <c:pt idx="8050">
                  <c:v>2.5000000000000001E-3</c:v>
                </c:pt>
                <c:pt idx="8051">
                  <c:v>2.5000000000000001E-3</c:v>
                </c:pt>
                <c:pt idx="8052">
                  <c:v>2.5000000000000001E-3</c:v>
                </c:pt>
                <c:pt idx="8053">
                  <c:v>2.5000000000000001E-3</c:v>
                </c:pt>
                <c:pt idx="8054">
                  <c:v>2.5000000000000001E-3</c:v>
                </c:pt>
                <c:pt idx="8055">
                  <c:v>2.5000000000000001E-3</c:v>
                </c:pt>
                <c:pt idx="8056">
                  <c:v>2.5000000000000001E-3</c:v>
                </c:pt>
                <c:pt idx="8057">
                  <c:v>2.5000000000000001E-3</c:v>
                </c:pt>
                <c:pt idx="8058">
                  <c:v>2.5000000000000001E-3</c:v>
                </c:pt>
                <c:pt idx="8059">
                  <c:v>2.5000000000000001E-3</c:v>
                </c:pt>
                <c:pt idx="8060">
                  <c:v>2.5000000000000001E-3</c:v>
                </c:pt>
                <c:pt idx="8061">
                  <c:v>2.5000000000000001E-3</c:v>
                </c:pt>
                <c:pt idx="8062">
                  <c:v>2.5000000000000001E-3</c:v>
                </c:pt>
                <c:pt idx="8063">
                  <c:v>2.5000000000000001E-3</c:v>
                </c:pt>
                <c:pt idx="8064">
                  <c:v>2.5000000000000001E-3</c:v>
                </c:pt>
                <c:pt idx="8065">
                  <c:v>2.5000000000000001E-3</c:v>
                </c:pt>
                <c:pt idx="8066">
                  <c:v>2.5000000000000001E-3</c:v>
                </c:pt>
                <c:pt idx="8067">
                  <c:v>2.5000000000000001E-3</c:v>
                </c:pt>
                <c:pt idx="8068">
                  <c:v>2.5000000000000001E-3</c:v>
                </c:pt>
                <c:pt idx="8069">
                  <c:v>2.5000000000000001E-3</c:v>
                </c:pt>
                <c:pt idx="8070">
                  <c:v>2.5000000000000001E-3</c:v>
                </c:pt>
                <c:pt idx="8071">
                  <c:v>2.5000000000000001E-3</c:v>
                </c:pt>
                <c:pt idx="8072">
                  <c:v>2.5000000000000001E-3</c:v>
                </c:pt>
                <c:pt idx="8073">
                  <c:v>2.5000000000000001E-3</c:v>
                </c:pt>
                <c:pt idx="8074">
                  <c:v>2.5000000000000001E-3</c:v>
                </c:pt>
                <c:pt idx="8075">
                  <c:v>2.5000000000000001E-3</c:v>
                </c:pt>
                <c:pt idx="8076">
                  <c:v>2.5000000000000001E-3</c:v>
                </c:pt>
                <c:pt idx="8077">
                  <c:v>2.5000000000000001E-3</c:v>
                </c:pt>
                <c:pt idx="8078">
                  <c:v>2.5000000000000001E-3</c:v>
                </c:pt>
                <c:pt idx="8079">
                  <c:v>2.5000000000000001E-3</c:v>
                </c:pt>
                <c:pt idx="8080">
                  <c:v>2.5000000000000001E-3</c:v>
                </c:pt>
                <c:pt idx="8081">
                  <c:v>2.5000000000000001E-3</c:v>
                </c:pt>
                <c:pt idx="8082">
                  <c:v>2.5000000000000001E-3</c:v>
                </c:pt>
                <c:pt idx="8083">
                  <c:v>2.5000000000000001E-3</c:v>
                </c:pt>
                <c:pt idx="8084">
                  <c:v>2.5000000000000001E-3</c:v>
                </c:pt>
                <c:pt idx="8085">
                  <c:v>2.5000000000000001E-3</c:v>
                </c:pt>
                <c:pt idx="8086">
                  <c:v>2.5000000000000001E-3</c:v>
                </c:pt>
                <c:pt idx="8087">
                  <c:v>2.5000000000000001E-3</c:v>
                </c:pt>
                <c:pt idx="8088">
                  <c:v>2.5000000000000001E-3</c:v>
                </c:pt>
                <c:pt idx="8089">
                  <c:v>2.5000000000000001E-3</c:v>
                </c:pt>
                <c:pt idx="8090">
                  <c:v>2.5000000000000001E-3</c:v>
                </c:pt>
                <c:pt idx="8091">
                  <c:v>2.5000000000000001E-3</c:v>
                </c:pt>
                <c:pt idx="8092">
                  <c:v>2.5000000000000001E-3</c:v>
                </c:pt>
                <c:pt idx="8093">
                  <c:v>2.5000000000000001E-3</c:v>
                </c:pt>
                <c:pt idx="8094">
                  <c:v>2.5000000000000001E-3</c:v>
                </c:pt>
                <c:pt idx="8095">
                  <c:v>2.5000000000000001E-3</c:v>
                </c:pt>
                <c:pt idx="8096">
                  <c:v>2.5000000000000001E-3</c:v>
                </c:pt>
                <c:pt idx="8097">
                  <c:v>5.0000000000000001E-3</c:v>
                </c:pt>
                <c:pt idx="8098">
                  <c:v>5.0000000000000001E-3</c:v>
                </c:pt>
                <c:pt idx="8099">
                  <c:v>5.0000000000000001E-3</c:v>
                </c:pt>
                <c:pt idx="8100">
                  <c:v>5.0000000000000001E-3</c:v>
                </c:pt>
                <c:pt idx="8101">
                  <c:v>5.0000000000000001E-3</c:v>
                </c:pt>
                <c:pt idx="8102">
                  <c:v>5.0000000000000001E-3</c:v>
                </c:pt>
                <c:pt idx="8103">
                  <c:v>5.0000000000000001E-3</c:v>
                </c:pt>
                <c:pt idx="8104">
                  <c:v>5.0000000000000001E-3</c:v>
                </c:pt>
                <c:pt idx="8105">
                  <c:v>5.0000000000000001E-3</c:v>
                </c:pt>
                <c:pt idx="8106">
                  <c:v>5.0000000000000001E-3</c:v>
                </c:pt>
                <c:pt idx="8107">
                  <c:v>5.0000000000000001E-3</c:v>
                </c:pt>
                <c:pt idx="8108">
                  <c:v>5.0000000000000001E-3</c:v>
                </c:pt>
                <c:pt idx="8109">
                  <c:v>5.0000000000000001E-3</c:v>
                </c:pt>
                <c:pt idx="8110">
                  <c:v>5.0000000000000001E-3</c:v>
                </c:pt>
                <c:pt idx="8111">
                  <c:v>5.0000000000000001E-3</c:v>
                </c:pt>
                <c:pt idx="8112">
                  <c:v>5.0000000000000001E-3</c:v>
                </c:pt>
                <c:pt idx="8113">
                  <c:v>5.0000000000000001E-3</c:v>
                </c:pt>
                <c:pt idx="8114">
                  <c:v>5.0000000000000001E-3</c:v>
                </c:pt>
                <c:pt idx="8115">
                  <c:v>5.0000000000000001E-3</c:v>
                </c:pt>
                <c:pt idx="8116">
                  <c:v>5.0000000000000001E-3</c:v>
                </c:pt>
                <c:pt idx="8117">
                  <c:v>5.0000000000000001E-3</c:v>
                </c:pt>
                <c:pt idx="8118">
                  <c:v>5.0000000000000001E-3</c:v>
                </c:pt>
                <c:pt idx="8119">
                  <c:v>5.0000000000000001E-3</c:v>
                </c:pt>
                <c:pt idx="8120">
                  <c:v>5.0000000000000001E-3</c:v>
                </c:pt>
                <c:pt idx="8121">
                  <c:v>5.0000000000000001E-3</c:v>
                </c:pt>
                <c:pt idx="8122">
                  <c:v>5.0000000000000001E-3</c:v>
                </c:pt>
                <c:pt idx="8123">
                  <c:v>5.0000000000000001E-3</c:v>
                </c:pt>
                <c:pt idx="8124">
                  <c:v>5.0000000000000001E-3</c:v>
                </c:pt>
                <c:pt idx="8125">
                  <c:v>5.0000000000000001E-3</c:v>
                </c:pt>
                <c:pt idx="8126">
                  <c:v>5.0000000000000001E-3</c:v>
                </c:pt>
                <c:pt idx="8127">
                  <c:v>5.0000000000000001E-3</c:v>
                </c:pt>
                <c:pt idx="8128">
                  <c:v>5.0000000000000001E-3</c:v>
                </c:pt>
                <c:pt idx="8129">
                  <c:v>5.0000000000000001E-3</c:v>
                </c:pt>
                <c:pt idx="8130">
                  <c:v>5.0000000000000001E-3</c:v>
                </c:pt>
                <c:pt idx="8131">
                  <c:v>5.0000000000000001E-3</c:v>
                </c:pt>
                <c:pt idx="8132">
                  <c:v>5.0000000000000001E-3</c:v>
                </c:pt>
                <c:pt idx="8133">
                  <c:v>5.0000000000000001E-3</c:v>
                </c:pt>
                <c:pt idx="8134">
                  <c:v>5.0000000000000001E-3</c:v>
                </c:pt>
                <c:pt idx="8135">
                  <c:v>5.0000000000000001E-3</c:v>
                </c:pt>
                <c:pt idx="8136">
                  <c:v>5.0000000000000001E-3</c:v>
                </c:pt>
                <c:pt idx="8137">
                  <c:v>5.0000000000000001E-3</c:v>
                </c:pt>
                <c:pt idx="8138">
                  <c:v>5.0000000000000001E-3</c:v>
                </c:pt>
                <c:pt idx="8139">
                  <c:v>0.01</c:v>
                </c:pt>
                <c:pt idx="8140">
                  <c:v>0.01</c:v>
                </c:pt>
                <c:pt idx="8141">
                  <c:v>0.01</c:v>
                </c:pt>
                <c:pt idx="8142">
                  <c:v>0.01</c:v>
                </c:pt>
                <c:pt idx="8143">
                  <c:v>0.01</c:v>
                </c:pt>
                <c:pt idx="8144">
                  <c:v>0.01</c:v>
                </c:pt>
                <c:pt idx="8145">
                  <c:v>0.01</c:v>
                </c:pt>
                <c:pt idx="8146">
                  <c:v>0.01</c:v>
                </c:pt>
                <c:pt idx="8147">
                  <c:v>0.01</c:v>
                </c:pt>
                <c:pt idx="8148">
                  <c:v>0.01</c:v>
                </c:pt>
                <c:pt idx="8149">
                  <c:v>0.01</c:v>
                </c:pt>
                <c:pt idx="8150">
                  <c:v>0.01</c:v>
                </c:pt>
                <c:pt idx="8151">
                  <c:v>0.01</c:v>
                </c:pt>
                <c:pt idx="8152">
                  <c:v>0.01</c:v>
                </c:pt>
                <c:pt idx="8153">
                  <c:v>0.01</c:v>
                </c:pt>
                <c:pt idx="8154">
                  <c:v>0.01</c:v>
                </c:pt>
                <c:pt idx="8155">
                  <c:v>0.01</c:v>
                </c:pt>
                <c:pt idx="8156">
                  <c:v>0.01</c:v>
                </c:pt>
                <c:pt idx="8157">
                  <c:v>0.01</c:v>
                </c:pt>
                <c:pt idx="8158">
                  <c:v>0.01</c:v>
                </c:pt>
                <c:pt idx="8159">
                  <c:v>0.01</c:v>
                </c:pt>
                <c:pt idx="8160">
                  <c:v>0.01</c:v>
                </c:pt>
                <c:pt idx="8161">
                  <c:v>0.01</c:v>
                </c:pt>
                <c:pt idx="8162">
                  <c:v>0.01</c:v>
                </c:pt>
                <c:pt idx="8163">
                  <c:v>0.01</c:v>
                </c:pt>
                <c:pt idx="8164">
                  <c:v>0.01</c:v>
                </c:pt>
                <c:pt idx="8165">
                  <c:v>0.01</c:v>
                </c:pt>
                <c:pt idx="8166">
                  <c:v>0.01</c:v>
                </c:pt>
                <c:pt idx="8167">
                  <c:v>0.01</c:v>
                </c:pt>
                <c:pt idx="8168">
                  <c:v>0.01</c:v>
                </c:pt>
                <c:pt idx="8169">
                  <c:v>0.01</c:v>
                </c:pt>
                <c:pt idx="8170">
                  <c:v>0.01</c:v>
                </c:pt>
                <c:pt idx="8171">
                  <c:v>0.01</c:v>
                </c:pt>
                <c:pt idx="8172">
                  <c:v>0.01</c:v>
                </c:pt>
                <c:pt idx="8173">
                  <c:v>0.01</c:v>
                </c:pt>
                <c:pt idx="8174">
                  <c:v>0.01</c:v>
                </c:pt>
                <c:pt idx="8175">
                  <c:v>0.01</c:v>
                </c:pt>
                <c:pt idx="8176">
                  <c:v>0.01</c:v>
                </c:pt>
                <c:pt idx="8177">
                  <c:v>0.01</c:v>
                </c:pt>
                <c:pt idx="8178">
                  <c:v>0.01</c:v>
                </c:pt>
                <c:pt idx="8179">
                  <c:v>0.01</c:v>
                </c:pt>
                <c:pt idx="8180">
                  <c:v>0.01</c:v>
                </c:pt>
                <c:pt idx="8181">
                  <c:v>0.01</c:v>
                </c:pt>
                <c:pt idx="8182">
                  <c:v>0.01</c:v>
                </c:pt>
                <c:pt idx="8183">
                  <c:v>0.01</c:v>
                </c:pt>
                <c:pt idx="8184">
                  <c:v>0.01</c:v>
                </c:pt>
                <c:pt idx="8185">
                  <c:v>0.01</c:v>
                </c:pt>
                <c:pt idx="8186">
                  <c:v>0.01</c:v>
                </c:pt>
                <c:pt idx="8187">
                  <c:v>0.01</c:v>
                </c:pt>
                <c:pt idx="8188">
                  <c:v>1.4999999999999999E-2</c:v>
                </c:pt>
                <c:pt idx="8189">
                  <c:v>1.4999999999999999E-2</c:v>
                </c:pt>
                <c:pt idx="8190">
                  <c:v>1.4999999999999999E-2</c:v>
                </c:pt>
                <c:pt idx="8191">
                  <c:v>1.4999999999999999E-2</c:v>
                </c:pt>
                <c:pt idx="8192">
                  <c:v>1.4999999999999999E-2</c:v>
                </c:pt>
                <c:pt idx="8193">
                  <c:v>1.4999999999999999E-2</c:v>
                </c:pt>
                <c:pt idx="8194">
                  <c:v>1.4999999999999999E-2</c:v>
                </c:pt>
                <c:pt idx="8195">
                  <c:v>1.4999999999999999E-2</c:v>
                </c:pt>
                <c:pt idx="8196">
                  <c:v>1.4999999999999999E-2</c:v>
                </c:pt>
                <c:pt idx="8197">
                  <c:v>1.4999999999999999E-2</c:v>
                </c:pt>
                <c:pt idx="8198">
                  <c:v>1.4999999999999999E-2</c:v>
                </c:pt>
                <c:pt idx="8199">
                  <c:v>1.4999999999999999E-2</c:v>
                </c:pt>
                <c:pt idx="8200">
                  <c:v>1.4999999999999999E-2</c:v>
                </c:pt>
                <c:pt idx="8201">
                  <c:v>1.4999999999999999E-2</c:v>
                </c:pt>
                <c:pt idx="8202">
                  <c:v>1.4999999999999999E-2</c:v>
                </c:pt>
                <c:pt idx="8203">
                  <c:v>1.4999999999999999E-2</c:v>
                </c:pt>
                <c:pt idx="8204">
                  <c:v>1.4999999999999999E-2</c:v>
                </c:pt>
                <c:pt idx="8205">
                  <c:v>1.4999999999999999E-2</c:v>
                </c:pt>
                <c:pt idx="8206">
                  <c:v>1.4999999999999999E-2</c:v>
                </c:pt>
                <c:pt idx="8207">
                  <c:v>1.4999999999999999E-2</c:v>
                </c:pt>
                <c:pt idx="8208">
                  <c:v>1.4999999999999999E-2</c:v>
                </c:pt>
                <c:pt idx="8209">
                  <c:v>1.4999999999999999E-2</c:v>
                </c:pt>
                <c:pt idx="8210">
                  <c:v>1.4999999999999999E-2</c:v>
                </c:pt>
                <c:pt idx="8211">
                  <c:v>1.4999999999999999E-2</c:v>
                </c:pt>
                <c:pt idx="8212">
                  <c:v>1.4999999999999999E-2</c:v>
                </c:pt>
                <c:pt idx="8213">
                  <c:v>1.4999999999999999E-2</c:v>
                </c:pt>
                <c:pt idx="8214">
                  <c:v>1.4999999999999999E-2</c:v>
                </c:pt>
                <c:pt idx="8215">
                  <c:v>1.4999999999999999E-2</c:v>
                </c:pt>
                <c:pt idx="8216">
                  <c:v>1.4999999999999999E-2</c:v>
                </c:pt>
                <c:pt idx="8217">
                  <c:v>1.4999999999999999E-2</c:v>
                </c:pt>
                <c:pt idx="8218">
                  <c:v>1.4999999999999999E-2</c:v>
                </c:pt>
                <c:pt idx="8219">
                  <c:v>1.4999999999999999E-2</c:v>
                </c:pt>
                <c:pt idx="8220">
                  <c:v>1.4999999999999999E-2</c:v>
                </c:pt>
                <c:pt idx="8221">
                  <c:v>1.4999999999999999E-2</c:v>
                </c:pt>
                <c:pt idx="8222">
                  <c:v>1.4999999999999999E-2</c:v>
                </c:pt>
                <c:pt idx="8223">
                  <c:v>1.4999999999999999E-2</c:v>
                </c:pt>
                <c:pt idx="8224">
                  <c:v>1.4999999999999999E-2</c:v>
                </c:pt>
                <c:pt idx="8225">
                  <c:v>1.4999999999999999E-2</c:v>
                </c:pt>
                <c:pt idx="8226">
                  <c:v>1.4999999999999999E-2</c:v>
                </c:pt>
                <c:pt idx="8227">
                  <c:v>1.4999999999999999E-2</c:v>
                </c:pt>
                <c:pt idx="8228">
                  <c:v>1.4999999999999999E-2</c:v>
                </c:pt>
                <c:pt idx="8229">
                  <c:v>1.4999999999999999E-2</c:v>
                </c:pt>
                <c:pt idx="8230">
                  <c:v>2.5000000000000001E-2</c:v>
                </c:pt>
                <c:pt idx="8231">
                  <c:v>2.5000000000000001E-2</c:v>
                </c:pt>
                <c:pt idx="8232">
                  <c:v>2.5000000000000001E-2</c:v>
                </c:pt>
                <c:pt idx="8233">
                  <c:v>2.5000000000000001E-2</c:v>
                </c:pt>
                <c:pt idx="8234">
                  <c:v>2.5000000000000001E-2</c:v>
                </c:pt>
                <c:pt idx="8235">
                  <c:v>2.5000000000000001E-2</c:v>
                </c:pt>
                <c:pt idx="8236">
                  <c:v>2.5000000000000001E-2</c:v>
                </c:pt>
                <c:pt idx="8237">
                  <c:v>2.5000000000000001E-2</c:v>
                </c:pt>
                <c:pt idx="8238">
                  <c:v>2.5000000000000001E-2</c:v>
                </c:pt>
                <c:pt idx="8239">
                  <c:v>2.5000000000000001E-2</c:v>
                </c:pt>
                <c:pt idx="8240">
                  <c:v>2.5000000000000001E-2</c:v>
                </c:pt>
                <c:pt idx="8241">
                  <c:v>2.5000000000000001E-2</c:v>
                </c:pt>
                <c:pt idx="8242">
                  <c:v>2.5000000000000001E-2</c:v>
                </c:pt>
                <c:pt idx="8243">
                  <c:v>2.5000000000000001E-2</c:v>
                </c:pt>
                <c:pt idx="8244">
                  <c:v>2.5000000000000001E-2</c:v>
                </c:pt>
                <c:pt idx="8245">
                  <c:v>2.5000000000000001E-2</c:v>
                </c:pt>
                <c:pt idx="8246">
                  <c:v>2.5000000000000001E-2</c:v>
                </c:pt>
                <c:pt idx="8247">
                  <c:v>2.5000000000000001E-2</c:v>
                </c:pt>
                <c:pt idx="8248">
                  <c:v>2.5000000000000001E-2</c:v>
                </c:pt>
                <c:pt idx="8249">
                  <c:v>2.5000000000000001E-2</c:v>
                </c:pt>
                <c:pt idx="8250">
                  <c:v>2.5000000000000001E-2</c:v>
                </c:pt>
                <c:pt idx="8251">
                  <c:v>2.5000000000000001E-2</c:v>
                </c:pt>
                <c:pt idx="8252">
                  <c:v>2.5000000000000001E-2</c:v>
                </c:pt>
                <c:pt idx="8253">
                  <c:v>2.5000000000000001E-2</c:v>
                </c:pt>
                <c:pt idx="8254">
                  <c:v>2.5000000000000001E-2</c:v>
                </c:pt>
                <c:pt idx="8255">
                  <c:v>2.5000000000000001E-2</c:v>
                </c:pt>
                <c:pt idx="8256">
                  <c:v>2.5000000000000001E-2</c:v>
                </c:pt>
                <c:pt idx="8257">
                  <c:v>2.5000000000000001E-2</c:v>
                </c:pt>
                <c:pt idx="8258">
                  <c:v>2.5000000000000001E-2</c:v>
                </c:pt>
                <c:pt idx="8259">
                  <c:v>2.5000000000000001E-2</c:v>
                </c:pt>
                <c:pt idx="8260">
                  <c:v>2.5000000000000001E-2</c:v>
                </c:pt>
                <c:pt idx="8261">
                  <c:v>2.5000000000000001E-2</c:v>
                </c:pt>
                <c:pt idx="8262">
                  <c:v>2.5000000000000001E-2</c:v>
                </c:pt>
                <c:pt idx="8263">
                  <c:v>2.5000000000000001E-2</c:v>
                </c:pt>
                <c:pt idx="8264">
                  <c:v>2.5000000000000001E-2</c:v>
                </c:pt>
                <c:pt idx="8265">
                  <c:v>2.5000000000000001E-2</c:v>
                </c:pt>
                <c:pt idx="8266">
                  <c:v>2.5000000000000001E-2</c:v>
                </c:pt>
                <c:pt idx="8267">
                  <c:v>2.5000000000000001E-2</c:v>
                </c:pt>
                <c:pt idx="8268">
                  <c:v>2.5000000000000001E-2</c:v>
                </c:pt>
                <c:pt idx="8269">
                  <c:v>2.5000000000000001E-2</c:v>
                </c:pt>
                <c:pt idx="8270">
                  <c:v>2.5000000000000001E-2</c:v>
                </c:pt>
                <c:pt idx="8271">
                  <c:v>2.5000000000000001E-2</c:v>
                </c:pt>
                <c:pt idx="8272">
                  <c:v>2.5000000000000001E-2</c:v>
                </c:pt>
                <c:pt idx="8273">
                  <c:v>2.5000000000000001E-2</c:v>
                </c:pt>
                <c:pt idx="8274">
                  <c:v>2.5000000000000001E-2</c:v>
                </c:pt>
                <c:pt idx="8275">
                  <c:v>2.5000000000000001E-2</c:v>
                </c:pt>
                <c:pt idx="8276">
                  <c:v>2.5000000000000001E-2</c:v>
                </c:pt>
                <c:pt idx="8277">
                  <c:v>2.5000000000000001E-2</c:v>
                </c:pt>
                <c:pt idx="8278">
                  <c:v>2.5000000000000001E-2</c:v>
                </c:pt>
                <c:pt idx="8279">
                  <c:v>2.5000000000000001E-2</c:v>
                </c:pt>
                <c:pt idx="8280">
                  <c:v>2.5000000000000001E-2</c:v>
                </c:pt>
                <c:pt idx="8281">
                  <c:v>2.5000000000000001E-2</c:v>
                </c:pt>
                <c:pt idx="8282">
                  <c:v>2.5000000000000001E-2</c:v>
                </c:pt>
                <c:pt idx="8283">
                  <c:v>2.5000000000000001E-2</c:v>
                </c:pt>
                <c:pt idx="8284">
                  <c:v>2.5000000000000001E-2</c:v>
                </c:pt>
                <c:pt idx="8285">
                  <c:v>2.5000000000000001E-2</c:v>
                </c:pt>
                <c:pt idx="8286">
                  <c:v>3.2500000000000001E-2</c:v>
                </c:pt>
                <c:pt idx="8287">
                  <c:v>3.2500000000000001E-2</c:v>
                </c:pt>
                <c:pt idx="8288">
                  <c:v>3.2500000000000001E-2</c:v>
                </c:pt>
                <c:pt idx="8289">
                  <c:v>3.2500000000000001E-2</c:v>
                </c:pt>
                <c:pt idx="8290">
                  <c:v>3.2500000000000001E-2</c:v>
                </c:pt>
                <c:pt idx="8291">
                  <c:v>3.2500000000000001E-2</c:v>
                </c:pt>
                <c:pt idx="8292">
                  <c:v>3.2500000000000001E-2</c:v>
                </c:pt>
                <c:pt idx="8293">
                  <c:v>3.2500000000000001E-2</c:v>
                </c:pt>
                <c:pt idx="8294">
                  <c:v>3.2500000000000001E-2</c:v>
                </c:pt>
                <c:pt idx="8295">
                  <c:v>3.2500000000000001E-2</c:v>
                </c:pt>
                <c:pt idx="8296">
                  <c:v>3.2500000000000001E-2</c:v>
                </c:pt>
                <c:pt idx="8297">
                  <c:v>3.2500000000000001E-2</c:v>
                </c:pt>
                <c:pt idx="8298">
                  <c:v>3.2500000000000001E-2</c:v>
                </c:pt>
                <c:pt idx="8299">
                  <c:v>3.2500000000000001E-2</c:v>
                </c:pt>
                <c:pt idx="8300">
                  <c:v>3.2500000000000001E-2</c:v>
                </c:pt>
                <c:pt idx="8301">
                  <c:v>3.2500000000000001E-2</c:v>
                </c:pt>
                <c:pt idx="8302">
                  <c:v>3.2500000000000001E-2</c:v>
                </c:pt>
                <c:pt idx="8303">
                  <c:v>3.2500000000000001E-2</c:v>
                </c:pt>
                <c:pt idx="8304">
                  <c:v>3.2500000000000001E-2</c:v>
                </c:pt>
                <c:pt idx="8305">
                  <c:v>3.2500000000000001E-2</c:v>
                </c:pt>
                <c:pt idx="8306">
                  <c:v>3.2500000000000001E-2</c:v>
                </c:pt>
                <c:pt idx="8307">
                  <c:v>3.2500000000000001E-2</c:v>
                </c:pt>
                <c:pt idx="8308">
                  <c:v>3.2500000000000001E-2</c:v>
                </c:pt>
                <c:pt idx="8309">
                  <c:v>3.2500000000000001E-2</c:v>
                </c:pt>
                <c:pt idx="8310">
                  <c:v>3.2500000000000001E-2</c:v>
                </c:pt>
                <c:pt idx="8311">
                  <c:v>3.2500000000000001E-2</c:v>
                </c:pt>
                <c:pt idx="8312">
                  <c:v>3.2500000000000001E-2</c:v>
                </c:pt>
                <c:pt idx="8313">
                  <c:v>3.2500000000000001E-2</c:v>
                </c:pt>
                <c:pt idx="8314">
                  <c:v>3.2500000000000001E-2</c:v>
                </c:pt>
                <c:pt idx="8315">
                  <c:v>3.2500000000000001E-2</c:v>
                </c:pt>
                <c:pt idx="8316">
                  <c:v>3.2500000000000001E-2</c:v>
                </c:pt>
                <c:pt idx="8317">
                  <c:v>3.2500000000000001E-2</c:v>
                </c:pt>
                <c:pt idx="8318">
                  <c:v>3.2500000000000001E-2</c:v>
                </c:pt>
                <c:pt idx="8319">
                  <c:v>3.2500000000000001E-2</c:v>
                </c:pt>
                <c:pt idx="8320">
                  <c:v>3.2500000000000001E-2</c:v>
                </c:pt>
                <c:pt idx="8321">
                  <c:v>3.2500000000000001E-2</c:v>
                </c:pt>
                <c:pt idx="8322">
                  <c:v>3.2500000000000001E-2</c:v>
                </c:pt>
                <c:pt idx="8323">
                  <c:v>3.2500000000000001E-2</c:v>
                </c:pt>
                <c:pt idx="8324">
                  <c:v>3.2500000000000001E-2</c:v>
                </c:pt>
                <c:pt idx="8325">
                  <c:v>3.2500000000000001E-2</c:v>
                </c:pt>
                <c:pt idx="8326">
                  <c:v>3.2500000000000001E-2</c:v>
                </c:pt>
                <c:pt idx="8327">
                  <c:v>3.2500000000000001E-2</c:v>
                </c:pt>
                <c:pt idx="8328">
                  <c:v>3.2500000000000001E-2</c:v>
                </c:pt>
                <c:pt idx="8329">
                  <c:v>3.2500000000000001E-2</c:v>
                </c:pt>
                <c:pt idx="8330">
                  <c:v>3.2500000000000001E-2</c:v>
                </c:pt>
                <c:pt idx="8331">
                  <c:v>3.2500000000000001E-2</c:v>
                </c:pt>
                <c:pt idx="8332">
                  <c:v>3.2500000000000001E-2</c:v>
                </c:pt>
                <c:pt idx="8333">
                  <c:v>3.2500000000000001E-2</c:v>
                </c:pt>
                <c:pt idx="8334">
                  <c:v>3.2500000000000001E-2</c:v>
                </c:pt>
                <c:pt idx="8335">
                  <c:v>3.7499999999999999E-2</c:v>
                </c:pt>
                <c:pt idx="8336">
                  <c:v>3.7499999999999999E-2</c:v>
                </c:pt>
                <c:pt idx="8337">
                  <c:v>3.7499999999999999E-2</c:v>
                </c:pt>
                <c:pt idx="8338">
                  <c:v>3.7499999999999999E-2</c:v>
                </c:pt>
                <c:pt idx="8339">
                  <c:v>3.7499999999999999E-2</c:v>
                </c:pt>
                <c:pt idx="8340">
                  <c:v>3.7499999999999999E-2</c:v>
                </c:pt>
                <c:pt idx="8341">
                  <c:v>3.7499999999999999E-2</c:v>
                </c:pt>
                <c:pt idx="8342">
                  <c:v>3.7499999999999999E-2</c:v>
                </c:pt>
                <c:pt idx="8343">
                  <c:v>3.7499999999999999E-2</c:v>
                </c:pt>
                <c:pt idx="8344">
                  <c:v>3.7499999999999999E-2</c:v>
                </c:pt>
                <c:pt idx="8345">
                  <c:v>3.7499999999999999E-2</c:v>
                </c:pt>
                <c:pt idx="8346">
                  <c:v>3.7499999999999999E-2</c:v>
                </c:pt>
                <c:pt idx="8347">
                  <c:v>3.7499999999999999E-2</c:v>
                </c:pt>
                <c:pt idx="8348">
                  <c:v>3.7499999999999999E-2</c:v>
                </c:pt>
                <c:pt idx="8349">
                  <c:v>3.7499999999999999E-2</c:v>
                </c:pt>
                <c:pt idx="8350">
                  <c:v>3.7499999999999999E-2</c:v>
                </c:pt>
                <c:pt idx="8351">
                  <c:v>3.7499999999999999E-2</c:v>
                </c:pt>
                <c:pt idx="8352">
                  <c:v>3.7499999999999999E-2</c:v>
                </c:pt>
                <c:pt idx="8353">
                  <c:v>3.7499999999999999E-2</c:v>
                </c:pt>
                <c:pt idx="8354">
                  <c:v>3.7499999999999999E-2</c:v>
                </c:pt>
                <c:pt idx="8355">
                  <c:v>3.7499999999999999E-2</c:v>
                </c:pt>
                <c:pt idx="8356">
                  <c:v>3.7499999999999999E-2</c:v>
                </c:pt>
                <c:pt idx="8357">
                  <c:v>3.7499999999999999E-2</c:v>
                </c:pt>
                <c:pt idx="8358">
                  <c:v>3.7499999999999999E-2</c:v>
                </c:pt>
                <c:pt idx="8359">
                  <c:v>3.7499999999999999E-2</c:v>
                </c:pt>
                <c:pt idx="8360">
                  <c:v>3.7499999999999999E-2</c:v>
                </c:pt>
                <c:pt idx="8361">
                  <c:v>3.7499999999999999E-2</c:v>
                </c:pt>
                <c:pt idx="8362">
                  <c:v>3.7499999999999999E-2</c:v>
                </c:pt>
                <c:pt idx="8363">
                  <c:v>3.7499999999999999E-2</c:v>
                </c:pt>
                <c:pt idx="8364">
                  <c:v>3.7499999999999999E-2</c:v>
                </c:pt>
                <c:pt idx="8365">
                  <c:v>3.7499999999999999E-2</c:v>
                </c:pt>
                <c:pt idx="8366">
                  <c:v>3.7499999999999999E-2</c:v>
                </c:pt>
                <c:pt idx="8367">
                  <c:v>3.7499999999999999E-2</c:v>
                </c:pt>
                <c:pt idx="8368">
                  <c:v>3.7499999999999999E-2</c:v>
                </c:pt>
                <c:pt idx="8369">
                  <c:v>3.7499999999999999E-2</c:v>
                </c:pt>
                <c:pt idx="8370">
                  <c:v>3.7499999999999999E-2</c:v>
                </c:pt>
                <c:pt idx="8371">
                  <c:v>3.7499999999999999E-2</c:v>
                </c:pt>
                <c:pt idx="8372">
                  <c:v>3.7499999999999999E-2</c:v>
                </c:pt>
                <c:pt idx="8373">
                  <c:v>3.7499999999999999E-2</c:v>
                </c:pt>
                <c:pt idx="8374">
                  <c:v>3.7499999999999999E-2</c:v>
                </c:pt>
                <c:pt idx="8375">
                  <c:v>3.7499999999999999E-2</c:v>
                </c:pt>
                <c:pt idx="8376">
                  <c:v>3.7499999999999999E-2</c:v>
                </c:pt>
                <c:pt idx="8377">
                  <c:v>4.2500000000000003E-2</c:v>
                </c:pt>
                <c:pt idx="8378">
                  <c:v>4.2500000000000003E-2</c:v>
                </c:pt>
                <c:pt idx="8379">
                  <c:v>4.2500000000000003E-2</c:v>
                </c:pt>
                <c:pt idx="8380">
                  <c:v>4.2500000000000003E-2</c:v>
                </c:pt>
                <c:pt idx="8381">
                  <c:v>4.2500000000000003E-2</c:v>
                </c:pt>
                <c:pt idx="8382">
                  <c:v>4.2500000000000003E-2</c:v>
                </c:pt>
                <c:pt idx="8383">
                  <c:v>4.2500000000000003E-2</c:v>
                </c:pt>
                <c:pt idx="8384">
                  <c:v>4.2500000000000003E-2</c:v>
                </c:pt>
                <c:pt idx="8385">
                  <c:v>4.2500000000000003E-2</c:v>
                </c:pt>
                <c:pt idx="8386">
                  <c:v>4.2500000000000003E-2</c:v>
                </c:pt>
                <c:pt idx="8387">
                  <c:v>4.2500000000000003E-2</c:v>
                </c:pt>
                <c:pt idx="8388">
                  <c:v>4.2500000000000003E-2</c:v>
                </c:pt>
                <c:pt idx="8389">
                  <c:v>4.2500000000000003E-2</c:v>
                </c:pt>
                <c:pt idx="8390">
                  <c:v>4.2500000000000003E-2</c:v>
                </c:pt>
                <c:pt idx="8391">
                  <c:v>4.2500000000000003E-2</c:v>
                </c:pt>
                <c:pt idx="8392">
                  <c:v>4.2500000000000003E-2</c:v>
                </c:pt>
                <c:pt idx="8393">
                  <c:v>4.2500000000000003E-2</c:v>
                </c:pt>
                <c:pt idx="8394">
                  <c:v>4.2500000000000003E-2</c:v>
                </c:pt>
                <c:pt idx="8395">
                  <c:v>4.2500000000000003E-2</c:v>
                </c:pt>
                <c:pt idx="8396">
                  <c:v>4.2500000000000003E-2</c:v>
                </c:pt>
                <c:pt idx="8397">
                  <c:v>4.2500000000000003E-2</c:v>
                </c:pt>
                <c:pt idx="8398">
                  <c:v>4.2500000000000003E-2</c:v>
                </c:pt>
                <c:pt idx="8399">
                  <c:v>4.2500000000000003E-2</c:v>
                </c:pt>
                <c:pt idx="8400">
                  <c:v>4.2500000000000003E-2</c:v>
                </c:pt>
                <c:pt idx="8401">
                  <c:v>4.2500000000000003E-2</c:v>
                </c:pt>
                <c:pt idx="8402">
                  <c:v>4.2500000000000003E-2</c:v>
                </c:pt>
                <c:pt idx="8403">
                  <c:v>4.2500000000000003E-2</c:v>
                </c:pt>
                <c:pt idx="8404">
                  <c:v>4.2500000000000003E-2</c:v>
                </c:pt>
                <c:pt idx="8405">
                  <c:v>4.2500000000000003E-2</c:v>
                </c:pt>
                <c:pt idx="8406">
                  <c:v>4.2500000000000003E-2</c:v>
                </c:pt>
                <c:pt idx="8407">
                  <c:v>4.2500000000000003E-2</c:v>
                </c:pt>
                <c:pt idx="8408">
                  <c:v>4.2500000000000003E-2</c:v>
                </c:pt>
                <c:pt idx="8409">
                  <c:v>4.2500000000000003E-2</c:v>
                </c:pt>
                <c:pt idx="8410">
                  <c:v>4.2500000000000003E-2</c:v>
                </c:pt>
                <c:pt idx="8411">
                  <c:v>4.2500000000000003E-2</c:v>
                </c:pt>
                <c:pt idx="8412">
                  <c:v>4.2500000000000003E-2</c:v>
                </c:pt>
                <c:pt idx="8413">
                  <c:v>4.2500000000000003E-2</c:v>
                </c:pt>
                <c:pt idx="8414">
                  <c:v>4.2500000000000003E-2</c:v>
                </c:pt>
                <c:pt idx="8415">
                  <c:v>4.2500000000000003E-2</c:v>
                </c:pt>
                <c:pt idx="8416">
                  <c:v>4.2500000000000003E-2</c:v>
                </c:pt>
                <c:pt idx="8417">
                  <c:v>4.2500000000000003E-2</c:v>
                </c:pt>
                <c:pt idx="8418">
                  <c:v>4.2500000000000003E-2</c:v>
                </c:pt>
                <c:pt idx="8419">
                  <c:v>4.2500000000000003E-2</c:v>
                </c:pt>
                <c:pt idx="8420">
                  <c:v>4.2500000000000003E-2</c:v>
                </c:pt>
                <c:pt idx="8421">
                  <c:v>4.2500000000000003E-2</c:v>
                </c:pt>
                <c:pt idx="8422">
                  <c:v>4.2500000000000003E-2</c:v>
                </c:pt>
                <c:pt idx="8423">
                  <c:v>4.2500000000000003E-2</c:v>
                </c:pt>
                <c:pt idx="8424">
                  <c:v>4.2500000000000003E-2</c:v>
                </c:pt>
                <c:pt idx="8425">
                  <c:v>4.2500000000000003E-2</c:v>
                </c:pt>
                <c:pt idx="8426">
                  <c:v>4.4999999999999998E-2</c:v>
                </c:pt>
                <c:pt idx="8427">
                  <c:v>4.4999999999999998E-2</c:v>
                </c:pt>
                <c:pt idx="8428">
                  <c:v>4.4999999999999998E-2</c:v>
                </c:pt>
                <c:pt idx="8429">
                  <c:v>4.4999999999999998E-2</c:v>
                </c:pt>
                <c:pt idx="8430">
                  <c:v>4.4999999999999998E-2</c:v>
                </c:pt>
                <c:pt idx="8431">
                  <c:v>4.4999999999999998E-2</c:v>
                </c:pt>
                <c:pt idx="8432">
                  <c:v>4.4999999999999998E-2</c:v>
                </c:pt>
                <c:pt idx="8433">
                  <c:v>4.4999999999999998E-2</c:v>
                </c:pt>
                <c:pt idx="8434">
                  <c:v>4.4999999999999998E-2</c:v>
                </c:pt>
                <c:pt idx="8435">
                  <c:v>4.4999999999999998E-2</c:v>
                </c:pt>
                <c:pt idx="8436">
                  <c:v>4.4999999999999998E-2</c:v>
                </c:pt>
                <c:pt idx="8437">
                  <c:v>4.4999999999999998E-2</c:v>
                </c:pt>
                <c:pt idx="8438">
                  <c:v>4.4999999999999998E-2</c:v>
                </c:pt>
                <c:pt idx="8439">
                  <c:v>4.4999999999999998E-2</c:v>
                </c:pt>
                <c:pt idx="8440">
                  <c:v>4.4999999999999998E-2</c:v>
                </c:pt>
                <c:pt idx="8441">
                  <c:v>4.4999999999999998E-2</c:v>
                </c:pt>
                <c:pt idx="8442">
                  <c:v>4.4999999999999998E-2</c:v>
                </c:pt>
                <c:pt idx="8443">
                  <c:v>4.4999999999999998E-2</c:v>
                </c:pt>
                <c:pt idx="8444">
                  <c:v>4.4999999999999998E-2</c:v>
                </c:pt>
                <c:pt idx="8445">
                  <c:v>4.4999999999999998E-2</c:v>
                </c:pt>
                <c:pt idx="8446">
                  <c:v>4.4999999999999998E-2</c:v>
                </c:pt>
                <c:pt idx="8447">
                  <c:v>4.4999999999999998E-2</c:v>
                </c:pt>
                <c:pt idx="8448">
                  <c:v>4.4999999999999998E-2</c:v>
                </c:pt>
                <c:pt idx="8449">
                  <c:v>4.4999999999999998E-2</c:v>
                </c:pt>
                <c:pt idx="8450">
                  <c:v>4.4999999999999998E-2</c:v>
                </c:pt>
                <c:pt idx="8451">
                  <c:v>4.4999999999999998E-2</c:v>
                </c:pt>
                <c:pt idx="8452">
                  <c:v>4.4999999999999998E-2</c:v>
                </c:pt>
                <c:pt idx="8453">
                  <c:v>4.4999999999999998E-2</c:v>
                </c:pt>
                <c:pt idx="8454">
                  <c:v>4.4999999999999998E-2</c:v>
                </c:pt>
                <c:pt idx="8455">
                  <c:v>4.4999999999999998E-2</c:v>
                </c:pt>
                <c:pt idx="8456">
                  <c:v>4.4999999999999998E-2</c:v>
                </c:pt>
                <c:pt idx="8457">
                  <c:v>4.4999999999999998E-2</c:v>
                </c:pt>
                <c:pt idx="8458">
                  <c:v>4.4999999999999998E-2</c:v>
                </c:pt>
                <c:pt idx="8459">
                  <c:v>4.4999999999999998E-2</c:v>
                </c:pt>
                <c:pt idx="8460">
                  <c:v>4.4999999999999998E-2</c:v>
                </c:pt>
                <c:pt idx="8461">
                  <c:v>4.4999999999999998E-2</c:v>
                </c:pt>
                <c:pt idx="8462">
                  <c:v>4.4999999999999998E-2</c:v>
                </c:pt>
                <c:pt idx="8463">
                  <c:v>4.4999999999999998E-2</c:v>
                </c:pt>
                <c:pt idx="8464">
                  <c:v>4.4999999999999998E-2</c:v>
                </c:pt>
                <c:pt idx="8465">
                  <c:v>4.4999999999999998E-2</c:v>
                </c:pt>
                <c:pt idx="8466">
                  <c:v>4.4999999999999998E-2</c:v>
                </c:pt>
                <c:pt idx="8467">
                  <c:v>4.4999999999999998E-2</c:v>
                </c:pt>
                <c:pt idx="8468">
                  <c:v>4.4999999999999998E-2</c:v>
                </c:pt>
                <c:pt idx="8469">
                  <c:v>4.4999999999999998E-2</c:v>
                </c:pt>
                <c:pt idx="8470">
                  <c:v>4.4999999999999998E-2</c:v>
                </c:pt>
                <c:pt idx="8471">
                  <c:v>4.4999999999999998E-2</c:v>
                </c:pt>
                <c:pt idx="8472">
                  <c:v>4.4999999999999998E-2</c:v>
                </c:pt>
                <c:pt idx="8473">
                  <c:v>4.4999999999999998E-2</c:v>
                </c:pt>
                <c:pt idx="8474">
                  <c:v>4.4999999999999998E-2</c:v>
                </c:pt>
                <c:pt idx="8475">
                  <c:v>4.4999999999999998E-2</c:v>
                </c:pt>
                <c:pt idx="8476">
                  <c:v>4.4999999999999998E-2</c:v>
                </c:pt>
                <c:pt idx="8477">
                  <c:v>4.4999999999999998E-2</c:v>
                </c:pt>
                <c:pt idx="8478">
                  <c:v>4.4999999999999998E-2</c:v>
                </c:pt>
                <c:pt idx="8479">
                  <c:v>4.4999999999999998E-2</c:v>
                </c:pt>
                <c:pt idx="8480">
                  <c:v>4.4999999999999998E-2</c:v>
                </c:pt>
                <c:pt idx="8481">
                  <c:v>4.4999999999999998E-2</c:v>
                </c:pt>
                <c:pt idx="8482">
                  <c:v>4.4999999999999998E-2</c:v>
                </c:pt>
                <c:pt idx="8483">
                  <c:v>4.4999999999999998E-2</c:v>
                </c:pt>
                <c:pt idx="8484">
                  <c:v>4.4999999999999998E-2</c:v>
                </c:pt>
                <c:pt idx="8485">
                  <c:v>4.4999999999999998E-2</c:v>
                </c:pt>
                <c:pt idx="8486">
                  <c:v>4.4999999999999998E-2</c:v>
                </c:pt>
                <c:pt idx="8487">
                  <c:v>4.4999999999999998E-2</c:v>
                </c:pt>
                <c:pt idx="8488">
                  <c:v>4.4999999999999998E-2</c:v>
                </c:pt>
                <c:pt idx="8489">
                  <c:v>4.4999999999999998E-2</c:v>
                </c:pt>
                <c:pt idx="8490">
                  <c:v>4.4999999999999998E-2</c:v>
                </c:pt>
                <c:pt idx="8491">
                  <c:v>4.4999999999999998E-2</c:v>
                </c:pt>
                <c:pt idx="8492">
                  <c:v>4.4999999999999998E-2</c:v>
                </c:pt>
                <c:pt idx="8493">
                  <c:v>4.4999999999999998E-2</c:v>
                </c:pt>
                <c:pt idx="8494">
                  <c:v>4.4999999999999998E-2</c:v>
                </c:pt>
                <c:pt idx="8495">
                  <c:v>4.4999999999999998E-2</c:v>
                </c:pt>
                <c:pt idx="8496">
                  <c:v>4.4999999999999998E-2</c:v>
                </c:pt>
                <c:pt idx="8497">
                  <c:v>4.4999999999999998E-2</c:v>
                </c:pt>
                <c:pt idx="8498">
                  <c:v>4.4999999999999998E-2</c:v>
                </c:pt>
                <c:pt idx="8499">
                  <c:v>4.4999999999999998E-2</c:v>
                </c:pt>
                <c:pt idx="8500">
                  <c:v>4.4999999999999998E-2</c:v>
                </c:pt>
                <c:pt idx="8501">
                  <c:v>4.4999999999999998E-2</c:v>
                </c:pt>
                <c:pt idx="8502">
                  <c:v>4.4999999999999998E-2</c:v>
                </c:pt>
                <c:pt idx="8503">
                  <c:v>4.4999999999999998E-2</c:v>
                </c:pt>
                <c:pt idx="8504">
                  <c:v>4.4999999999999998E-2</c:v>
                </c:pt>
                <c:pt idx="8505">
                  <c:v>4.4999999999999998E-2</c:v>
                </c:pt>
                <c:pt idx="8506">
                  <c:v>4.4999999999999998E-2</c:v>
                </c:pt>
                <c:pt idx="8507">
                  <c:v>4.4999999999999998E-2</c:v>
                </c:pt>
                <c:pt idx="8508">
                  <c:v>4.4999999999999998E-2</c:v>
                </c:pt>
                <c:pt idx="8509">
                  <c:v>4.4999999999999998E-2</c:v>
                </c:pt>
                <c:pt idx="8510">
                  <c:v>4.4999999999999998E-2</c:v>
                </c:pt>
                <c:pt idx="8511">
                  <c:v>4.4999999999999998E-2</c:v>
                </c:pt>
                <c:pt idx="8512">
                  <c:v>4.4999999999999998E-2</c:v>
                </c:pt>
                <c:pt idx="8513">
                  <c:v>4.4999999999999998E-2</c:v>
                </c:pt>
                <c:pt idx="8514">
                  <c:v>4.4999999999999998E-2</c:v>
                </c:pt>
                <c:pt idx="8515">
                  <c:v>4.4999999999999998E-2</c:v>
                </c:pt>
                <c:pt idx="8516">
                  <c:v>4.4999999999999998E-2</c:v>
                </c:pt>
                <c:pt idx="8517">
                  <c:v>4.4999999999999998E-2</c:v>
                </c:pt>
                <c:pt idx="8518">
                  <c:v>4.4999999999999998E-2</c:v>
                </c:pt>
                <c:pt idx="8519">
                  <c:v>4.4999999999999998E-2</c:v>
                </c:pt>
                <c:pt idx="8520">
                  <c:v>4.4999999999999998E-2</c:v>
                </c:pt>
                <c:pt idx="8521">
                  <c:v>4.4999999999999998E-2</c:v>
                </c:pt>
                <c:pt idx="8522">
                  <c:v>4.4999999999999998E-2</c:v>
                </c:pt>
                <c:pt idx="8523">
                  <c:v>4.4999999999999998E-2</c:v>
                </c:pt>
                <c:pt idx="8524">
                  <c:v>4.4999999999999998E-2</c:v>
                </c:pt>
                <c:pt idx="8525">
                  <c:v>4.4999999999999998E-2</c:v>
                </c:pt>
                <c:pt idx="8526">
                  <c:v>4.4999999999999998E-2</c:v>
                </c:pt>
                <c:pt idx="8527">
                  <c:v>4.4999999999999998E-2</c:v>
                </c:pt>
                <c:pt idx="8528">
                  <c:v>4.4999999999999998E-2</c:v>
                </c:pt>
                <c:pt idx="8529">
                  <c:v>4.4999999999999998E-2</c:v>
                </c:pt>
                <c:pt idx="8530">
                  <c:v>4.4999999999999998E-2</c:v>
                </c:pt>
                <c:pt idx="8531">
                  <c:v>4.4999999999999998E-2</c:v>
                </c:pt>
                <c:pt idx="8532">
                  <c:v>4.4999999999999998E-2</c:v>
                </c:pt>
                <c:pt idx="8533">
                  <c:v>4.4999999999999998E-2</c:v>
                </c:pt>
                <c:pt idx="8534">
                  <c:v>4.4999999999999998E-2</c:v>
                </c:pt>
                <c:pt idx="8535">
                  <c:v>4.4999999999999998E-2</c:v>
                </c:pt>
                <c:pt idx="8536">
                  <c:v>4.4999999999999998E-2</c:v>
                </c:pt>
                <c:pt idx="8537">
                  <c:v>4.4999999999999998E-2</c:v>
                </c:pt>
                <c:pt idx="8538">
                  <c:v>4.4999999999999998E-2</c:v>
                </c:pt>
                <c:pt idx="8539">
                  <c:v>4.4999999999999998E-2</c:v>
                </c:pt>
                <c:pt idx="8540">
                  <c:v>4.4999999999999998E-2</c:v>
                </c:pt>
                <c:pt idx="8541">
                  <c:v>4.4999999999999998E-2</c:v>
                </c:pt>
                <c:pt idx="8542">
                  <c:v>4.4999999999999998E-2</c:v>
                </c:pt>
                <c:pt idx="8543">
                  <c:v>4.4999999999999998E-2</c:v>
                </c:pt>
                <c:pt idx="8544">
                  <c:v>4.4999999999999998E-2</c:v>
                </c:pt>
                <c:pt idx="8545">
                  <c:v>4.4999999999999998E-2</c:v>
                </c:pt>
                <c:pt idx="8546">
                  <c:v>4.4999999999999998E-2</c:v>
                </c:pt>
                <c:pt idx="8547">
                  <c:v>4.4999999999999998E-2</c:v>
                </c:pt>
                <c:pt idx="8548">
                  <c:v>4.4999999999999998E-2</c:v>
                </c:pt>
                <c:pt idx="8549">
                  <c:v>4.4999999999999998E-2</c:v>
                </c:pt>
                <c:pt idx="8550">
                  <c:v>4.4999999999999998E-2</c:v>
                </c:pt>
                <c:pt idx="8551">
                  <c:v>4.4999999999999998E-2</c:v>
                </c:pt>
                <c:pt idx="8552">
                  <c:v>4.4999999999999998E-2</c:v>
                </c:pt>
                <c:pt idx="8553">
                  <c:v>4.4999999999999998E-2</c:v>
                </c:pt>
                <c:pt idx="8554">
                  <c:v>4.4999999999999998E-2</c:v>
                </c:pt>
                <c:pt idx="8555">
                  <c:v>4.4999999999999998E-2</c:v>
                </c:pt>
                <c:pt idx="8556">
                  <c:v>4.4999999999999998E-2</c:v>
                </c:pt>
                <c:pt idx="8557">
                  <c:v>4.4999999999999998E-2</c:v>
                </c:pt>
                <c:pt idx="8558">
                  <c:v>4.4999999999999998E-2</c:v>
                </c:pt>
                <c:pt idx="8559">
                  <c:v>4.7500000000000001E-2</c:v>
                </c:pt>
                <c:pt idx="8560">
                  <c:v>4.7500000000000001E-2</c:v>
                </c:pt>
                <c:pt idx="8561">
                  <c:v>4.7500000000000001E-2</c:v>
                </c:pt>
                <c:pt idx="8562">
                  <c:v>4.7500000000000001E-2</c:v>
                </c:pt>
                <c:pt idx="8563">
                  <c:v>4.7500000000000001E-2</c:v>
                </c:pt>
                <c:pt idx="8564">
                  <c:v>4.7500000000000001E-2</c:v>
                </c:pt>
                <c:pt idx="8565">
                  <c:v>4.7500000000000001E-2</c:v>
                </c:pt>
                <c:pt idx="8566">
                  <c:v>4.7500000000000001E-2</c:v>
                </c:pt>
                <c:pt idx="8567">
                  <c:v>4.7500000000000001E-2</c:v>
                </c:pt>
                <c:pt idx="8568">
                  <c:v>4.7500000000000001E-2</c:v>
                </c:pt>
                <c:pt idx="8569">
                  <c:v>4.7500000000000001E-2</c:v>
                </c:pt>
                <c:pt idx="8570">
                  <c:v>4.7500000000000001E-2</c:v>
                </c:pt>
                <c:pt idx="8571">
                  <c:v>4.7500000000000001E-2</c:v>
                </c:pt>
                <c:pt idx="8572">
                  <c:v>4.7500000000000001E-2</c:v>
                </c:pt>
                <c:pt idx="8573">
                  <c:v>4.7500000000000001E-2</c:v>
                </c:pt>
                <c:pt idx="8574">
                  <c:v>4.7500000000000001E-2</c:v>
                </c:pt>
                <c:pt idx="8575">
                  <c:v>4.7500000000000001E-2</c:v>
                </c:pt>
                <c:pt idx="8576">
                  <c:v>4.7500000000000001E-2</c:v>
                </c:pt>
                <c:pt idx="8577">
                  <c:v>4.7500000000000001E-2</c:v>
                </c:pt>
                <c:pt idx="8578">
                  <c:v>4.7500000000000001E-2</c:v>
                </c:pt>
                <c:pt idx="8579">
                  <c:v>4.7500000000000001E-2</c:v>
                </c:pt>
                <c:pt idx="8580">
                  <c:v>4.7500000000000001E-2</c:v>
                </c:pt>
                <c:pt idx="8581">
                  <c:v>4.7500000000000001E-2</c:v>
                </c:pt>
                <c:pt idx="8582">
                  <c:v>4.7500000000000001E-2</c:v>
                </c:pt>
                <c:pt idx="8583">
                  <c:v>4.7500000000000001E-2</c:v>
                </c:pt>
                <c:pt idx="8584">
                  <c:v>4.7500000000000001E-2</c:v>
                </c:pt>
                <c:pt idx="8585">
                  <c:v>4.7500000000000001E-2</c:v>
                </c:pt>
                <c:pt idx="8586">
                  <c:v>4.7500000000000001E-2</c:v>
                </c:pt>
                <c:pt idx="8587">
                  <c:v>4.7500000000000001E-2</c:v>
                </c:pt>
                <c:pt idx="8588">
                  <c:v>4.7500000000000001E-2</c:v>
                </c:pt>
                <c:pt idx="8589">
                  <c:v>4.7500000000000001E-2</c:v>
                </c:pt>
                <c:pt idx="8590">
                  <c:v>4.7500000000000001E-2</c:v>
                </c:pt>
                <c:pt idx="8591">
                  <c:v>4.7500000000000001E-2</c:v>
                </c:pt>
                <c:pt idx="8592">
                  <c:v>4.7500000000000001E-2</c:v>
                </c:pt>
                <c:pt idx="8593">
                  <c:v>4.7500000000000001E-2</c:v>
                </c:pt>
                <c:pt idx="8594">
                  <c:v>0.05</c:v>
                </c:pt>
                <c:pt idx="8595">
                  <c:v>0.05</c:v>
                </c:pt>
                <c:pt idx="8596">
                  <c:v>0.05</c:v>
                </c:pt>
                <c:pt idx="8597">
                  <c:v>0.05</c:v>
                </c:pt>
                <c:pt idx="8598">
                  <c:v>0.05</c:v>
                </c:pt>
                <c:pt idx="8599">
                  <c:v>0.05</c:v>
                </c:pt>
                <c:pt idx="8600">
                  <c:v>0.05</c:v>
                </c:pt>
                <c:pt idx="8601">
                  <c:v>0.05</c:v>
                </c:pt>
                <c:pt idx="8602">
                  <c:v>0.05</c:v>
                </c:pt>
                <c:pt idx="8603">
                  <c:v>0.05</c:v>
                </c:pt>
                <c:pt idx="8604">
                  <c:v>0.05</c:v>
                </c:pt>
                <c:pt idx="8605">
                  <c:v>0.05</c:v>
                </c:pt>
                <c:pt idx="8606">
                  <c:v>0.05</c:v>
                </c:pt>
                <c:pt idx="8607">
                  <c:v>0.05</c:v>
                </c:pt>
                <c:pt idx="8608">
                  <c:v>0.05</c:v>
                </c:pt>
                <c:pt idx="8609">
                  <c:v>0.05</c:v>
                </c:pt>
                <c:pt idx="8610">
                  <c:v>0.05</c:v>
                </c:pt>
                <c:pt idx="8611">
                  <c:v>0.05</c:v>
                </c:pt>
                <c:pt idx="8612">
                  <c:v>0.05</c:v>
                </c:pt>
                <c:pt idx="8613">
                  <c:v>0.05</c:v>
                </c:pt>
                <c:pt idx="8614">
                  <c:v>0.05</c:v>
                </c:pt>
                <c:pt idx="8615">
                  <c:v>0.05</c:v>
                </c:pt>
                <c:pt idx="8616">
                  <c:v>0.05</c:v>
                </c:pt>
                <c:pt idx="8617">
                  <c:v>0.05</c:v>
                </c:pt>
                <c:pt idx="8618">
                  <c:v>0.05</c:v>
                </c:pt>
                <c:pt idx="8619">
                  <c:v>0.05</c:v>
                </c:pt>
                <c:pt idx="8620">
                  <c:v>0.05</c:v>
                </c:pt>
                <c:pt idx="8621">
                  <c:v>0.05</c:v>
                </c:pt>
                <c:pt idx="8622">
                  <c:v>0.05</c:v>
                </c:pt>
                <c:pt idx="8623">
                  <c:v>0.05</c:v>
                </c:pt>
                <c:pt idx="8624">
                  <c:v>0.05</c:v>
                </c:pt>
                <c:pt idx="8625">
                  <c:v>0.05</c:v>
                </c:pt>
                <c:pt idx="8626">
                  <c:v>0.05</c:v>
                </c:pt>
                <c:pt idx="8627">
                  <c:v>0.05</c:v>
                </c:pt>
                <c:pt idx="8628">
                  <c:v>0.05</c:v>
                </c:pt>
                <c:pt idx="8629">
                  <c:v>0.05</c:v>
                </c:pt>
                <c:pt idx="8630">
                  <c:v>0.05</c:v>
                </c:pt>
                <c:pt idx="8631">
                  <c:v>0.05</c:v>
                </c:pt>
                <c:pt idx="8632">
                  <c:v>0.05</c:v>
                </c:pt>
                <c:pt idx="8633">
                  <c:v>0.05</c:v>
                </c:pt>
                <c:pt idx="8634">
                  <c:v>0.05</c:v>
                </c:pt>
                <c:pt idx="8635">
                  <c:v>0.05</c:v>
                </c:pt>
                <c:pt idx="8636">
                  <c:v>0.05</c:v>
                </c:pt>
                <c:pt idx="8637">
                  <c:v>0.05</c:v>
                </c:pt>
                <c:pt idx="8638">
                  <c:v>0.05</c:v>
                </c:pt>
                <c:pt idx="8639">
                  <c:v>0.05</c:v>
                </c:pt>
                <c:pt idx="8640">
                  <c:v>0.05</c:v>
                </c:pt>
                <c:pt idx="8641">
                  <c:v>0.05</c:v>
                </c:pt>
                <c:pt idx="8642">
                  <c:v>0.05</c:v>
                </c:pt>
                <c:pt idx="8643">
                  <c:v>0.05</c:v>
                </c:pt>
                <c:pt idx="8644">
                  <c:v>0.05</c:v>
                </c:pt>
                <c:pt idx="8645">
                  <c:v>0.05</c:v>
                </c:pt>
                <c:pt idx="8646">
                  <c:v>0.05</c:v>
                </c:pt>
                <c:pt idx="8647">
                  <c:v>0.05</c:v>
                </c:pt>
                <c:pt idx="8648">
                  <c:v>0.05</c:v>
                </c:pt>
                <c:pt idx="8649">
                  <c:v>0.05</c:v>
                </c:pt>
                <c:pt idx="8650">
                  <c:v>0.05</c:v>
                </c:pt>
                <c:pt idx="8651">
                  <c:v>0.05</c:v>
                </c:pt>
                <c:pt idx="8652">
                  <c:v>0.05</c:v>
                </c:pt>
                <c:pt idx="8653">
                  <c:v>0.05</c:v>
                </c:pt>
                <c:pt idx="8654">
                  <c:v>0.05</c:v>
                </c:pt>
                <c:pt idx="8655">
                  <c:v>0.05</c:v>
                </c:pt>
                <c:pt idx="8656">
                  <c:v>0.05</c:v>
                </c:pt>
                <c:pt idx="8657">
                  <c:v>0.05</c:v>
                </c:pt>
                <c:pt idx="8658">
                  <c:v>0.05</c:v>
                </c:pt>
                <c:pt idx="8659">
                  <c:v>0.05</c:v>
                </c:pt>
                <c:pt idx="8660">
                  <c:v>0.05</c:v>
                </c:pt>
                <c:pt idx="8661">
                  <c:v>0.05</c:v>
                </c:pt>
                <c:pt idx="8662">
                  <c:v>0.05</c:v>
                </c:pt>
                <c:pt idx="8663">
                  <c:v>0.05</c:v>
                </c:pt>
                <c:pt idx="8664">
                  <c:v>0.05</c:v>
                </c:pt>
                <c:pt idx="8665">
                  <c:v>0.05</c:v>
                </c:pt>
                <c:pt idx="8666">
                  <c:v>0.05</c:v>
                </c:pt>
                <c:pt idx="8667">
                  <c:v>0.05</c:v>
                </c:pt>
                <c:pt idx="8668">
                  <c:v>0.05</c:v>
                </c:pt>
                <c:pt idx="8669">
                  <c:v>0.05</c:v>
                </c:pt>
                <c:pt idx="8670">
                  <c:v>0.05</c:v>
                </c:pt>
                <c:pt idx="8671">
                  <c:v>0.05</c:v>
                </c:pt>
                <c:pt idx="8672">
                  <c:v>0.05</c:v>
                </c:pt>
                <c:pt idx="8673">
                  <c:v>0.05</c:v>
                </c:pt>
                <c:pt idx="8674">
                  <c:v>0.05</c:v>
                </c:pt>
                <c:pt idx="8675">
                  <c:v>0.05</c:v>
                </c:pt>
                <c:pt idx="8676">
                  <c:v>0.05</c:v>
                </c:pt>
                <c:pt idx="8677">
                  <c:v>0.05</c:v>
                </c:pt>
                <c:pt idx="8678">
                  <c:v>0.05</c:v>
                </c:pt>
                <c:pt idx="8679">
                  <c:v>0.05</c:v>
                </c:pt>
                <c:pt idx="8680">
                  <c:v>0.05</c:v>
                </c:pt>
                <c:pt idx="8681">
                  <c:v>0.05</c:v>
                </c:pt>
                <c:pt idx="8682">
                  <c:v>0.05</c:v>
                </c:pt>
                <c:pt idx="8683">
                  <c:v>0.05</c:v>
                </c:pt>
                <c:pt idx="8684">
                  <c:v>0.05</c:v>
                </c:pt>
                <c:pt idx="8685">
                  <c:v>0.05</c:v>
                </c:pt>
                <c:pt idx="8686">
                  <c:v>0.05</c:v>
                </c:pt>
                <c:pt idx="8687">
                  <c:v>0.05</c:v>
                </c:pt>
                <c:pt idx="8688">
                  <c:v>0.05</c:v>
                </c:pt>
                <c:pt idx="8689">
                  <c:v>0.05</c:v>
                </c:pt>
                <c:pt idx="8690">
                  <c:v>0.05</c:v>
                </c:pt>
                <c:pt idx="8691">
                  <c:v>0.05</c:v>
                </c:pt>
                <c:pt idx="8692">
                  <c:v>0.05</c:v>
                </c:pt>
                <c:pt idx="8693">
                  <c:v>0.05</c:v>
                </c:pt>
                <c:pt idx="8694">
                  <c:v>0.05</c:v>
                </c:pt>
                <c:pt idx="8695">
                  <c:v>0.05</c:v>
                </c:pt>
                <c:pt idx="8696">
                  <c:v>0.05</c:v>
                </c:pt>
                <c:pt idx="8697">
                  <c:v>0.05</c:v>
                </c:pt>
                <c:pt idx="8698">
                  <c:v>0.05</c:v>
                </c:pt>
                <c:pt idx="8699">
                  <c:v>0.05</c:v>
                </c:pt>
                <c:pt idx="8700">
                  <c:v>0.05</c:v>
                </c:pt>
                <c:pt idx="8701">
                  <c:v>0.05</c:v>
                </c:pt>
                <c:pt idx="8702">
                  <c:v>0.05</c:v>
                </c:pt>
                <c:pt idx="8703">
                  <c:v>0.05</c:v>
                </c:pt>
                <c:pt idx="8704">
                  <c:v>0.05</c:v>
                </c:pt>
                <c:pt idx="8705">
                  <c:v>0.05</c:v>
                </c:pt>
                <c:pt idx="8706">
                  <c:v>0.05</c:v>
                </c:pt>
                <c:pt idx="8707">
                  <c:v>0.05</c:v>
                </c:pt>
                <c:pt idx="8708">
                  <c:v>0.05</c:v>
                </c:pt>
                <c:pt idx="8709">
                  <c:v>0.05</c:v>
                </c:pt>
                <c:pt idx="8710">
                  <c:v>0.05</c:v>
                </c:pt>
                <c:pt idx="8711">
                  <c:v>0.05</c:v>
                </c:pt>
                <c:pt idx="8712">
                  <c:v>0.05</c:v>
                </c:pt>
                <c:pt idx="8713">
                  <c:v>0.05</c:v>
                </c:pt>
                <c:pt idx="8714">
                  <c:v>0.05</c:v>
                </c:pt>
                <c:pt idx="8715">
                  <c:v>0.05</c:v>
                </c:pt>
                <c:pt idx="8716">
                  <c:v>0.05</c:v>
                </c:pt>
                <c:pt idx="8717">
                  <c:v>0.05</c:v>
                </c:pt>
                <c:pt idx="8718">
                  <c:v>0.05</c:v>
                </c:pt>
                <c:pt idx="8719">
                  <c:v>0.05</c:v>
                </c:pt>
                <c:pt idx="8720">
                  <c:v>0.05</c:v>
                </c:pt>
                <c:pt idx="8721">
                  <c:v>0.05</c:v>
                </c:pt>
                <c:pt idx="8722">
                  <c:v>0.05</c:v>
                </c:pt>
                <c:pt idx="8723">
                  <c:v>0.05</c:v>
                </c:pt>
                <c:pt idx="8724">
                  <c:v>0.05</c:v>
                </c:pt>
                <c:pt idx="8725">
                  <c:v>0.05</c:v>
                </c:pt>
                <c:pt idx="8726">
                  <c:v>0.05</c:v>
                </c:pt>
                <c:pt idx="8727">
                  <c:v>0.05</c:v>
                </c:pt>
                <c:pt idx="8728">
                  <c:v>0.05</c:v>
                </c:pt>
                <c:pt idx="8729">
                  <c:v>0.05</c:v>
                </c:pt>
                <c:pt idx="8730">
                  <c:v>0.05</c:v>
                </c:pt>
                <c:pt idx="8731">
                  <c:v>0.05</c:v>
                </c:pt>
                <c:pt idx="8732">
                  <c:v>0.05</c:v>
                </c:pt>
                <c:pt idx="8733">
                  <c:v>0.05</c:v>
                </c:pt>
                <c:pt idx="8734">
                  <c:v>0.05</c:v>
                </c:pt>
                <c:pt idx="8735">
                  <c:v>0.05</c:v>
                </c:pt>
                <c:pt idx="8736">
                  <c:v>0.05</c:v>
                </c:pt>
                <c:pt idx="8737">
                  <c:v>0.05</c:v>
                </c:pt>
                <c:pt idx="8738">
                  <c:v>0.05</c:v>
                </c:pt>
                <c:pt idx="8739">
                  <c:v>0.05</c:v>
                </c:pt>
                <c:pt idx="8740">
                  <c:v>0.05</c:v>
                </c:pt>
                <c:pt idx="8741">
                  <c:v>0.05</c:v>
                </c:pt>
                <c:pt idx="8742">
                  <c:v>0.05</c:v>
                </c:pt>
                <c:pt idx="8743">
                  <c:v>0.05</c:v>
                </c:pt>
                <c:pt idx="8744">
                  <c:v>0.05</c:v>
                </c:pt>
                <c:pt idx="8745">
                  <c:v>0.05</c:v>
                </c:pt>
                <c:pt idx="8746">
                  <c:v>0.05</c:v>
                </c:pt>
                <c:pt idx="8747">
                  <c:v>0.05</c:v>
                </c:pt>
                <c:pt idx="8748">
                  <c:v>0.05</c:v>
                </c:pt>
                <c:pt idx="8749">
                  <c:v>0.05</c:v>
                </c:pt>
                <c:pt idx="8750">
                  <c:v>0.05</c:v>
                </c:pt>
                <c:pt idx="8751">
                  <c:v>0.05</c:v>
                </c:pt>
                <c:pt idx="8752">
                  <c:v>0.05</c:v>
                </c:pt>
                <c:pt idx="8753">
                  <c:v>0.05</c:v>
                </c:pt>
                <c:pt idx="8754">
                  <c:v>0.05</c:v>
                </c:pt>
                <c:pt idx="8755">
                  <c:v>0.05</c:v>
                </c:pt>
                <c:pt idx="8756">
                  <c:v>0.05</c:v>
                </c:pt>
                <c:pt idx="8757">
                  <c:v>0.05</c:v>
                </c:pt>
                <c:pt idx="8758">
                  <c:v>0.05</c:v>
                </c:pt>
                <c:pt idx="8759">
                  <c:v>0.05</c:v>
                </c:pt>
                <c:pt idx="8760">
                  <c:v>0.05</c:v>
                </c:pt>
                <c:pt idx="8761">
                  <c:v>0.05</c:v>
                </c:pt>
                <c:pt idx="8762">
                  <c:v>0.05</c:v>
                </c:pt>
                <c:pt idx="8763">
                  <c:v>0.05</c:v>
                </c:pt>
                <c:pt idx="8764">
                  <c:v>0.05</c:v>
                </c:pt>
                <c:pt idx="8765">
                  <c:v>0.05</c:v>
                </c:pt>
                <c:pt idx="8766">
                  <c:v>0.05</c:v>
                </c:pt>
                <c:pt idx="8767">
                  <c:v>0.05</c:v>
                </c:pt>
                <c:pt idx="8768">
                  <c:v>0.05</c:v>
                </c:pt>
                <c:pt idx="8769">
                  <c:v>0.05</c:v>
                </c:pt>
                <c:pt idx="8770">
                  <c:v>0.05</c:v>
                </c:pt>
                <c:pt idx="8771">
                  <c:v>0.05</c:v>
                </c:pt>
                <c:pt idx="8772">
                  <c:v>0.05</c:v>
                </c:pt>
                <c:pt idx="8773">
                  <c:v>0.05</c:v>
                </c:pt>
                <c:pt idx="8774">
                  <c:v>0.05</c:v>
                </c:pt>
                <c:pt idx="8775">
                  <c:v>0.05</c:v>
                </c:pt>
                <c:pt idx="8776">
                  <c:v>0.05</c:v>
                </c:pt>
                <c:pt idx="8777">
                  <c:v>0.05</c:v>
                </c:pt>
                <c:pt idx="8778">
                  <c:v>0.05</c:v>
                </c:pt>
                <c:pt idx="8779">
                  <c:v>0.05</c:v>
                </c:pt>
                <c:pt idx="8780">
                  <c:v>0.05</c:v>
                </c:pt>
                <c:pt idx="8781">
                  <c:v>0.05</c:v>
                </c:pt>
                <c:pt idx="8782">
                  <c:v>0.05</c:v>
                </c:pt>
                <c:pt idx="8783">
                  <c:v>0.05</c:v>
                </c:pt>
                <c:pt idx="8784">
                  <c:v>0.05</c:v>
                </c:pt>
                <c:pt idx="8785">
                  <c:v>0.05</c:v>
                </c:pt>
                <c:pt idx="8786">
                  <c:v>0.05</c:v>
                </c:pt>
                <c:pt idx="8787">
                  <c:v>0.05</c:v>
                </c:pt>
                <c:pt idx="8788">
                  <c:v>0.05</c:v>
                </c:pt>
                <c:pt idx="8789">
                  <c:v>0.05</c:v>
                </c:pt>
                <c:pt idx="8790">
                  <c:v>0.05</c:v>
                </c:pt>
                <c:pt idx="8791">
                  <c:v>0.05</c:v>
                </c:pt>
                <c:pt idx="8792">
                  <c:v>0.05</c:v>
                </c:pt>
                <c:pt idx="8793">
                  <c:v>0.05</c:v>
                </c:pt>
                <c:pt idx="8794">
                  <c:v>0.05</c:v>
                </c:pt>
                <c:pt idx="8795">
                  <c:v>0.05</c:v>
                </c:pt>
                <c:pt idx="8796">
                  <c:v>0.05</c:v>
                </c:pt>
                <c:pt idx="8797">
                  <c:v>0.05</c:v>
                </c:pt>
                <c:pt idx="8798">
                  <c:v>0.05</c:v>
                </c:pt>
                <c:pt idx="8799">
                  <c:v>0.05</c:v>
                </c:pt>
                <c:pt idx="8800">
                  <c:v>0.05</c:v>
                </c:pt>
                <c:pt idx="8801">
                  <c:v>0.05</c:v>
                </c:pt>
                <c:pt idx="8802">
                  <c:v>0.05</c:v>
                </c:pt>
                <c:pt idx="8803">
                  <c:v>0.05</c:v>
                </c:pt>
                <c:pt idx="8804">
                  <c:v>0.05</c:v>
                </c:pt>
                <c:pt idx="8805">
                  <c:v>0.05</c:v>
                </c:pt>
                <c:pt idx="8806">
                  <c:v>0.05</c:v>
                </c:pt>
                <c:pt idx="8807">
                  <c:v>0.05</c:v>
                </c:pt>
                <c:pt idx="8808">
                  <c:v>0.05</c:v>
                </c:pt>
                <c:pt idx="8809">
                  <c:v>0.05</c:v>
                </c:pt>
                <c:pt idx="8810">
                  <c:v>0.05</c:v>
                </c:pt>
                <c:pt idx="8811">
                  <c:v>0.05</c:v>
                </c:pt>
                <c:pt idx="8812">
                  <c:v>0.05</c:v>
                </c:pt>
                <c:pt idx="8813">
                  <c:v>0.05</c:v>
                </c:pt>
                <c:pt idx="8814">
                  <c:v>0.05</c:v>
                </c:pt>
                <c:pt idx="8815">
                  <c:v>0.05</c:v>
                </c:pt>
                <c:pt idx="8816">
                  <c:v>0.05</c:v>
                </c:pt>
                <c:pt idx="8817">
                  <c:v>0.05</c:v>
                </c:pt>
                <c:pt idx="8818">
                  <c:v>0.05</c:v>
                </c:pt>
                <c:pt idx="8819">
                  <c:v>0.05</c:v>
                </c:pt>
                <c:pt idx="8820">
                  <c:v>0.05</c:v>
                </c:pt>
                <c:pt idx="8821">
                  <c:v>0.05</c:v>
                </c:pt>
                <c:pt idx="8822">
                  <c:v>0.05</c:v>
                </c:pt>
                <c:pt idx="8823">
                  <c:v>0.05</c:v>
                </c:pt>
                <c:pt idx="8824">
                  <c:v>0.05</c:v>
                </c:pt>
                <c:pt idx="8825">
                  <c:v>0.05</c:v>
                </c:pt>
                <c:pt idx="8826">
                  <c:v>0.05</c:v>
                </c:pt>
                <c:pt idx="8827">
                  <c:v>0.05</c:v>
                </c:pt>
                <c:pt idx="8828">
                  <c:v>0.05</c:v>
                </c:pt>
                <c:pt idx="8829">
                  <c:v>0.05</c:v>
                </c:pt>
                <c:pt idx="8830">
                  <c:v>0.05</c:v>
                </c:pt>
                <c:pt idx="8831">
                  <c:v>0.05</c:v>
                </c:pt>
                <c:pt idx="8832">
                  <c:v>0.05</c:v>
                </c:pt>
                <c:pt idx="8833">
                  <c:v>0.05</c:v>
                </c:pt>
                <c:pt idx="8834">
                  <c:v>0.05</c:v>
                </c:pt>
                <c:pt idx="8835">
                  <c:v>0.05</c:v>
                </c:pt>
                <c:pt idx="8836">
                  <c:v>0.05</c:v>
                </c:pt>
                <c:pt idx="8837">
                  <c:v>0.05</c:v>
                </c:pt>
                <c:pt idx="8838">
                  <c:v>0.05</c:v>
                </c:pt>
                <c:pt idx="8839">
                  <c:v>0.05</c:v>
                </c:pt>
                <c:pt idx="8840">
                  <c:v>0.05</c:v>
                </c:pt>
                <c:pt idx="8841">
                  <c:v>0.05</c:v>
                </c:pt>
                <c:pt idx="8842">
                  <c:v>0.05</c:v>
                </c:pt>
                <c:pt idx="8843">
                  <c:v>0.05</c:v>
                </c:pt>
                <c:pt idx="8844">
                  <c:v>0.05</c:v>
                </c:pt>
                <c:pt idx="8845">
                  <c:v>0.05</c:v>
                </c:pt>
                <c:pt idx="8846">
                  <c:v>0.05</c:v>
                </c:pt>
                <c:pt idx="8847">
                  <c:v>0.05</c:v>
                </c:pt>
                <c:pt idx="8848">
                  <c:v>0.05</c:v>
                </c:pt>
                <c:pt idx="8849">
                  <c:v>0.05</c:v>
                </c:pt>
                <c:pt idx="8850">
                  <c:v>0.05</c:v>
                </c:pt>
                <c:pt idx="8851">
                  <c:v>0.05</c:v>
                </c:pt>
                <c:pt idx="8852">
                  <c:v>0.05</c:v>
                </c:pt>
                <c:pt idx="8853">
                  <c:v>0.05</c:v>
                </c:pt>
                <c:pt idx="8854">
                  <c:v>0.05</c:v>
                </c:pt>
                <c:pt idx="8855">
                  <c:v>0.05</c:v>
                </c:pt>
                <c:pt idx="8856">
                  <c:v>0.05</c:v>
                </c:pt>
                <c:pt idx="8857">
                  <c:v>0.05</c:v>
                </c:pt>
                <c:pt idx="8858">
                  <c:v>0.05</c:v>
                </c:pt>
                <c:pt idx="8859">
                  <c:v>0.05</c:v>
                </c:pt>
                <c:pt idx="8860">
                  <c:v>0.05</c:v>
                </c:pt>
                <c:pt idx="8861">
                  <c:v>0.05</c:v>
                </c:pt>
                <c:pt idx="8862">
                  <c:v>0.05</c:v>
                </c:pt>
                <c:pt idx="8863">
                  <c:v>0.05</c:v>
                </c:pt>
                <c:pt idx="8864">
                  <c:v>0.05</c:v>
                </c:pt>
                <c:pt idx="8865">
                  <c:v>0.05</c:v>
                </c:pt>
                <c:pt idx="8866">
                  <c:v>0.05</c:v>
                </c:pt>
                <c:pt idx="8867">
                  <c:v>0.05</c:v>
                </c:pt>
                <c:pt idx="8868">
                  <c:v>0.05</c:v>
                </c:pt>
                <c:pt idx="8869">
                  <c:v>0.05</c:v>
                </c:pt>
                <c:pt idx="8870">
                  <c:v>0.05</c:v>
                </c:pt>
                <c:pt idx="8871">
                  <c:v>0.05</c:v>
                </c:pt>
                <c:pt idx="8872">
                  <c:v>0.05</c:v>
                </c:pt>
                <c:pt idx="8873">
                  <c:v>0.05</c:v>
                </c:pt>
                <c:pt idx="8874">
                  <c:v>0.05</c:v>
                </c:pt>
                <c:pt idx="8875">
                  <c:v>0.05</c:v>
                </c:pt>
                <c:pt idx="8876">
                  <c:v>0.05</c:v>
                </c:pt>
                <c:pt idx="8877">
                  <c:v>0.05</c:v>
                </c:pt>
                <c:pt idx="8878">
                  <c:v>0.05</c:v>
                </c:pt>
                <c:pt idx="8879">
                  <c:v>0.05</c:v>
                </c:pt>
                <c:pt idx="8880">
                  <c:v>0.05</c:v>
                </c:pt>
                <c:pt idx="8881">
                  <c:v>0.05</c:v>
                </c:pt>
                <c:pt idx="8882">
                  <c:v>0.05</c:v>
                </c:pt>
                <c:pt idx="8883">
                  <c:v>0.05</c:v>
                </c:pt>
                <c:pt idx="8884">
                  <c:v>0.05</c:v>
                </c:pt>
                <c:pt idx="8885">
                  <c:v>0.05</c:v>
                </c:pt>
                <c:pt idx="8886">
                  <c:v>0.05</c:v>
                </c:pt>
                <c:pt idx="8887">
                  <c:v>0.05</c:v>
                </c:pt>
                <c:pt idx="8888">
                  <c:v>0.05</c:v>
                </c:pt>
                <c:pt idx="8889">
                  <c:v>0.05</c:v>
                </c:pt>
                <c:pt idx="8890">
                  <c:v>0.05</c:v>
                </c:pt>
                <c:pt idx="8891">
                  <c:v>0.05</c:v>
                </c:pt>
                <c:pt idx="8892">
                  <c:v>0.05</c:v>
                </c:pt>
                <c:pt idx="8893">
                  <c:v>0.05</c:v>
                </c:pt>
                <c:pt idx="8894">
                  <c:v>0.05</c:v>
                </c:pt>
                <c:pt idx="8895">
                  <c:v>0.05</c:v>
                </c:pt>
                <c:pt idx="8896">
                  <c:v>0.05</c:v>
                </c:pt>
                <c:pt idx="8897">
                  <c:v>0.05</c:v>
                </c:pt>
                <c:pt idx="8898">
                  <c:v>0.05</c:v>
                </c:pt>
                <c:pt idx="8899">
                  <c:v>0.05</c:v>
                </c:pt>
                <c:pt idx="8900">
                  <c:v>0.05</c:v>
                </c:pt>
                <c:pt idx="8901">
                  <c:v>0.05</c:v>
                </c:pt>
                <c:pt idx="8902">
                  <c:v>0.05</c:v>
                </c:pt>
                <c:pt idx="8903">
                  <c:v>0.05</c:v>
                </c:pt>
                <c:pt idx="8904">
                  <c:v>0.05</c:v>
                </c:pt>
                <c:pt idx="8905">
                  <c:v>0.05</c:v>
                </c:pt>
                <c:pt idx="8906">
                  <c:v>0.05</c:v>
                </c:pt>
                <c:pt idx="8907">
                  <c:v>0.05</c:v>
                </c:pt>
                <c:pt idx="8908">
                  <c:v>0.05</c:v>
                </c:pt>
                <c:pt idx="8909">
                  <c:v>0.05</c:v>
                </c:pt>
                <c:pt idx="8910">
                  <c:v>0.05</c:v>
                </c:pt>
                <c:pt idx="8911">
                  <c:v>0.05</c:v>
                </c:pt>
                <c:pt idx="8912">
                  <c:v>0.05</c:v>
                </c:pt>
                <c:pt idx="8913">
                  <c:v>0.05</c:v>
                </c:pt>
                <c:pt idx="8914">
                  <c:v>0.05</c:v>
                </c:pt>
                <c:pt idx="8915">
                  <c:v>0.05</c:v>
                </c:pt>
                <c:pt idx="8916">
                  <c:v>0.05</c:v>
                </c:pt>
                <c:pt idx="8917">
                  <c:v>0.05</c:v>
                </c:pt>
                <c:pt idx="8918">
                  <c:v>0.05</c:v>
                </c:pt>
                <c:pt idx="8919">
                  <c:v>0.05</c:v>
                </c:pt>
                <c:pt idx="8920">
                  <c:v>0.05</c:v>
                </c:pt>
                <c:pt idx="8921">
                  <c:v>0.05</c:v>
                </c:pt>
                <c:pt idx="8922">
                  <c:v>0.05</c:v>
                </c:pt>
                <c:pt idx="8923">
                  <c:v>4.7500000000000001E-2</c:v>
                </c:pt>
                <c:pt idx="8924">
                  <c:v>4.7500000000000001E-2</c:v>
                </c:pt>
                <c:pt idx="8925">
                  <c:v>4.7500000000000001E-2</c:v>
                </c:pt>
                <c:pt idx="8926">
                  <c:v>4.7500000000000001E-2</c:v>
                </c:pt>
                <c:pt idx="8927">
                  <c:v>4.7500000000000001E-2</c:v>
                </c:pt>
                <c:pt idx="8928">
                  <c:v>4.7500000000000001E-2</c:v>
                </c:pt>
                <c:pt idx="8929">
                  <c:v>4.7500000000000001E-2</c:v>
                </c:pt>
                <c:pt idx="8930">
                  <c:v>4.7500000000000001E-2</c:v>
                </c:pt>
                <c:pt idx="8931">
                  <c:v>4.7500000000000001E-2</c:v>
                </c:pt>
                <c:pt idx="8932">
                  <c:v>4.7500000000000001E-2</c:v>
                </c:pt>
                <c:pt idx="8933">
                  <c:v>4.7500000000000001E-2</c:v>
                </c:pt>
                <c:pt idx="8934">
                  <c:v>4.7500000000000001E-2</c:v>
                </c:pt>
                <c:pt idx="8935">
                  <c:v>4.7500000000000001E-2</c:v>
                </c:pt>
                <c:pt idx="8936">
                  <c:v>4.7500000000000001E-2</c:v>
                </c:pt>
                <c:pt idx="8937">
                  <c:v>4.7500000000000001E-2</c:v>
                </c:pt>
                <c:pt idx="8938">
                  <c:v>4.7500000000000001E-2</c:v>
                </c:pt>
                <c:pt idx="8939">
                  <c:v>4.7500000000000001E-2</c:v>
                </c:pt>
                <c:pt idx="8940">
                  <c:v>4.7500000000000001E-2</c:v>
                </c:pt>
                <c:pt idx="8941">
                  <c:v>4.7500000000000001E-2</c:v>
                </c:pt>
                <c:pt idx="8942">
                  <c:v>4.7500000000000001E-2</c:v>
                </c:pt>
                <c:pt idx="8943">
                  <c:v>4.7500000000000001E-2</c:v>
                </c:pt>
                <c:pt idx="8944">
                  <c:v>4.7500000000000001E-2</c:v>
                </c:pt>
                <c:pt idx="8945">
                  <c:v>4.7500000000000001E-2</c:v>
                </c:pt>
                <c:pt idx="8946">
                  <c:v>4.7500000000000001E-2</c:v>
                </c:pt>
                <c:pt idx="8947">
                  <c:v>4.7500000000000001E-2</c:v>
                </c:pt>
              </c:numCache>
            </c:numRef>
          </c:val>
          <c:smooth val="0"/>
          <c:extLst>
            <c:ext xmlns:c16="http://schemas.microsoft.com/office/drawing/2014/chart" uri="{C3380CC4-5D6E-409C-BE32-E72D297353CC}">
              <c16:uniqueId val="{00000004-27D4-4B1C-BABF-80723AC504D7}"/>
            </c:ext>
          </c:extLst>
        </c:ser>
        <c:ser>
          <c:idx val="5"/>
          <c:order val="5"/>
          <c:tx>
            <c:strRef>
              <c:f>Sheet1!$R$4</c:f>
              <c:strCache>
                <c:ptCount val="1"/>
                <c:pt idx="0">
                  <c:v>European Union</c:v>
                </c:pt>
              </c:strCache>
            </c:strRef>
          </c:tx>
          <c:spPr>
            <a:ln w="25400" cap="rnd" cmpd="sng" algn="ctr">
              <a:solidFill>
                <a:srgbClr val="885073"/>
              </a:solidFill>
              <a:prstDash val="solid"/>
              <a:round/>
              <a:headEnd type="none" w="med" len="med"/>
              <a:tailEnd type="none" w="med" len="med"/>
            </a:ln>
          </c:spPr>
          <c:marker>
            <c:symbol val="none"/>
          </c:marker>
          <c:cat>
            <c:numRef>
              <c:f>Sheet1!$L$5:$L$8952</c:f>
              <c:numCache>
                <c:formatCode>m/d/yyyy</c:formatCode>
                <c:ptCount val="8948"/>
                <c:pt idx="0">
                  <c:v>36526</c:v>
                </c:pt>
                <c:pt idx="1">
                  <c:v>36527</c:v>
                </c:pt>
                <c:pt idx="2">
                  <c:v>36528</c:v>
                </c:pt>
                <c:pt idx="3">
                  <c:v>36529</c:v>
                </c:pt>
                <c:pt idx="4">
                  <c:v>36530</c:v>
                </c:pt>
                <c:pt idx="5">
                  <c:v>36531</c:v>
                </c:pt>
                <c:pt idx="6">
                  <c:v>36532</c:v>
                </c:pt>
                <c:pt idx="7">
                  <c:v>36533</c:v>
                </c:pt>
                <c:pt idx="8">
                  <c:v>36534</c:v>
                </c:pt>
                <c:pt idx="9">
                  <c:v>36535</c:v>
                </c:pt>
                <c:pt idx="10">
                  <c:v>36536</c:v>
                </c:pt>
                <c:pt idx="11">
                  <c:v>36537</c:v>
                </c:pt>
                <c:pt idx="12">
                  <c:v>36538</c:v>
                </c:pt>
                <c:pt idx="13">
                  <c:v>36539</c:v>
                </c:pt>
                <c:pt idx="14">
                  <c:v>36540</c:v>
                </c:pt>
                <c:pt idx="15">
                  <c:v>36541</c:v>
                </c:pt>
                <c:pt idx="16">
                  <c:v>36542</c:v>
                </c:pt>
                <c:pt idx="17">
                  <c:v>36543</c:v>
                </c:pt>
                <c:pt idx="18">
                  <c:v>36544</c:v>
                </c:pt>
                <c:pt idx="19">
                  <c:v>36545</c:v>
                </c:pt>
                <c:pt idx="20">
                  <c:v>36546</c:v>
                </c:pt>
                <c:pt idx="21">
                  <c:v>36547</c:v>
                </c:pt>
                <c:pt idx="22">
                  <c:v>36548</c:v>
                </c:pt>
                <c:pt idx="23">
                  <c:v>36549</c:v>
                </c:pt>
                <c:pt idx="24">
                  <c:v>36550</c:v>
                </c:pt>
                <c:pt idx="25">
                  <c:v>36551</c:v>
                </c:pt>
                <c:pt idx="26">
                  <c:v>36552</c:v>
                </c:pt>
                <c:pt idx="27">
                  <c:v>36553</c:v>
                </c:pt>
                <c:pt idx="28">
                  <c:v>36554</c:v>
                </c:pt>
                <c:pt idx="29">
                  <c:v>36555</c:v>
                </c:pt>
                <c:pt idx="30">
                  <c:v>36556</c:v>
                </c:pt>
                <c:pt idx="31">
                  <c:v>36557</c:v>
                </c:pt>
                <c:pt idx="32">
                  <c:v>36558</c:v>
                </c:pt>
                <c:pt idx="33">
                  <c:v>36559</c:v>
                </c:pt>
                <c:pt idx="34">
                  <c:v>36560</c:v>
                </c:pt>
                <c:pt idx="35">
                  <c:v>36561</c:v>
                </c:pt>
                <c:pt idx="36">
                  <c:v>36562</c:v>
                </c:pt>
                <c:pt idx="37">
                  <c:v>36563</c:v>
                </c:pt>
                <c:pt idx="38">
                  <c:v>36564</c:v>
                </c:pt>
                <c:pt idx="39">
                  <c:v>36565</c:v>
                </c:pt>
                <c:pt idx="40">
                  <c:v>36566</c:v>
                </c:pt>
                <c:pt idx="41">
                  <c:v>36567</c:v>
                </c:pt>
                <c:pt idx="42">
                  <c:v>36568</c:v>
                </c:pt>
                <c:pt idx="43">
                  <c:v>36569</c:v>
                </c:pt>
                <c:pt idx="44">
                  <c:v>36570</c:v>
                </c:pt>
                <c:pt idx="45">
                  <c:v>36571</c:v>
                </c:pt>
                <c:pt idx="46">
                  <c:v>36572</c:v>
                </c:pt>
                <c:pt idx="47">
                  <c:v>36573</c:v>
                </c:pt>
                <c:pt idx="48">
                  <c:v>36574</c:v>
                </c:pt>
                <c:pt idx="49">
                  <c:v>36575</c:v>
                </c:pt>
                <c:pt idx="50">
                  <c:v>36576</c:v>
                </c:pt>
                <c:pt idx="51">
                  <c:v>36577</c:v>
                </c:pt>
                <c:pt idx="52">
                  <c:v>36578</c:v>
                </c:pt>
                <c:pt idx="53">
                  <c:v>36579</c:v>
                </c:pt>
                <c:pt idx="54">
                  <c:v>36580</c:v>
                </c:pt>
                <c:pt idx="55">
                  <c:v>36581</c:v>
                </c:pt>
                <c:pt idx="56">
                  <c:v>36582</c:v>
                </c:pt>
                <c:pt idx="57">
                  <c:v>36583</c:v>
                </c:pt>
                <c:pt idx="58">
                  <c:v>36584</c:v>
                </c:pt>
                <c:pt idx="59">
                  <c:v>36585</c:v>
                </c:pt>
                <c:pt idx="60">
                  <c:v>36586</c:v>
                </c:pt>
                <c:pt idx="61">
                  <c:v>36587</c:v>
                </c:pt>
                <c:pt idx="62">
                  <c:v>36588</c:v>
                </c:pt>
                <c:pt idx="63">
                  <c:v>36589</c:v>
                </c:pt>
                <c:pt idx="64">
                  <c:v>36590</c:v>
                </c:pt>
                <c:pt idx="65">
                  <c:v>36591</c:v>
                </c:pt>
                <c:pt idx="66">
                  <c:v>36592</c:v>
                </c:pt>
                <c:pt idx="67">
                  <c:v>36593</c:v>
                </c:pt>
                <c:pt idx="68">
                  <c:v>36594</c:v>
                </c:pt>
                <c:pt idx="69">
                  <c:v>36595</c:v>
                </c:pt>
                <c:pt idx="70">
                  <c:v>36596</c:v>
                </c:pt>
                <c:pt idx="71">
                  <c:v>36597</c:v>
                </c:pt>
                <c:pt idx="72">
                  <c:v>36598</c:v>
                </c:pt>
                <c:pt idx="73">
                  <c:v>36599</c:v>
                </c:pt>
                <c:pt idx="74">
                  <c:v>36600</c:v>
                </c:pt>
                <c:pt idx="75">
                  <c:v>36601</c:v>
                </c:pt>
                <c:pt idx="76">
                  <c:v>36602</c:v>
                </c:pt>
                <c:pt idx="77">
                  <c:v>36603</c:v>
                </c:pt>
                <c:pt idx="78">
                  <c:v>36604</c:v>
                </c:pt>
                <c:pt idx="79">
                  <c:v>36605</c:v>
                </c:pt>
                <c:pt idx="80">
                  <c:v>36606</c:v>
                </c:pt>
                <c:pt idx="81">
                  <c:v>36607</c:v>
                </c:pt>
                <c:pt idx="82">
                  <c:v>36608</c:v>
                </c:pt>
                <c:pt idx="83">
                  <c:v>36609</c:v>
                </c:pt>
                <c:pt idx="84">
                  <c:v>36610</c:v>
                </c:pt>
                <c:pt idx="85">
                  <c:v>36611</c:v>
                </c:pt>
                <c:pt idx="86">
                  <c:v>36612</c:v>
                </c:pt>
                <c:pt idx="87">
                  <c:v>36613</c:v>
                </c:pt>
                <c:pt idx="88">
                  <c:v>36614</c:v>
                </c:pt>
                <c:pt idx="89">
                  <c:v>36615</c:v>
                </c:pt>
                <c:pt idx="90">
                  <c:v>36616</c:v>
                </c:pt>
                <c:pt idx="91">
                  <c:v>36617</c:v>
                </c:pt>
                <c:pt idx="92">
                  <c:v>36618</c:v>
                </c:pt>
                <c:pt idx="93">
                  <c:v>36619</c:v>
                </c:pt>
                <c:pt idx="94">
                  <c:v>36620</c:v>
                </c:pt>
                <c:pt idx="95">
                  <c:v>36621</c:v>
                </c:pt>
                <c:pt idx="96">
                  <c:v>36622</c:v>
                </c:pt>
                <c:pt idx="97">
                  <c:v>36623</c:v>
                </c:pt>
                <c:pt idx="98">
                  <c:v>36624</c:v>
                </c:pt>
                <c:pt idx="99">
                  <c:v>36625</c:v>
                </c:pt>
                <c:pt idx="100">
                  <c:v>36626</c:v>
                </c:pt>
                <c:pt idx="101">
                  <c:v>36627</c:v>
                </c:pt>
                <c:pt idx="102">
                  <c:v>36628</c:v>
                </c:pt>
                <c:pt idx="103">
                  <c:v>36629</c:v>
                </c:pt>
                <c:pt idx="104">
                  <c:v>36630</c:v>
                </c:pt>
                <c:pt idx="105">
                  <c:v>36631</c:v>
                </c:pt>
                <c:pt idx="106">
                  <c:v>36632</c:v>
                </c:pt>
                <c:pt idx="107">
                  <c:v>36633</c:v>
                </c:pt>
                <c:pt idx="108">
                  <c:v>36634</c:v>
                </c:pt>
                <c:pt idx="109">
                  <c:v>36635</c:v>
                </c:pt>
                <c:pt idx="110">
                  <c:v>36636</c:v>
                </c:pt>
                <c:pt idx="111">
                  <c:v>36637</c:v>
                </c:pt>
                <c:pt idx="112">
                  <c:v>36638</c:v>
                </c:pt>
                <c:pt idx="113">
                  <c:v>36639</c:v>
                </c:pt>
                <c:pt idx="114">
                  <c:v>36640</c:v>
                </c:pt>
                <c:pt idx="115">
                  <c:v>36641</c:v>
                </c:pt>
                <c:pt idx="116">
                  <c:v>36642</c:v>
                </c:pt>
                <c:pt idx="117">
                  <c:v>36643</c:v>
                </c:pt>
                <c:pt idx="118">
                  <c:v>36644</c:v>
                </c:pt>
                <c:pt idx="119">
                  <c:v>36645</c:v>
                </c:pt>
                <c:pt idx="120">
                  <c:v>36646</c:v>
                </c:pt>
                <c:pt idx="121">
                  <c:v>36647</c:v>
                </c:pt>
                <c:pt idx="122">
                  <c:v>36648</c:v>
                </c:pt>
                <c:pt idx="123">
                  <c:v>36649</c:v>
                </c:pt>
                <c:pt idx="124">
                  <c:v>36650</c:v>
                </c:pt>
                <c:pt idx="125">
                  <c:v>36651</c:v>
                </c:pt>
                <c:pt idx="126">
                  <c:v>36652</c:v>
                </c:pt>
                <c:pt idx="127">
                  <c:v>36653</c:v>
                </c:pt>
                <c:pt idx="128">
                  <c:v>36654</c:v>
                </c:pt>
                <c:pt idx="129">
                  <c:v>36655</c:v>
                </c:pt>
                <c:pt idx="130">
                  <c:v>36656</c:v>
                </c:pt>
                <c:pt idx="131">
                  <c:v>36657</c:v>
                </c:pt>
                <c:pt idx="132">
                  <c:v>36658</c:v>
                </c:pt>
                <c:pt idx="133">
                  <c:v>36659</c:v>
                </c:pt>
                <c:pt idx="134">
                  <c:v>36660</c:v>
                </c:pt>
                <c:pt idx="135">
                  <c:v>36661</c:v>
                </c:pt>
                <c:pt idx="136">
                  <c:v>36662</c:v>
                </c:pt>
                <c:pt idx="137">
                  <c:v>36663</c:v>
                </c:pt>
                <c:pt idx="138">
                  <c:v>36664</c:v>
                </c:pt>
                <c:pt idx="139">
                  <c:v>36665</c:v>
                </c:pt>
                <c:pt idx="140">
                  <c:v>36666</c:v>
                </c:pt>
                <c:pt idx="141">
                  <c:v>36667</c:v>
                </c:pt>
                <c:pt idx="142">
                  <c:v>36668</c:v>
                </c:pt>
                <c:pt idx="143">
                  <c:v>36669</c:v>
                </c:pt>
                <c:pt idx="144">
                  <c:v>36670</c:v>
                </c:pt>
                <c:pt idx="145">
                  <c:v>36671</c:v>
                </c:pt>
                <c:pt idx="146">
                  <c:v>36672</c:v>
                </c:pt>
                <c:pt idx="147">
                  <c:v>36673</c:v>
                </c:pt>
                <c:pt idx="148">
                  <c:v>36674</c:v>
                </c:pt>
                <c:pt idx="149">
                  <c:v>36675</c:v>
                </c:pt>
                <c:pt idx="150">
                  <c:v>36676</c:v>
                </c:pt>
                <c:pt idx="151">
                  <c:v>36677</c:v>
                </c:pt>
                <c:pt idx="152">
                  <c:v>36678</c:v>
                </c:pt>
                <c:pt idx="153">
                  <c:v>36679</c:v>
                </c:pt>
                <c:pt idx="154">
                  <c:v>36680</c:v>
                </c:pt>
                <c:pt idx="155">
                  <c:v>36681</c:v>
                </c:pt>
                <c:pt idx="156">
                  <c:v>36682</c:v>
                </c:pt>
                <c:pt idx="157">
                  <c:v>36683</c:v>
                </c:pt>
                <c:pt idx="158">
                  <c:v>36684</c:v>
                </c:pt>
                <c:pt idx="159">
                  <c:v>36685</c:v>
                </c:pt>
                <c:pt idx="160">
                  <c:v>36686</c:v>
                </c:pt>
                <c:pt idx="161">
                  <c:v>36687</c:v>
                </c:pt>
                <c:pt idx="162">
                  <c:v>36688</c:v>
                </c:pt>
                <c:pt idx="163">
                  <c:v>36689</c:v>
                </c:pt>
                <c:pt idx="164">
                  <c:v>36690</c:v>
                </c:pt>
                <c:pt idx="165">
                  <c:v>36691</c:v>
                </c:pt>
                <c:pt idx="166">
                  <c:v>36692</c:v>
                </c:pt>
                <c:pt idx="167">
                  <c:v>36693</c:v>
                </c:pt>
                <c:pt idx="168">
                  <c:v>36694</c:v>
                </c:pt>
                <c:pt idx="169">
                  <c:v>36695</c:v>
                </c:pt>
                <c:pt idx="170">
                  <c:v>36696</c:v>
                </c:pt>
                <c:pt idx="171">
                  <c:v>36697</c:v>
                </c:pt>
                <c:pt idx="172">
                  <c:v>36698</c:v>
                </c:pt>
                <c:pt idx="173">
                  <c:v>36699</c:v>
                </c:pt>
                <c:pt idx="174">
                  <c:v>36700</c:v>
                </c:pt>
                <c:pt idx="175">
                  <c:v>36701</c:v>
                </c:pt>
                <c:pt idx="176">
                  <c:v>36702</c:v>
                </c:pt>
                <c:pt idx="177">
                  <c:v>36703</c:v>
                </c:pt>
                <c:pt idx="178">
                  <c:v>36704</c:v>
                </c:pt>
                <c:pt idx="179">
                  <c:v>36705</c:v>
                </c:pt>
                <c:pt idx="180">
                  <c:v>36706</c:v>
                </c:pt>
                <c:pt idx="181">
                  <c:v>36707</c:v>
                </c:pt>
                <c:pt idx="182">
                  <c:v>36708</c:v>
                </c:pt>
                <c:pt idx="183">
                  <c:v>36709</c:v>
                </c:pt>
                <c:pt idx="184">
                  <c:v>36710</c:v>
                </c:pt>
                <c:pt idx="185">
                  <c:v>36711</c:v>
                </c:pt>
                <c:pt idx="186">
                  <c:v>36712</c:v>
                </c:pt>
                <c:pt idx="187">
                  <c:v>36713</c:v>
                </c:pt>
                <c:pt idx="188">
                  <c:v>36714</c:v>
                </c:pt>
                <c:pt idx="189">
                  <c:v>36715</c:v>
                </c:pt>
                <c:pt idx="190">
                  <c:v>36716</c:v>
                </c:pt>
                <c:pt idx="191">
                  <c:v>36717</c:v>
                </c:pt>
                <c:pt idx="192">
                  <c:v>36718</c:v>
                </c:pt>
                <c:pt idx="193">
                  <c:v>36719</c:v>
                </c:pt>
                <c:pt idx="194">
                  <c:v>36720</c:v>
                </c:pt>
                <c:pt idx="195">
                  <c:v>36721</c:v>
                </c:pt>
                <c:pt idx="196">
                  <c:v>36722</c:v>
                </c:pt>
                <c:pt idx="197">
                  <c:v>36723</c:v>
                </c:pt>
                <c:pt idx="198">
                  <c:v>36724</c:v>
                </c:pt>
                <c:pt idx="199">
                  <c:v>36725</c:v>
                </c:pt>
                <c:pt idx="200">
                  <c:v>36726</c:v>
                </c:pt>
                <c:pt idx="201">
                  <c:v>36727</c:v>
                </c:pt>
                <c:pt idx="202">
                  <c:v>36728</c:v>
                </c:pt>
                <c:pt idx="203">
                  <c:v>36729</c:v>
                </c:pt>
                <c:pt idx="204">
                  <c:v>36730</c:v>
                </c:pt>
                <c:pt idx="205">
                  <c:v>36731</c:v>
                </c:pt>
                <c:pt idx="206">
                  <c:v>36732</c:v>
                </c:pt>
                <c:pt idx="207">
                  <c:v>36733</c:v>
                </c:pt>
                <c:pt idx="208">
                  <c:v>36734</c:v>
                </c:pt>
                <c:pt idx="209">
                  <c:v>36735</c:v>
                </c:pt>
                <c:pt idx="210">
                  <c:v>36736</c:v>
                </c:pt>
                <c:pt idx="211">
                  <c:v>36737</c:v>
                </c:pt>
                <c:pt idx="212">
                  <c:v>36738</c:v>
                </c:pt>
                <c:pt idx="213">
                  <c:v>36739</c:v>
                </c:pt>
                <c:pt idx="214">
                  <c:v>36740</c:v>
                </c:pt>
                <c:pt idx="215">
                  <c:v>36741</c:v>
                </c:pt>
                <c:pt idx="216">
                  <c:v>36742</c:v>
                </c:pt>
                <c:pt idx="217">
                  <c:v>36743</c:v>
                </c:pt>
                <c:pt idx="218">
                  <c:v>36744</c:v>
                </c:pt>
                <c:pt idx="219">
                  <c:v>36745</c:v>
                </c:pt>
                <c:pt idx="220">
                  <c:v>36746</c:v>
                </c:pt>
                <c:pt idx="221">
                  <c:v>36747</c:v>
                </c:pt>
                <c:pt idx="222">
                  <c:v>36748</c:v>
                </c:pt>
                <c:pt idx="223">
                  <c:v>36749</c:v>
                </c:pt>
                <c:pt idx="224">
                  <c:v>36750</c:v>
                </c:pt>
                <c:pt idx="225">
                  <c:v>36751</c:v>
                </c:pt>
                <c:pt idx="226">
                  <c:v>36752</c:v>
                </c:pt>
                <c:pt idx="227">
                  <c:v>36753</c:v>
                </c:pt>
                <c:pt idx="228">
                  <c:v>36754</c:v>
                </c:pt>
                <c:pt idx="229">
                  <c:v>36755</c:v>
                </c:pt>
                <c:pt idx="230">
                  <c:v>36756</c:v>
                </c:pt>
                <c:pt idx="231">
                  <c:v>36757</c:v>
                </c:pt>
                <c:pt idx="232">
                  <c:v>36758</c:v>
                </c:pt>
                <c:pt idx="233">
                  <c:v>36759</c:v>
                </c:pt>
                <c:pt idx="234">
                  <c:v>36760</c:v>
                </c:pt>
                <c:pt idx="235">
                  <c:v>36761</c:v>
                </c:pt>
                <c:pt idx="236">
                  <c:v>36762</c:v>
                </c:pt>
                <c:pt idx="237">
                  <c:v>36763</c:v>
                </c:pt>
                <c:pt idx="238">
                  <c:v>36764</c:v>
                </c:pt>
                <c:pt idx="239">
                  <c:v>36765</c:v>
                </c:pt>
                <c:pt idx="240">
                  <c:v>36766</c:v>
                </c:pt>
                <c:pt idx="241">
                  <c:v>36767</c:v>
                </c:pt>
                <c:pt idx="242">
                  <c:v>36768</c:v>
                </c:pt>
                <c:pt idx="243">
                  <c:v>36769</c:v>
                </c:pt>
                <c:pt idx="244">
                  <c:v>36770</c:v>
                </c:pt>
                <c:pt idx="245">
                  <c:v>36771</c:v>
                </c:pt>
                <c:pt idx="246">
                  <c:v>36772</c:v>
                </c:pt>
                <c:pt idx="247">
                  <c:v>36773</c:v>
                </c:pt>
                <c:pt idx="248">
                  <c:v>36774</c:v>
                </c:pt>
                <c:pt idx="249">
                  <c:v>36775</c:v>
                </c:pt>
                <c:pt idx="250">
                  <c:v>36776</c:v>
                </c:pt>
                <c:pt idx="251">
                  <c:v>36777</c:v>
                </c:pt>
                <c:pt idx="252">
                  <c:v>36778</c:v>
                </c:pt>
                <c:pt idx="253">
                  <c:v>36779</c:v>
                </c:pt>
                <c:pt idx="254">
                  <c:v>36780</c:v>
                </c:pt>
                <c:pt idx="255">
                  <c:v>36781</c:v>
                </c:pt>
                <c:pt idx="256">
                  <c:v>36782</c:v>
                </c:pt>
                <c:pt idx="257">
                  <c:v>36783</c:v>
                </c:pt>
                <c:pt idx="258">
                  <c:v>36784</c:v>
                </c:pt>
                <c:pt idx="259">
                  <c:v>36785</c:v>
                </c:pt>
                <c:pt idx="260">
                  <c:v>36786</c:v>
                </c:pt>
                <c:pt idx="261">
                  <c:v>36787</c:v>
                </c:pt>
                <c:pt idx="262">
                  <c:v>36788</c:v>
                </c:pt>
                <c:pt idx="263">
                  <c:v>36789</c:v>
                </c:pt>
                <c:pt idx="264">
                  <c:v>36790</c:v>
                </c:pt>
                <c:pt idx="265">
                  <c:v>36791</c:v>
                </c:pt>
                <c:pt idx="266">
                  <c:v>36792</c:v>
                </c:pt>
                <c:pt idx="267">
                  <c:v>36793</c:v>
                </c:pt>
                <c:pt idx="268">
                  <c:v>36794</c:v>
                </c:pt>
                <c:pt idx="269">
                  <c:v>36795</c:v>
                </c:pt>
                <c:pt idx="270">
                  <c:v>36796</c:v>
                </c:pt>
                <c:pt idx="271">
                  <c:v>36797</c:v>
                </c:pt>
                <c:pt idx="272">
                  <c:v>36798</c:v>
                </c:pt>
                <c:pt idx="273">
                  <c:v>36799</c:v>
                </c:pt>
                <c:pt idx="274">
                  <c:v>36800</c:v>
                </c:pt>
                <c:pt idx="275">
                  <c:v>36801</c:v>
                </c:pt>
                <c:pt idx="276">
                  <c:v>36802</c:v>
                </c:pt>
                <c:pt idx="277">
                  <c:v>36803</c:v>
                </c:pt>
                <c:pt idx="278">
                  <c:v>36804</c:v>
                </c:pt>
                <c:pt idx="279">
                  <c:v>36805</c:v>
                </c:pt>
                <c:pt idx="280">
                  <c:v>36806</c:v>
                </c:pt>
                <c:pt idx="281">
                  <c:v>36807</c:v>
                </c:pt>
                <c:pt idx="282">
                  <c:v>36808</c:v>
                </c:pt>
                <c:pt idx="283">
                  <c:v>36809</c:v>
                </c:pt>
                <c:pt idx="284">
                  <c:v>36810</c:v>
                </c:pt>
                <c:pt idx="285">
                  <c:v>36811</c:v>
                </c:pt>
                <c:pt idx="286">
                  <c:v>36812</c:v>
                </c:pt>
                <c:pt idx="287">
                  <c:v>36813</c:v>
                </c:pt>
                <c:pt idx="288">
                  <c:v>36814</c:v>
                </c:pt>
                <c:pt idx="289">
                  <c:v>36815</c:v>
                </c:pt>
                <c:pt idx="290">
                  <c:v>36816</c:v>
                </c:pt>
                <c:pt idx="291">
                  <c:v>36817</c:v>
                </c:pt>
                <c:pt idx="292">
                  <c:v>36818</c:v>
                </c:pt>
                <c:pt idx="293">
                  <c:v>36819</c:v>
                </c:pt>
                <c:pt idx="294">
                  <c:v>36820</c:v>
                </c:pt>
                <c:pt idx="295">
                  <c:v>36821</c:v>
                </c:pt>
                <c:pt idx="296">
                  <c:v>36822</c:v>
                </c:pt>
                <c:pt idx="297">
                  <c:v>36823</c:v>
                </c:pt>
                <c:pt idx="298">
                  <c:v>36824</c:v>
                </c:pt>
                <c:pt idx="299">
                  <c:v>36825</c:v>
                </c:pt>
                <c:pt idx="300">
                  <c:v>36826</c:v>
                </c:pt>
                <c:pt idx="301">
                  <c:v>36827</c:v>
                </c:pt>
                <c:pt idx="302">
                  <c:v>36828</c:v>
                </c:pt>
                <c:pt idx="303">
                  <c:v>36829</c:v>
                </c:pt>
                <c:pt idx="304">
                  <c:v>36830</c:v>
                </c:pt>
                <c:pt idx="305">
                  <c:v>36831</c:v>
                </c:pt>
                <c:pt idx="306">
                  <c:v>36832</c:v>
                </c:pt>
                <c:pt idx="307">
                  <c:v>36833</c:v>
                </c:pt>
                <c:pt idx="308">
                  <c:v>36834</c:v>
                </c:pt>
                <c:pt idx="309">
                  <c:v>36835</c:v>
                </c:pt>
                <c:pt idx="310">
                  <c:v>36836</c:v>
                </c:pt>
                <c:pt idx="311">
                  <c:v>36837</c:v>
                </c:pt>
                <c:pt idx="312">
                  <c:v>36838</c:v>
                </c:pt>
                <c:pt idx="313">
                  <c:v>36839</c:v>
                </c:pt>
                <c:pt idx="314">
                  <c:v>36840</c:v>
                </c:pt>
                <c:pt idx="315">
                  <c:v>36841</c:v>
                </c:pt>
                <c:pt idx="316">
                  <c:v>36842</c:v>
                </c:pt>
                <c:pt idx="317">
                  <c:v>36843</c:v>
                </c:pt>
                <c:pt idx="318">
                  <c:v>36844</c:v>
                </c:pt>
                <c:pt idx="319">
                  <c:v>36845</c:v>
                </c:pt>
                <c:pt idx="320">
                  <c:v>36846</c:v>
                </c:pt>
                <c:pt idx="321">
                  <c:v>36847</c:v>
                </c:pt>
                <c:pt idx="322">
                  <c:v>36848</c:v>
                </c:pt>
                <c:pt idx="323">
                  <c:v>36849</c:v>
                </c:pt>
                <c:pt idx="324">
                  <c:v>36850</c:v>
                </c:pt>
                <c:pt idx="325">
                  <c:v>36851</c:v>
                </c:pt>
                <c:pt idx="326">
                  <c:v>36852</c:v>
                </c:pt>
                <c:pt idx="327">
                  <c:v>36853</c:v>
                </c:pt>
                <c:pt idx="328">
                  <c:v>36854</c:v>
                </c:pt>
                <c:pt idx="329">
                  <c:v>36855</c:v>
                </c:pt>
                <c:pt idx="330">
                  <c:v>36856</c:v>
                </c:pt>
                <c:pt idx="331">
                  <c:v>36857</c:v>
                </c:pt>
                <c:pt idx="332">
                  <c:v>36858</c:v>
                </c:pt>
                <c:pt idx="333">
                  <c:v>36859</c:v>
                </c:pt>
                <c:pt idx="334">
                  <c:v>36860</c:v>
                </c:pt>
                <c:pt idx="335">
                  <c:v>36861</c:v>
                </c:pt>
                <c:pt idx="336">
                  <c:v>36862</c:v>
                </c:pt>
                <c:pt idx="337">
                  <c:v>36863</c:v>
                </c:pt>
                <c:pt idx="338">
                  <c:v>36864</c:v>
                </c:pt>
                <c:pt idx="339">
                  <c:v>36865</c:v>
                </c:pt>
                <c:pt idx="340">
                  <c:v>36866</c:v>
                </c:pt>
                <c:pt idx="341">
                  <c:v>36867</c:v>
                </c:pt>
                <c:pt idx="342">
                  <c:v>36868</c:v>
                </c:pt>
                <c:pt idx="343">
                  <c:v>36869</c:v>
                </c:pt>
                <c:pt idx="344">
                  <c:v>36870</c:v>
                </c:pt>
                <c:pt idx="345">
                  <c:v>36871</c:v>
                </c:pt>
                <c:pt idx="346">
                  <c:v>36872</c:v>
                </c:pt>
                <c:pt idx="347">
                  <c:v>36873</c:v>
                </c:pt>
                <c:pt idx="348">
                  <c:v>36874</c:v>
                </c:pt>
                <c:pt idx="349">
                  <c:v>36875</c:v>
                </c:pt>
                <c:pt idx="350">
                  <c:v>36876</c:v>
                </c:pt>
                <c:pt idx="351">
                  <c:v>36877</c:v>
                </c:pt>
                <c:pt idx="352">
                  <c:v>36878</c:v>
                </c:pt>
                <c:pt idx="353">
                  <c:v>36879</c:v>
                </c:pt>
                <c:pt idx="354">
                  <c:v>36880</c:v>
                </c:pt>
                <c:pt idx="355">
                  <c:v>36881</c:v>
                </c:pt>
                <c:pt idx="356">
                  <c:v>36882</c:v>
                </c:pt>
                <c:pt idx="357">
                  <c:v>36883</c:v>
                </c:pt>
                <c:pt idx="358">
                  <c:v>36884</c:v>
                </c:pt>
                <c:pt idx="359">
                  <c:v>36885</c:v>
                </c:pt>
                <c:pt idx="360">
                  <c:v>36886</c:v>
                </c:pt>
                <c:pt idx="361">
                  <c:v>36887</c:v>
                </c:pt>
                <c:pt idx="362">
                  <c:v>36888</c:v>
                </c:pt>
                <c:pt idx="363">
                  <c:v>36889</c:v>
                </c:pt>
                <c:pt idx="364">
                  <c:v>36890</c:v>
                </c:pt>
                <c:pt idx="365">
                  <c:v>36891</c:v>
                </c:pt>
                <c:pt idx="366">
                  <c:v>36892</c:v>
                </c:pt>
                <c:pt idx="367">
                  <c:v>36893</c:v>
                </c:pt>
                <c:pt idx="368">
                  <c:v>36894</c:v>
                </c:pt>
                <c:pt idx="369">
                  <c:v>36895</c:v>
                </c:pt>
                <c:pt idx="370">
                  <c:v>36896</c:v>
                </c:pt>
                <c:pt idx="371">
                  <c:v>36897</c:v>
                </c:pt>
                <c:pt idx="372">
                  <c:v>36898</c:v>
                </c:pt>
                <c:pt idx="373">
                  <c:v>36899</c:v>
                </c:pt>
                <c:pt idx="374">
                  <c:v>36900</c:v>
                </c:pt>
                <c:pt idx="375">
                  <c:v>36901</c:v>
                </c:pt>
                <c:pt idx="376">
                  <c:v>36902</c:v>
                </c:pt>
                <c:pt idx="377">
                  <c:v>36903</c:v>
                </c:pt>
                <c:pt idx="378">
                  <c:v>36904</c:v>
                </c:pt>
                <c:pt idx="379">
                  <c:v>36905</c:v>
                </c:pt>
                <c:pt idx="380">
                  <c:v>36906</c:v>
                </c:pt>
                <c:pt idx="381">
                  <c:v>36907</c:v>
                </c:pt>
                <c:pt idx="382">
                  <c:v>36908</c:v>
                </c:pt>
                <c:pt idx="383">
                  <c:v>36909</c:v>
                </c:pt>
                <c:pt idx="384">
                  <c:v>36910</c:v>
                </c:pt>
                <c:pt idx="385">
                  <c:v>36911</c:v>
                </c:pt>
                <c:pt idx="386">
                  <c:v>36912</c:v>
                </c:pt>
                <c:pt idx="387">
                  <c:v>36913</c:v>
                </c:pt>
                <c:pt idx="388">
                  <c:v>36914</c:v>
                </c:pt>
                <c:pt idx="389">
                  <c:v>36915</c:v>
                </c:pt>
                <c:pt idx="390">
                  <c:v>36916</c:v>
                </c:pt>
                <c:pt idx="391">
                  <c:v>36917</c:v>
                </c:pt>
                <c:pt idx="392">
                  <c:v>36918</c:v>
                </c:pt>
                <c:pt idx="393">
                  <c:v>36919</c:v>
                </c:pt>
                <c:pt idx="394">
                  <c:v>36920</c:v>
                </c:pt>
                <c:pt idx="395">
                  <c:v>36921</c:v>
                </c:pt>
                <c:pt idx="396">
                  <c:v>36922</c:v>
                </c:pt>
                <c:pt idx="397">
                  <c:v>36923</c:v>
                </c:pt>
                <c:pt idx="398">
                  <c:v>36924</c:v>
                </c:pt>
                <c:pt idx="399">
                  <c:v>36925</c:v>
                </c:pt>
                <c:pt idx="400">
                  <c:v>36926</c:v>
                </c:pt>
                <c:pt idx="401">
                  <c:v>36927</c:v>
                </c:pt>
                <c:pt idx="402">
                  <c:v>36928</c:v>
                </c:pt>
                <c:pt idx="403">
                  <c:v>36929</c:v>
                </c:pt>
                <c:pt idx="404">
                  <c:v>36930</c:v>
                </c:pt>
                <c:pt idx="405">
                  <c:v>36931</c:v>
                </c:pt>
                <c:pt idx="406">
                  <c:v>36932</c:v>
                </c:pt>
                <c:pt idx="407">
                  <c:v>36933</c:v>
                </c:pt>
                <c:pt idx="408">
                  <c:v>36934</c:v>
                </c:pt>
                <c:pt idx="409">
                  <c:v>36935</c:v>
                </c:pt>
                <c:pt idx="410">
                  <c:v>36936</c:v>
                </c:pt>
                <c:pt idx="411">
                  <c:v>36937</c:v>
                </c:pt>
                <c:pt idx="412">
                  <c:v>36938</c:v>
                </c:pt>
                <c:pt idx="413">
                  <c:v>36939</c:v>
                </c:pt>
                <c:pt idx="414">
                  <c:v>36940</c:v>
                </c:pt>
                <c:pt idx="415">
                  <c:v>36941</c:v>
                </c:pt>
                <c:pt idx="416">
                  <c:v>36942</c:v>
                </c:pt>
                <c:pt idx="417">
                  <c:v>36943</c:v>
                </c:pt>
                <c:pt idx="418">
                  <c:v>36944</c:v>
                </c:pt>
                <c:pt idx="419">
                  <c:v>36945</c:v>
                </c:pt>
                <c:pt idx="420">
                  <c:v>36946</c:v>
                </c:pt>
                <c:pt idx="421">
                  <c:v>36947</c:v>
                </c:pt>
                <c:pt idx="422">
                  <c:v>36948</c:v>
                </c:pt>
                <c:pt idx="423">
                  <c:v>36949</c:v>
                </c:pt>
                <c:pt idx="424">
                  <c:v>36950</c:v>
                </c:pt>
                <c:pt idx="425">
                  <c:v>36951</c:v>
                </c:pt>
                <c:pt idx="426">
                  <c:v>36952</c:v>
                </c:pt>
                <c:pt idx="427">
                  <c:v>36953</c:v>
                </c:pt>
                <c:pt idx="428">
                  <c:v>36954</c:v>
                </c:pt>
                <c:pt idx="429">
                  <c:v>36955</c:v>
                </c:pt>
                <c:pt idx="430">
                  <c:v>36956</c:v>
                </c:pt>
                <c:pt idx="431">
                  <c:v>36957</c:v>
                </c:pt>
                <c:pt idx="432">
                  <c:v>36958</c:v>
                </c:pt>
                <c:pt idx="433">
                  <c:v>36959</c:v>
                </c:pt>
                <c:pt idx="434">
                  <c:v>36960</c:v>
                </c:pt>
                <c:pt idx="435">
                  <c:v>36961</c:v>
                </c:pt>
                <c:pt idx="436">
                  <c:v>36962</c:v>
                </c:pt>
                <c:pt idx="437">
                  <c:v>36963</c:v>
                </c:pt>
                <c:pt idx="438">
                  <c:v>36964</c:v>
                </c:pt>
                <c:pt idx="439">
                  <c:v>36965</c:v>
                </c:pt>
                <c:pt idx="440">
                  <c:v>36966</c:v>
                </c:pt>
                <c:pt idx="441">
                  <c:v>36967</c:v>
                </c:pt>
                <c:pt idx="442">
                  <c:v>36968</c:v>
                </c:pt>
                <c:pt idx="443">
                  <c:v>36969</c:v>
                </c:pt>
                <c:pt idx="444">
                  <c:v>36970</c:v>
                </c:pt>
                <c:pt idx="445">
                  <c:v>36971</c:v>
                </c:pt>
                <c:pt idx="446">
                  <c:v>36972</c:v>
                </c:pt>
                <c:pt idx="447">
                  <c:v>36973</c:v>
                </c:pt>
                <c:pt idx="448">
                  <c:v>36974</c:v>
                </c:pt>
                <c:pt idx="449">
                  <c:v>36975</c:v>
                </c:pt>
                <c:pt idx="450">
                  <c:v>36976</c:v>
                </c:pt>
                <c:pt idx="451">
                  <c:v>36977</c:v>
                </c:pt>
                <c:pt idx="452">
                  <c:v>36978</c:v>
                </c:pt>
                <c:pt idx="453">
                  <c:v>36979</c:v>
                </c:pt>
                <c:pt idx="454">
                  <c:v>36980</c:v>
                </c:pt>
                <c:pt idx="455">
                  <c:v>36981</c:v>
                </c:pt>
                <c:pt idx="456">
                  <c:v>36982</c:v>
                </c:pt>
                <c:pt idx="457">
                  <c:v>36983</c:v>
                </c:pt>
                <c:pt idx="458">
                  <c:v>36984</c:v>
                </c:pt>
                <c:pt idx="459">
                  <c:v>36985</c:v>
                </c:pt>
                <c:pt idx="460">
                  <c:v>36986</c:v>
                </c:pt>
                <c:pt idx="461">
                  <c:v>36987</c:v>
                </c:pt>
                <c:pt idx="462">
                  <c:v>36988</c:v>
                </c:pt>
                <c:pt idx="463">
                  <c:v>36989</c:v>
                </c:pt>
                <c:pt idx="464">
                  <c:v>36990</c:v>
                </c:pt>
                <c:pt idx="465">
                  <c:v>36991</c:v>
                </c:pt>
                <c:pt idx="466">
                  <c:v>36992</c:v>
                </c:pt>
                <c:pt idx="467">
                  <c:v>36993</c:v>
                </c:pt>
                <c:pt idx="468">
                  <c:v>36994</c:v>
                </c:pt>
                <c:pt idx="469">
                  <c:v>36995</c:v>
                </c:pt>
                <c:pt idx="470">
                  <c:v>36996</c:v>
                </c:pt>
                <c:pt idx="471">
                  <c:v>36997</c:v>
                </c:pt>
                <c:pt idx="472">
                  <c:v>36998</c:v>
                </c:pt>
                <c:pt idx="473">
                  <c:v>36999</c:v>
                </c:pt>
                <c:pt idx="474">
                  <c:v>37000</c:v>
                </c:pt>
                <c:pt idx="475">
                  <c:v>37001</c:v>
                </c:pt>
                <c:pt idx="476">
                  <c:v>37002</c:v>
                </c:pt>
                <c:pt idx="477">
                  <c:v>37003</c:v>
                </c:pt>
                <c:pt idx="478">
                  <c:v>37004</c:v>
                </c:pt>
                <c:pt idx="479">
                  <c:v>37005</c:v>
                </c:pt>
                <c:pt idx="480">
                  <c:v>37006</c:v>
                </c:pt>
                <c:pt idx="481">
                  <c:v>37007</c:v>
                </c:pt>
                <c:pt idx="482">
                  <c:v>37008</c:v>
                </c:pt>
                <c:pt idx="483">
                  <c:v>37009</c:v>
                </c:pt>
                <c:pt idx="484">
                  <c:v>37010</c:v>
                </c:pt>
                <c:pt idx="485">
                  <c:v>37011</c:v>
                </c:pt>
                <c:pt idx="486">
                  <c:v>37012</c:v>
                </c:pt>
                <c:pt idx="487">
                  <c:v>37013</c:v>
                </c:pt>
                <c:pt idx="488">
                  <c:v>37014</c:v>
                </c:pt>
                <c:pt idx="489">
                  <c:v>37015</c:v>
                </c:pt>
                <c:pt idx="490">
                  <c:v>37016</c:v>
                </c:pt>
                <c:pt idx="491">
                  <c:v>37017</c:v>
                </c:pt>
                <c:pt idx="492">
                  <c:v>37018</c:v>
                </c:pt>
                <c:pt idx="493">
                  <c:v>37019</c:v>
                </c:pt>
                <c:pt idx="494">
                  <c:v>37020</c:v>
                </c:pt>
                <c:pt idx="495">
                  <c:v>37021</c:v>
                </c:pt>
                <c:pt idx="496">
                  <c:v>37022</c:v>
                </c:pt>
                <c:pt idx="497">
                  <c:v>37023</c:v>
                </c:pt>
                <c:pt idx="498">
                  <c:v>37024</c:v>
                </c:pt>
                <c:pt idx="499">
                  <c:v>37025</c:v>
                </c:pt>
                <c:pt idx="500">
                  <c:v>37026</c:v>
                </c:pt>
                <c:pt idx="501">
                  <c:v>37027</c:v>
                </c:pt>
                <c:pt idx="502">
                  <c:v>37028</c:v>
                </c:pt>
                <c:pt idx="503">
                  <c:v>37029</c:v>
                </c:pt>
                <c:pt idx="504">
                  <c:v>37030</c:v>
                </c:pt>
                <c:pt idx="505">
                  <c:v>37031</c:v>
                </c:pt>
                <c:pt idx="506">
                  <c:v>37032</c:v>
                </c:pt>
                <c:pt idx="507">
                  <c:v>37033</c:v>
                </c:pt>
                <c:pt idx="508">
                  <c:v>37034</c:v>
                </c:pt>
                <c:pt idx="509">
                  <c:v>37035</c:v>
                </c:pt>
                <c:pt idx="510">
                  <c:v>37036</c:v>
                </c:pt>
                <c:pt idx="511">
                  <c:v>37037</c:v>
                </c:pt>
                <c:pt idx="512">
                  <c:v>37038</c:v>
                </c:pt>
                <c:pt idx="513">
                  <c:v>37039</c:v>
                </c:pt>
                <c:pt idx="514">
                  <c:v>37040</c:v>
                </c:pt>
                <c:pt idx="515">
                  <c:v>37041</c:v>
                </c:pt>
                <c:pt idx="516">
                  <c:v>37042</c:v>
                </c:pt>
                <c:pt idx="517">
                  <c:v>37043</c:v>
                </c:pt>
                <c:pt idx="518">
                  <c:v>37044</c:v>
                </c:pt>
                <c:pt idx="519">
                  <c:v>37045</c:v>
                </c:pt>
                <c:pt idx="520">
                  <c:v>37046</c:v>
                </c:pt>
                <c:pt idx="521">
                  <c:v>37047</c:v>
                </c:pt>
                <c:pt idx="522">
                  <c:v>37048</c:v>
                </c:pt>
                <c:pt idx="523">
                  <c:v>37049</c:v>
                </c:pt>
                <c:pt idx="524">
                  <c:v>37050</c:v>
                </c:pt>
                <c:pt idx="525">
                  <c:v>37051</c:v>
                </c:pt>
                <c:pt idx="526">
                  <c:v>37052</c:v>
                </c:pt>
                <c:pt idx="527">
                  <c:v>37053</c:v>
                </c:pt>
                <c:pt idx="528">
                  <c:v>37054</c:v>
                </c:pt>
                <c:pt idx="529">
                  <c:v>37055</c:v>
                </c:pt>
                <c:pt idx="530">
                  <c:v>37056</c:v>
                </c:pt>
                <c:pt idx="531">
                  <c:v>37057</c:v>
                </c:pt>
                <c:pt idx="532">
                  <c:v>37058</c:v>
                </c:pt>
                <c:pt idx="533">
                  <c:v>37059</c:v>
                </c:pt>
                <c:pt idx="534">
                  <c:v>37060</c:v>
                </c:pt>
                <c:pt idx="535">
                  <c:v>37061</c:v>
                </c:pt>
                <c:pt idx="536">
                  <c:v>37062</c:v>
                </c:pt>
                <c:pt idx="537">
                  <c:v>37063</c:v>
                </c:pt>
                <c:pt idx="538">
                  <c:v>37064</c:v>
                </c:pt>
                <c:pt idx="539">
                  <c:v>37065</c:v>
                </c:pt>
                <c:pt idx="540">
                  <c:v>37066</c:v>
                </c:pt>
                <c:pt idx="541">
                  <c:v>37067</c:v>
                </c:pt>
                <c:pt idx="542">
                  <c:v>37068</c:v>
                </c:pt>
                <c:pt idx="543">
                  <c:v>37069</c:v>
                </c:pt>
                <c:pt idx="544">
                  <c:v>37070</c:v>
                </c:pt>
                <c:pt idx="545">
                  <c:v>37071</c:v>
                </c:pt>
                <c:pt idx="546">
                  <c:v>37072</c:v>
                </c:pt>
                <c:pt idx="547">
                  <c:v>37073</c:v>
                </c:pt>
                <c:pt idx="548">
                  <c:v>37074</c:v>
                </c:pt>
                <c:pt idx="549">
                  <c:v>37075</c:v>
                </c:pt>
                <c:pt idx="550">
                  <c:v>37076</c:v>
                </c:pt>
                <c:pt idx="551">
                  <c:v>37077</c:v>
                </c:pt>
                <c:pt idx="552">
                  <c:v>37078</c:v>
                </c:pt>
                <c:pt idx="553">
                  <c:v>37079</c:v>
                </c:pt>
                <c:pt idx="554">
                  <c:v>37080</c:v>
                </c:pt>
                <c:pt idx="555">
                  <c:v>37081</c:v>
                </c:pt>
                <c:pt idx="556">
                  <c:v>37082</c:v>
                </c:pt>
                <c:pt idx="557">
                  <c:v>37083</c:v>
                </c:pt>
                <c:pt idx="558">
                  <c:v>37084</c:v>
                </c:pt>
                <c:pt idx="559">
                  <c:v>37085</c:v>
                </c:pt>
                <c:pt idx="560">
                  <c:v>37086</c:v>
                </c:pt>
                <c:pt idx="561">
                  <c:v>37087</c:v>
                </c:pt>
                <c:pt idx="562">
                  <c:v>37088</c:v>
                </c:pt>
                <c:pt idx="563">
                  <c:v>37089</c:v>
                </c:pt>
                <c:pt idx="564">
                  <c:v>37090</c:v>
                </c:pt>
                <c:pt idx="565">
                  <c:v>37091</c:v>
                </c:pt>
                <c:pt idx="566">
                  <c:v>37092</c:v>
                </c:pt>
                <c:pt idx="567">
                  <c:v>37093</c:v>
                </c:pt>
                <c:pt idx="568">
                  <c:v>37094</c:v>
                </c:pt>
                <c:pt idx="569">
                  <c:v>37095</c:v>
                </c:pt>
                <c:pt idx="570">
                  <c:v>37096</c:v>
                </c:pt>
                <c:pt idx="571">
                  <c:v>37097</c:v>
                </c:pt>
                <c:pt idx="572">
                  <c:v>37098</c:v>
                </c:pt>
                <c:pt idx="573">
                  <c:v>37099</c:v>
                </c:pt>
                <c:pt idx="574">
                  <c:v>37100</c:v>
                </c:pt>
                <c:pt idx="575">
                  <c:v>37101</c:v>
                </c:pt>
                <c:pt idx="576">
                  <c:v>37102</c:v>
                </c:pt>
                <c:pt idx="577">
                  <c:v>37103</c:v>
                </c:pt>
                <c:pt idx="578">
                  <c:v>37104</c:v>
                </c:pt>
                <c:pt idx="579">
                  <c:v>37105</c:v>
                </c:pt>
                <c:pt idx="580">
                  <c:v>37106</c:v>
                </c:pt>
                <c:pt idx="581">
                  <c:v>37107</c:v>
                </c:pt>
                <c:pt idx="582">
                  <c:v>37108</c:v>
                </c:pt>
                <c:pt idx="583">
                  <c:v>37109</c:v>
                </c:pt>
                <c:pt idx="584">
                  <c:v>37110</c:v>
                </c:pt>
                <c:pt idx="585">
                  <c:v>37111</c:v>
                </c:pt>
                <c:pt idx="586">
                  <c:v>37112</c:v>
                </c:pt>
                <c:pt idx="587">
                  <c:v>37113</c:v>
                </c:pt>
                <c:pt idx="588">
                  <c:v>37114</c:v>
                </c:pt>
                <c:pt idx="589">
                  <c:v>37115</c:v>
                </c:pt>
                <c:pt idx="590">
                  <c:v>37116</c:v>
                </c:pt>
                <c:pt idx="591">
                  <c:v>37117</c:v>
                </c:pt>
                <c:pt idx="592">
                  <c:v>37118</c:v>
                </c:pt>
                <c:pt idx="593">
                  <c:v>37119</c:v>
                </c:pt>
                <c:pt idx="594">
                  <c:v>37120</c:v>
                </c:pt>
                <c:pt idx="595">
                  <c:v>37121</c:v>
                </c:pt>
                <c:pt idx="596">
                  <c:v>37122</c:v>
                </c:pt>
                <c:pt idx="597">
                  <c:v>37123</c:v>
                </c:pt>
                <c:pt idx="598">
                  <c:v>37124</c:v>
                </c:pt>
                <c:pt idx="599">
                  <c:v>37125</c:v>
                </c:pt>
                <c:pt idx="600">
                  <c:v>37126</c:v>
                </c:pt>
                <c:pt idx="601">
                  <c:v>37127</c:v>
                </c:pt>
                <c:pt idx="602">
                  <c:v>37128</c:v>
                </c:pt>
                <c:pt idx="603">
                  <c:v>37129</c:v>
                </c:pt>
                <c:pt idx="604">
                  <c:v>37130</c:v>
                </c:pt>
                <c:pt idx="605">
                  <c:v>37131</c:v>
                </c:pt>
                <c:pt idx="606">
                  <c:v>37132</c:v>
                </c:pt>
                <c:pt idx="607">
                  <c:v>37133</c:v>
                </c:pt>
                <c:pt idx="608">
                  <c:v>37134</c:v>
                </c:pt>
                <c:pt idx="609">
                  <c:v>37135</c:v>
                </c:pt>
                <c:pt idx="610">
                  <c:v>37136</c:v>
                </c:pt>
                <c:pt idx="611">
                  <c:v>37137</c:v>
                </c:pt>
                <c:pt idx="612">
                  <c:v>37138</c:v>
                </c:pt>
                <c:pt idx="613">
                  <c:v>37139</c:v>
                </c:pt>
                <c:pt idx="614">
                  <c:v>37140</c:v>
                </c:pt>
                <c:pt idx="615">
                  <c:v>37141</c:v>
                </c:pt>
                <c:pt idx="616">
                  <c:v>37142</c:v>
                </c:pt>
                <c:pt idx="617">
                  <c:v>37143</c:v>
                </c:pt>
                <c:pt idx="618">
                  <c:v>37144</c:v>
                </c:pt>
                <c:pt idx="619">
                  <c:v>37145</c:v>
                </c:pt>
                <c:pt idx="620">
                  <c:v>37146</c:v>
                </c:pt>
                <c:pt idx="621">
                  <c:v>37147</c:v>
                </c:pt>
                <c:pt idx="622">
                  <c:v>37148</c:v>
                </c:pt>
                <c:pt idx="623">
                  <c:v>37149</c:v>
                </c:pt>
                <c:pt idx="624">
                  <c:v>37150</c:v>
                </c:pt>
                <c:pt idx="625">
                  <c:v>37151</c:v>
                </c:pt>
                <c:pt idx="626">
                  <c:v>37152</c:v>
                </c:pt>
                <c:pt idx="627">
                  <c:v>37153</c:v>
                </c:pt>
                <c:pt idx="628">
                  <c:v>37154</c:v>
                </c:pt>
                <c:pt idx="629">
                  <c:v>37155</c:v>
                </c:pt>
                <c:pt idx="630">
                  <c:v>37156</c:v>
                </c:pt>
                <c:pt idx="631">
                  <c:v>37157</c:v>
                </c:pt>
                <c:pt idx="632">
                  <c:v>37158</c:v>
                </c:pt>
                <c:pt idx="633">
                  <c:v>37159</c:v>
                </c:pt>
                <c:pt idx="634">
                  <c:v>37160</c:v>
                </c:pt>
                <c:pt idx="635">
                  <c:v>37161</c:v>
                </c:pt>
                <c:pt idx="636">
                  <c:v>37162</c:v>
                </c:pt>
                <c:pt idx="637">
                  <c:v>37163</c:v>
                </c:pt>
                <c:pt idx="638">
                  <c:v>37164</c:v>
                </c:pt>
                <c:pt idx="639">
                  <c:v>37165</c:v>
                </c:pt>
                <c:pt idx="640">
                  <c:v>37166</c:v>
                </c:pt>
                <c:pt idx="641">
                  <c:v>37167</c:v>
                </c:pt>
                <c:pt idx="642">
                  <c:v>37168</c:v>
                </c:pt>
                <c:pt idx="643">
                  <c:v>37169</c:v>
                </c:pt>
                <c:pt idx="644">
                  <c:v>37170</c:v>
                </c:pt>
                <c:pt idx="645">
                  <c:v>37171</c:v>
                </c:pt>
                <c:pt idx="646">
                  <c:v>37172</c:v>
                </c:pt>
                <c:pt idx="647">
                  <c:v>37173</c:v>
                </c:pt>
                <c:pt idx="648">
                  <c:v>37174</c:v>
                </c:pt>
                <c:pt idx="649">
                  <c:v>37175</c:v>
                </c:pt>
                <c:pt idx="650">
                  <c:v>37176</c:v>
                </c:pt>
                <c:pt idx="651">
                  <c:v>37177</c:v>
                </c:pt>
                <c:pt idx="652">
                  <c:v>37178</c:v>
                </c:pt>
                <c:pt idx="653">
                  <c:v>37179</c:v>
                </c:pt>
                <c:pt idx="654">
                  <c:v>37180</c:v>
                </c:pt>
                <c:pt idx="655">
                  <c:v>37181</c:v>
                </c:pt>
                <c:pt idx="656">
                  <c:v>37182</c:v>
                </c:pt>
                <c:pt idx="657">
                  <c:v>37183</c:v>
                </c:pt>
                <c:pt idx="658">
                  <c:v>37184</c:v>
                </c:pt>
                <c:pt idx="659">
                  <c:v>37185</c:v>
                </c:pt>
                <c:pt idx="660">
                  <c:v>37186</c:v>
                </c:pt>
                <c:pt idx="661">
                  <c:v>37187</c:v>
                </c:pt>
                <c:pt idx="662">
                  <c:v>37188</c:v>
                </c:pt>
                <c:pt idx="663">
                  <c:v>37189</c:v>
                </c:pt>
                <c:pt idx="664">
                  <c:v>37190</c:v>
                </c:pt>
                <c:pt idx="665">
                  <c:v>37191</c:v>
                </c:pt>
                <c:pt idx="666">
                  <c:v>37192</c:v>
                </c:pt>
                <c:pt idx="667">
                  <c:v>37193</c:v>
                </c:pt>
                <c:pt idx="668">
                  <c:v>37194</c:v>
                </c:pt>
                <c:pt idx="669">
                  <c:v>37195</c:v>
                </c:pt>
                <c:pt idx="670">
                  <c:v>37196</c:v>
                </c:pt>
                <c:pt idx="671">
                  <c:v>37197</c:v>
                </c:pt>
                <c:pt idx="672">
                  <c:v>37198</c:v>
                </c:pt>
                <c:pt idx="673">
                  <c:v>37199</c:v>
                </c:pt>
                <c:pt idx="674">
                  <c:v>37200</c:v>
                </c:pt>
                <c:pt idx="675">
                  <c:v>37201</c:v>
                </c:pt>
                <c:pt idx="676">
                  <c:v>37202</c:v>
                </c:pt>
                <c:pt idx="677">
                  <c:v>37203</c:v>
                </c:pt>
                <c:pt idx="678">
                  <c:v>37204</c:v>
                </c:pt>
                <c:pt idx="679">
                  <c:v>37205</c:v>
                </c:pt>
                <c:pt idx="680">
                  <c:v>37206</c:v>
                </c:pt>
                <c:pt idx="681">
                  <c:v>37207</c:v>
                </c:pt>
                <c:pt idx="682">
                  <c:v>37208</c:v>
                </c:pt>
                <c:pt idx="683">
                  <c:v>37209</c:v>
                </c:pt>
                <c:pt idx="684">
                  <c:v>37210</c:v>
                </c:pt>
                <c:pt idx="685">
                  <c:v>37211</c:v>
                </c:pt>
                <c:pt idx="686">
                  <c:v>37212</c:v>
                </c:pt>
                <c:pt idx="687">
                  <c:v>37213</c:v>
                </c:pt>
                <c:pt idx="688">
                  <c:v>37214</c:v>
                </c:pt>
                <c:pt idx="689">
                  <c:v>37215</c:v>
                </c:pt>
                <c:pt idx="690">
                  <c:v>37216</c:v>
                </c:pt>
                <c:pt idx="691">
                  <c:v>37217</c:v>
                </c:pt>
                <c:pt idx="692">
                  <c:v>37218</c:v>
                </c:pt>
                <c:pt idx="693">
                  <c:v>37219</c:v>
                </c:pt>
                <c:pt idx="694">
                  <c:v>37220</c:v>
                </c:pt>
                <c:pt idx="695">
                  <c:v>37221</c:v>
                </c:pt>
                <c:pt idx="696">
                  <c:v>37222</c:v>
                </c:pt>
                <c:pt idx="697">
                  <c:v>37223</c:v>
                </c:pt>
                <c:pt idx="698">
                  <c:v>37224</c:v>
                </c:pt>
                <c:pt idx="699">
                  <c:v>37225</c:v>
                </c:pt>
                <c:pt idx="700">
                  <c:v>37226</c:v>
                </c:pt>
                <c:pt idx="701">
                  <c:v>37227</c:v>
                </c:pt>
                <c:pt idx="702">
                  <c:v>37228</c:v>
                </c:pt>
                <c:pt idx="703">
                  <c:v>37229</c:v>
                </c:pt>
                <c:pt idx="704">
                  <c:v>37230</c:v>
                </c:pt>
                <c:pt idx="705">
                  <c:v>37231</c:v>
                </c:pt>
                <c:pt idx="706">
                  <c:v>37232</c:v>
                </c:pt>
                <c:pt idx="707">
                  <c:v>37233</c:v>
                </c:pt>
                <c:pt idx="708">
                  <c:v>37234</c:v>
                </c:pt>
                <c:pt idx="709">
                  <c:v>37235</c:v>
                </c:pt>
                <c:pt idx="710">
                  <c:v>37236</c:v>
                </c:pt>
                <c:pt idx="711">
                  <c:v>37237</c:v>
                </c:pt>
                <c:pt idx="712">
                  <c:v>37238</c:v>
                </c:pt>
                <c:pt idx="713">
                  <c:v>37239</c:v>
                </c:pt>
                <c:pt idx="714">
                  <c:v>37240</c:v>
                </c:pt>
                <c:pt idx="715">
                  <c:v>37241</c:v>
                </c:pt>
                <c:pt idx="716">
                  <c:v>37242</c:v>
                </c:pt>
                <c:pt idx="717">
                  <c:v>37243</c:v>
                </c:pt>
                <c:pt idx="718">
                  <c:v>37244</c:v>
                </c:pt>
                <c:pt idx="719">
                  <c:v>37245</c:v>
                </c:pt>
                <c:pt idx="720">
                  <c:v>37246</c:v>
                </c:pt>
                <c:pt idx="721">
                  <c:v>37247</c:v>
                </c:pt>
                <c:pt idx="722">
                  <c:v>37248</c:v>
                </c:pt>
                <c:pt idx="723">
                  <c:v>37249</c:v>
                </c:pt>
                <c:pt idx="724">
                  <c:v>37250</c:v>
                </c:pt>
                <c:pt idx="725">
                  <c:v>37251</c:v>
                </c:pt>
                <c:pt idx="726">
                  <c:v>37252</c:v>
                </c:pt>
                <c:pt idx="727">
                  <c:v>37253</c:v>
                </c:pt>
                <c:pt idx="728">
                  <c:v>37254</c:v>
                </c:pt>
                <c:pt idx="729">
                  <c:v>37255</c:v>
                </c:pt>
                <c:pt idx="730">
                  <c:v>37256</c:v>
                </c:pt>
                <c:pt idx="731">
                  <c:v>37257</c:v>
                </c:pt>
                <c:pt idx="732">
                  <c:v>37258</c:v>
                </c:pt>
                <c:pt idx="733">
                  <c:v>37259</c:v>
                </c:pt>
                <c:pt idx="734">
                  <c:v>37260</c:v>
                </c:pt>
                <c:pt idx="735">
                  <c:v>37261</c:v>
                </c:pt>
                <c:pt idx="736">
                  <c:v>37262</c:v>
                </c:pt>
                <c:pt idx="737">
                  <c:v>37263</c:v>
                </c:pt>
                <c:pt idx="738">
                  <c:v>37264</c:v>
                </c:pt>
                <c:pt idx="739">
                  <c:v>37265</c:v>
                </c:pt>
                <c:pt idx="740">
                  <c:v>37266</c:v>
                </c:pt>
                <c:pt idx="741">
                  <c:v>37267</c:v>
                </c:pt>
                <c:pt idx="742">
                  <c:v>37268</c:v>
                </c:pt>
                <c:pt idx="743">
                  <c:v>37269</c:v>
                </c:pt>
                <c:pt idx="744">
                  <c:v>37270</c:v>
                </c:pt>
                <c:pt idx="745">
                  <c:v>37271</c:v>
                </c:pt>
                <c:pt idx="746">
                  <c:v>37272</c:v>
                </c:pt>
                <c:pt idx="747">
                  <c:v>37273</c:v>
                </c:pt>
                <c:pt idx="748">
                  <c:v>37274</c:v>
                </c:pt>
                <c:pt idx="749">
                  <c:v>37275</c:v>
                </c:pt>
                <c:pt idx="750">
                  <c:v>37276</c:v>
                </c:pt>
                <c:pt idx="751">
                  <c:v>37277</c:v>
                </c:pt>
                <c:pt idx="752">
                  <c:v>37278</c:v>
                </c:pt>
                <c:pt idx="753">
                  <c:v>37279</c:v>
                </c:pt>
                <c:pt idx="754">
                  <c:v>37280</c:v>
                </c:pt>
                <c:pt idx="755">
                  <c:v>37281</c:v>
                </c:pt>
                <c:pt idx="756">
                  <c:v>37282</c:v>
                </c:pt>
                <c:pt idx="757">
                  <c:v>37283</c:v>
                </c:pt>
                <c:pt idx="758">
                  <c:v>37284</c:v>
                </c:pt>
                <c:pt idx="759">
                  <c:v>37285</c:v>
                </c:pt>
                <c:pt idx="760">
                  <c:v>37286</c:v>
                </c:pt>
                <c:pt idx="761">
                  <c:v>37287</c:v>
                </c:pt>
                <c:pt idx="762">
                  <c:v>37288</c:v>
                </c:pt>
                <c:pt idx="763">
                  <c:v>37289</c:v>
                </c:pt>
                <c:pt idx="764">
                  <c:v>37290</c:v>
                </c:pt>
                <c:pt idx="765">
                  <c:v>37291</c:v>
                </c:pt>
                <c:pt idx="766">
                  <c:v>37292</c:v>
                </c:pt>
                <c:pt idx="767">
                  <c:v>37293</c:v>
                </c:pt>
                <c:pt idx="768">
                  <c:v>37294</c:v>
                </c:pt>
                <c:pt idx="769">
                  <c:v>37295</c:v>
                </c:pt>
                <c:pt idx="770">
                  <c:v>37296</c:v>
                </c:pt>
                <c:pt idx="771">
                  <c:v>37297</c:v>
                </c:pt>
                <c:pt idx="772">
                  <c:v>37298</c:v>
                </c:pt>
                <c:pt idx="773">
                  <c:v>37299</c:v>
                </c:pt>
                <c:pt idx="774">
                  <c:v>37300</c:v>
                </c:pt>
                <c:pt idx="775">
                  <c:v>37301</c:v>
                </c:pt>
                <c:pt idx="776">
                  <c:v>37302</c:v>
                </c:pt>
                <c:pt idx="777">
                  <c:v>37303</c:v>
                </c:pt>
                <c:pt idx="778">
                  <c:v>37304</c:v>
                </c:pt>
                <c:pt idx="779">
                  <c:v>37305</c:v>
                </c:pt>
                <c:pt idx="780">
                  <c:v>37306</c:v>
                </c:pt>
                <c:pt idx="781">
                  <c:v>37307</c:v>
                </c:pt>
                <c:pt idx="782">
                  <c:v>37308</c:v>
                </c:pt>
                <c:pt idx="783">
                  <c:v>37309</c:v>
                </c:pt>
                <c:pt idx="784">
                  <c:v>37310</c:v>
                </c:pt>
                <c:pt idx="785">
                  <c:v>37311</c:v>
                </c:pt>
                <c:pt idx="786">
                  <c:v>37312</c:v>
                </c:pt>
                <c:pt idx="787">
                  <c:v>37313</c:v>
                </c:pt>
                <c:pt idx="788">
                  <c:v>37314</c:v>
                </c:pt>
                <c:pt idx="789">
                  <c:v>37315</c:v>
                </c:pt>
                <c:pt idx="790">
                  <c:v>37316</c:v>
                </c:pt>
                <c:pt idx="791">
                  <c:v>37317</c:v>
                </c:pt>
                <c:pt idx="792">
                  <c:v>37318</c:v>
                </c:pt>
                <c:pt idx="793">
                  <c:v>37319</c:v>
                </c:pt>
                <c:pt idx="794">
                  <c:v>37320</c:v>
                </c:pt>
                <c:pt idx="795">
                  <c:v>37321</c:v>
                </c:pt>
                <c:pt idx="796">
                  <c:v>37322</c:v>
                </c:pt>
                <c:pt idx="797">
                  <c:v>37323</c:v>
                </c:pt>
                <c:pt idx="798">
                  <c:v>37324</c:v>
                </c:pt>
                <c:pt idx="799">
                  <c:v>37325</c:v>
                </c:pt>
                <c:pt idx="800">
                  <c:v>37326</c:v>
                </c:pt>
                <c:pt idx="801">
                  <c:v>37327</c:v>
                </c:pt>
                <c:pt idx="802">
                  <c:v>37328</c:v>
                </c:pt>
                <c:pt idx="803">
                  <c:v>37329</c:v>
                </c:pt>
                <c:pt idx="804">
                  <c:v>37330</c:v>
                </c:pt>
                <c:pt idx="805">
                  <c:v>37331</c:v>
                </c:pt>
                <c:pt idx="806">
                  <c:v>37332</c:v>
                </c:pt>
                <c:pt idx="807">
                  <c:v>37333</c:v>
                </c:pt>
                <c:pt idx="808">
                  <c:v>37334</c:v>
                </c:pt>
                <c:pt idx="809">
                  <c:v>37335</c:v>
                </c:pt>
                <c:pt idx="810">
                  <c:v>37336</c:v>
                </c:pt>
                <c:pt idx="811">
                  <c:v>37337</c:v>
                </c:pt>
                <c:pt idx="812">
                  <c:v>37338</c:v>
                </c:pt>
                <c:pt idx="813">
                  <c:v>37339</c:v>
                </c:pt>
                <c:pt idx="814">
                  <c:v>37340</c:v>
                </c:pt>
                <c:pt idx="815">
                  <c:v>37341</c:v>
                </c:pt>
                <c:pt idx="816">
                  <c:v>37342</c:v>
                </c:pt>
                <c:pt idx="817">
                  <c:v>37343</c:v>
                </c:pt>
                <c:pt idx="818">
                  <c:v>37344</c:v>
                </c:pt>
                <c:pt idx="819">
                  <c:v>37345</c:v>
                </c:pt>
                <c:pt idx="820">
                  <c:v>37346</c:v>
                </c:pt>
                <c:pt idx="821">
                  <c:v>37347</c:v>
                </c:pt>
                <c:pt idx="822">
                  <c:v>37348</c:v>
                </c:pt>
                <c:pt idx="823">
                  <c:v>37349</c:v>
                </c:pt>
                <c:pt idx="824">
                  <c:v>37350</c:v>
                </c:pt>
                <c:pt idx="825">
                  <c:v>37351</c:v>
                </c:pt>
                <c:pt idx="826">
                  <c:v>37352</c:v>
                </c:pt>
                <c:pt idx="827">
                  <c:v>37353</c:v>
                </c:pt>
                <c:pt idx="828">
                  <c:v>37354</c:v>
                </c:pt>
                <c:pt idx="829">
                  <c:v>37355</c:v>
                </c:pt>
                <c:pt idx="830">
                  <c:v>37356</c:v>
                </c:pt>
                <c:pt idx="831">
                  <c:v>37357</c:v>
                </c:pt>
                <c:pt idx="832">
                  <c:v>37358</c:v>
                </c:pt>
                <c:pt idx="833">
                  <c:v>37359</c:v>
                </c:pt>
                <c:pt idx="834">
                  <c:v>37360</c:v>
                </c:pt>
                <c:pt idx="835">
                  <c:v>37361</c:v>
                </c:pt>
                <c:pt idx="836">
                  <c:v>37362</c:v>
                </c:pt>
                <c:pt idx="837">
                  <c:v>37363</c:v>
                </c:pt>
                <c:pt idx="838">
                  <c:v>37364</c:v>
                </c:pt>
                <c:pt idx="839">
                  <c:v>37365</c:v>
                </c:pt>
                <c:pt idx="840">
                  <c:v>37366</c:v>
                </c:pt>
                <c:pt idx="841">
                  <c:v>37367</c:v>
                </c:pt>
                <c:pt idx="842">
                  <c:v>37368</c:v>
                </c:pt>
                <c:pt idx="843">
                  <c:v>37369</c:v>
                </c:pt>
                <c:pt idx="844">
                  <c:v>37370</c:v>
                </c:pt>
                <c:pt idx="845">
                  <c:v>37371</c:v>
                </c:pt>
                <c:pt idx="846">
                  <c:v>37372</c:v>
                </c:pt>
                <c:pt idx="847">
                  <c:v>37373</c:v>
                </c:pt>
                <c:pt idx="848">
                  <c:v>37374</c:v>
                </c:pt>
                <c:pt idx="849">
                  <c:v>37375</c:v>
                </c:pt>
                <c:pt idx="850">
                  <c:v>37376</c:v>
                </c:pt>
                <c:pt idx="851">
                  <c:v>37377</c:v>
                </c:pt>
                <c:pt idx="852">
                  <c:v>37378</c:v>
                </c:pt>
                <c:pt idx="853">
                  <c:v>37379</c:v>
                </c:pt>
                <c:pt idx="854">
                  <c:v>37380</c:v>
                </c:pt>
                <c:pt idx="855">
                  <c:v>37381</c:v>
                </c:pt>
                <c:pt idx="856">
                  <c:v>37382</c:v>
                </c:pt>
                <c:pt idx="857">
                  <c:v>37383</c:v>
                </c:pt>
                <c:pt idx="858">
                  <c:v>37384</c:v>
                </c:pt>
                <c:pt idx="859">
                  <c:v>37385</c:v>
                </c:pt>
                <c:pt idx="860">
                  <c:v>37386</c:v>
                </c:pt>
                <c:pt idx="861">
                  <c:v>37387</c:v>
                </c:pt>
                <c:pt idx="862">
                  <c:v>37388</c:v>
                </c:pt>
                <c:pt idx="863">
                  <c:v>37389</c:v>
                </c:pt>
                <c:pt idx="864">
                  <c:v>37390</c:v>
                </c:pt>
                <c:pt idx="865">
                  <c:v>37391</c:v>
                </c:pt>
                <c:pt idx="866">
                  <c:v>37392</c:v>
                </c:pt>
                <c:pt idx="867">
                  <c:v>37393</c:v>
                </c:pt>
                <c:pt idx="868">
                  <c:v>37394</c:v>
                </c:pt>
                <c:pt idx="869">
                  <c:v>37395</c:v>
                </c:pt>
                <c:pt idx="870">
                  <c:v>37396</c:v>
                </c:pt>
                <c:pt idx="871">
                  <c:v>37397</c:v>
                </c:pt>
                <c:pt idx="872">
                  <c:v>37398</c:v>
                </c:pt>
                <c:pt idx="873">
                  <c:v>37399</c:v>
                </c:pt>
                <c:pt idx="874">
                  <c:v>37400</c:v>
                </c:pt>
                <c:pt idx="875">
                  <c:v>37401</c:v>
                </c:pt>
                <c:pt idx="876">
                  <c:v>37402</c:v>
                </c:pt>
                <c:pt idx="877">
                  <c:v>37403</c:v>
                </c:pt>
                <c:pt idx="878">
                  <c:v>37404</c:v>
                </c:pt>
                <c:pt idx="879">
                  <c:v>37405</c:v>
                </c:pt>
                <c:pt idx="880">
                  <c:v>37406</c:v>
                </c:pt>
                <c:pt idx="881">
                  <c:v>37407</c:v>
                </c:pt>
                <c:pt idx="882">
                  <c:v>37408</c:v>
                </c:pt>
                <c:pt idx="883">
                  <c:v>37409</c:v>
                </c:pt>
                <c:pt idx="884">
                  <c:v>37410</c:v>
                </c:pt>
                <c:pt idx="885">
                  <c:v>37411</c:v>
                </c:pt>
                <c:pt idx="886">
                  <c:v>37412</c:v>
                </c:pt>
                <c:pt idx="887">
                  <c:v>37413</c:v>
                </c:pt>
                <c:pt idx="888">
                  <c:v>37414</c:v>
                </c:pt>
                <c:pt idx="889">
                  <c:v>37415</c:v>
                </c:pt>
                <c:pt idx="890">
                  <c:v>37416</c:v>
                </c:pt>
                <c:pt idx="891">
                  <c:v>37417</c:v>
                </c:pt>
                <c:pt idx="892">
                  <c:v>37418</c:v>
                </c:pt>
                <c:pt idx="893">
                  <c:v>37419</c:v>
                </c:pt>
                <c:pt idx="894">
                  <c:v>37420</c:v>
                </c:pt>
                <c:pt idx="895">
                  <c:v>37421</c:v>
                </c:pt>
                <c:pt idx="896">
                  <c:v>37422</c:v>
                </c:pt>
                <c:pt idx="897">
                  <c:v>37423</c:v>
                </c:pt>
                <c:pt idx="898">
                  <c:v>37424</c:v>
                </c:pt>
                <c:pt idx="899">
                  <c:v>37425</c:v>
                </c:pt>
                <c:pt idx="900">
                  <c:v>37426</c:v>
                </c:pt>
                <c:pt idx="901">
                  <c:v>37427</c:v>
                </c:pt>
                <c:pt idx="902">
                  <c:v>37428</c:v>
                </c:pt>
                <c:pt idx="903">
                  <c:v>37429</c:v>
                </c:pt>
                <c:pt idx="904">
                  <c:v>37430</c:v>
                </c:pt>
                <c:pt idx="905">
                  <c:v>37431</c:v>
                </c:pt>
                <c:pt idx="906">
                  <c:v>37432</c:v>
                </c:pt>
                <c:pt idx="907">
                  <c:v>37433</c:v>
                </c:pt>
                <c:pt idx="908">
                  <c:v>37434</c:v>
                </c:pt>
                <c:pt idx="909">
                  <c:v>37435</c:v>
                </c:pt>
                <c:pt idx="910">
                  <c:v>37436</c:v>
                </c:pt>
                <c:pt idx="911">
                  <c:v>37437</c:v>
                </c:pt>
                <c:pt idx="912">
                  <c:v>37438</c:v>
                </c:pt>
                <c:pt idx="913">
                  <c:v>37439</c:v>
                </c:pt>
                <c:pt idx="914">
                  <c:v>37440</c:v>
                </c:pt>
                <c:pt idx="915">
                  <c:v>37441</c:v>
                </c:pt>
                <c:pt idx="916">
                  <c:v>37442</c:v>
                </c:pt>
                <c:pt idx="917">
                  <c:v>37443</c:v>
                </c:pt>
                <c:pt idx="918">
                  <c:v>37444</c:v>
                </c:pt>
                <c:pt idx="919">
                  <c:v>37445</c:v>
                </c:pt>
                <c:pt idx="920">
                  <c:v>37446</c:v>
                </c:pt>
                <c:pt idx="921">
                  <c:v>37447</c:v>
                </c:pt>
                <c:pt idx="922">
                  <c:v>37448</c:v>
                </c:pt>
                <c:pt idx="923">
                  <c:v>37449</c:v>
                </c:pt>
                <c:pt idx="924">
                  <c:v>37450</c:v>
                </c:pt>
                <c:pt idx="925">
                  <c:v>37451</c:v>
                </c:pt>
                <c:pt idx="926">
                  <c:v>37452</c:v>
                </c:pt>
                <c:pt idx="927">
                  <c:v>37453</c:v>
                </c:pt>
                <c:pt idx="928">
                  <c:v>37454</c:v>
                </c:pt>
                <c:pt idx="929">
                  <c:v>37455</c:v>
                </c:pt>
                <c:pt idx="930">
                  <c:v>37456</c:v>
                </c:pt>
                <c:pt idx="931">
                  <c:v>37457</c:v>
                </c:pt>
                <c:pt idx="932">
                  <c:v>37458</c:v>
                </c:pt>
                <c:pt idx="933">
                  <c:v>37459</c:v>
                </c:pt>
                <c:pt idx="934">
                  <c:v>37460</c:v>
                </c:pt>
                <c:pt idx="935">
                  <c:v>37461</c:v>
                </c:pt>
                <c:pt idx="936">
                  <c:v>37462</c:v>
                </c:pt>
                <c:pt idx="937">
                  <c:v>37463</c:v>
                </c:pt>
                <c:pt idx="938">
                  <c:v>37464</c:v>
                </c:pt>
                <c:pt idx="939">
                  <c:v>37465</c:v>
                </c:pt>
                <c:pt idx="940">
                  <c:v>37466</c:v>
                </c:pt>
                <c:pt idx="941">
                  <c:v>37467</c:v>
                </c:pt>
                <c:pt idx="942">
                  <c:v>37468</c:v>
                </c:pt>
                <c:pt idx="943">
                  <c:v>37469</c:v>
                </c:pt>
                <c:pt idx="944">
                  <c:v>37470</c:v>
                </c:pt>
                <c:pt idx="945">
                  <c:v>37471</c:v>
                </c:pt>
                <c:pt idx="946">
                  <c:v>37472</c:v>
                </c:pt>
                <c:pt idx="947">
                  <c:v>37473</c:v>
                </c:pt>
                <c:pt idx="948">
                  <c:v>37474</c:v>
                </c:pt>
                <c:pt idx="949">
                  <c:v>37475</c:v>
                </c:pt>
                <c:pt idx="950">
                  <c:v>37476</c:v>
                </c:pt>
                <c:pt idx="951">
                  <c:v>37477</c:v>
                </c:pt>
                <c:pt idx="952">
                  <c:v>37478</c:v>
                </c:pt>
                <c:pt idx="953">
                  <c:v>37479</c:v>
                </c:pt>
                <c:pt idx="954">
                  <c:v>37480</c:v>
                </c:pt>
                <c:pt idx="955">
                  <c:v>37481</c:v>
                </c:pt>
                <c:pt idx="956">
                  <c:v>37482</c:v>
                </c:pt>
                <c:pt idx="957">
                  <c:v>37483</c:v>
                </c:pt>
                <c:pt idx="958">
                  <c:v>37484</c:v>
                </c:pt>
                <c:pt idx="959">
                  <c:v>37485</c:v>
                </c:pt>
                <c:pt idx="960">
                  <c:v>37486</c:v>
                </c:pt>
                <c:pt idx="961">
                  <c:v>37487</c:v>
                </c:pt>
                <c:pt idx="962">
                  <c:v>37488</c:v>
                </c:pt>
                <c:pt idx="963">
                  <c:v>37489</c:v>
                </c:pt>
                <c:pt idx="964">
                  <c:v>37490</c:v>
                </c:pt>
                <c:pt idx="965">
                  <c:v>37491</c:v>
                </c:pt>
                <c:pt idx="966">
                  <c:v>37492</c:v>
                </c:pt>
                <c:pt idx="967">
                  <c:v>37493</c:v>
                </c:pt>
                <c:pt idx="968">
                  <c:v>37494</c:v>
                </c:pt>
                <c:pt idx="969">
                  <c:v>37495</c:v>
                </c:pt>
                <c:pt idx="970">
                  <c:v>37496</c:v>
                </c:pt>
                <c:pt idx="971">
                  <c:v>37497</c:v>
                </c:pt>
                <c:pt idx="972">
                  <c:v>37498</c:v>
                </c:pt>
                <c:pt idx="973">
                  <c:v>37499</c:v>
                </c:pt>
                <c:pt idx="974">
                  <c:v>37500</c:v>
                </c:pt>
                <c:pt idx="975">
                  <c:v>37501</c:v>
                </c:pt>
                <c:pt idx="976">
                  <c:v>37502</c:v>
                </c:pt>
                <c:pt idx="977">
                  <c:v>37503</c:v>
                </c:pt>
                <c:pt idx="978">
                  <c:v>37504</c:v>
                </c:pt>
                <c:pt idx="979">
                  <c:v>37505</c:v>
                </c:pt>
                <c:pt idx="980">
                  <c:v>37506</c:v>
                </c:pt>
                <c:pt idx="981">
                  <c:v>37507</c:v>
                </c:pt>
                <c:pt idx="982">
                  <c:v>37508</c:v>
                </c:pt>
                <c:pt idx="983">
                  <c:v>37509</c:v>
                </c:pt>
                <c:pt idx="984">
                  <c:v>37510</c:v>
                </c:pt>
                <c:pt idx="985">
                  <c:v>37511</c:v>
                </c:pt>
                <c:pt idx="986">
                  <c:v>37512</c:v>
                </c:pt>
                <c:pt idx="987">
                  <c:v>37513</c:v>
                </c:pt>
                <c:pt idx="988">
                  <c:v>37514</c:v>
                </c:pt>
                <c:pt idx="989">
                  <c:v>37515</c:v>
                </c:pt>
                <c:pt idx="990">
                  <c:v>37516</c:v>
                </c:pt>
                <c:pt idx="991">
                  <c:v>37517</c:v>
                </c:pt>
                <c:pt idx="992">
                  <c:v>37518</c:v>
                </c:pt>
                <c:pt idx="993">
                  <c:v>37519</c:v>
                </c:pt>
                <c:pt idx="994">
                  <c:v>37520</c:v>
                </c:pt>
                <c:pt idx="995">
                  <c:v>37521</c:v>
                </c:pt>
                <c:pt idx="996">
                  <c:v>37522</c:v>
                </c:pt>
                <c:pt idx="997">
                  <c:v>37523</c:v>
                </c:pt>
                <c:pt idx="998">
                  <c:v>37524</c:v>
                </c:pt>
                <c:pt idx="999">
                  <c:v>37525</c:v>
                </c:pt>
                <c:pt idx="1000">
                  <c:v>37526</c:v>
                </c:pt>
                <c:pt idx="1001">
                  <c:v>37527</c:v>
                </c:pt>
                <c:pt idx="1002">
                  <c:v>37528</c:v>
                </c:pt>
                <c:pt idx="1003">
                  <c:v>37529</c:v>
                </c:pt>
                <c:pt idx="1004">
                  <c:v>37530</c:v>
                </c:pt>
                <c:pt idx="1005">
                  <c:v>37531</c:v>
                </c:pt>
                <c:pt idx="1006">
                  <c:v>37532</c:v>
                </c:pt>
                <c:pt idx="1007">
                  <c:v>37533</c:v>
                </c:pt>
                <c:pt idx="1008">
                  <c:v>37534</c:v>
                </c:pt>
                <c:pt idx="1009">
                  <c:v>37535</c:v>
                </c:pt>
                <c:pt idx="1010">
                  <c:v>37536</c:v>
                </c:pt>
                <c:pt idx="1011">
                  <c:v>37537</c:v>
                </c:pt>
                <c:pt idx="1012">
                  <c:v>37538</c:v>
                </c:pt>
                <c:pt idx="1013">
                  <c:v>37539</c:v>
                </c:pt>
                <c:pt idx="1014">
                  <c:v>37540</c:v>
                </c:pt>
                <c:pt idx="1015">
                  <c:v>37541</c:v>
                </c:pt>
                <c:pt idx="1016">
                  <c:v>37542</c:v>
                </c:pt>
                <c:pt idx="1017">
                  <c:v>37543</c:v>
                </c:pt>
                <c:pt idx="1018">
                  <c:v>37544</c:v>
                </c:pt>
                <c:pt idx="1019">
                  <c:v>37545</c:v>
                </c:pt>
                <c:pt idx="1020">
                  <c:v>37546</c:v>
                </c:pt>
                <c:pt idx="1021">
                  <c:v>37547</c:v>
                </c:pt>
                <c:pt idx="1022">
                  <c:v>37548</c:v>
                </c:pt>
                <c:pt idx="1023">
                  <c:v>37549</c:v>
                </c:pt>
                <c:pt idx="1024">
                  <c:v>37550</c:v>
                </c:pt>
                <c:pt idx="1025">
                  <c:v>37551</c:v>
                </c:pt>
                <c:pt idx="1026">
                  <c:v>37552</c:v>
                </c:pt>
                <c:pt idx="1027">
                  <c:v>37553</c:v>
                </c:pt>
                <c:pt idx="1028">
                  <c:v>37554</c:v>
                </c:pt>
                <c:pt idx="1029">
                  <c:v>37555</c:v>
                </c:pt>
                <c:pt idx="1030">
                  <c:v>37556</c:v>
                </c:pt>
                <c:pt idx="1031">
                  <c:v>37557</c:v>
                </c:pt>
                <c:pt idx="1032">
                  <c:v>37558</c:v>
                </c:pt>
                <c:pt idx="1033">
                  <c:v>37559</c:v>
                </c:pt>
                <c:pt idx="1034">
                  <c:v>37560</c:v>
                </c:pt>
                <c:pt idx="1035">
                  <c:v>37561</c:v>
                </c:pt>
                <c:pt idx="1036">
                  <c:v>37562</c:v>
                </c:pt>
                <c:pt idx="1037">
                  <c:v>37563</c:v>
                </c:pt>
                <c:pt idx="1038">
                  <c:v>37564</c:v>
                </c:pt>
                <c:pt idx="1039">
                  <c:v>37565</c:v>
                </c:pt>
                <c:pt idx="1040">
                  <c:v>37566</c:v>
                </c:pt>
                <c:pt idx="1041">
                  <c:v>37567</c:v>
                </c:pt>
                <c:pt idx="1042">
                  <c:v>37568</c:v>
                </c:pt>
                <c:pt idx="1043">
                  <c:v>37569</c:v>
                </c:pt>
                <c:pt idx="1044">
                  <c:v>37570</c:v>
                </c:pt>
                <c:pt idx="1045">
                  <c:v>37571</c:v>
                </c:pt>
                <c:pt idx="1046">
                  <c:v>37572</c:v>
                </c:pt>
                <c:pt idx="1047">
                  <c:v>37573</c:v>
                </c:pt>
                <c:pt idx="1048">
                  <c:v>37574</c:v>
                </c:pt>
                <c:pt idx="1049">
                  <c:v>37575</c:v>
                </c:pt>
                <c:pt idx="1050">
                  <c:v>37576</c:v>
                </c:pt>
                <c:pt idx="1051">
                  <c:v>37577</c:v>
                </c:pt>
                <c:pt idx="1052">
                  <c:v>37578</c:v>
                </c:pt>
                <c:pt idx="1053">
                  <c:v>37579</c:v>
                </c:pt>
                <c:pt idx="1054">
                  <c:v>37580</c:v>
                </c:pt>
                <c:pt idx="1055">
                  <c:v>37581</c:v>
                </c:pt>
                <c:pt idx="1056">
                  <c:v>37582</c:v>
                </c:pt>
                <c:pt idx="1057">
                  <c:v>37583</c:v>
                </c:pt>
                <c:pt idx="1058">
                  <c:v>37584</c:v>
                </c:pt>
                <c:pt idx="1059">
                  <c:v>37585</c:v>
                </c:pt>
                <c:pt idx="1060">
                  <c:v>37586</c:v>
                </c:pt>
                <c:pt idx="1061">
                  <c:v>37587</c:v>
                </c:pt>
                <c:pt idx="1062">
                  <c:v>37588</c:v>
                </c:pt>
                <c:pt idx="1063">
                  <c:v>37589</c:v>
                </c:pt>
                <c:pt idx="1064">
                  <c:v>37590</c:v>
                </c:pt>
                <c:pt idx="1065">
                  <c:v>37591</c:v>
                </c:pt>
                <c:pt idx="1066">
                  <c:v>37592</c:v>
                </c:pt>
                <c:pt idx="1067">
                  <c:v>37593</c:v>
                </c:pt>
                <c:pt idx="1068">
                  <c:v>37594</c:v>
                </c:pt>
                <c:pt idx="1069">
                  <c:v>37595</c:v>
                </c:pt>
                <c:pt idx="1070">
                  <c:v>37596</c:v>
                </c:pt>
                <c:pt idx="1071">
                  <c:v>37597</c:v>
                </c:pt>
                <c:pt idx="1072">
                  <c:v>37598</c:v>
                </c:pt>
                <c:pt idx="1073">
                  <c:v>37599</c:v>
                </c:pt>
                <c:pt idx="1074">
                  <c:v>37600</c:v>
                </c:pt>
                <c:pt idx="1075">
                  <c:v>37601</c:v>
                </c:pt>
                <c:pt idx="1076">
                  <c:v>37602</c:v>
                </c:pt>
                <c:pt idx="1077">
                  <c:v>37603</c:v>
                </c:pt>
                <c:pt idx="1078">
                  <c:v>37604</c:v>
                </c:pt>
                <c:pt idx="1079">
                  <c:v>37605</c:v>
                </c:pt>
                <c:pt idx="1080">
                  <c:v>37606</c:v>
                </c:pt>
                <c:pt idx="1081">
                  <c:v>37607</c:v>
                </c:pt>
                <c:pt idx="1082">
                  <c:v>37608</c:v>
                </c:pt>
                <c:pt idx="1083">
                  <c:v>37609</c:v>
                </c:pt>
                <c:pt idx="1084">
                  <c:v>37610</c:v>
                </c:pt>
                <c:pt idx="1085">
                  <c:v>37611</c:v>
                </c:pt>
                <c:pt idx="1086">
                  <c:v>37612</c:v>
                </c:pt>
                <c:pt idx="1087">
                  <c:v>37613</c:v>
                </c:pt>
                <c:pt idx="1088">
                  <c:v>37614</c:v>
                </c:pt>
                <c:pt idx="1089">
                  <c:v>37615</c:v>
                </c:pt>
                <c:pt idx="1090">
                  <c:v>37616</c:v>
                </c:pt>
                <c:pt idx="1091">
                  <c:v>37617</c:v>
                </c:pt>
                <c:pt idx="1092">
                  <c:v>37618</c:v>
                </c:pt>
                <c:pt idx="1093">
                  <c:v>37619</c:v>
                </c:pt>
                <c:pt idx="1094">
                  <c:v>37620</c:v>
                </c:pt>
                <c:pt idx="1095">
                  <c:v>37621</c:v>
                </c:pt>
                <c:pt idx="1096">
                  <c:v>37622</c:v>
                </c:pt>
                <c:pt idx="1097">
                  <c:v>37623</c:v>
                </c:pt>
                <c:pt idx="1098">
                  <c:v>37624</c:v>
                </c:pt>
                <c:pt idx="1099">
                  <c:v>37625</c:v>
                </c:pt>
                <c:pt idx="1100">
                  <c:v>37626</c:v>
                </c:pt>
                <c:pt idx="1101">
                  <c:v>37627</c:v>
                </c:pt>
                <c:pt idx="1102">
                  <c:v>37628</c:v>
                </c:pt>
                <c:pt idx="1103">
                  <c:v>37629</c:v>
                </c:pt>
                <c:pt idx="1104">
                  <c:v>37630</c:v>
                </c:pt>
                <c:pt idx="1105">
                  <c:v>37631</c:v>
                </c:pt>
                <c:pt idx="1106">
                  <c:v>37632</c:v>
                </c:pt>
                <c:pt idx="1107">
                  <c:v>37633</c:v>
                </c:pt>
                <c:pt idx="1108">
                  <c:v>37634</c:v>
                </c:pt>
                <c:pt idx="1109">
                  <c:v>37635</c:v>
                </c:pt>
                <c:pt idx="1110">
                  <c:v>37636</c:v>
                </c:pt>
                <c:pt idx="1111">
                  <c:v>37637</c:v>
                </c:pt>
                <c:pt idx="1112">
                  <c:v>37638</c:v>
                </c:pt>
                <c:pt idx="1113">
                  <c:v>37639</c:v>
                </c:pt>
                <c:pt idx="1114">
                  <c:v>37640</c:v>
                </c:pt>
                <c:pt idx="1115">
                  <c:v>37641</c:v>
                </c:pt>
                <c:pt idx="1116">
                  <c:v>37642</c:v>
                </c:pt>
                <c:pt idx="1117">
                  <c:v>37643</c:v>
                </c:pt>
                <c:pt idx="1118">
                  <c:v>37644</c:v>
                </c:pt>
                <c:pt idx="1119">
                  <c:v>37645</c:v>
                </c:pt>
                <c:pt idx="1120">
                  <c:v>37646</c:v>
                </c:pt>
                <c:pt idx="1121">
                  <c:v>37647</c:v>
                </c:pt>
                <c:pt idx="1122">
                  <c:v>37648</c:v>
                </c:pt>
                <c:pt idx="1123">
                  <c:v>37649</c:v>
                </c:pt>
                <c:pt idx="1124">
                  <c:v>37650</c:v>
                </c:pt>
                <c:pt idx="1125">
                  <c:v>37651</c:v>
                </c:pt>
                <c:pt idx="1126">
                  <c:v>37652</c:v>
                </c:pt>
                <c:pt idx="1127">
                  <c:v>37653</c:v>
                </c:pt>
                <c:pt idx="1128">
                  <c:v>37654</c:v>
                </c:pt>
                <c:pt idx="1129">
                  <c:v>37655</c:v>
                </c:pt>
                <c:pt idx="1130">
                  <c:v>37656</c:v>
                </c:pt>
                <c:pt idx="1131">
                  <c:v>37657</c:v>
                </c:pt>
                <c:pt idx="1132">
                  <c:v>37658</c:v>
                </c:pt>
                <c:pt idx="1133">
                  <c:v>37659</c:v>
                </c:pt>
                <c:pt idx="1134">
                  <c:v>37660</c:v>
                </c:pt>
                <c:pt idx="1135">
                  <c:v>37661</c:v>
                </c:pt>
                <c:pt idx="1136">
                  <c:v>37662</c:v>
                </c:pt>
                <c:pt idx="1137">
                  <c:v>37663</c:v>
                </c:pt>
                <c:pt idx="1138">
                  <c:v>37664</c:v>
                </c:pt>
                <c:pt idx="1139">
                  <c:v>37665</c:v>
                </c:pt>
                <c:pt idx="1140">
                  <c:v>37666</c:v>
                </c:pt>
                <c:pt idx="1141">
                  <c:v>37667</c:v>
                </c:pt>
                <c:pt idx="1142">
                  <c:v>37668</c:v>
                </c:pt>
                <c:pt idx="1143">
                  <c:v>37669</c:v>
                </c:pt>
                <c:pt idx="1144">
                  <c:v>37670</c:v>
                </c:pt>
                <c:pt idx="1145">
                  <c:v>37671</c:v>
                </c:pt>
                <c:pt idx="1146">
                  <c:v>37672</c:v>
                </c:pt>
                <c:pt idx="1147">
                  <c:v>37673</c:v>
                </c:pt>
                <c:pt idx="1148">
                  <c:v>37674</c:v>
                </c:pt>
                <c:pt idx="1149">
                  <c:v>37675</c:v>
                </c:pt>
                <c:pt idx="1150">
                  <c:v>37676</c:v>
                </c:pt>
                <c:pt idx="1151">
                  <c:v>37677</c:v>
                </c:pt>
                <c:pt idx="1152">
                  <c:v>37678</c:v>
                </c:pt>
                <c:pt idx="1153">
                  <c:v>37679</c:v>
                </c:pt>
                <c:pt idx="1154">
                  <c:v>37680</c:v>
                </c:pt>
                <c:pt idx="1155">
                  <c:v>37681</c:v>
                </c:pt>
                <c:pt idx="1156">
                  <c:v>37682</c:v>
                </c:pt>
                <c:pt idx="1157">
                  <c:v>37683</c:v>
                </c:pt>
                <c:pt idx="1158">
                  <c:v>37684</c:v>
                </c:pt>
                <c:pt idx="1159">
                  <c:v>37685</c:v>
                </c:pt>
                <c:pt idx="1160">
                  <c:v>37686</c:v>
                </c:pt>
                <c:pt idx="1161">
                  <c:v>37687</c:v>
                </c:pt>
                <c:pt idx="1162">
                  <c:v>37688</c:v>
                </c:pt>
                <c:pt idx="1163">
                  <c:v>37689</c:v>
                </c:pt>
                <c:pt idx="1164">
                  <c:v>37690</c:v>
                </c:pt>
                <c:pt idx="1165">
                  <c:v>37691</c:v>
                </c:pt>
                <c:pt idx="1166">
                  <c:v>37692</c:v>
                </c:pt>
                <c:pt idx="1167">
                  <c:v>37693</c:v>
                </c:pt>
                <c:pt idx="1168">
                  <c:v>37694</c:v>
                </c:pt>
                <c:pt idx="1169">
                  <c:v>37695</c:v>
                </c:pt>
                <c:pt idx="1170">
                  <c:v>37696</c:v>
                </c:pt>
                <c:pt idx="1171">
                  <c:v>37697</c:v>
                </c:pt>
                <c:pt idx="1172">
                  <c:v>37698</c:v>
                </c:pt>
                <c:pt idx="1173">
                  <c:v>37699</c:v>
                </c:pt>
                <c:pt idx="1174">
                  <c:v>37700</c:v>
                </c:pt>
                <c:pt idx="1175">
                  <c:v>37701</c:v>
                </c:pt>
                <c:pt idx="1176">
                  <c:v>37702</c:v>
                </c:pt>
                <c:pt idx="1177">
                  <c:v>37703</c:v>
                </c:pt>
                <c:pt idx="1178">
                  <c:v>37704</c:v>
                </c:pt>
                <c:pt idx="1179">
                  <c:v>37705</c:v>
                </c:pt>
                <c:pt idx="1180">
                  <c:v>37706</c:v>
                </c:pt>
                <c:pt idx="1181">
                  <c:v>37707</c:v>
                </c:pt>
                <c:pt idx="1182">
                  <c:v>37708</c:v>
                </c:pt>
                <c:pt idx="1183">
                  <c:v>37709</c:v>
                </c:pt>
                <c:pt idx="1184">
                  <c:v>37710</c:v>
                </c:pt>
                <c:pt idx="1185">
                  <c:v>37711</c:v>
                </c:pt>
                <c:pt idx="1186">
                  <c:v>37712</c:v>
                </c:pt>
                <c:pt idx="1187">
                  <c:v>37713</c:v>
                </c:pt>
                <c:pt idx="1188">
                  <c:v>37714</c:v>
                </c:pt>
                <c:pt idx="1189">
                  <c:v>37715</c:v>
                </c:pt>
                <c:pt idx="1190">
                  <c:v>37716</c:v>
                </c:pt>
                <c:pt idx="1191">
                  <c:v>37717</c:v>
                </c:pt>
                <c:pt idx="1192">
                  <c:v>37718</c:v>
                </c:pt>
                <c:pt idx="1193">
                  <c:v>37719</c:v>
                </c:pt>
                <c:pt idx="1194">
                  <c:v>37720</c:v>
                </c:pt>
                <c:pt idx="1195">
                  <c:v>37721</c:v>
                </c:pt>
                <c:pt idx="1196">
                  <c:v>37722</c:v>
                </c:pt>
                <c:pt idx="1197">
                  <c:v>37723</c:v>
                </c:pt>
                <c:pt idx="1198">
                  <c:v>37724</c:v>
                </c:pt>
                <c:pt idx="1199">
                  <c:v>37725</c:v>
                </c:pt>
                <c:pt idx="1200">
                  <c:v>37726</c:v>
                </c:pt>
                <c:pt idx="1201">
                  <c:v>37727</c:v>
                </c:pt>
                <c:pt idx="1202">
                  <c:v>37728</c:v>
                </c:pt>
                <c:pt idx="1203">
                  <c:v>37729</c:v>
                </c:pt>
                <c:pt idx="1204">
                  <c:v>37730</c:v>
                </c:pt>
                <c:pt idx="1205">
                  <c:v>37731</c:v>
                </c:pt>
                <c:pt idx="1206">
                  <c:v>37732</c:v>
                </c:pt>
                <c:pt idx="1207">
                  <c:v>37733</c:v>
                </c:pt>
                <c:pt idx="1208">
                  <c:v>37734</c:v>
                </c:pt>
                <c:pt idx="1209">
                  <c:v>37735</c:v>
                </c:pt>
                <c:pt idx="1210">
                  <c:v>37736</c:v>
                </c:pt>
                <c:pt idx="1211">
                  <c:v>37737</c:v>
                </c:pt>
                <c:pt idx="1212">
                  <c:v>37738</c:v>
                </c:pt>
                <c:pt idx="1213">
                  <c:v>37739</c:v>
                </c:pt>
                <c:pt idx="1214">
                  <c:v>37740</c:v>
                </c:pt>
                <c:pt idx="1215">
                  <c:v>37741</c:v>
                </c:pt>
                <c:pt idx="1216">
                  <c:v>37742</c:v>
                </c:pt>
                <c:pt idx="1217">
                  <c:v>37743</c:v>
                </c:pt>
                <c:pt idx="1218">
                  <c:v>37744</c:v>
                </c:pt>
                <c:pt idx="1219">
                  <c:v>37745</c:v>
                </c:pt>
                <c:pt idx="1220">
                  <c:v>37746</c:v>
                </c:pt>
                <c:pt idx="1221">
                  <c:v>37747</c:v>
                </c:pt>
                <c:pt idx="1222">
                  <c:v>37748</c:v>
                </c:pt>
                <c:pt idx="1223">
                  <c:v>37749</c:v>
                </c:pt>
                <c:pt idx="1224">
                  <c:v>37750</c:v>
                </c:pt>
                <c:pt idx="1225">
                  <c:v>37751</c:v>
                </c:pt>
                <c:pt idx="1226">
                  <c:v>37752</c:v>
                </c:pt>
                <c:pt idx="1227">
                  <c:v>37753</c:v>
                </c:pt>
                <c:pt idx="1228">
                  <c:v>37754</c:v>
                </c:pt>
                <c:pt idx="1229">
                  <c:v>37755</c:v>
                </c:pt>
                <c:pt idx="1230">
                  <c:v>37756</c:v>
                </c:pt>
                <c:pt idx="1231">
                  <c:v>37757</c:v>
                </c:pt>
                <c:pt idx="1232">
                  <c:v>37758</c:v>
                </c:pt>
                <c:pt idx="1233">
                  <c:v>37759</c:v>
                </c:pt>
                <c:pt idx="1234">
                  <c:v>37760</c:v>
                </c:pt>
                <c:pt idx="1235">
                  <c:v>37761</c:v>
                </c:pt>
                <c:pt idx="1236">
                  <c:v>37762</c:v>
                </c:pt>
                <c:pt idx="1237">
                  <c:v>37763</c:v>
                </c:pt>
                <c:pt idx="1238">
                  <c:v>37764</c:v>
                </c:pt>
                <c:pt idx="1239">
                  <c:v>37765</c:v>
                </c:pt>
                <c:pt idx="1240">
                  <c:v>37766</c:v>
                </c:pt>
                <c:pt idx="1241">
                  <c:v>37767</c:v>
                </c:pt>
                <c:pt idx="1242">
                  <c:v>37768</c:v>
                </c:pt>
                <c:pt idx="1243">
                  <c:v>37769</c:v>
                </c:pt>
                <c:pt idx="1244">
                  <c:v>37770</c:v>
                </c:pt>
                <c:pt idx="1245">
                  <c:v>37771</c:v>
                </c:pt>
                <c:pt idx="1246">
                  <c:v>37772</c:v>
                </c:pt>
                <c:pt idx="1247">
                  <c:v>37773</c:v>
                </c:pt>
                <c:pt idx="1248">
                  <c:v>37774</c:v>
                </c:pt>
                <c:pt idx="1249">
                  <c:v>37775</c:v>
                </c:pt>
                <c:pt idx="1250">
                  <c:v>37776</c:v>
                </c:pt>
                <c:pt idx="1251">
                  <c:v>37777</c:v>
                </c:pt>
                <c:pt idx="1252">
                  <c:v>37778</c:v>
                </c:pt>
                <c:pt idx="1253">
                  <c:v>37779</c:v>
                </c:pt>
                <c:pt idx="1254">
                  <c:v>37780</c:v>
                </c:pt>
                <c:pt idx="1255">
                  <c:v>37781</c:v>
                </c:pt>
                <c:pt idx="1256">
                  <c:v>37782</c:v>
                </c:pt>
                <c:pt idx="1257">
                  <c:v>37783</c:v>
                </c:pt>
                <c:pt idx="1258">
                  <c:v>37784</c:v>
                </c:pt>
                <c:pt idx="1259">
                  <c:v>37785</c:v>
                </c:pt>
                <c:pt idx="1260">
                  <c:v>37786</c:v>
                </c:pt>
                <c:pt idx="1261">
                  <c:v>37787</c:v>
                </c:pt>
                <c:pt idx="1262">
                  <c:v>37788</c:v>
                </c:pt>
                <c:pt idx="1263">
                  <c:v>37789</c:v>
                </c:pt>
                <c:pt idx="1264">
                  <c:v>37790</c:v>
                </c:pt>
                <c:pt idx="1265">
                  <c:v>37791</c:v>
                </c:pt>
                <c:pt idx="1266">
                  <c:v>37792</c:v>
                </c:pt>
                <c:pt idx="1267">
                  <c:v>37793</c:v>
                </c:pt>
                <c:pt idx="1268">
                  <c:v>37794</c:v>
                </c:pt>
                <c:pt idx="1269">
                  <c:v>37795</c:v>
                </c:pt>
                <c:pt idx="1270">
                  <c:v>37796</c:v>
                </c:pt>
                <c:pt idx="1271">
                  <c:v>37797</c:v>
                </c:pt>
                <c:pt idx="1272">
                  <c:v>37798</c:v>
                </c:pt>
                <c:pt idx="1273">
                  <c:v>37799</c:v>
                </c:pt>
                <c:pt idx="1274">
                  <c:v>37800</c:v>
                </c:pt>
                <c:pt idx="1275">
                  <c:v>37801</c:v>
                </c:pt>
                <c:pt idx="1276">
                  <c:v>37802</c:v>
                </c:pt>
                <c:pt idx="1277">
                  <c:v>37803</c:v>
                </c:pt>
                <c:pt idx="1278">
                  <c:v>37804</c:v>
                </c:pt>
                <c:pt idx="1279">
                  <c:v>37805</c:v>
                </c:pt>
                <c:pt idx="1280">
                  <c:v>37806</c:v>
                </c:pt>
                <c:pt idx="1281">
                  <c:v>37807</c:v>
                </c:pt>
                <c:pt idx="1282">
                  <c:v>37808</c:v>
                </c:pt>
                <c:pt idx="1283">
                  <c:v>37809</c:v>
                </c:pt>
                <c:pt idx="1284">
                  <c:v>37810</c:v>
                </c:pt>
                <c:pt idx="1285">
                  <c:v>37811</c:v>
                </c:pt>
                <c:pt idx="1286">
                  <c:v>37812</c:v>
                </c:pt>
                <c:pt idx="1287">
                  <c:v>37813</c:v>
                </c:pt>
                <c:pt idx="1288">
                  <c:v>37814</c:v>
                </c:pt>
                <c:pt idx="1289">
                  <c:v>37815</c:v>
                </c:pt>
                <c:pt idx="1290">
                  <c:v>37816</c:v>
                </c:pt>
                <c:pt idx="1291">
                  <c:v>37817</c:v>
                </c:pt>
                <c:pt idx="1292">
                  <c:v>37818</c:v>
                </c:pt>
                <c:pt idx="1293">
                  <c:v>37819</c:v>
                </c:pt>
                <c:pt idx="1294">
                  <c:v>37820</c:v>
                </c:pt>
                <c:pt idx="1295">
                  <c:v>37821</c:v>
                </c:pt>
                <c:pt idx="1296">
                  <c:v>37822</c:v>
                </c:pt>
                <c:pt idx="1297">
                  <c:v>37823</c:v>
                </c:pt>
                <c:pt idx="1298">
                  <c:v>37824</c:v>
                </c:pt>
                <c:pt idx="1299">
                  <c:v>37825</c:v>
                </c:pt>
                <c:pt idx="1300">
                  <c:v>37826</c:v>
                </c:pt>
                <c:pt idx="1301">
                  <c:v>37827</c:v>
                </c:pt>
                <c:pt idx="1302">
                  <c:v>37828</c:v>
                </c:pt>
                <c:pt idx="1303">
                  <c:v>37829</c:v>
                </c:pt>
                <c:pt idx="1304">
                  <c:v>37830</c:v>
                </c:pt>
                <c:pt idx="1305">
                  <c:v>37831</c:v>
                </c:pt>
                <c:pt idx="1306">
                  <c:v>37832</c:v>
                </c:pt>
                <c:pt idx="1307">
                  <c:v>37833</c:v>
                </c:pt>
                <c:pt idx="1308">
                  <c:v>37834</c:v>
                </c:pt>
                <c:pt idx="1309">
                  <c:v>37835</c:v>
                </c:pt>
                <c:pt idx="1310">
                  <c:v>37836</c:v>
                </c:pt>
                <c:pt idx="1311">
                  <c:v>37837</c:v>
                </c:pt>
                <c:pt idx="1312">
                  <c:v>37838</c:v>
                </c:pt>
                <c:pt idx="1313">
                  <c:v>37839</c:v>
                </c:pt>
                <c:pt idx="1314">
                  <c:v>37840</c:v>
                </c:pt>
                <c:pt idx="1315">
                  <c:v>37841</c:v>
                </c:pt>
                <c:pt idx="1316">
                  <c:v>37842</c:v>
                </c:pt>
                <c:pt idx="1317">
                  <c:v>37843</c:v>
                </c:pt>
                <c:pt idx="1318">
                  <c:v>37844</c:v>
                </c:pt>
                <c:pt idx="1319">
                  <c:v>37845</c:v>
                </c:pt>
                <c:pt idx="1320">
                  <c:v>37846</c:v>
                </c:pt>
                <c:pt idx="1321">
                  <c:v>37847</c:v>
                </c:pt>
                <c:pt idx="1322">
                  <c:v>37848</c:v>
                </c:pt>
                <c:pt idx="1323">
                  <c:v>37849</c:v>
                </c:pt>
                <c:pt idx="1324">
                  <c:v>37850</c:v>
                </c:pt>
                <c:pt idx="1325">
                  <c:v>37851</c:v>
                </c:pt>
                <c:pt idx="1326">
                  <c:v>37852</c:v>
                </c:pt>
                <c:pt idx="1327">
                  <c:v>37853</c:v>
                </c:pt>
                <c:pt idx="1328">
                  <c:v>37854</c:v>
                </c:pt>
                <c:pt idx="1329">
                  <c:v>37855</c:v>
                </c:pt>
                <c:pt idx="1330">
                  <c:v>37856</c:v>
                </c:pt>
                <c:pt idx="1331">
                  <c:v>37857</c:v>
                </c:pt>
                <c:pt idx="1332">
                  <c:v>37858</c:v>
                </c:pt>
                <c:pt idx="1333">
                  <c:v>37859</c:v>
                </c:pt>
                <c:pt idx="1334">
                  <c:v>37860</c:v>
                </c:pt>
                <c:pt idx="1335">
                  <c:v>37861</c:v>
                </c:pt>
                <c:pt idx="1336">
                  <c:v>37862</c:v>
                </c:pt>
                <c:pt idx="1337">
                  <c:v>37863</c:v>
                </c:pt>
                <c:pt idx="1338">
                  <c:v>37864</c:v>
                </c:pt>
                <c:pt idx="1339">
                  <c:v>37865</c:v>
                </c:pt>
                <c:pt idx="1340">
                  <c:v>37866</c:v>
                </c:pt>
                <c:pt idx="1341">
                  <c:v>37867</c:v>
                </c:pt>
                <c:pt idx="1342">
                  <c:v>37868</c:v>
                </c:pt>
                <c:pt idx="1343">
                  <c:v>37869</c:v>
                </c:pt>
                <c:pt idx="1344">
                  <c:v>37870</c:v>
                </c:pt>
                <c:pt idx="1345">
                  <c:v>37871</c:v>
                </c:pt>
                <c:pt idx="1346">
                  <c:v>37872</c:v>
                </c:pt>
                <c:pt idx="1347">
                  <c:v>37873</c:v>
                </c:pt>
                <c:pt idx="1348">
                  <c:v>37874</c:v>
                </c:pt>
                <c:pt idx="1349">
                  <c:v>37875</c:v>
                </c:pt>
                <c:pt idx="1350">
                  <c:v>37876</c:v>
                </c:pt>
                <c:pt idx="1351">
                  <c:v>37877</c:v>
                </c:pt>
                <c:pt idx="1352">
                  <c:v>37878</c:v>
                </c:pt>
                <c:pt idx="1353">
                  <c:v>37879</c:v>
                </c:pt>
                <c:pt idx="1354">
                  <c:v>37880</c:v>
                </c:pt>
                <c:pt idx="1355">
                  <c:v>37881</c:v>
                </c:pt>
                <c:pt idx="1356">
                  <c:v>37882</c:v>
                </c:pt>
                <c:pt idx="1357">
                  <c:v>37883</c:v>
                </c:pt>
                <c:pt idx="1358">
                  <c:v>37884</c:v>
                </c:pt>
                <c:pt idx="1359">
                  <c:v>37885</c:v>
                </c:pt>
                <c:pt idx="1360">
                  <c:v>37886</c:v>
                </c:pt>
                <c:pt idx="1361">
                  <c:v>37887</c:v>
                </c:pt>
                <c:pt idx="1362">
                  <c:v>37888</c:v>
                </c:pt>
                <c:pt idx="1363">
                  <c:v>37889</c:v>
                </c:pt>
                <c:pt idx="1364">
                  <c:v>37890</c:v>
                </c:pt>
                <c:pt idx="1365">
                  <c:v>37891</c:v>
                </c:pt>
                <c:pt idx="1366">
                  <c:v>37892</c:v>
                </c:pt>
                <c:pt idx="1367">
                  <c:v>37893</c:v>
                </c:pt>
                <c:pt idx="1368">
                  <c:v>37894</c:v>
                </c:pt>
                <c:pt idx="1369">
                  <c:v>37895</c:v>
                </c:pt>
                <c:pt idx="1370">
                  <c:v>37896</c:v>
                </c:pt>
                <c:pt idx="1371">
                  <c:v>37897</c:v>
                </c:pt>
                <c:pt idx="1372">
                  <c:v>37898</c:v>
                </c:pt>
                <c:pt idx="1373">
                  <c:v>37899</c:v>
                </c:pt>
                <c:pt idx="1374">
                  <c:v>37900</c:v>
                </c:pt>
                <c:pt idx="1375">
                  <c:v>37901</c:v>
                </c:pt>
                <c:pt idx="1376">
                  <c:v>37902</c:v>
                </c:pt>
                <c:pt idx="1377">
                  <c:v>37903</c:v>
                </c:pt>
                <c:pt idx="1378">
                  <c:v>37904</c:v>
                </c:pt>
                <c:pt idx="1379">
                  <c:v>37905</c:v>
                </c:pt>
                <c:pt idx="1380">
                  <c:v>37906</c:v>
                </c:pt>
                <c:pt idx="1381">
                  <c:v>37907</c:v>
                </c:pt>
                <c:pt idx="1382">
                  <c:v>37908</c:v>
                </c:pt>
                <c:pt idx="1383">
                  <c:v>37909</c:v>
                </c:pt>
                <c:pt idx="1384">
                  <c:v>37910</c:v>
                </c:pt>
                <c:pt idx="1385">
                  <c:v>37911</c:v>
                </c:pt>
                <c:pt idx="1386">
                  <c:v>37912</c:v>
                </c:pt>
                <c:pt idx="1387">
                  <c:v>37913</c:v>
                </c:pt>
                <c:pt idx="1388">
                  <c:v>37914</c:v>
                </c:pt>
                <c:pt idx="1389">
                  <c:v>37915</c:v>
                </c:pt>
                <c:pt idx="1390">
                  <c:v>37916</c:v>
                </c:pt>
                <c:pt idx="1391">
                  <c:v>37917</c:v>
                </c:pt>
                <c:pt idx="1392">
                  <c:v>37918</c:v>
                </c:pt>
                <c:pt idx="1393">
                  <c:v>37919</c:v>
                </c:pt>
                <c:pt idx="1394">
                  <c:v>37920</c:v>
                </c:pt>
                <c:pt idx="1395">
                  <c:v>37921</c:v>
                </c:pt>
                <c:pt idx="1396">
                  <c:v>37922</c:v>
                </c:pt>
                <c:pt idx="1397">
                  <c:v>37923</c:v>
                </c:pt>
                <c:pt idx="1398">
                  <c:v>37924</c:v>
                </c:pt>
                <c:pt idx="1399">
                  <c:v>37925</c:v>
                </c:pt>
                <c:pt idx="1400">
                  <c:v>37926</c:v>
                </c:pt>
                <c:pt idx="1401">
                  <c:v>37927</c:v>
                </c:pt>
                <c:pt idx="1402">
                  <c:v>37928</c:v>
                </c:pt>
                <c:pt idx="1403">
                  <c:v>37929</c:v>
                </c:pt>
                <c:pt idx="1404">
                  <c:v>37930</c:v>
                </c:pt>
                <c:pt idx="1405">
                  <c:v>37931</c:v>
                </c:pt>
                <c:pt idx="1406">
                  <c:v>37932</c:v>
                </c:pt>
                <c:pt idx="1407">
                  <c:v>37933</c:v>
                </c:pt>
                <c:pt idx="1408">
                  <c:v>37934</c:v>
                </c:pt>
                <c:pt idx="1409">
                  <c:v>37935</c:v>
                </c:pt>
                <c:pt idx="1410">
                  <c:v>37936</c:v>
                </c:pt>
                <c:pt idx="1411">
                  <c:v>37937</c:v>
                </c:pt>
                <c:pt idx="1412">
                  <c:v>37938</c:v>
                </c:pt>
                <c:pt idx="1413">
                  <c:v>37939</c:v>
                </c:pt>
                <c:pt idx="1414">
                  <c:v>37940</c:v>
                </c:pt>
                <c:pt idx="1415">
                  <c:v>37941</c:v>
                </c:pt>
                <c:pt idx="1416">
                  <c:v>37942</c:v>
                </c:pt>
                <c:pt idx="1417">
                  <c:v>37943</c:v>
                </c:pt>
                <c:pt idx="1418">
                  <c:v>37944</c:v>
                </c:pt>
                <c:pt idx="1419">
                  <c:v>37945</c:v>
                </c:pt>
                <c:pt idx="1420">
                  <c:v>37946</c:v>
                </c:pt>
                <c:pt idx="1421">
                  <c:v>37947</c:v>
                </c:pt>
                <c:pt idx="1422">
                  <c:v>37948</c:v>
                </c:pt>
                <c:pt idx="1423">
                  <c:v>37949</c:v>
                </c:pt>
                <c:pt idx="1424">
                  <c:v>37950</c:v>
                </c:pt>
                <c:pt idx="1425">
                  <c:v>37951</c:v>
                </c:pt>
                <c:pt idx="1426">
                  <c:v>37952</c:v>
                </c:pt>
                <c:pt idx="1427">
                  <c:v>37953</c:v>
                </c:pt>
                <c:pt idx="1428">
                  <c:v>37954</c:v>
                </c:pt>
                <c:pt idx="1429">
                  <c:v>37955</c:v>
                </c:pt>
                <c:pt idx="1430">
                  <c:v>37956</c:v>
                </c:pt>
                <c:pt idx="1431">
                  <c:v>37957</c:v>
                </c:pt>
                <c:pt idx="1432">
                  <c:v>37958</c:v>
                </c:pt>
                <c:pt idx="1433">
                  <c:v>37959</c:v>
                </c:pt>
                <c:pt idx="1434">
                  <c:v>37960</c:v>
                </c:pt>
                <c:pt idx="1435">
                  <c:v>37961</c:v>
                </c:pt>
                <c:pt idx="1436">
                  <c:v>37962</c:v>
                </c:pt>
                <c:pt idx="1437">
                  <c:v>37963</c:v>
                </c:pt>
                <c:pt idx="1438">
                  <c:v>37964</c:v>
                </c:pt>
                <c:pt idx="1439">
                  <c:v>37965</c:v>
                </c:pt>
                <c:pt idx="1440">
                  <c:v>37966</c:v>
                </c:pt>
                <c:pt idx="1441">
                  <c:v>37967</c:v>
                </c:pt>
                <c:pt idx="1442">
                  <c:v>37968</c:v>
                </c:pt>
                <c:pt idx="1443">
                  <c:v>37969</c:v>
                </c:pt>
                <c:pt idx="1444">
                  <c:v>37970</c:v>
                </c:pt>
                <c:pt idx="1445">
                  <c:v>37971</c:v>
                </c:pt>
                <c:pt idx="1446">
                  <c:v>37972</c:v>
                </c:pt>
                <c:pt idx="1447">
                  <c:v>37973</c:v>
                </c:pt>
                <c:pt idx="1448">
                  <c:v>37974</c:v>
                </c:pt>
                <c:pt idx="1449">
                  <c:v>37975</c:v>
                </c:pt>
                <c:pt idx="1450">
                  <c:v>37976</c:v>
                </c:pt>
                <c:pt idx="1451">
                  <c:v>37977</c:v>
                </c:pt>
                <c:pt idx="1452">
                  <c:v>37978</c:v>
                </c:pt>
                <c:pt idx="1453">
                  <c:v>37979</c:v>
                </c:pt>
                <c:pt idx="1454">
                  <c:v>37980</c:v>
                </c:pt>
                <c:pt idx="1455">
                  <c:v>37981</c:v>
                </c:pt>
                <c:pt idx="1456">
                  <c:v>37982</c:v>
                </c:pt>
                <c:pt idx="1457">
                  <c:v>37983</c:v>
                </c:pt>
                <c:pt idx="1458">
                  <c:v>37984</c:v>
                </c:pt>
                <c:pt idx="1459">
                  <c:v>37985</c:v>
                </c:pt>
                <c:pt idx="1460">
                  <c:v>37986</c:v>
                </c:pt>
                <c:pt idx="1461">
                  <c:v>37987</c:v>
                </c:pt>
                <c:pt idx="1462">
                  <c:v>37988</c:v>
                </c:pt>
                <c:pt idx="1463">
                  <c:v>37989</c:v>
                </c:pt>
                <c:pt idx="1464">
                  <c:v>37990</c:v>
                </c:pt>
                <c:pt idx="1465">
                  <c:v>37991</c:v>
                </c:pt>
                <c:pt idx="1466">
                  <c:v>37992</c:v>
                </c:pt>
                <c:pt idx="1467">
                  <c:v>37993</c:v>
                </c:pt>
                <c:pt idx="1468">
                  <c:v>37994</c:v>
                </c:pt>
                <c:pt idx="1469">
                  <c:v>37995</c:v>
                </c:pt>
                <c:pt idx="1470">
                  <c:v>37996</c:v>
                </c:pt>
                <c:pt idx="1471">
                  <c:v>37997</c:v>
                </c:pt>
                <c:pt idx="1472">
                  <c:v>37998</c:v>
                </c:pt>
                <c:pt idx="1473">
                  <c:v>37999</c:v>
                </c:pt>
                <c:pt idx="1474">
                  <c:v>38000</c:v>
                </c:pt>
                <c:pt idx="1475">
                  <c:v>38001</c:v>
                </c:pt>
                <c:pt idx="1476">
                  <c:v>38002</c:v>
                </c:pt>
                <c:pt idx="1477">
                  <c:v>38003</c:v>
                </c:pt>
                <c:pt idx="1478">
                  <c:v>38004</c:v>
                </c:pt>
                <c:pt idx="1479">
                  <c:v>38005</c:v>
                </c:pt>
                <c:pt idx="1480">
                  <c:v>38006</c:v>
                </c:pt>
                <c:pt idx="1481">
                  <c:v>38007</c:v>
                </c:pt>
                <c:pt idx="1482">
                  <c:v>38008</c:v>
                </c:pt>
                <c:pt idx="1483">
                  <c:v>38009</c:v>
                </c:pt>
                <c:pt idx="1484">
                  <c:v>38010</c:v>
                </c:pt>
                <c:pt idx="1485">
                  <c:v>38011</c:v>
                </c:pt>
                <c:pt idx="1486">
                  <c:v>38012</c:v>
                </c:pt>
                <c:pt idx="1487">
                  <c:v>38013</c:v>
                </c:pt>
                <c:pt idx="1488">
                  <c:v>38014</c:v>
                </c:pt>
                <c:pt idx="1489">
                  <c:v>38015</c:v>
                </c:pt>
                <c:pt idx="1490">
                  <c:v>38016</c:v>
                </c:pt>
                <c:pt idx="1491">
                  <c:v>38017</c:v>
                </c:pt>
                <c:pt idx="1492">
                  <c:v>38018</c:v>
                </c:pt>
                <c:pt idx="1493">
                  <c:v>38019</c:v>
                </c:pt>
                <c:pt idx="1494">
                  <c:v>38020</c:v>
                </c:pt>
                <c:pt idx="1495">
                  <c:v>38021</c:v>
                </c:pt>
                <c:pt idx="1496">
                  <c:v>38022</c:v>
                </c:pt>
                <c:pt idx="1497">
                  <c:v>38023</c:v>
                </c:pt>
                <c:pt idx="1498">
                  <c:v>38024</c:v>
                </c:pt>
                <c:pt idx="1499">
                  <c:v>38025</c:v>
                </c:pt>
                <c:pt idx="1500">
                  <c:v>38026</c:v>
                </c:pt>
                <c:pt idx="1501">
                  <c:v>38027</c:v>
                </c:pt>
                <c:pt idx="1502">
                  <c:v>38028</c:v>
                </c:pt>
                <c:pt idx="1503">
                  <c:v>38029</c:v>
                </c:pt>
                <c:pt idx="1504">
                  <c:v>38030</c:v>
                </c:pt>
                <c:pt idx="1505">
                  <c:v>38031</c:v>
                </c:pt>
                <c:pt idx="1506">
                  <c:v>38032</c:v>
                </c:pt>
                <c:pt idx="1507">
                  <c:v>38033</c:v>
                </c:pt>
                <c:pt idx="1508">
                  <c:v>38034</c:v>
                </c:pt>
                <c:pt idx="1509">
                  <c:v>38035</c:v>
                </c:pt>
                <c:pt idx="1510">
                  <c:v>38036</c:v>
                </c:pt>
                <c:pt idx="1511">
                  <c:v>38037</c:v>
                </c:pt>
                <c:pt idx="1512">
                  <c:v>38038</c:v>
                </c:pt>
                <c:pt idx="1513">
                  <c:v>38039</c:v>
                </c:pt>
                <c:pt idx="1514">
                  <c:v>38040</c:v>
                </c:pt>
                <c:pt idx="1515">
                  <c:v>38041</c:v>
                </c:pt>
                <c:pt idx="1516">
                  <c:v>38042</c:v>
                </c:pt>
                <c:pt idx="1517">
                  <c:v>38043</c:v>
                </c:pt>
                <c:pt idx="1518">
                  <c:v>38044</c:v>
                </c:pt>
                <c:pt idx="1519">
                  <c:v>38045</c:v>
                </c:pt>
                <c:pt idx="1520">
                  <c:v>38046</c:v>
                </c:pt>
                <c:pt idx="1521">
                  <c:v>38047</c:v>
                </c:pt>
                <c:pt idx="1522">
                  <c:v>38048</c:v>
                </c:pt>
                <c:pt idx="1523">
                  <c:v>38049</c:v>
                </c:pt>
                <c:pt idx="1524">
                  <c:v>38050</c:v>
                </c:pt>
                <c:pt idx="1525">
                  <c:v>38051</c:v>
                </c:pt>
                <c:pt idx="1526">
                  <c:v>38052</c:v>
                </c:pt>
                <c:pt idx="1527">
                  <c:v>38053</c:v>
                </c:pt>
                <c:pt idx="1528">
                  <c:v>38054</c:v>
                </c:pt>
                <c:pt idx="1529">
                  <c:v>38055</c:v>
                </c:pt>
                <c:pt idx="1530">
                  <c:v>38056</c:v>
                </c:pt>
                <c:pt idx="1531">
                  <c:v>38057</c:v>
                </c:pt>
                <c:pt idx="1532">
                  <c:v>38058</c:v>
                </c:pt>
                <c:pt idx="1533">
                  <c:v>38059</c:v>
                </c:pt>
                <c:pt idx="1534">
                  <c:v>38060</c:v>
                </c:pt>
                <c:pt idx="1535">
                  <c:v>38061</c:v>
                </c:pt>
                <c:pt idx="1536">
                  <c:v>38062</c:v>
                </c:pt>
                <c:pt idx="1537">
                  <c:v>38063</c:v>
                </c:pt>
                <c:pt idx="1538">
                  <c:v>38064</c:v>
                </c:pt>
                <c:pt idx="1539">
                  <c:v>38065</c:v>
                </c:pt>
                <c:pt idx="1540">
                  <c:v>38066</c:v>
                </c:pt>
                <c:pt idx="1541">
                  <c:v>38067</c:v>
                </c:pt>
                <c:pt idx="1542">
                  <c:v>38068</c:v>
                </c:pt>
                <c:pt idx="1543">
                  <c:v>38069</c:v>
                </c:pt>
                <c:pt idx="1544">
                  <c:v>38070</c:v>
                </c:pt>
                <c:pt idx="1545">
                  <c:v>38071</c:v>
                </c:pt>
                <c:pt idx="1546">
                  <c:v>38072</c:v>
                </c:pt>
                <c:pt idx="1547">
                  <c:v>38073</c:v>
                </c:pt>
                <c:pt idx="1548">
                  <c:v>38074</c:v>
                </c:pt>
                <c:pt idx="1549">
                  <c:v>38075</c:v>
                </c:pt>
                <c:pt idx="1550">
                  <c:v>38076</c:v>
                </c:pt>
                <c:pt idx="1551">
                  <c:v>38077</c:v>
                </c:pt>
                <c:pt idx="1552">
                  <c:v>38078</c:v>
                </c:pt>
                <c:pt idx="1553">
                  <c:v>38079</c:v>
                </c:pt>
                <c:pt idx="1554">
                  <c:v>38080</c:v>
                </c:pt>
                <c:pt idx="1555">
                  <c:v>38081</c:v>
                </c:pt>
                <c:pt idx="1556">
                  <c:v>38082</c:v>
                </c:pt>
                <c:pt idx="1557">
                  <c:v>38083</c:v>
                </c:pt>
                <c:pt idx="1558">
                  <c:v>38084</c:v>
                </c:pt>
                <c:pt idx="1559">
                  <c:v>38085</c:v>
                </c:pt>
                <c:pt idx="1560">
                  <c:v>38086</c:v>
                </c:pt>
                <c:pt idx="1561">
                  <c:v>38087</c:v>
                </c:pt>
                <c:pt idx="1562">
                  <c:v>38088</c:v>
                </c:pt>
                <c:pt idx="1563">
                  <c:v>38089</c:v>
                </c:pt>
                <c:pt idx="1564">
                  <c:v>38090</c:v>
                </c:pt>
                <c:pt idx="1565">
                  <c:v>38091</c:v>
                </c:pt>
                <c:pt idx="1566">
                  <c:v>38092</c:v>
                </c:pt>
                <c:pt idx="1567">
                  <c:v>38093</c:v>
                </c:pt>
                <c:pt idx="1568">
                  <c:v>38094</c:v>
                </c:pt>
                <c:pt idx="1569">
                  <c:v>38095</c:v>
                </c:pt>
                <c:pt idx="1570">
                  <c:v>38096</c:v>
                </c:pt>
                <c:pt idx="1571">
                  <c:v>38097</c:v>
                </c:pt>
                <c:pt idx="1572">
                  <c:v>38098</c:v>
                </c:pt>
                <c:pt idx="1573">
                  <c:v>38099</c:v>
                </c:pt>
                <c:pt idx="1574">
                  <c:v>38100</c:v>
                </c:pt>
                <c:pt idx="1575">
                  <c:v>38101</c:v>
                </c:pt>
                <c:pt idx="1576">
                  <c:v>38102</c:v>
                </c:pt>
                <c:pt idx="1577">
                  <c:v>38103</c:v>
                </c:pt>
                <c:pt idx="1578">
                  <c:v>38104</c:v>
                </c:pt>
                <c:pt idx="1579">
                  <c:v>38105</c:v>
                </c:pt>
                <c:pt idx="1580">
                  <c:v>38106</c:v>
                </c:pt>
                <c:pt idx="1581">
                  <c:v>38107</c:v>
                </c:pt>
                <c:pt idx="1582">
                  <c:v>38108</c:v>
                </c:pt>
                <c:pt idx="1583">
                  <c:v>38109</c:v>
                </c:pt>
                <c:pt idx="1584">
                  <c:v>38110</c:v>
                </c:pt>
                <c:pt idx="1585">
                  <c:v>38111</c:v>
                </c:pt>
                <c:pt idx="1586">
                  <c:v>38112</c:v>
                </c:pt>
                <c:pt idx="1587">
                  <c:v>38113</c:v>
                </c:pt>
                <c:pt idx="1588">
                  <c:v>38114</c:v>
                </c:pt>
                <c:pt idx="1589">
                  <c:v>38115</c:v>
                </c:pt>
                <c:pt idx="1590">
                  <c:v>38116</c:v>
                </c:pt>
                <c:pt idx="1591">
                  <c:v>38117</c:v>
                </c:pt>
                <c:pt idx="1592">
                  <c:v>38118</c:v>
                </c:pt>
                <c:pt idx="1593">
                  <c:v>38119</c:v>
                </c:pt>
                <c:pt idx="1594">
                  <c:v>38120</c:v>
                </c:pt>
                <c:pt idx="1595">
                  <c:v>38121</c:v>
                </c:pt>
                <c:pt idx="1596">
                  <c:v>38122</c:v>
                </c:pt>
                <c:pt idx="1597">
                  <c:v>38123</c:v>
                </c:pt>
                <c:pt idx="1598">
                  <c:v>38124</c:v>
                </c:pt>
                <c:pt idx="1599">
                  <c:v>38125</c:v>
                </c:pt>
                <c:pt idx="1600">
                  <c:v>38126</c:v>
                </c:pt>
                <c:pt idx="1601">
                  <c:v>38127</c:v>
                </c:pt>
                <c:pt idx="1602">
                  <c:v>38128</c:v>
                </c:pt>
                <c:pt idx="1603">
                  <c:v>38129</c:v>
                </c:pt>
                <c:pt idx="1604">
                  <c:v>38130</c:v>
                </c:pt>
                <c:pt idx="1605">
                  <c:v>38131</c:v>
                </c:pt>
                <c:pt idx="1606">
                  <c:v>38132</c:v>
                </c:pt>
                <c:pt idx="1607">
                  <c:v>38133</c:v>
                </c:pt>
                <c:pt idx="1608">
                  <c:v>38134</c:v>
                </c:pt>
                <c:pt idx="1609">
                  <c:v>38135</c:v>
                </c:pt>
                <c:pt idx="1610">
                  <c:v>38136</c:v>
                </c:pt>
                <c:pt idx="1611">
                  <c:v>38137</c:v>
                </c:pt>
                <c:pt idx="1612">
                  <c:v>38138</c:v>
                </c:pt>
                <c:pt idx="1613">
                  <c:v>38139</c:v>
                </c:pt>
                <c:pt idx="1614">
                  <c:v>38140</c:v>
                </c:pt>
                <c:pt idx="1615">
                  <c:v>38141</c:v>
                </c:pt>
                <c:pt idx="1616">
                  <c:v>38142</c:v>
                </c:pt>
                <c:pt idx="1617">
                  <c:v>38143</c:v>
                </c:pt>
                <c:pt idx="1618">
                  <c:v>38144</c:v>
                </c:pt>
                <c:pt idx="1619">
                  <c:v>38145</c:v>
                </c:pt>
                <c:pt idx="1620">
                  <c:v>38146</c:v>
                </c:pt>
                <c:pt idx="1621">
                  <c:v>38147</c:v>
                </c:pt>
                <c:pt idx="1622">
                  <c:v>38148</c:v>
                </c:pt>
                <c:pt idx="1623">
                  <c:v>38149</c:v>
                </c:pt>
                <c:pt idx="1624">
                  <c:v>38150</c:v>
                </c:pt>
                <c:pt idx="1625">
                  <c:v>38151</c:v>
                </c:pt>
                <c:pt idx="1626">
                  <c:v>38152</c:v>
                </c:pt>
                <c:pt idx="1627">
                  <c:v>38153</c:v>
                </c:pt>
                <c:pt idx="1628">
                  <c:v>38154</c:v>
                </c:pt>
                <c:pt idx="1629">
                  <c:v>38155</c:v>
                </c:pt>
                <c:pt idx="1630">
                  <c:v>38156</c:v>
                </c:pt>
                <c:pt idx="1631">
                  <c:v>38157</c:v>
                </c:pt>
                <c:pt idx="1632">
                  <c:v>38158</c:v>
                </c:pt>
                <c:pt idx="1633">
                  <c:v>38159</c:v>
                </c:pt>
                <c:pt idx="1634">
                  <c:v>38160</c:v>
                </c:pt>
                <c:pt idx="1635">
                  <c:v>38161</c:v>
                </c:pt>
                <c:pt idx="1636">
                  <c:v>38162</c:v>
                </c:pt>
                <c:pt idx="1637">
                  <c:v>38163</c:v>
                </c:pt>
                <c:pt idx="1638">
                  <c:v>38164</c:v>
                </c:pt>
                <c:pt idx="1639">
                  <c:v>38165</c:v>
                </c:pt>
                <c:pt idx="1640">
                  <c:v>38166</c:v>
                </c:pt>
                <c:pt idx="1641">
                  <c:v>38167</c:v>
                </c:pt>
                <c:pt idx="1642">
                  <c:v>38168</c:v>
                </c:pt>
                <c:pt idx="1643">
                  <c:v>38169</c:v>
                </c:pt>
                <c:pt idx="1644">
                  <c:v>38170</c:v>
                </c:pt>
                <c:pt idx="1645">
                  <c:v>38171</c:v>
                </c:pt>
                <c:pt idx="1646">
                  <c:v>38172</c:v>
                </c:pt>
                <c:pt idx="1647">
                  <c:v>38173</c:v>
                </c:pt>
                <c:pt idx="1648">
                  <c:v>38174</c:v>
                </c:pt>
                <c:pt idx="1649">
                  <c:v>38175</c:v>
                </c:pt>
                <c:pt idx="1650">
                  <c:v>38176</c:v>
                </c:pt>
                <c:pt idx="1651">
                  <c:v>38177</c:v>
                </c:pt>
                <c:pt idx="1652">
                  <c:v>38178</c:v>
                </c:pt>
                <c:pt idx="1653">
                  <c:v>38179</c:v>
                </c:pt>
                <c:pt idx="1654">
                  <c:v>38180</c:v>
                </c:pt>
                <c:pt idx="1655">
                  <c:v>38181</c:v>
                </c:pt>
                <c:pt idx="1656">
                  <c:v>38182</c:v>
                </c:pt>
                <c:pt idx="1657">
                  <c:v>38183</c:v>
                </c:pt>
                <c:pt idx="1658">
                  <c:v>38184</c:v>
                </c:pt>
                <c:pt idx="1659">
                  <c:v>38185</c:v>
                </c:pt>
                <c:pt idx="1660">
                  <c:v>38186</c:v>
                </c:pt>
                <c:pt idx="1661">
                  <c:v>38187</c:v>
                </c:pt>
                <c:pt idx="1662">
                  <c:v>38188</c:v>
                </c:pt>
                <c:pt idx="1663">
                  <c:v>38189</c:v>
                </c:pt>
                <c:pt idx="1664">
                  <c:v>38190</c:v>
                </c:pt>
                <c:pt idx="1665">
                  <c:v>38191</c:v>
                </c:pt>
                <c:pt idx="1666">
                  <c:v>38192</c:v>
                </c:pt>
                <c:pt idx="1667">
                  <c:v>38193</c:v>
                </c:pt>
                <c:pt idx="1668">
                  <c:v>38194</c:v>
                </c:pt>
                <c:pt idx="1669">
                  <c:v>38195</c:v>
                </c:pt>
                <c:pt idx="1670">
                  <c:v>38196</c:v>
                </c:pt>
                <c:pt idx="1671">
                  <c:v>38197</c:v>
                </c:pt>
                <c:pt idx="1672">
                  <c:v>38198</c:v>
                </c:pt>
                <c:pt idx="1673">
                  <c:v>38199</c:v>
                </c:pt>
                <c:pt idx="1674">
                  <c:v>38200</c:v>
                </c:pt>
                <c:pt idx="1675">
                  <c:v>38201</c:v>
                </c:pt>
                <c:pt idx="1676">
                  <c:v>38202</c:v>
                </c:pt>
                <c:pt idx="1677">
                  <c:v>38203</c:v>
                </c:pt>
                <c:pt idx="1678">
                  <c:v>38204</c:v>
                </c:pt>
                <c:pt idx="1679">
                  <c:v>38205</c:v>
                </c:pt>
                <c:pt idx="1680">
                  <c:v>38206</c:v>
                </c:pt>
                <c:pt idx="1681">
                  <c:v>38207</c:v>
                </c:pt>
                <c:pt idx="1682">
                  <c:v>38208</c:v>
                </c:pt>
                <c:pt idx="1683">
                  <c:v>38209</c:v>
                </c:pt>
                <c:pt idx="1684">
                  <c:v>38210</c:v>
                </c:pt>
                <c:pt idx="1685">
                  <c:v>38211</c:v>
                </c:pt>
                <c:pt idx="1686">
                  <c:v>38212</c:v>
                </c:pt>
                <c:pt idx="1687">
                  <c:v>38213</c:v>
                </c:pt>
                <c:pt idx="1688">
                  <c:v>38214</c:v>
                </c:pt>
                <c:pt idx="1689">
                  <c:v>38215</c:v>
                </c:pt>
                <c:pt idx="1690">
                  <c:v>38216</c:v>
                </c:pt>
                <c:pt idx="1691">
                  <c:v>38217</c:v>
                </c:pt>
                <c:pt idx="1692">
                  <c:v>38218</c:v>
                </c:pt>
                <c:pt idx="1693">
                  <c:v>38219</c:v>
                </c:pt>
                <c:pt idx="1694">
                  <c:v>38220</c:v>
                </c:pt>
                <c:pt idx="1695">
                  <c:v>38221</c:v>
                </c:pt>
                <c:pt idx="1696">
                  <c:v>38222</c:v>
                </c:pt>
                <c:pt idx="1697">
                  <c:v>38223</c:v>
                </c:pt>
                <c:pt idx="1698">
                  <c:v>38224</c:v>
                </c:pt>
                <c:pt idx="1699">
                  <c:v>38225</c:v>
                </c:pt>
                <c:pt idx="1700">
                  <c:v>38226</c:v>
                </c:pt>
                <c:pt idx="1701">
                  <c:v>38227</c:v>
                </c:pt>
                <c:pt idx="1702">
                  <c:v>38228</c:v>
                </c:pt>
                <c:pt idx="1703">
                  <c:v>38229</c:v>
                </c:pt>
                <c:pt idx="1704">
                  <c:v>38230</c:v>
                </c:pt>
                <c:pt idx="1705">
                  <c:v>38231</c:v>
                </c:pt>
                <c:pt idx="1706">
                  <c:v>38232</c:v>
                </c:pt>
                <c:pt idx="1707">
                  <c:v>38233</c:v>
                </c:pt>
                <c:pt idx="1708">
                  <c:v>38234</c:v>
                </c:pt>
                <c:pt idx="1709">
                  <c:v>38235</c:v>
                </c:pt>
                <c:pt idx="1710">
                  <c:v>38236</c:v>
                </c:pt>
                <c:pt idx="1711">
                  <c:v>38237</c:v>
                </c:pt>
                <c:pt idx="1712">
                  <c:v>38238</c:v>
                </c:pt>
                <c:pt idx="1713">
                  <c:v>38239</c:v>
                </c:pt>
                <c:pt idx="1714">
                  <c:v>38240</c:v>
                </c:pt>
                <c:pt idx="1715">
                  <c:v>38241</c:v>
                </c:pt>
                <c:pt idx="1716">
                  <c:v>38242</c:v>
                </c:pt>
                <c:pt idx="1717">
                  <c:v>38243</c:v>
                </c:pt>
                <c:pt idx="1718">
                  <c:v>38244</c:v>
                </c:pt>
                <c:pt idx="1719">
                  <c:v>38245</c:v>
                </c:pt>
                <c:pt idx="1720">
                  <c:v>38246</c:v>
                </c:pt>
                <c:pt idx="1721">
                  <c:v>38247</c:v>
                </c:pt>
                <c:pt idx="1722">
                  <c:v>38248</c:v>
                </c:pt>
                <c:pt idx="1723">
                  <c:v>38249</c:v>
                </c:pt>
                <c:pt idx="1724">
                  <c:v>38250</c:v>
                </c:pt>
                <c:pt idx="1725">
                  <c:v>38251</c:v>
                </c:pt>
                <c:pt idx="1726">
                  <c:v>38252</c:v>
                </c:pt>
                <c:pt idx="1727">
                  <c:v>38253</c:v>
                </c:pt>
                <c:pt idx="1728">
                  <c:v>38254</c:v>
                </c:pt>
                <c:pt idx="1729">
                  <c:v>38255</c:v>
                </c:pt>
                <c:pt idx="1730">
                  <c:v>38256</c:v>
                </c:pt>
                <c:pt idx="1731">
                  <c:v>38257</c:v>
                </c:pt>
                <c:pt idx="1732">
                  <c:v>38258</c:v>
                </c:pt>
                <c:pt idx="1733">
                  <c:v>38259</c:v>
                </c:pt>
                <c:pt idx="1734">
                  <c:v>38260</c:v>
                </c:pt>
                <c:pt idx="1735">
                  <c:v>38261</c:v>
                </c:pt>
                <c:pt idx="1736">
                  <c:v>38262</c:v>
                </c:pt>
                <c:pt idx="1737">
                  <c:v>38263</c:v>
                </c:pt>
                <c:pt idx="1738">
                  <c:v>38264</c:v>
                </c:pt>
                <c:pt idx="1739">
                  <c:v>38265</c:v>
                </c:pt>
                <c:pt idx="1740">
                  <c:v>38266</c:v>
                </c:pt>
                <c:pt idx="1741">
                  <c:v>38267</c:v>
                </c:pt>
                <c:pt idx="1742">
                  <c:v>38268</c:v>
                </c:pt>
                <c:pt idx="1743">
                  <c:v>38269</c:v>
                </c:pt>
                <c:pt idx="1744">
                  <c:v>38270</c:v>
                </c:pt>
                <c:pt idx="1745">
                  <c:v>38271</c:v>
                </c:pt>
                <c:pt idx="1746">
                  <c:v>38272</c:v>
                </c:pt>
                <c:pt idx="1747">
                  <c:v>38273</c:v>
                </c:pt>
                <c:pt idx="1748">
                  <c:v>38274</c:v>
                </c:pt>
                <c:pt idx="1749">
                  <c:v>38275</c:v>
                </c:pt>
                <c:pt idx="1750">
                  <c:v>38276</c:v>
                </c:pt>
                <c:pt idx="1751">
                  <c:v>38277</c:v>
                </c:pt>
                <c:pt idx="1752">
                  <c:v>38278</c:v>
                </c:pt>
                <c:pt idx="1753">
                  <c:v>38279</c:v>
                </c:pt>
                <c:pt idx="1754">
                  <c:v>38280</c:v>
                </c:pt>
                <c:pt idx="1755">
                  <c:v>38281</c:v>
                </c:pt>
                <c:pt idx="1756">
                  <c:v>38282</c:v>
                </c:pt>
                <c:pt idx="1757">
                  <c:v>38283</c:v>
                </c:pt>
                <c:pt idx="1758">
                  <c:v>38284</c:v>
                </c:pt>
                <c:pt idx="1759">
                  <c:v>38285</c:v>
                </c:pt>
                <c:pt idx="1760">
                  <c:v>38286</c:v>
                </c:pt>
                <c:pt idx="1761">
                  <c:v>38287</c:v>
                </c:pt>
                <c:pt idx="1762">
                  <c:v>38288</c:v>
                </c:pt>
                <c:pt idx="1763">
                  <c:v>38289</c:v>
                </c:pt>
                <c:pt idx="1764">
                  <c:v>38290</c:v>
                </c:pt>
                <c:pt idx="1765">
                  <c:v>38291</c:v>
                </c:pt>
                <c:pt idx="1766">
                  <c:v>38292</c:v>
                </c:pt>
                <c:pt idx="1767">
                  <c:v>38293</c:v>
                </c:pt>
                <c:pt idx="1768">
                  <c:v>38294</c:v>
                </c:pt>
                <c:pt idx="1769">
                  <c:v>38295</c:v>
                </c:pt>
                <c:pt idx="1770">
                  <c:v>38296</c:v>
                </c:pt>
                <c:pt idx="1771">
                  <c:v>38297</c:v>
                </c:pt>
                <c:pt idx="1772">
                  <c:v>38298</c:v>
                </c:pt>
                <c:pt idx="1773">
                  <c:v>38299</c:v>
                </c:pt>
                <c:pt idx="1774">
                  <c:v>38300</c:v>
                </c:pt>
                <c:pt idx="1775">
                  <c:v>38301</c:v>
                </c:pt>
                <c:pt idx="1776">
                  <c:v>38302</c:v>
                </c:pt>
                <c:pt idx="1777">
                  <c:v>38303</c:v>
                </c:pt>
                <c:pt idx="1778">
                  <c:v>38304</c:v>
                </c:pt>
                <c:pt idx="1779">
                  <c:v>38305</c:v>
                </c:pt>
                <c:pt idx="1780">
                  <c:v>38306</c:v>
                </c:pt>
                <c:pt idx="1781">
                  <c:v>38307</c:v>
                </c:pt>
                <c:pt idx="1782">
                  <c:v>38308</c:v>
                </c:pt>
                <c:pt idx="1783">
                  <c:v>38309</c:v>
                </c:pt>
                <c:pt idx="1784">
                  <c:v>38310</c:v>
                </c:pt>
                <c:pt idx="1785">
                  <c:v>38311</c:v>
                </c:pt>
                <c:pt idx="1786">
                  <c:v>38312</c:v>
                </c:pt>
                <c:pt idx="1787">
                  <c:v>38313</c:v>
                </c:pt>
                <c:pt idx="1788">
                  <c:v>38314</c:v>
                </c:pt>
                <c:pt idx="1789">
                  <c:v>38315</c:v>
                </c:pt>
                <c:pt idx="1790">
                  <c:v>38316</c:v>
                </c:pt>
                <c:pt idx="1791">
                  <c:v>38317</c:v>
                </c:pt>
                <c:pt idx="1792">
                  <c:v>38318</c:v>
                </c:pt>
                <c:pt idx="1793">
                  <c:v>38319</c:v>
                </c:pt>
                <c:pt idx="1794">
                  <c:v>38320</c:v>
                </c:pt>
                <c:pt idx="1795">
                  <c:v>38321</c:v>
                </c:pt>
                <c:pt idx="1796">
                  <c:v>38322</c:v>
                </c:pt>
                <c:pt idx="1797">
                  <c:v>38323</c:v>
                </c:pt>
                <c:pt idx="1798">
                  <c:v>38324</c:v>
                </c:pt>
                <c:pt idx="1799">
                  <c:v>38325</c:v>
                </c:pt>
                <c:pt idx="1800">
                  <c:v>38326</c:v>
                </c:pt>
                <c:pt idx="1801">
                  <c:v>38327</c:v>
                </c:pt>
                <c:pt idx="1802">
                  <c:v>38328</c:v>
                </c:pt>
                <c:pt idx="1803">
                  <c:v>38329</c:v>
                </c:pt>
                <c:pt idx="1804">
                  <c:v>38330</c:v>
                </c:pt>
                <c:pt idx="1805">
                  <c:v>38331</c:v>
                </c:pt>
                <c:pt idx="1806">
                  <c:v>38332</c:v>
                </c:pt>
                <c:pt idx="1807">
                  <c:v>38333</c:v>
                </c:pt>
                <c:pt idx="1808">
                  <c:v>38334</c:v>
                </c:pt>
                <c:pt idx="1809">
                  <c:v>38335</c:v>
                </c:pt>
                <c:pt idx="1810">
                  <c:v>38336</c:v>
                </c:pt>
                <c:pt idx="1811">
                  <c:v>38337</c:v>
                </c:pt>
                <c:pt idx="1812">
                  <c:v>38338</c:v>
                </c:pt>
                <c:pt idx="1813">
                  <c:v>38339</c:v>
                </c:pt>
                <c:pt idx="1814">
                  <c:v>38340</c:v>
                </c:pt>
                <c:pt idx="1815">
                  <c:v>38341</c:v>
                </c:pt>
                <c:pt idx="1816">
                  <c:v>38342</c:v>
                </c:pt>
                <c:pt idx="1817">
                  <c:v>38343</c:v>
                </c:pt>
                <c:pt idx="1818">
                  <c:v>38344</c:v>
                </c:pt>
                <c:pt idx="1819">
                  <c:v>38345</c:v>
                </c:pt>
                <c:pt idx="1820">
                  <c:v>38346</c:v>
                </c:pt>
                <c:pt idx="1821">
                  <c:v>38347</c:v>
                </c:pt>
                <c:pt idx="1822">
                  <c:v>38348</c:v>
                </c:pt>
                <c:pt idx="1823">
                  <c:v>38349</c:v>
                </c:pt>
                <c:pt idx="1824">
                  <c:v>38350</c:v>
                </c:pt>
                <c:pt idx="1825">
                  <c:v>38351</c:v>
                </c:pt>
                <c:pt idx="1826">
                  <c:v>38352</c:v>
                </c:pt>
                <c:pt idx="1827">
                  <c:v>38353</c:v>
                </c:pt>
                <c:pt idx="1828">
                  <c:v>38354</c:v>
                </c:pt>
                <c:pt idx="1829">
                  <c:v>38355</c:v>
                </c:pt>
                <c:pt idx="1830">
                  <c:v>38356</c:v>
                </c:pt>
                <c:pt idx="1831">
                  <c:v>38357</c:v>
                </c:pt>
                <c:pt idx="1832">
                  <c:v>38358</c:v>
                </c:pt>
                <c:pt idx="1833">
                  <c:v>38359</c:v>
                </c:pt>
                <c:pt idx="1834">
                  <c:v>38360</c:v>
                </c:pt>
                <c:pt idx="1835">
                  <c:v>38361</c:v>
                </c:pt>
                <c:pt idx="1836">
                  <c:v>38362</c:v>
                </c:pt>
                <c:pt idx="1837">
                  <c:v>38363</c:v>
                </c:pt>
                <c:pt idx="1838">
                  <c:v>38364</c:v>
                </c:pt>
                <c:pt idx="1839">
                  <c:v>38365</c:v>
                </c:pt>
                <c:pt idx="1840">
                  <c:v>38366</c:v>
                </c:pt>
                <c:pt idx="1841">
                  <c:v>38367</c:v>
                </c:pt>
                <c:pt idx="1842">
                  <c:v>38368</c:v>
                </c:pt>
                <c:pt idx="1843">
                  <c:v>38369</c:v>
                </c:pt>
                <c:pt idx="1844">
                  <c:v>38370</c:v>
                </c:pt>
                <c:pt idx="1845">
                  <c:v>38371</c:v>
                </c:pt>
                <c:pt idx="1846">
                  <c:v>38372</c:v>
                </c:pt>
                <c:pt idx="1847">
                  <c:v>38373</c:v>
                </c:pt>
                <c:pt idx="1848">
                  <c:v>38374</c:v>
                </c:pt>
                <c:pt idx="1849">
                  <c:v>38375</c:v>
                </c:pt>
                <c:pt idx="1850">
                  <c:v>38376</c:v>
                </c:pt>
                <c:pt idx="1851">
                  <c:v>38377</c:v>
                </c:pt>
                <c:pt idx="1852">
                  <c:v>38378</c:v>
                </c:pt>
                <c:pt idx="1853">
                  <c:v>38379</c:v>
                </c:pt>
                <c:pt idx="1854">
                  <c:v>38380</c:v>
                </c:pt>
                <c:pt idx="1855">
                  <c:v>38381</c:v>
                </c:pt>
                <c:pt idx="1856">
                  <c:v>38382</c:v>
                </c:pt>
                <c:pt idx="1857">
                  <c:v>38383</c:v>
                </c:pt>
                <c:pt idx="1858">
                  <c:v>38384</c:v>
                </c:pt>
                <c:pt idx="1859">
                  <c:v>38385</c:v>
                </c:pt>
                <c:pt idx="1860">
                  <c:v>38386</c:v>
                </c:pt>
                <c:pt idx="1861">
                  <c:v>38387</c:v>
                </c:pt>
                <c:pt idx="1862">
                  <c:v>38388</c:v>
                </c:pt>
                <c:pt idx="1863">
                  <c:v>38389</c:v>
                </c:pt>
                <c:pt idx="1864">
                  <c:v>38390</c:v>
                </c:pt>
                <c:pt idx="1865">
                  <c:v>38391</c:v>
                </c:pt>
                <c:pt idx="1866">
                  <c:v>38392</c:v>
                </c:pt>
                <c:pt idx="1867">
                  <c:v>38393</c:v>
                </c:pt>
                <c:pt idx="1868">
                  <c:v>38394</c:v>
                </c:pt>
                <c:pt idx="1869">
                  <c:v>38395</c:v>
                </c:pt>
                <c:pt idx="1870">
                  <c:v>38396</c:v>
                </c:pt>
                <c:pt idx="1871">
                  <c:v>38397</c:v>
                </c:pt>
                <c:pt idx="1872">
                  <c:v>38398</c:v>
                </c:pt>
                <c:pt idx="1873">
                  <c:v>38399</c:v>
                </c:pt>
                <c:pt idx="1874">
                  <c:v>38400</c:v>
                </c:pt>
                <c:pt idx="1875">
                  <c:v>38401</c:v>
                </c:pt>
                <c:pt idx="1876">
                  <c:v>38402</c:v>
                </c:pt>
                <c:pt idx="1877">
                  <c:v>38403</c:v>
                </c:pt>
                <c:pt idx="1878">
                  <c:v>38404</c:v>
                </c:pt>
                <c:pt idx="1879">
                  <c:v>38405</c:v>
                </c:pt>
                <c:pt idx="1880">
                  <c:v>38406</c:v>
                </c:pt>
                <c:pt idx="1881">
                  <c:v>38407</c:v>
                </c:pt>
                <c:pt idx="1882">
                  <c:v>38408</c:v>
                </c:pt>
                <c:pt idx="1883">
                  <c:v>38409</c:v>
                </c:pt>
                <c:pt idx="1884">
                  <c:v>38410</c:v>
                </c:pt>
                <c:pt idx="1885">
                  <c:v>38411</c:v>
                </c:pt>
                <c:pt idx="1886">
                  <c:v>38412</c:v>
                </c:pt>
                <c:pt idx="1887">
                  <c:v>38413</c:v>
                </c:pt>
                <c:pt idx="1888">
                  <c:v>38414</c:v>
                </c:pt>
                <c:pt idx="1889">
                  <c:v>38415</c:v>
                </c:pt>
                <c:pt idx="1890">
                  <c:v>38416</c:v>
                </c:pt>
                <c:pt idx="1891">
                  <c:v>38417</c:v>
                </c:pt>
                <c:pt idx="1892">
                  <c:v>38418</c:v>
                </c:pt>
                <c:pt idx="1893">
                  <c:v>38419</c:v>
                </c:pt>
                <c:pt idx="1894">
                  <c:v>38420</c:v>
                </c:pt>
                <c:pt idx="1895">
                  <c:v>38421</c:v>
                </c:pt>
                <c:pt idx="1896">
                  <c:v>38422</c:v>
                </c:pt>
                <c:pt idx="1897">
                  <c:v>38423</c:v>
                </c:pt>
                <c:pt idx="1898">
                  <c:v>38424</c:v>
                </c:pt>
                <c:pt idx="1899">
                  <c:v>38425</c:v>
                </c:pt>
                <c:pt idx="1900">
                  <c:v>38426</c:v>
                </c:pt>
                <c:pt idx="1901">
                  <c:v>38427</c:v>
                </c:pt>
                <c:pt idx="1902">
                  <c:v>38428</c:v>
                </c:pt>
                <c:pt idx="1903">
                  <c:v>38429</c:v>
                </c:pt>
                <c:pt idx="1904">
                  <c:v>38430</c:v>
                </c:pt>
                <c:pt idx="1905">
                  <c:v>38431</c:v>
                </c:pt>
                <c:pt idx="1906">
                  <c:v>38432</c:v>
                </c:pt>
                <c:pt idx="1907">
                  <c:v>38433</c:v>
                </c:pt>
                <c:pt idx="1908">
                  <c:v>38434</c:v>
                </c:pt>
                <c:pt idx="1909">
                  <c:v>38435</c:v>
                </c:pt>
                <c:pt idx="1910">
                  <c:v>38436</c:v>
                </c:pt>
                <c:pt idx="1911">
                  <c:v>38437</c:v>
                </c:pt>
                <c:pt idx="1912">
                  <c:v>38438</c:v>
                </c:pt>
                <c:pt idx="1913">
                  <c:v>38439</c:v>
                </c:pt>
                <c:pt idx="1914">
                  <c:v>38440</c:v>
                </c:pt>
                <c:pt idx="1915">
                  <c:v>38441</c:v>
                </c:pt>
                <c:pt idx="1916">
                  <c:v>38442</c:v>
                </c:pt>
                <c:pt idx="1917">
                  <c:v>38443</c:v>
                </c:pt>
                <c:pt idx="1918">
                  <c:v>38444</c:v>
                </c:pt>
                <c:pt idx="1919">
                  <c:v>38445</c:v>
                </c:pt>
                <c:pt idx="1920">
                  <c:v>38446</c:v>
                </c:pt>
                <c:pt idx="1921">
                  <c:v>38447</c:v>
                </c:pt>
                <c:pt idx="1922">
                  <c:v>38448</c:v>
                </c:pt>
                <c:pt idx="1923">
                  <c:v>38449</c:v>
                </c:pt>
                <c:pt idx="1924">
                  <c:v>38450</c:v>
                </c:pt>
                <c:pt idx="1925">
                  <c:v>38451</c:v>
                </c:pt>
                <c:pt idx="1926">
                  <c:v>38452</c:v>
                </c:pt>
                <c:pt idx="1927">
                  <c:v>38453</c:v>
                </c:pt>
                <c:pt idx="1928">
                  <c:v>38454</c:v>
                </c:pt>
                <c:pt idx="1929">
                  <c:v>38455</c:v>
                </c:pt>
                <c:pt idx="1930">
                  <c:v>38456</c:v>
                </c:pt>
                <c:pt idx="1931">
                  <c:v>38457</c:v>
                </c:pt>
                <c:pt idx="1932">
                  <c:v>38458</c:v>
                </c:pt>
                <c:pt idx="1933">
                  <c:v>38459</c:v>
                </c:pt>
                <c:pt idx="1934">
                  <c:v>38460</c:v>
                </c:pt>
                <c:pt idx="1935">
                  <c:v>38461</c:v>
                </c:pt>
                <c:pt idx="1936">
                  <c:v>38462</c:v>
                </c:pt>
                <c:pt idx="1937">
                  <c:v>38463</c:v>
                </c:pt>
                <c:pt idx="1938">
                  <c:v>38464</c:v>
                </c:pt>
                <c:pt idx="1939">
                  <c:v>38465</c:v>
                </c:pt>
                <c:pt idx="1940">
                  <c:v>38466</c:v>
                </c:pt>
                <c:pt idx="1941">
                  <c:v>38467</c:v>
                </c:pt>
                <c:pt idx="1942">
                  <c:v>38468</c:v>
                </c:pt>
                <c:pt idx="1943">
                  <c:v>38469</c:v>
                </c:pt>
                <c:pt idx="1944">
                  <c:v>38470</c:v>
                </c:pt>
                <c:pt idx="1945">
                  <c:v>38471</c:v>
                </c:pt>
                <c:pt idx="1946">
                  <c:v>38472</c:v>
                </c:pt>
                <c:pt idx="1947">
                  <c:v>38473</c:v>
                </c:pt>
                <c:pt idx="1948">
                  <c:v>38474</c:v>
                </c:pt>
                <c:pt idx="1949">
                  <c:v>38475</c:v>
                </c:pt>
                <c:pt idx="1950">
                  <c:v>38476</c:v>
                </c:pt>
                <c:pt idx="1951">
                  <c:v>38477</c:v>
                </c:pt>
                <c:pt idx="1952">
                  <c:v>38478</c:v>
                </c:pt>
                <c:pt idx="1953">
                  <c:v>38479</c:v>
                </c:pt>
                <c:pt idx="1954">
                  <c:v>38480</c:v>
                </c:pt>
                <c:pt idx="1955">
                  <c:v>38481</c:v>
                </c:pt>
                <c:pt idx="1956">
                  <c:v>38482</c:v>
                </c:pt>
                <c:pt idx="1957">
                  <c:v>38483</c:v>
                </c:pt>
                <c:pt idx="1958">
                  <c:v>38484</c:v>
                </c:pt>
                <c:pt idx="1959">
                  <c:v>38485</c:v>
                </c:pt>
                <c:pt idx="1960">
                  <c:v>38486</c:v>
                </c:pt>
                <c:pt idx="1961">
                  <c:v>38487</c:v>
                </c:pt>
                <c:pt idx="1962">
                  <c:v>38488</c:v>
                </c:pt>
                <c:pt idx="1963">
                  <c:v>38489</c:v>
                </c:pt>
                <c:pt idx="1964">
                  <c:v>38490</c:v>
                </c:pt>
                <c:pt idx="1965">
                  <c:v>38491</c:v>
                </c:pt>
                <c:pt idx="1966">
                  <c:v>38492</c:v>
                </c:pt>
                <c:pt idx="1967">
                  <c:v>38493</c:v>
                </c:pt>
                <c:pt idx="1968">
                  <c:v>38494</c:v>
                </c:pt>
                <c:pt idx="1969">
                  <c:v>38495</c:v>
                </c:pt>
                <c:pt idx="1970">
                  <c:v>38496</c:v>
                </c:pt>
                <c:pt idx="1971">
                  <c:v>38497</c:v>
                </c:pt>
                <c:pt idx="1972">
                  <c:v>38498</c:v>
                </c:pt>
                <c:pt idx="1973">
                  <c:v>38499</c:v>
                </c:pt>
                <c:pt idx="1974">
                  <c:v>38500</c:v>
                </c:pt>
                <c:pt idx="1975">
                  <c:v>38501</c:v>
                </c:pt>
                <c:pt idx="1976">
                  <c:v>38502</c:v>
                </c:pt>
                <c:pt idx="1977">
                  <c:v>38503</c:v>
                </c:pt>
                <c:pt idx="1978">
                  <c:v>38504</c:v>
                </c:pt>
                <c:pt idx="1979">
                  <c:v>38505</c:v>
                </c:pt>
                <c:pt idx="1980">
                  <c:v>38506</c:v>
                </c:pt>
                <c:pt idx="1981">
                  <c:v>38507</c:v>
                </c:pt>
                <c:pt idx="1982">
                  <c:v>38508</c:v>
                </c:pt>
                <c:pt idx="1983">
                  <c:v>38509</c:v>
                </c:pt>
                <c:pt idx="1984">
                  <c:v>38510</c:v>
                </c:pt>
                <c:pt idx="1985">
                  <c:v>38511</c:v>
                </c:pt>
                <c:pt idx="1986">
                  <c:v>38512</c:v>
                </c:pt>
                <c:pt idx="1987">
                  <c:v>38513</c:v>
                </c:pt>
                <c:pt idx="1988">
                  <c:v>38514</c:v>
                </c:pt>
                <c:pt idx="1989">
                  <c:v>38515</c:v>
                </c:pt>
                <c:pt idx="1990">
                  <c:v>38516</c:v>
                </c:pt>
                <c:pt idx="1991">
                  <c:v>38517</c:v>
                </c:pt>
                <c:pt idx="1992">
                  <c:v>38518</c:v>
                </c:pt>
                <c:pt idx="1993">
                  <c:v>38519</c:v>
                </c:pt>
                <c:pt idx="1994">
                  <c:v>38520</c:v>
                </c:pt>
                <c:pt idx="1995">
                  <c:v>38521</c:v>
                </c:pt>
                <c:pt idx="1996">
                  <c:v>38522</c:v>
                </c:pt>
                <c:pt idx="1997">
                  <c:v>38523</c:v>
                </c:pt>
                <c:pt idx="1998">
                  <c:v>38524</c:v>
                </c:pt>
                <c:pt idx="1999">
                  <c:v>38525</c:v>
                </c:pt>
                <c:pt idx="2000">
                  <c:v>38526</c:v>
                </c:pt>
                <c:pt idx="2001">
                  <c:v>38527</c:v>
                </c:pt>
                <c:pt idx="2002">
                  <c:v>38528</c:v>
                </c:pt>
                <c:pt idx="2003">
                  <c:v>38529</c:v>
                </c:pt>
                <c:pt idx="2004">
                  <c:v>38530</c:v>
                </c:pt>
                <c:pt idx="2005">
                  <c:v>38531</c:v>
                </c:pt>
                <c:pt idx="2006">
                  <c:v>38532</c:v>
                </c:pt>
                <c:pt idx="2007">
                  <c:v>38533</c:v>
                </c:pt>
                <c:pt idx="2008">
                  <c:v>38534</c:v>
                </c:pt>
                <c:pt idx="2009">
                  <c:v>38535</c:v>
                </c:pt>
                <c:pt idx="2010">
                  <c:v>38536</c:v>
                </c:pt>
                <c:pt idx="2011">
                  <c:v>38537</c:v>
                </c:pt>
                <c:pt idx="2012">
                  <c:v>38538</c:v>
                </c:pt>
                <c:pt idx="2013">
                  <c:v>38539</c:v>
                </c:pt>
                <c:pt idx="2014">
                  <c:v>38540</c:v>
                </c:pt>
                <c:pt idx="2015">
                  <c:v>38541</c:v>
                </c:pt>
                <c:pt idx="2016">
                  <c:v>38542</c:v>
                </c:pt>
                <c:pt idx="2017">
                  <c:v>38543</c:v>
                </c:pt>
                <c:pt idx="2018">
                  <c:v>38544</c:v>
                </c:pt>
                <c:pt idx="2019">
                  <c:v>38545</c:v>
                </c:pt>
                <c:pt idx="2020">
                  <c:v>38546</c:v>
                </c:pt>
                <c:pt idx="2021">
                  <c:v>38547</c:v>
                </c:pt>
                <c:pt idx="2022">
                  <c:v>38548</c:v>
                </c:pt>
                <c:pt idx="2023">
                  <c:v>38549</c:v>
                </c:pt>
                <c:pt idx="2024">
                  <c:v>38550</c:v>
                </c:pt>
                <c:pt idx="2025">
                  <c:v>38551</c:v>
                </c:pt>
                <c:pt idx="2026">
                  <c:v>38552</c:v>
                </c:pt>
                <c:pt idx="2027">
                  <c:v>38553</c:v>
                </c:pt>
                <c:pt idx="2028">
                  <c:v>38554</c:v>
                </c:pt>
                <c:pt idx="2029">
                  <c:v>38555</c:v>
                </c:pt>
                <c:pt idx="2030">
                  <c:v>38556</c:v>
                </c:pt>
                <c:pt idx="2031">
                  <c:v>38557</c:v>
                </c:pt>
                <c:pt idx="2032">
                  <c:v>38558</c:v>
                </c:pt>
                <c:pt idx="2033">
                  <c:v>38559</c:v>
                </c:pt>
                <c:pt idx="2034">
                  <c:v>38560</c:v>
                </c:pt>
                <c:pt idx="2035">
                  <c:v>38561</c:v>
                </c:pt>
                <c:pt idx="2036">
                  <c:v>38562</c:v>
                </c:pt>
                <c:pt idx="2037">
                  <c:v>38563</c:v>
                </c:pt>
                <c:pt idx="2038">
                  <c:v>38564</c:v>
                </c:pt>
                <c:pt idx="2039">
                  <c:v>38565</c:v>
                </c:pt>
                <c:pt idx="2040">
                  <c:v>38566</c:v>
                </c:pt>
                <c:pt idx="2041">
                  <c:v>38567</c:v>
                </c:pt>
                <c:pt idx="2042">
                  <c:v>38568</c:v>
                </c:pt>
                <c:pt idx="2043">
                  <c:v>38569</c:v>
                </c:pt>
                <c:pt idx="2044">
                  <c:v>38570</c:v>
                </c:pt>
                <c:pt idx="2045">
                  <c:v>38571</c:v>
                </c:pt>
                <c:pt idx="2046">
                  <c:v>38572</c:v>
                </c:pt>
                <c:pt idx="2047">
                  <c:v>38573</c:v>
                </c:pt>
                <c:pt idx="2048">
                  <c:v>38574</c:v>
                </c:pt>
                <c:pt idx="2049">
                  <c:v>38575</c:v>
                </c:pt>
                <c:pt idx="2050">
                  <c:v>38576</c:v>
                </c:pt>
                <c:pt idx="2051">
                  <c:v>38577</c:v>
                </c:pt>
                <c:pt idx="2052">
                  <c:v>38578</c:v>
                </c:pt>
                <c:pt idx="2053">
                  <c:v>38579</c:v>
                </c:pt>
                <c:pt idx="2054">
                  <c:v>38580</c:v>
                </c:pt>
                <c:pt idx="2055">
                  <c:v>38581</c:v>
                </c:pt>
                <c:pt idx="2056">
                  <c:v>38582</c:v>
                </c:pt>
                <c:pt idx="2057">
                  <c:v>38583</c:v>
                </c:pt>
                <c:pt idx="2058">
                  <c:v>38584</c:v>
                </c:pt>
                <c:pt idx="2059">
                  <c:v>38585</c:v>
                </c:pt>
                <c:pt idx="2060">
                  <c:v>38586</c:v>
                </c:pt>
                <c:pt idx="2061">
                  <c:v>38587</c:v>
                </c:pt>
                <c:pt idx="2062">
                  <c:v>38588</c:v>
                </c:pt>
                <c:pt idx="2063">
                  <c:v>38589</c:v>
                </c:pt>
                <c:pt idx="2064">
                  <c:v>38590</c:v>
                </c:pt>
                <c:pt idx="2065">
                  <c:v>38591</c:v>
                </c:pt>
                <c:pt idx="2066">
                  <c:v>38592</c:v>
                </c:pt>
                <c:pt idx="2067">
                  <c:v>38593</c:v>
                </c:pt>
                <c:pt idx="2068">
                  <c:v>38594</c:v>
                </c:pt>
                <c:pt idx="2069">
                  <c:v>38595</c:v>
                </c:pt>
                <c:pt idx="2070">
                  <c:v>38596</c:v>
                </c:pt>
                <c:pt idx="2071">
                  <c:v>38597</c:v>
                </c:pt>
                <c:pt idx="2072">
                  <c:v>38598</c:v>
                </c:pt>
                <c:pt idx="2073">
                  <c:v>38599</c:v>
                </c:pt>
                <c:pt idx="2074">
                  <c:v>38600</c:v>
                </c:pt>
                <c:pt idx="2075">
                  <c:v>38601</c:v>
                </c:pt>
                <c:pt idx="2076">
                  <c:v>38602</c:v>
                </c:pt>
                <c:pt idx="2077">
                  <c:v>38603</c:v>
                </c:pt>
                <c:pt idx="2078">
                  <c:v>38604</c:v>
                </c:pt>
                <c:pt idx="2079">
                  <c:v>38605</c:v>
                </c:pt>
                <c:pt idx="2080">
                  <c:v>38606</c:v>
                </c:pt>
                <c:pt idx="2081">
                  <c:v>38607</c:v>
                </c:pt>
                <c:pt idx="2082">
                  <c:v>38608</c:v>
                </c:pt>
                <c:pt idx="2083">
                  <c:v>38609</c:v>
                </c:pt>
                <c:pt idx="2084">
                  <c:v>38610</c:v>
                </c:pt>
                <c:pt idx="2085">
                  <c:v>38611</c:v>
                </c:pt>
                <c:pt idx="2086">
                  <c:v>38612</c:v>
                </c:pt>
                <c:pt idx="2087">
                  <c:v>38613</c:v>
                </c:pt>
                <c:pt idx="2088">
                  <c:v>38614</c:v>
                </c:pt>
                <c:pt idx="2089">
                  <c:v>38615</c:v>
                </c:pt>
                <c:pt idx="2090">
                  <c:v>38616</c:v>
                </c:pt>
                <c:pt idx="2091">
                  <c:v>38617</c:v>
                </c:pt>
                <c:pt idx="2092">
                  <c:v>38618</c:v>
                </c:pt>
                <c:pt idx="2093">
                  <c:v>38619</c:v>
                </c:pt>
                <c:pt idx="2094">
                  <c:v>38620</c:v>
                </c:pt>
                <c:pt idx="2095">
                  <c:v>38621</c:v>
                </c:pt>
                <c:pt idx="2096">
                  <c:v>38622</c:v>
                </c:pt>
                <c:pt idx="2097">
                  <c:v>38623</c:v>
                </c:pt>
                <c:pt idx="2098">
                  <c:v>38624</c:v>
                </c:pt>
                <c:pt idx="2099">
                  <c:v>38625</c:v>
                </c:pt>
                <c:pt idx="2100">
                  <c:v>38626</c:v>
                </c:pt>
                <c:pt idx="2101">
                  <c:v>38627</c:v>
                </c:pt>
                <c:pt idx="2102">
                  <c:v>38628</c:v>
                </c:pt>
                <c:pt idx="2103">
                  <c:v>38629</c:v>
                </c:pt>
                <c:pt idx="2104">
                  <c:v>38630</c:v>
                </c:pt>
                <c:pt idx="2105">
                  <c:v>38631</c:v>
                </c:pt>
                <c:pt idx="2106">
                  <c:v>38632</c:v>
                </c:pt>
                <c:pt idx="2107">
                  <c:v>38633</c:v>
                </c:pt>
                <c:pt idx="2108">
                  <c:v>38634</c:v>
                </c:pt>
                <c:pt idx="2109">
                  <c:v>38635</c:v>
                </c:pt>
                <c:pt idx="2110">
                  <c:v>38636</c:v>
                </c:pt>
                <c:pt idx="2111">
                  <c:v>38637</c:v>
                </c:pt>
                <c:pt idx="2112">
                  <c:v>38638</c:v>
                </c:pt>
                <c:pt idx="2113">
                  <c:v>38639</c:v>
                </c:pt>
                <c:pt idx="2114">
                  <c:v>38640</c:v>
                </c:pt>
                <c:pt idx="2115">
                  <c:v>38641</c:v>
                </c:pt>
                <c:pt idx="2116">
                  <c:v>38642</c:v>
                </c:pt>
                <c:pt idx="2117">
                  <c:v>38643</c:v>
                </c:pt>
                <c:pt idx="2118">
                  <c:v>38644</c:v>
                </c:pt>
                <c:pt idx="2119">
                  <c:v>38645</c:v>
                </c:pt>
                <c:pt idx="2120">
                  <c:v>38646</c:v>
                </c:pt>
                <c:pt idx="2121">
                  <c:v>38647</c:v>
                </c:pt>
                <c:pt idx="2122">
                  <c:v>38648</c:v>
                </c:pt>
                <c:pt idx="2123">
                  <c:v>38649</c:v>
                </c:pt>
                <c:pt idx="2124">
                  <c:v>38650</c:v>
                </c:pt>
                <c:pt idx="2125">
                  <c:v>38651</c:v>
                </c:pt>
                <c:pt idx="2126">
                  <c:v>38652</c:v>
                </c:pt>
                <c:pt idx="2127">
                  <c:v>38653</c:v>
                </c:pt>
                <c:pt idx="2128">
                  <c:v>38654</c:v>
                </c:pt>
                <c:pt idx="2129">
                  <c:v>38655</c:v>
                </c:pt>
                <c:pt idx="2130">
                  <c:v>38656</c:v>
                </c:pt>
                <c:pt idx="2131">
                  <c:v>38657</c:v>
                </c:pt>
                <c:pt idx="2132">
                  <c:v>38658</c:v>
                </c:pt>
                <c:pt idx="2133">
                  <c:v>38659</c:v>
                </c:pt>
                <c:pt idx="2134">
                  <c:v>38660</c:v>
                </c:pt>
                <c:pt idx="2135">
                  <c:v>38661</c:v>
                </c:pt>
                <c:pt idx="2136">
                  <c:v>38662</c:v>
                </c:pt>
                <c:pt idx="2137">
                  <c:v>38663</c:v>
                </c:pt>
                <c:pt idx="2138">
                  <c:v>38664</c:v>
                </c:pt>
                <c:pt idx="2139">
                  <c:v>38665</c:v>
                </c:pt>
                <c:pt idx="2140">
                  <c:v>38666</c:v>
                </c:pt>
                <c:pt idx="2141">
                  <c:v>38667</c:v>
                </c:pt>
                <c:pt idx="2142">
                  <c:v>38668</c:v>
                </c:pt>
                <c:pt idx="2143">
                  <c:v>38669</c:v>
                </c:pt>
                <c:pt idx="2144">
                  <c:v>38670</c:v>
                </c:pt>
                <c:pt idx="2145">
                  <c:v>38671</c:v>
                </c:pt>
                <c:pt idx="2146">
                  <c:v>38672</c:v>
                </c:pt>
                <c:pt idx="2147">
                  <c:v>38673</c:v>
                </c:pt>
                <c:pt idx="2148">
                  <c:v>38674</c:v>
                </c:pt>
                <c:pt idx="2149">
                  <c:v>38675</c:v>
                </c:pt>
                <c:pt idx="2150">
                  <c:v>38676</c:v>
                </c:pt>
                <c:pt idx="2151">
                  <c:v>38677</c:v>
                </c:pt>
                <c:pt idx="2152">
                  <c:v>38678</c:v>
                </c:pt>
                <c:pt idx="2153">
                  <c:v>38679</c:v>
                </c:pt>
                <c:pt idx="2154">
                  <c:v>38680</c:v>
                </c:pt>
                <c:pt idx="2155">
                  <c:v>38681</c:v>
                </c:pt>
                <c:pt idx="2156">
                  <c:v>38682</c:v>
                </c:pt>
                <c:pt idx="2157">
                  <c:v>38683</c:v>
                </c:pt>
                <c:pt idx="2158">
                  <c:v>38684</c:v>
                </c:pt>
                <c:pt idx="2159">
                  <c:v>38685</c:v>
                </c:pt>
                <c:pt idx="2160">
                  <c:v>38686</c:v>
                </c:pt>
                <c:pt idx="2161">
                  <c:v>38687</c:v>
                </c:pt>
                <c:pt idx="2162">
                  <c:v>38688</c:v>
                </c:pt>
                <c:pt idx="2163">
                  <c:v>38689</c:v>
                </c:pt>
                <c:pt idx="2164">
                  <c:v>38690</c:v>
                </c:pt>
                <c:pt idx="2165">
                  <c:v>38691</c:v>
                </c:pt>
                <c:pt idx="2166">
                  <c:v>38692</c:v>
                </c:pt>
                <c:pt idx="2167">
                  <c:v>38693</c:v>
                </c:pt>
                <c:pt idx="2168">
                  <c:v>38694</c:v>
                </c:pt>
                <c:pt idx="2169">
                  <c:v>38695</c:v>
                </c:pt>
                <c:pt idx="2170">
                  <c:v>38696</c:v>
                </c:pt>
                <c:pt idx="2171">
                  <c:v>38697</c:v>
                </c:pt>
                <c:pt idx="2172">
                  <c:v>38698</c:v>
                </c:pt>
                <c:pt idx="2173">
                  <c:v>38699</c:v>
                </c:pt>
                <c:pt idx="2174">
                  <c:v>38700</c:v>
                </c:pt>
                <c:pt idx="2175">
                  <c:v>38701</c:v>
                </c:pt>
                <c:pt idx="2176">
                  <c:v>38702</c:v>
                </c:pt>
                <c:pt idx="2177">
                  <c:v>38703</c:v>
                </c:pt>
                <c:pt idx="2178">
                  <c:v>38704</c:v>
                </c:pt>
                <c:pt idx="2179">
                  <c:v>38705</c:v>
                </c:pt>
                <c:pt idx="2180">
                  <c:v>38706</c:v>
                </c:pt>
                <c:pt idx="2181">
                  <c:v>38707</c:v>
                </c:pt>
                <c:pt idx="2182">
                  <c:v>38708</c:v>
                </c:pt>
                <c:pt idx="2183">
                  <c:v>38709</c:v>
                </c:pt>
                <c:pt idx="2184">
                  <c:v>38710</c:v>
                </c:pt>
                <c:pt idx="2185">
                  <c:v>38711</c:v>
                </c:pt>
                <c:pt idx="2186">
                  <c:v>38712</c:v>
                </c:pt>
                <c:pt idx="2187">
                  <c:v>38713</c:v>
                </c:pt>
                <c:pt idx="2188">
                  <c:v>38714</c:v>
                </c:pt>
                <c:pt idx="2189">
                  <c:v>38715</c:v>
                </c:pt>
                <c:pt idx="2190">
                  <c:v>38716</c:v>
                </c:pt>
                <c:pt idx="2191">
                  <c:v>38717</c:v>
                </c:pt>
                <c:pt idx="2192">
                  <c:v>38718</c:v>
                </c:pt>
                <c:pt idx="2193">
                  <c:v>38719</c:v>
                </c:pt>
                <c:pt idx="2194">
                  <c:v>38720</c:v>
                </c:pt>
                <c:pt idx="2195">
                  <c:v>38721</c:v>
                </c:pt>
                <c:pt idx="2196">
                  <c:v>38722</c:v>
                </c:pt>
                <c:pt idx="2197">
                  <c:v>38723</c:v>
                </c:pt>
                <c:pt idx="2198">
                  <c:v>38724</c:v>
                </c:pt>
                <c:pt idx="2199">
                  <c:v>38725</c:v>
                </c:pt>
                <c:pt idx="2200">
                  <c:v>38726</c:v>
                </c:pt>
                <c:pt idx="2201">
                  <c:v>38727</c:v>
                </c:pt>
                <c:pt idx="2202">
                  <c:v>38728</c:v>
                </c:pt>
                <c:pt idx="2203">
                  <c:v>38729</c:v>
                </c:pt>
                <c:pt idx="2204">
                  <c:v>38730</c:v>
                </c:pt>
                <c:pt idx="2205">
                  <c:v>38731</c:v>
                </c:pt>
                <c:pt idx="2206">
                  <c:v>38732</c:v>
                </c:pt>
                <c:pt idx="2207">
                  <c:v>38733</c:v>
                </c:pt>
                <c:pt idx="2208">
                  <c:v>38734</c:v>
                </c:pt>
                <c:pt idx="2209">
                  <c:v>38735</c:v>
                </c:pt>
                <c:pt idx="2210">
                  <c:v>38736</c:v>
                </c:pt>
                <c:pt idx="2211">
                  <c:v>38737</c:v>
                </c:pt>
                <c:pt idx="2212">
                  <c:v>38738</c:v>
                </c:pt>
                <c:pt idx="2213">
                  <c:v>38739</c:v>
                </c:pt>
                <c:pt idx="2214">
                  <c:v>38740</c:v>
                </c:pt>
                <c:pt idx="2215">
                  <c:v>38741</c:v>
                </c:pt>
                <c:pt idx="2216">
                  <c:v>38742</c:v>
                </c:pt>
                <c:pt idx="2217">
                  <c:v>38743</c:v>
                </c:pt>
                <c:pt idx="2218">
                  <c:v>38744</c:v>
                </c:pt>
                <c:pt idx="2219">
                  <c:v>38745</c:v>
                </c:pt>
                <c:pt idx="2220">
                  <c:v>38746</c:v>
                </c:pt>
                <c:pt idx="2221">
                  <c:v>38747</c:v>
                </c:pt>
                <c:pt idx="2222">
                  <c:v>38748</c:v>
                </c:pt>
                <c:pt idx="2223">
                  <c:v>38749</c:v>
                </c:pt>
                <c:pt idx="2224">
                  <c:v>38750</c:v>
                </c:pt>
                <c:pt idx="2225">
                  <c:v>38751</c:v>
                </c:pt>
                <c:pt idx="2226">
                  <c:v>38752</c:v>
                </c:pt>
                <c:pt idx="2227">
                  <c:v>38753</c:v>
                </c:pt>
                <c:pt idx="2228">
                  <c:v>38754</c:v>
                </c:pt>
                <c:pt idx="2229">
                  <c:v>38755</c:v>
                </c:pt>
                <c:pt idx="2230">
                  <c:v>38756</c:v>
                </c:pt>
                <c:pt idx="2231">
                  <c:v>38757</c:v>
                </c:pt>
                <c:pt idx="2232">
                  <c:v>38758</c:v>
                </c:pt>
                <c:pt idx="2233">
                  <c:v>38759</c:v>
                </c:pt>
                <c:pt idx="2234">
                  <c:v>38760</c:v>
                </c:pt>
                <c:pt idx="2235">
                  <c:v>38761</c:v>
                </c:pt>
                <c:pt idx="2236">
                  <c:v>38762</c:v>
                </c:pt>
                <c:pt idx="2237">
                  <c:v>38763</c:v>
                </c:pt>
                <c:pt idx="2238">
                  <c:v>38764</c:v>
                </c:pt>
                <c:pt idx="2239">
                  <c:v>38765</c:v>
                </c:pt>
                <c:pt idx="2240">
                  <c:v>38766</c:v>
                </c:pt>
                <c:pt idx="2241">
                  <c:v>38767</c:v>
                </c:pt>
                <c:pt idx="2242">
                  <c:v>38768</c:v>
                </c:pt>
                <c:pt idx="2243">
                  <c:v>38769</c:v>
                </c:pt>
                <c:pt idx="2244">
                  <c:v>38770</c:v>
                </c:pt>
                <c:pt idx="2245">
                  <c:v>38771</c:v>
                </c:pt>
                <c:pt idx="2246">
                  <c:v>38772</c:v>
                </c:pt>
                <c:pt idx="2247">
                  <c:v>38773</c:v>
                </c:pt>
                <c:pt idx="2248">
                  <c:v>38774</c:v>
                </c:pt>
                <c:pt idx="2249">
                  <c:v>38775</c:v>
                </c:pt>
                <c:pt idx="2250">
                  <c:v>38776</c:v>
                </c:pt>
                <c:pt idx="2251">
                  <c:v>38777</c:v>
                </c:pt>
                <c:pt idx="2252">
                  <c:v>38778</c:v>
                </c:pt>
                <c:pt idx="2253">
                  <c:v>38779</c:v>
                </c:pt>
                <c:pt idx="2254">
                  <c:v>38780</c:v>
                </c:pt>
                <c:pt idx="2255">
                  <c:v>38781</c:v>
                </c:pt>
                <c:pt idx="2256">
                  <c:v>38782</c:v>
                </c:pt>
                <c:pt idx="2257">
                  <c:v>38783</c:v>
                </c:pt>
                <c:pt idx="2258">
                  <c:v>38784</c:v>
                </c:pt>
                <c:pt idx="2259">
                  <c:v>38785</c:v>
                </c:pt>
                <c:pt idx="2260">
                  <c:v>38786</c:v>
                </c:pt>
                <c:pt idx="2261">
                  <c:v>38787</c:v>
                </c:pt>
                <c:pt idx="2262">
                  <c:v>38788</c:v>
                </c:pt>
                <c:pt idx="2263">
                  <c:v>38789</c:v>
                </c:pt>
                <c:pt idx="2264">
                  <c:v>38790</c:v>
                </c:pt>
                <c:pt idx="2265">
                  <c:v>38791</c:v>
                </c:pt>
                <c:pt idx="2266">
                  <c:v>38792</c:v>
                </c:pt>
                <c:pt idx="2267">
                  <c:v>38793</c:v>
                </c:pt>
                <c:pt idx="2268">
                  <c:v>38794</c:v>
                </c:pt>
                <c:pt idx="2269">
                  <c:v>38795</c:v>
                </c:pt>
                <c:pt idx="2270">
                  <c:v>38796</c:v>
                </c:pt>
                <c:pt idx="2271">
                  <c:v>38797</c:v>
                </c:pt>
                <c:pt idx="2272">
                  <c:v>38798</c:v>
                </c:pt>
                <c:pt idx="2273">
                  <c:v>38799</c:v>
                </c:pt>
                <c:pt idx="2274">
                  <c:v>38800</c:v>
                </c:pt>
                <c:pt idx="2275">
                  <c:v>38801</c:v>
                </c:pt>
                <c:pt idx="2276">
                  <c:v>38802</c:v>
                </c:pt>
                <c:pt idx="2277">
                  <c:v>38803</c:v>
                </c:pt>
                <c:pt idx="2278">
                  <c:v>38804</c:v>
                </c:pt>
                <c:pt idx="2279">
                  <c:v>38805</c:v>
                </c:pt>
                <c:pt idx="2280">
                  <c:v>38806</c:v>
                </c:pt>
                <c:pt idx="2281">
                  <c:v>38807</c:v>
                </c:pt>
                <c:pt idx="2282">
                  <c:v>38808</c:v>
                </c:pt>
                <c:pt idx="2283">
                  <c:v>38809</c:v>
                </c:pt>
                <c:pt idx="2284">
                  <c:v>38810</c:v>
                </c:pt>
                <c:pt idx="2285">
                  <c:v>38811</c:v>
                </c:pt>
                <c:pt idx="2286">
                  <c:v>38812</c:v>
                </c:pt>
                <c:pt idx="2287">
                  <c:v>38813</c:v>
                </c:pt>
                <c:pt idx="2288">
                  <c:v>38814</c:v>
                </c:pt>
                <c:pt idx="2289">
                  <c:v>38815</c:v>
                </c:pt>
                <c:pt idx="2290">
                  <c:v>38816</c:v>
                </c:pt>
                <c:pt idx="2291">
                  <c:v>38817</c:v>
                </c:pt>
                <c:pt idx="2292">
                  <c:v>38818</c:v>
                </c:pt>
                <c:pt idx="2293">
                  <c:v>38819</c:v>
                </c:pt>
                <c:pt idx="2294">
                  <c:v>38820</c:v>
                </c:pt>
                <c:pt idx="2295">
                  <c:v>38821</c:v>
                </c:pt>
                <c:pt idx="2296">
                  <c:v>38822</c:v>
                </c:pt>
                <c:pt idx="2297">
                  <c:v>38823</c:v>
                </c:pt>
                <c:pt idx="2298">
                  <c:v>38824</c:v>
                </c:pt>
                <c:pt idx="2299">
                  <c:v>38825</c:v>
                </c:pt>
                <c:pt idx="2300">
                  <c:v>38826</c:v>
                </c:pt>
                <c:pt idx="2301">
                  <c:v>38827</c:v>
                </c:pt>
                <c:pt idx="2302">
                  <c:v>38828</c:v>
                </c:pt>
                <c:pt idx="2303">
                  <c:v>38829</c:v>
                </c:pt>
                <c:pt idx="2304">
                  <c:v>38830</c:v>
                </c:pt>
                <c:pt idx="2305">
                  <c:v>38831</c:v>
                </c:pt>
                <c:pt idx="2306">
                  <c:v>38832</c:v>
                </c:pt>
                <c:pt idx="2307">
                  <c:v>38833</c:v>
                </c:pt>
                <c:pt idx="2308">
                  <c:v>38834</c:v>
                </c:pt>
                <c:pt idx="2309">
                  <c:v>38835</c:v>
                </c:pt>
                <c:pt idx="2310">
                  <c:v>38836</c:v>
                </c:pt>
                <c:pt idx="2311">
                  <c:v>38837</c:v>
                </c:pt>
                <c:pt idx="2312">
                  <c:v>38838</c:v>
                </c:pt>
                <c:pt idx="2313">
                  <c:v>38839</c:v>
                </c:pt>
                <c:pt idx="2314">
                  <c:v>38840</c:v>
                </c:pt>
                <c:pt idx="2315">
                  <c:v>38841</c:v>
                </c:pt>
                <c:pt idx="2316">
                  <c:v>38842</c:v>
                </c:pt>
                <c:pt idx="2317">
                  <c:v>38843</c:v>
                </c:pt>
                <c:pt idx="2318">
                  <c:v>38844</c:v>
                </c:pt>
                <c:pt idx="2319">
                  <c:v>38845</c:v>
                </c:pt>
                <c:pt idx="2320">
                  <c:v>38846</c:v>
                </c:pt>
                <c:pt idx="2321">
                  <c:v>38847</c:v>
                </c:pt>
                <c:pt idx="2322">
                  <c:v>38848</c:v>
                </c:pt>
                <c:pt idx="2323">
                  <c:v>38849</c:v>
                </c:pt>
                <c:pt idx="2324">
                  <c:v>38850</c:v>
                </c:pt>
                <c:pt idx="2325">
                  <c:v>38851</c:v>
                </c:pt>
                <c:pt idx="2326">
                  <c:v>38852</c:v>
                </c:pt>
                <c:pt idx="2327">
                  <c:v>38853</c:v>
                </c:pt>
                <c:pt idx="2328">
                  <c:v>38854</c:v>
                </c:pt>
                <c:pt idx="2329">
                  <c:v>38855</c:v>
                </c:pt>
                <c:pt idx="2330">
                  <c:v>38856</c:v>
                </c:pt>
                <c:pt idx="2331">
                  <c:v>38857</c:v>
                </c:pt>
                <c:pt idx="2332">
                  <c:v>38858</c:v>
                </c:pt>
                <c:pt idx="2333">
                  <c:v>38859</c:v>
                </c:pt>
                <c:pt idx="2334">
                  <c:v>38860</c:v>
                </c:pt>
                <c:pt idx="2335">
                  <c:v>38861</c:v>
                </c:pt>
                <c:pt idx="2336">
                  <c:v>38862</c:v>
                </c:pt>
                <c:pt idx="2337">
                  <c:v>38863</c:v>
                </c:pt>
                <c:pt idx="2338">
                  <c:v>38864</c:v>
                </c:pt>
                <c:pt idx="2339">
                  <c:v>38865</c:v>
                </c:pt>
                <c:pt idx="2340">
                  <c:v>38866</c:v>
                </c:pt>
                <c:pt idx="2341">
                  <c:v>38867</c:v>
                </c:pt>
                <c:pt idx="2342">
                  <c:v>38868</c:v>
                </c:pt>
                <c:pt idx="2343">
                  <c:v>38869</c:v>
                </c:pt>
                <c:pt idx="2344">
                  <c:v>38870</c:v>
                </c:pt>
                <c:pt idx="2345">
                  <c:v>38871</c:v>
                </c:pt>
                <c:pt idx="2346">
                  <c:v>38872</c:v>
                </c:pt>
                <c:pt idx="2347">
                  <c:v>38873</c:v>
                </c:pt>
                <c:pt idx="2348">
                  <c:v>38874</c:v>
                </c:pt>
                <c:pt idx="2349">
                  <c:v>38875</c:v>
                </c:pt>
                <c:pt idx="2350">
                  <c:v>38876</c:v>
                </c:pt>
                <c:pt idx="2351">
                  <c:v>38877</c:v>
                </c:pt>
                <c:pt idx="2352">
                  <c:v>38878</c:v>
                </c:pt>
                <c:pt idx="2353">
                  <c:v>38879</c:v>
                </c:pt>
                <c:pt idx="2354">
                  <c:v>38880</c:v>
                </c:pt>
                <c:pt idx="2355">
                  <c:v>38881</c:v>
                </c:pt>
                <c:pt idx="2356">
                  <c:v>38882</c:v>
                </c:pt>
                <c:pt idx="2357">
                  <c:v>38883</c:v>
                </c:pt>
                <c:pt idx="2358">
                  <c:v>38884</c:v>
                </c:pt>
                <c:pt idx="2359">
                  <c:v>38885</c:v>
                </c:pt>
                <c:pt idx="2360">
                  <c:v>38886</c:v>
                </c:pt>
                <c:pt idx="2361">
                  <c:v>38887</c:v>
                </c:pt>
                <c:pt idx="2362">
                  <c:v>38888</c:v>
                </c:pt>
                <c:pt idx="2363">
                  <c:v>38889</c:v>
                </c:pt>
                <c:pt idx="2364">
                  <c:v>38890</c:v>
                </c:pt>
                <c:pt idx="2365">
                  <c:v>38891</c:v>
                </c:pt>
                <c:pt idx="2366">
                  <c:v>38892</c:v>
                </c:pt>
                <c:pt idx="2367">
                  <c:v>38893</c:v>
                </c:pt>
                <c:pt idx="2368">
                  <c:v>38894</c:v>
                </c:pt>
                <c:pt idx="2369">
                  <c:v>38895</c:v>
                </c:pt>
                <c:pt idx="2370">
                  <c:v>38896</c:v>
                </c:pt>
                <c:pt idx="2371">
                  <c:v>38897</c:v>
                </c:pt>
                <c:pt idx="2372">
                  <c:v>38898</c:v>
                </c:pt>
                <c:pt idx="2373">
                  <c:v>38899</c:v>
                </c:pt>
                <c:pt idx="2374">
                  <c:v>38900</c:v>
                </c:pt>
                <c:pt idx="2375">
                  <c:v>38901</c:v>
                </c:pt>
                <c:pt idx="2376">
                  <c:v>38902</c:v>
                </c:pt>
                <c:pt idx="2377">
                  <c:v>38903</c:v>
                </c:pt>
                <c:pt idx="2378">
                  <c:v>38904</c:v>
                </c:pt>
                <c:pt idx="2379">
                  <c:v>38905</c:v>
                </c:pt>
                <c:pt idx="2380">
                  <c:v>38906</c:v>
                </c:pt>
                <c:pt idx="2381">
                  <c:v>38907</c:v>
                </c:pt>
                <c:pt idx="2382">
                  <c:v>38908</c:v>
                </c:pt>
                <c:pt idx="2383">
                  <c:v>38909</c:v>
                </c:pt>
                <c:pt idx="2384">
                  <c:v>38910</c:v>
                </c:pt>
                <c:pt idx="2385">
                  <c:v>38911</c:v>
                </c:pt>
                <c:pt idx="2386">
                  <c:v>38912</c:v>
                </c:pt>
                <c:pt idx="2387">
                  <c:v>38913</c:v>
                </c:pt>
                <c:pt idx="2388">
                  <c:v>38914</c:v>
                </c:pt>
                <c:pt idx="2389">
                  <c:v>38915</c:v>
                </c:pt>
                <c:pt idx="2390">
                  <c:v>38916</c:v>
                </c:pt>
                <c:pt idx="2391">
                  <c:v>38917</c:v>
                </c:pt>
                <c:pt idx="2392">
                  <c:v>38918</c:v>
                </c:pt>
                <c:pt idx="2393">
                  <c:v>38919</c:v>
                </c:pt>
                <c:pt idx="2394">
                  <c:v>38920</c:v>
                </c:pt>
                <c:pt idx="2395">
                  <c:v>38921</c:v>
                </c:pt>
                <c:pt idx="2396">
                  <c:v>38922</c:v>
                </c:pt>
                <c:pt idx="2397">
                  <c:v>38923</c:v>
                </c:pt>
                <c:pt idx="2398">
                  <c:v>38924</c:v>
                </c:pt>
                <c:pt idx="2399">
                  <c:v>38925</c:v>
                </c:pt>
                <c:pt idx="2400">
                  <c:v>38926</c:v>
                </c:pt>
                <c:pt idx="2401">
                  <c:v>38927</c:v>
                </c:pt>
                <c:pt idx="2402">
                  <c:v>38928</c:v>
                </c:pt>
                <c:pt idx="2403">
                  <c:v>38929</c:v>
                </c:pt>
                <c:pt idx="2404">
                  <c:v>38930</c:v>
                </c:pt>
                <c:pt idx="2405">
                  <c:v>38931</c:v>
                </c:pt>
                <c:pt idx="2406">
                  <c:v>38932</c:v>
                </c:pt>
                <c:pt idx="2407">
                  <c:v>38933</c:v>
                </c:pt>
                <c:pt idx="2408">
                  <c:v>38934</c:v>
                </c:pt>
                <c:pt idx="2409">
                  <c:v>38935</c:v>
                </c:pt>
                <c:pt idx="2410">
                  <c:v>38936</c:v>
                </c:pt>
                <c:pt idx="2411">
                  <c:v>38937</c:v>
                </c:pt>
                <c:pt idx="2412">
                  <c:v>38938</c:v>
                </c:pt>
                <c:pt idx="2413">
                  <c:v>38939</c:v>
                </c:pt>
                <c:pt idx="2414">
                  <c:v>38940</c:v>
                </c:pt>
                <c:pt idx="2415">
                  <c:v>38941</c:v>
                </c:pt>
                <c:pt idx="2416">
                  <c:v>38942</c:v>
                </c:pt>
                <c:pt idx="2417">
                  <c:v>38943</c:v>
                </c:pt>
                <c:pt idx="2418">
                  <c:v>38944</c:v>
                </c:pt>
                <c:pt idx="2419">
                  <c:v>38945</c:v>
                </c:pt>
                <c:pt idx="2420">
                  <c:v>38946</c:v>
                </c:pt>
                <c:pt idx="2421">
                  <c:v>38947</c:v>
                </c:pt>
                <c:pt idx="2422">
                  <c:v>38948</c:v>
                </c:pt>
                <c:pt idx="2423">
                  <c:v>38949</c:v>
                </c:pt>
                <c:pt idx="2424">
                  <c:v>38950</c:v>
                </c:pt>
                <c:pt idx="2425">
                  <c:v>38951</c:v>
                </c:pt>
                <c:pt idx="2426">
                  <c:v>38952</c:v>
                </c:pt>
                <c:pt idx="2427">
                  <c:v>38953</c:v>
                </c:pt>
                <c:pt idx="2428">
                  <c:v>38954</c:v>
                </c:pt>
                <c:pt idx="2429">
                  <c:v>38955</c:v>
                </c:pt>
                <c:pt idx="2430">
                  <c:v>38956</c:v>
                </c:pt>
                <c:pt idx="2431">
                  <c:v>38957</c:v>
                </c:pt>
                <c:pt idx="2432">
                  <c:v>38958</c:v>
                </c:pt>
                <c:pt idx="2433">
                  <c:v>38959</c:v>
                </c:pt>
                <c:pt idx="2434">
                  <c:v>38960</c:v>
                </c:pt>
                <c:pt idx="2435">
                  <c:v>38961</c:v>
                </c:pt>
                <c:pt idx="2436">
                  <c:v>38962</c:v>
                </c:pt>
                <c:pt idx="2437">
                  <c:v>38963</c:v>
                </c:pt>
                <c:pt idx="2438">
                  <c:v>38964</c:v>
                </c:pt>
                <c:pt idx="2439">
                  <c:v>38965</c:v>
                </c:pt>
                <c:pt idx="2440">
                  <c:v>38966</c:v>
                </c:pt>
                <c:pt idx="2441">
                  <c:v>38967</c:v>
                </c:pt>
                <c:pt idx="2442">
                  <c:v>38968</c:v>
                </c:pt>
                <c:pt idx="2443">
                  <c:v>38969</c:v>
                </c:pt>
                <c:pt idx="2444">
                  <c:v>38970</c:v>
                </c:pt>
                <c:pt idx="2445">
                  <c:v>38971</c:v>
                </c:pt>
                <c:pt idx="2446">
                  <c:v>38972</c:v>
                </c:pt>
                <c:pt idx="2447">
                  <c:v>38973</c:v>
                </c:pt>
                <c:pt idx="2448">
                  <c:v>38974</c:v>
                </c:pt>
                <c:pt idx="2449">
                  <c:v>38975</c:v>
                </c:pt>
                <c:pt idx="2450">
                  <c:v>38976</c:v>
                </c:pt>
                <c:pt idx="2451">
                  <c:v>38977</c:v>
                </c:pt>
                <c:pt idx="2452">
                  <c:v>38978</c:v>
                </c:pt>
                <c:pt idx="2453">
                  <c:v>38979</c:v>
                </c:pt>
                <c:pt idx="2454">
                  <c:v>38980</c:v>
                </c:pt>
                <c:pt idx="2455">
                  <c:v>38981</c:v>
                </c:pt>
                <c:pt idx="2456">
                  <c:v>38982</c:v>
                </c:pt>
                <c:pt idx="2457">
                  <c:v>38983</c:v>
                </c:pt>
                <c:pt idx="2458">
                  <c:v>38984</c:v>
                </c:pt>
                <c:pt idx="2459">
                  <c:v>38985</c:v>
                </c:pt>
                <c:pt idx="2460">
                  <c:v>38986</c:v>
                </c:pt>
                <c:pt idx="2461">
                  <c:v>38987</c:v>
                </c:pt>
                <c:pt idx="2462">
                  <c:v>38988</c:v>
                </c:pt>
                <c:pt idx="2463">
                  <c:v>38989</c:v>
                </c:pt>
                <c:pt idx="2464">
                  <c:v>38990</c:v>
                </c:pt>
                <c:pt idx="2465">
                  <c:v>38991</c:v>
                </c:pt>
                <c:pt idx="2466">
                  <c:v>38992</c:v>
                </c:pt>
                <c:pt idx="2467">
                  <c:v>38993</c:v>
                </c:pt>
                <c:pt idx="2468">
                  <c:v>38994</c:v>
                </c:pt>
                <c:pt idx="2469">
                  <c:v>38995</c:v>
                </c:pt>
                <c:pt idx="2470">
                  <c:v>38996</c:v>
                </c:pt>
                <c:pt idx="2471">
                  <c:v>38997</c:v>
                </c:pt>
                <c:pt idx="2472">
                  <c:v>38998</c:v>
                </c:pt>
                <c:pt idx="2473">
                  <c:v>38999</c:v>
                </c:pt>
                <c:pt idx="2474">
                  <c:v>39000</c:v>
                </c:pt>
                <c:pt idx="2475">
                  <c:v>39001</c:v>
                </c:pt>
                <c:pt idx="2476">
                  <c:v>39002</c:v>
                </c:pt>
                <c:pt idx="2477">
                  <c:v>39003</c:v>
                </c:pt>
                <c:pt idx="2478">
                  <c:v>39004</c:v>
                </c:pt>
                <c:pt idx="2479">
                  <c:v>39005</c:v>
                </c:pt>
                <c:pt idx="2480">
                  <c:v>39006</c:v>
                </c:pt>
                <c:pt idx="2481">
                  <c:v>39007</c:v>
                </c:pt>
                <c:pt idx="2482">
                  <c:v>39008</c:v>
                </c:pt>
                <c:pt idx="2483">
                  <c:v>39009</c:v>
                </c:pt>
                <c:pt idx="2484">
                  <c:v>39010</c:v>
                </c:pt>
                <c:pt idx="2485">
                  <c:v>39011</c:v>
                </c:pt>
                <c:pt idx="2486">
                  <c:v>39012</c:v>
                </c:pt>
                <c:pt idx="2487">
                  <c:v>39013</c:v>
                </c:pt>
                <c:pt idx="2488">
                  <c:v>39014</c:v>
                </c:pt>
                <c:pt idx="2489">
                  <c:v>39015</c:v>
                </c:pt>
                <c:pt idx="2490">
                  <c:v>39016</c:v>
                </c:pt>
                <c:pt idx="2491">
                  <c:v>39017</c:v>
                </c:pt>
                <c:pt idx="2492">
                  <c:v>39018</c:v>
                </c:pt>
                <c:pt idx="2493">
                  <c:v>39019</c:v>
                </c:pt>
                <c:pt idx="2494">
                  <c:v>39020</c:v>
                </c:pt>
                <c:pt idx="2495">
                  <c:v>39021</c:v>
                </c:pt>
                <c:pt idx="2496">
                  <c:v>39022</c:v>
                </c:pt>
                <c:pt idx="2497">
                  <c:v>39023</c:v>
                </c:pt>
                <c:pt idx="2498">
                  <c:v>39024</c:v>
                </c:pt>
                <c:pt idx="2499">
                  <c:v>39025</c:v>
                </c:pt>
                <c:pt idx="2500">
                  <c:v>39026</c:v>
                </c:pt>
                <c:pt idx="2501">
                  <c:v>39027</c:v>
                </c:pt>
                <c:pt idx="2502">
                  <c:v>39028</c:v>
                </c:pt>
                <c:pt idx="2503">
                  <c:v>39029</c:v>
                </c:pt>
                <c:pt idx="2504">
                  <c:v>39030</c:v>
                </c:pt>
                <c:pt idx="2505">
                  <c:v>39031</c:v>
                </c:pt>
                <c:pt idx="2506">
                  <c:v>39032</c:v>
                </c:pt>
                <c:pt idx="2507">
                  <c:v>39033</c:v>
                </c:pt>
                <c:pt idx="2508">
                  <c:v>39034</c:v>
                </c:pt>
                <c:pt idx="2509">
                  <c:v>39035</c:v>
                </c:pt>
                <c:pt idx="2510">
                  <c:v>39036</c:v>
                </c:pt>
                <c:pt idx="2511">
                  <c:v>39037</c:v>
                </c:pt>
                <c:pt idx="2512">
                  <c:v>39038</c:v>
                </c:pt>
                <c:pt idx="2513">
                  <c:v>39039</c:v>
                </c:pt>
                <c:pt idx="2514">
                  <c:v>39040</c:v>
                </c:pt>
                <c:pt idx="2515">
                  <c:v>39041</c:v>
                </c:pt>
                <c:pt idx="2516">
                  <c:v>39042</c:v>
                </c:pt>
                <c:pt idx="2517">
                  <c:v>39043</c:v>
                </c:pt>
                <c:pt idx="2518">
                  <c:v>39044</c:v>
                </c:pt>
                <c:pt idx="2519">
                  <c:v>39045</c:v>
                </c:pt>
                <c:pt idx="2520">
                  <c:v>39046</c:v>
                </c:pt>
                <c:pt idx="2521">
                  <c:v>39047</c:v>
                </c:pt>
                <c:pt idx="2522">
                  <c:v>39048</c:v>
                </c:pt>
                <c:pt idx="2523">
                  <c:v>39049</c:v>
                </c:pt>
                <c:pt idx="2524">
                  <c:v>39050</c:v>
                </c:pt>
                <c:pt idx="2525">
                  <c:v>39051</c:v>
                </c:pt>
                <c:pt idx="2526">
                  <c:v>39052</c:v>
                </c:pt>
                <c:pt idx="2527">
                  <c:v>39053</c:v>
                </c:pt>
                <c:pt idx="2528">
                  <c:v>39054</c:v>
                </c:pt>
                <c:pt idx="2529">
                  <c:v>39055</c:v>
                </c:pt>
                <c:pt idx="2530">
                  <c:v>39056</c:v>
                </c:pt>
                <c:pt idx="2531">
                  <c:v>39057</c:v>
                </c:pt>
                <c:pt idx="2532">
                  <c:v>39058</c:v>
                </c:pt>
                <c:pt idx="2533">
                  <c:v>39059</c:v>
                </c:pt>
                <c:pt idx="2534">
                  <c:v>39060</c:v>
                </c:pt>
                <c:pt idx="2535">
                  <c:v>39061</c:v>
                </c:pt>
                <c:pt idx="2536">
                  <c:v>39062</c:v>
                </c:pt>
                <c:pt idx="2537">
                  <c:v>39063</c:v>
                </c:pt>
                <c:pt idx="2538">
                  <c:v>39064</c:v>
                </c:pt>
                <c:pt idx="2539">
                  <c:v>39065</c:v>
                </c:pt>
                <c:pt idx="2540">
                  <c:v>39066</c:v>
                </c:pt>
                <c:pt idx="2541">
                  <c:v>39067</c:v>
                </c:pt>
                <c:pt idx="2542">
                  <c:v>39068</c:v>
                </c:pt>
                <c:pt idx="2543">
                  <c:v>39069</c:v>
                </c:pt>
                <c:pt idx="2544">
                  <c:v>39070</c:v>
                </c:pt>
                <c:pt idx="2545">
                  <c:v>39071</c:v>
                </c:pt>
                <c:pt idx="2546">
                  <c:v>39072</c:v>
                </c:pt>
                <c:pt idx="2547">
                  <c:v>39073</c:v>
                </c:pt>
                <c:pt idx="2548">
                  <c:v>39074</c:v>
                </c:pt>
                <c:pt idx="2549">
                  <c:v>39075</c:v>
                </c:pt>
                <c:pt idx="2550">
                  <c:v>39076</c:v>
                </c:pt>
                <c:pt idx="2551">
                  <c:v>39077</c:v>
                </c:pt>
                <c:pt idx="2552">
                  <c:v>39078</c:v>
                </c:pt>
                <c:pt idx="2553">
                  <c:v>39079</c:v>
                </c:pt>
                <c:pt idx="2554">
                  <c:v>39080</c:v>
                </c:pt>
                <c:pt idx="2555">
                  <c:v>39081</c:v>
                </c:pt>
                <c:pt idx="2556">
                  <c:v>39082</c:v>
                </c:pt>
                <c:pt idx="2557">
                  <c:v>39083</c:v>
                </c:pt>
                <c:pt idx="2558">
                  <c:v>39084</c:v>
                </c:pt>
                <c:pt idx="2559">
                  <c:v>39085</c:v>
                </c:pt>
                <c:pt idx="2560">
                  <c:v>39086</c:v>
                </c:pt>
                <c:pt idx="2561">
                  <c:v>39087</c:v>
                </c:pt>
                <c:pt idx="2562">
                  <c:v>39088</c:v>
                </c:pt>
                <c:pt idx="2563">
                  <c:v>39089</c:v>
                </c:pt>
                <c:pt idx="2564">
                  <c:v>39090</c:v>
                </c:pt>
                <c:pt idx="2565">
                  <c:v>39091</c:v>
                </c:pt>
                <c:pt idx="2566">
                  <c:v>39092</c:v>
                </c:pt>
                <c:pt idx="2567">
                  <c:v>39093</c:v>
                </c:pt>
                <c:pt idx="2568">
                  <c:v>39094</c:v>
                </c:pt>
                <c:pt idx="2569">
                  <c:v>39095</c:v>
                </c:pt>
                <c:pt idx="2570">
                  <c:v>39096</c:v>
                </c:pt>
                <c:pt idx="2571">
                  <c:v>39097</c:v>
                </c:pt>
                <c:pt idx="2572">
                  <c:v>39098</c:v>
                </c:pt>
                <c:pt idx="2573">
                  <c:v>39099</c:v>
                </c:pt>
                <c:pt idx="2574">
                  <c:v>39100</c:v>
                </c:pt>
                <c:pt idx="2575">
                  <c:v>39101</c:v>
                </c:pt>
                <c:pt idx="2576">
                  <c:v>39102</c:v>
                </c:pt>
                <c:pt idx="2577">
                  <c:v>39103</c:v>
                </c:pt>
                <c:pt idx="2578">
                  <c:v>39104</c:v>
                </c:pt>
                <c:pt idx="2579">
                  <c:v>39105</c:v>
                </c:pt>
                <c:pt idx="2580">
                  <c:v>39106</c:v>
                </c:pt>
                <c:pt idx="2581">
                  <c:v>39107</c:v>
                </c:pt>
                <c:pt idx="2582">
                  <c:v>39108</c:v>
                </c:pt>
                <c:pt idx="2583">
                  <c:v>39109</c:v>
                </c:pt>
                <c:pt idx="2584">
                  <c:v>39110</c:v>
                </c:pt>
                <c:pt idx="2585">
                  <c:v>39111</c:v>
                </c:pt>
                <c:pt idx="2586">
                  <c:v>39112</c:v>
                </c:pt>
                <c:pt idx="2587">
                  <c:v>39113</c:v>
                </c:pt>
                <c:pt idx="2588">
                  <c:v>39114</c:v>
                </c:pt>
                <c:pt idx="2589">
                  <c:v>39115</c:v>
                </c:pt>
                <c:pt idx="2590">
                  <c:v>39116</c:v>
                </c:pt>
                <c:pt idx="2591">
                  <c:v>39117</c:v>
                </c:pt>
                <c:pt idx="2592">
                  <c:v>39118</c:v>
                </c:pt>
                <c:pt idx="2593">
                  <c:v>39119</c:v>
                </c:pt>
                <c:pt idx="2594">
                  <c:v>39120</c:v>
                </c:pt>
                <c:pt idx="2595">
                  <c:v>39121</c:v>
                </c:pt>
                <c:pt idx="2596">
                  <c:v>39122</c:v>
                </c:pt>
                <c:pt idx="2597">
                  <c:v>39123</c:v>
                </c:pt>
                <c:pt idx="2598">
                  <c:v>39124</c:v>
                </c:pt>
                <c:pt idx="2599">
                  <c:v>39125</c:v>
                </c:pt>
                <c:pt idx="2600">
                  <c:v>39126</c:v>
                </c:pt>
                <c:pt idx="2601">
                  <c:v>39127</c:v>
                </c:pt>
                <c:pt idx="2602">
                  <c:v>39128</c:v>
                </c:pt>
                <c:pt idx="2603">
                  <c:v>39129</c:v>
                </c:pt>
                <c:pt idx="2604">
                  <c:v>39130</c:v>
                </c:pt>
                <c:pt idx="2605">
                  <c:v>39131</c:v>
                </c:pt>
                <c:pt idx="2606">
                  <c:v>39132</c:v>
                </c:pt>
                <c:pt idx="2607">
                  <c:v>39133</c:v>
                </c:pt>
                <c:pt idx="2608">
                  <c:v>39134</c:v>
                </c:pt>
                <c:pt idx="2609">
                  <c:v>39135</c:v>
                </c:pt>
                <c:pt idx="2610">
                  <c:v>39136</c:v>
                </c:pt>
                <c:pt idx="2611">
                  <c:v>39137</c:v>
                </c:pt>
                <c:pt idx="2612">
                  <c:v>39138</c:v>
                </c:pt>
                <c:pt idx="2613">
                  <c:v>39139</c:v>
                </c:pt>
                <c:pt idx="2614">
                  <c:v>39140</c:v>
                </c:pt>
                <c:pt idx="2615">
                  <c:v>39141</c:v>
                </c:pt>
                <c:pt idx="2616">
                  <c:v>39142</c:v>
                </c:pt>
                <c:pt idx="2617">
                  <c:v>39143</c:v>
                </c:pt>
                <c:pt idx="2618">
                  <c:v>39144</c:v>
                </c:pt>
                <c:pt idx="2619">
                  <c:v>39145</c:v>
                </c:pt>
                <c:pt idx="2620">
                  <c:v>39146</c:v>
                </c:pt>
                <c:pt idx="2621">
                  <c:v>39147</c:v>
                </c:pt>
                <c:pt idx="2622">
                  <c:v>39148</c:v>
                </c:pt>
                <c:pt idx="2623">
                  <c:v>39149</c:v>
                </c:pt>
                <c:pt idx="2624">
                  <c:v>39150</c:v>
                </c:pt>
                <c:pt idx="2625">
                  <c:v>39151</c:v>
                </c:pt>
                <c:pt idx="2626">
                  <c:v>39152</c:v>
                </c:pt>
                <c:pt idx="2627">
                  <c:v>39153</c:v>
                </c:pt>
                <c:pt idx="2628">
                  <c:v>39154</c:v>
                </c:pt>
                <c:pt idx="2629">
                  <c:v>39155</c:v>
                </c:pt>
                <c:pt idx="2630">
                  <c:v>39156</c:v>
                </c:pt>
                <c:pt idx="2631">
                  <c:v>39157</c:v>
                </c:pt>
                <c:pt idx="2632">
                  <c:v>39158</c:v>
                </c:pt>
                <c:pt idx="2633">
                  <c:v>39159</c:v>
                </c:pt>
                <c:pt idx="2634">
                  <c:v>39160</c:v>
                </c:pt>
                <c:pt idx="2635">
                  <c:v>39161</c:v>
                </c:pt>
                <c:pt idx="2636">
                  <c:v>39162</c:v>
                </c:pt>
                <c:pt idx="2637">
                  <c:v>39163</c:v>
                </c:pt>
                <c:pt idx="2638">
                  <c:v>39164</c:v>
                </c:pt>
                <c:pt idx="2639">
                  <c:v>39165</c:v>
                </c:pt>
                <c:pt idx="2640">
                  <c:v>39166</c:v>
                </c:pt>
                <c:pt idx="2641">
                  <c:v>39167</c:v>
                </c:pt>
                <c:pt idx="2642">
                  <c:v>39168</c:v>
                </c:pt>
                <c:pt idx="2643">
                  <c:v>39169</c:v>
                </c:pt>
                <c:pt idx="2644">
                  <c:v>39170</c:v>
                </c:pt>
                <c:pt idx="2645">
                  <c:v>39171</c:v>
                </c:pt>
                <c:pt idx="2646">
                  <c:v>39172</c:v>
                </c:pt>
                <c:pt idx="2647">
                  <c:v>39173</c:v>
                </c:pt>
                <c:pt idx="2648">
                  <c:v>39174</c:v>
                </c:pt>
                <c:pt idx="2649">
                  <c:v>39175</c:v>
                </c:pt>
                <c:pt idx="2650">
                  <c:v>39176</c:v>
                </c:pt>
                <c:pt idx="2651">
                  <c:v>39177</c:v>
                </c:pt>
                <c:pt idx="2652">
                  <c:v>39178</c:v>
                </c:pt>
                <c:pt idx="2653">
                  <c:v>39179</c:v>
                </c:pt>
                <c:pt idx="2654">
                  <c:v>39180</c:v>
                </c:pt>
                <c:pt idx="2655">
                  <c:v>39181</c:v>
                </c:pt>
                <c:pt idx="2656">
                  <c:v>39182</c:v>
                </c:pt>
                <c:pt idx="2657">
                  <c:v>39183</c:v>
                </c:pt>
                <c:pt idx="2658">
                  <c:v>39184</c:v>
                </c:pt>
                <c:pt idx="2659">
                  <c:v>39185</c:v>
                </c:pt>
                <c:pt idx="2660">
                  <c:v>39186</c:v>
                </c:pt>
                <c:pt idx="2661">
                  <c:v>39187</c:v>
                </c:pt>
                <c:pt idx="2662">
                  <c:v>39188</c:v>
                </c:pt>
                <c:pt idx="2663">
                  <c:v>39189</c:v>
                </c:pt>
                <c:pt idx="2664">
                  <c:v>39190</c:v>
                </c:pt>
                <c:pt idx="2665">
                  <c:v>39191</c:v>
                </c:pt>
                <c:pt idx="2666">
                  <c:v>39192</c:v>
                </c:pt>
                <c:pt idx="2667">
                  <c:v>39193</c:v>
                </c:pt>
                <c:pt idx="2668">
                  <c:v>39194</c:v>
                </c:pt>
                <c:pt idx="2669">
                  <c:v>39195</c:v>
                </c:pt>
                <c:pt idx="2670">
                  <c:v>39196</c:v>
                </c:pt>
                <c:pt idx="2671">
                  <c:v>39197</c:v>
                </c:pt>
                <c:pt idx="2672">
                  <c:v>39198</c:v>
                </c:pt>
                <c:pt idx="2673">
                  <c:v>39199</c:v>
                </c:pt>
                <c:pt idx="2674">
                  <c:v>39200</c:v>
                </c:pt>
                <c:pt idx="2675">
                  <c:v>39201</c:v>
                </c:pt>
                <c:pt idx="2676">
                  <c:v>39202</c:v>
                </c:pt>
                <c:pt idx="2677">
                  <c:v>39203</c:v>
                </c:pt>
                <c:pt idx="2678">
                  <c:v>39204</c:v>
                </c:pt>
                <c:pt idx="2679">
                  <c:v>39205</c:v>
                </c:pt>
                <c:pt idx="2680">
                  <c:v>39206</c:v>
                </c:pt>
                <c:pt idx="2681">
                  <c:v>39207</c:v>
                </c:pt>
                <c:pt idx="2682">
                  <c:v>39208</c:v>
                </c:pt>
                <c:pt idx="2683">
                  <c:v>39209</c:v>
                </c:pt>
                <c:pt idx="2684">
                  <c:v>39210</c:v>
                </c:pt>
                <c:pt idx="2685">
                  <c:v>39211</c:v>
                </c:pt>
                <c:pt idx="2686">
                  <c:v>39212</c:v>
                </c:pt>
                <c:pt idx="2687">
                  <c:v>39213</c:v>
                </c:pt>
                <c:pt idx="2688">
                  <c:v>39214</c:v>
                </c:pt>
                <c:pt idx="2689">
                  <c:v>39215</c:v>
                </c:pt>
                <c:pt idx="2690">
                  <c:v>39216</c:v>
                </c:pt>
                <c:pt idx="2691">
                  <c:v>39217</c:v>
                </c:pt>
                <c:pt idx="2692">
                  <c:v>39218</c:v>
                </c:pt>
                <c:pt idx="2693">
                  <c:v>39219</c:v>
                </c:pt>
                <c:pt idx="2694">
                  <c:v>39220</c:v>
                </c:pt>
                <c:pt idx="2695">
                  <c:v>39221</c:v>
                </c:pt>
                <c:pt idx="2696">
                  <c:v>39222</c:v>
                </c:pt>
                <c:pt idx="2697">
                  <c:v>39223</c:v>
                </c:pt>
                <c:pt idx="2698">
                  <c:v>39224</c:v>
                </c:pt>
                <c:pt idx="2699">
                  <c:v>39225</c:v>
                </c:pt>
                <c:pt idx="2700">
                  <c:v>39226</c:v>
                </c:pt>
                <c:pt idx="2701">
                  <c:v>39227</c:v>
                </c:pt>
                <c:pt idx="2702">
                  <c:v>39228</c:v>
                </c:pt>
                <c:pt idx="2703">
                  <c:v>39229</c:v>
                </c:pt>
                <c:pt idx="2704">
                  <c:v>39230</c:v>
                </c:pt>
                <c:pt idx="2705">
                  <c:v>39231</c:v>
                </c:pt>
                <c:pt idx="2706">
                  <c:v>39232</c:v>
                </c:pt>
                <c:pt idx="2707">
                  <c:v>39233</c:v>
                </c:pt>
                <c:pt idx="2708">
                  <c:v>39234</c:v>
                </c:pt>
                <c:pt idx="2709">
                  <c:v>39235</c:v>
                </c:pt>
                <c:pt idx="2710">
                  <c:v>39236</c:v>
                </c:pt>
                <c:pt idx="2711">
                  <c:v>39237</c:v>
                </c:pt>
                <c:pt idx="2712">
                  <c:v>39238</c:v>
                </c:pt>
                <c:pt idx="2713">
                  <c:v>39239</c:v>
                </c:pt>
                <c:pt idx="2714">
                  <c:v>39240</c:v>
                </c:pt>
                <c:pt idx="2715">
                  <c:v>39241</c:v>
                </c:pt>
                <c:pt idx="2716">
                  <c:v>39242</c:v>
                </c:pt>
                <c:pt idx="2717">
                  <c:v>39243</c:v>
                </c:pt>
                <c:pt idx="2718">
                  <c:v>39244</c:v>
                </c:pt>
                <c:pt idx="2719">
                  <c:v>39245</c:v>
                </c:pt>
                <c:pt idx="2720">
                  <c:v>39246</c:v>
                </c:pt>
                <c:pt idx="2721">
                  <c:v>39247</c:v>
                </c:pt>
                <c:pt idx="2722">
                  <c:v>39248</c:v>
                </c:pt>
                <c:pt idx="2723">
                  <c:v>39249</c:v>
                </c:pt>
                <c:pt idx="2724">
                  <c:v>39250</c:v>
                </c:pt>
                <c:pt idx="2725">
                  <c:v>39251</c:v>
                </c:pt>
                <c:pt idx="2726">
                  <c:v>39252</c:v>
                </c:pt>
                <c:pt idx="2727">
                  <c:v>39253</c:v>
                </c:pt>
                <c:pt idx="2728">
                  <c:v>39254</c:v>
                </c:pt>
                <c:pt idx="2729">
                  <c:v>39255</c:v>
                </c:pt>
                <c:pt idx="2730">
                  <c:v>39256</c:v>
                </c:pt>
                <c:pt idx="2731">
                  <c:v>39257</c:v>
                </c:pt>
                <c:pt idx="2732">
                  <c:v>39258</c:v>
                </c:pt>
                <c:pt idx="2733">
                  <c:v>39259</c:v>
                </c:pt>
                <c:pt idx="2734">
                  <c:v>39260</c:v>
                </c:pt>
                <c:pt idx="2735">
                  <c:v>39261</c:v>
                </c:pt>
                <c:pt idx="2736">
                  <c:v>39262</c:v>
                </c:pt>
                <c:pt idx="2737">
                  <c:v>39263</c:v>
                </c:pt>
                <c:pt idx="2738">
                  <c:v>39264</c:v>
                </c:pt>
                <c:pt idx="2739">
                  <c:v>39265</c:v>
                </c:pt>
                <c:pt idx="2740">
                  <c:v>39266</c:v>
                </c:pt>
                <c:pt idx="2741">
                  <c:v>39267</c:v>
                </c:pt>
                <c:pt idx="2742">
                  <c:v>39268</c:v>
                </c:pt>
                <c:pt idx="2743">
                  <c:v>39269</c:v>
                </c:pt>
                <c:pt idx="2744">
                  <c:v>39270</c:v>
                </c:pt>
                <c:pt idx="2745">
                  <c:v>39271</c:v>
                </c:pt>
                <c:pt idx="2746">
                  <c:v>39272</c:v>
                </c:pt>
                <c:pt idx="2747">
                  <c:v>39273</c:v>
                </c:pt>
                <c:pt idx="2748">
                  <c:v>39274</c:v>
                </c:pt>
                <c:pt idx="2749">
                  <c:v>39275</c:v>
                </c:pt>
                <c:pt idx="2750">
                  <c:v>39276</c:v>
                </c:pt>
                <c:pt idx="2751">
                  <c:v>39277</c:v>
                </c:pt>
                <c:pt idx="2752">
                  <c:v>39278</c:v>
                </c:pt>
                <c:pt idx="2753">
                  <c:v>39279</c:v>
                </c:pt>
                <c:pt idx="2754">
                  <c:v>39280</c:v>
                </c:pt>
                <c:pt idx="2755">
                  <c:v>39281</c:v>
                </c:pt>
                <c:pt idx="2756">
                  <c:v>39282</c:v>
                </c:pt>
                <c:pt idx="2757">
                  <c:v>39283</c:v>
                </c:pt>
                <c:pt idx="2758">
                  <c:v>39284</c:v>
                </c:pt>
                <c:pt idx="2759">
                  <c:v>39285</c:v>
                </c:pt>
                <c:pt idx="2760">
                  <c:v>39286</c:v>
                </c:pt>
                <c:pt idx="2761">
                  <c:v>39287</c:v>
                </c:pt>
                <c:pt idx="2762">
                  <c:v>39288</c:v>
                </c:pt>
                <c:pt idx="2763">
                  <c:v>39289</c:v>
                </c:pt>
                <c:pt idx="2764">
                  <c:v>39290</c:v>
                </c:pt>
                <c:pt idx="2765">
                  <c:v>39291</c:v>
                </c:pt>
                <c:pt idx="2766">
                  <c:v>39292</c:v>
                </c:pt>
                <c:pt idx="2767">
                  <c:v>39293</c:v>
                </c:pt>
                <c:pt idx="2768">
                  <c:v>39294</c:v>
                </c:pt>
                <c:pt idx="2769">
                  <c:v>39295</c:v>
                </c:pt>
                <c:pt idx="2770">
                  <c:v>39296</c:v>
                </c:pt>
                <c:pt idx="2771">
                  <c:v>39297</c:v>
                </c:pt>
                <c:pt idx="2772">
                  <c:v>39298</c:v>
                </c:pt>
                <c:pt idx="2773">
                  <c:v>39299</c:v>
                </c:pt>
                <c:pt idx="2774">
                  <c:v>39300</c:v>
                </c:pt>
                <c:pt idx="2775">
                  <c:v>39301</c:v>
                </c:pt>
                <c:pt idx="2776">
                  <c:v>39302</c:v>
                </c:pt>
                <c:pt idx="2777">
                  <c:v>39303</c:v>
                </c:pt>
                <c:pt idx="2778">
                  <c:v>39304</c:v>
                </c:pt>
                <c:pt idx="2779">
                  <c:v>39305</c:v>
                </c:pt>
                <c:pt idx="2780">
                  <c:v>39306</c:v>
                </c:pt>
                <c:pt idx="2781">
                  <c:v>39307</c:v>
                </c:pt>
                <c:pt idx="2782">
                  <c:v>39308</c:v>
                </c:pt>
                <c:pt idx="2783">
                  <c:v>39309</c:v>
                </c:pt>
                <c:pt idx="2784">
                  <c:v>39310</c:v>
                </c:pt>
                <c:pt idx="2785">
                  <c:v>39311</c:v>
                </c:pt>
                <c:pt idx="2786">
                  <c:v>39312</c:v>
                </c:pt>
                <c:pt idx="2787">
                  <c:v>39313</c:v>
                </c:pt>
                <c:pt idx="2788">
                  <c:v>39314</c:v>
                </c:pt>
                <c:pt idx="2789">
                  <c:v>39315</c:v>
                </c:pt>
                <c:pt idx="2790">
                  <c:v>39316</c:v>
                </c:pt>
                <c:pt idx="2791">
                  <c:v>39317</c:v>
                </c:pt>
                <c:pt idx="2792">
                  <c:v>39318</c:v>
                </c:pt>
                <c:pt idx="2793">
                  <c:v>39319</c:v>
                </c:pt>
                <c:pt idx="2794">
                  <c:v>39320</c:v>
                </c:pt>
                <c:pt idx="2795">
                  <c:v>39321</c:v>
                </c:pt>
                <c:pt idx="2796">
                  <c:v>39322</c:v>
                </c:pt>
                <c:pt idx="2797">
                  <c:v>39323</c:v>
                </c:pt>
                <c:pt idx="2798">
                  <c:v>39324</c:v>
                </c:pt>
                <c:pt idx="2799">
                  <c:v>39325</c:v>
                </c:pt>
                <c:pt idx="2800">
                  <c:v>39326</c:v>
                </c:pt>
                <c:pt idx="2801">
                  <c:v>39327</c:v>
                </c:pt>
                <c:pt idx="2802">
                  <c:v>39328</c:v>
                </c:pt>
                <c:pt idx="2803">
                  <c:v>39329</c:v>
                </c:pt>
                <c:pt idx="2804">
                  <c:v>39330</c:v>
                </c:pt>
                <c:pt idx="2805">
                  <c:v>39331</c:v>
                </c:pt>
                <c:pt idx="2806">
                  <c:v>39332</c:v>
                </c:pt>
                <c:pt idx="2807">
                  <c:v>39333</c:v>
                </c:pt>
                <c:pt idx="2808">
                  <c:v>39334</c:v>
                </c:pt>
                <c:pt idx="2809">
                  <c:v>39335</c:v>
                </c:pt>
                <c:pt idx="2810">
                  <c:v>39336</c:v>
                </c:pt>
                <c:pt idx="2811">
                  <c:v>39337</c:v>
                </c:pt>
                <c:pt idx="2812">
                  <c:v>39338</c:v>
                </c:pt>
                <c:pt idx="2813">
                  <c:v>39339</c:v>
                </c:pt>
                <c:pt idx="2814">
                  <c:v>39340</c:v>
                </c:pt>
                <c:pt idx="2815">
                  <c:v>39341</c:v>
                </c:pt>
                <c:pt idx="2816">
                  <c:v>39342</c:v>
                </c:pt>
                <c:pt idx="2817">
                  <c:v>39343</c:v>
                </c:pt>
                <c:pt idx="2818">
                  <c:v>39344</c:v>
                </c:pt>
                <c:pt idx="2819">
                  <c:v>39345</c:v>
                </c:pt>
                <c:pt idx="2820">
                  <c:v>39346</c:v>
                </c:pt>
                <c:pt idx="2821">
                  <c:v>39347</c:v>
                </c:pt>
                <c:pt idx="2822">
                  <c:v>39348</c:v>
                </c:pt>
                <c:pt idx="2823">
                  <c:v>39349</c:v>
                </c:pt>
                <c:pt idx="2824">
                  <c:v>39350</c:v>
                </c:pt>
                <c:pt idx="2825">
                  <c:v>39351</c:v>
                </c:pt>
                <c:pt idx="2826">
                  <c:v>39352</c:v>
                </c:pt>
                <c:pt idx="2827">
                  <c:v>39353</c:v>
                </c:pt>
                <c:pt idx="2828">
                  <c:v>39354</c:v>
                </c:pt>
                <c:pt idx="2829">
                  <c:v>39355</c:v>
                </c:pt>
                <c:pt idx="2830">
                  <c:v>39356</c:v>
                </c:pt>
                <c:pt idx="2831">
                  <c:v>39357</c:v>
                </c:pt>
                <c:pt idx="2832">
                  <c:v>39358</c:v>
                </c:pt>
                <c:pt idx="2833">
                  <c:v>39359</c:v>
                </c:pt>
                <c:pt idx="2834">
                  <c:v>39360</c:v>
                </c:pt>
                <c:pt idx="2835">
                  <c:v>39361</c:v>
                </c:pt>
                <c:pt idx="2836">
                  <c:v>39362</c:v>
                </c:pt>
                <c:pt idx="2837">
                  <c:v>39363</c:v>
                </c:pt>
                <c:pt idx="2838">
                  <c:v>39364</c:v>
                </c:pt>
                <c:pt idx="2839">
                  <c:v>39365</c:v>
                </c:pt>
                <c:pt idx="2840">
                  <c:v>39366</c:v>
                </c:pt>
                <c:pt idx="2841">
                  <c:v>39367</c:v>
                </c:pt>
                <c:pt idx="2842">
                  <c:v>39368</c:v>
                </c:pt>
                <c:pt idx="2843">
                  <c:v>39369</c:v>
                </c:pt>
                <c:pt idx="2844">
                  <c:v>39370</c:v>
                </c:pt>
                <c:pt idx="2845">
                  <c:v>39371</c:v>
                </c:pt>
                <c:pt idx="2846">
                  <c:v>39372</c:v>
                </c:pt>
                <c:pt idx="2847">
                  <c:v>39373</c:v>
                </c:pt>
                <c:pt idx="2848">
                  <c:v>39374</c:v>
                </c:pt>
                <c:pt idx="2849">
                  <c:v>39375</c:v>
                </c:pt>
                <c:pt idx="2850">
                  <c:v>39376</c:v>
                </c:pt>
                <c:pt idx="2851">
                  <c:v>39377</c:v>
                </c:pt>
                <c:pt idx="2852">
                  <c:v>39378</c:v>
                </c:pt>
                <c:pt idx="2853">
                  <c:v>39379</c:v>
                </c:pt>
                <c:pt idx="2854">
                  <c:v>39380</c:v>
                </c:pt>
                <c:pt idx="2855">
                  <c:v>39381</c:v>
                </c:pt>
                <c:pt idx="2856">
                  <c:v>39382</c:v>
                </c:pt>
                <c:pt idx="2857">
                  <c:v>39383</c:v>
                </c:pt>
                <c:pt idx="2858">
                  <c:v>39384</c:v>
                </c:pt>
                <c:pt idx="2859">
                  <c:v>39385</c:v>
                </c:pt>
                <c:pt idx="2860">
                  <c:v>39386</c:v>
                </c:pt>
                <c:pt idx="2861">
                  <c:v>39387</c:v>
                </c:pt>
                <c:pt idx="2862">
                  <c:v>39388</c:v>
                </c:pt>
                <c:pt idx="2863">
                  <c:v>39389</c:v>
                </c:pt>
                <c:pt idx="2864">
                  <c:v>39390</c:v>
                </c:pt>
                <c:pt idx="2865">
                  <c:v>39391</c:v>
                </c:pt>
                <c:pt idx="2866">
                  <c:v>39392</c:v>
                </c:pt>
                <c:pt idx="2867">
                  <c:v>39393</c:v>
                </c:pt>
                <c:pt idx="2868">
                  <c:v>39394</c:v>
                </c:pt>
                <c:pt idx="2869">
                  <c:v>39395</c:v>
                </c:pt>
                <c:pt idx="2870">
                  <c:v>39396</c:v>
                </c:pt>
                <c:pt idx="2871">
                  <c:v>39397</c:v>
                </c:pt>
                <c:pt idx="2872">
                  <c:v>39398</c:v>
                </c:pt>
                <c:pt idx="2873">
                  <c:v>39399</c:v>
                </c:pt>
                <c:pt idx="2874">
                  <c:v>39400</c:v>
                </c:pt>
                <c:pt idx="2875">
                  <c:v>39401</c:v>
                </c:pt>
                <c:pt idx="2876">
                  <c:v>39402</c:v>
                </c:pt>
                <c:pt idx="2877">
                  <c:v>39403</c:v>
                </c:pt>
                <c:pt idx="2878">
                  <c:v>39404</c:v>
                </c:pt>
                <c:pt idx="2879">
                  <c:v>39405</c:v>
                </c:pt>
                <c:pt idx="2880">
                  <c:v>39406</c:v>
                </c:pt>
                <c:pt idx="2881">
                  <c:v>39407</c:v>
                </c:pt>
                <c:pt idx="2882">
                  <c:v>39408</c:v>
                </c:pt>
                <c:pt idx="2883">
                  <c:v>39409</c:v>
                </c:pt>
                <c:pt idx="2884">
                  <c:v>39410</c:v>
                </c:pt>
                <c:pt idx="2885">
                  <c:v>39411</c:v>
                </c:pt>
                <c:pt idx="2886">
                  <c:v>39412</c:v>
                </c:pt>
                <c:pt idx="2887">
                  <c:v>39413</c:v>
                </c:pt>
                <c:pt idx="2888">
                  <c:v>39414</c:v>
                </c:pt>
                <c:pt idx="2889">
                  <c:v>39415</c:v>
                </c:pt>
                <c:pt idx="2890">
                  <c:v>39416</c:v>
                </c:pt>
                <c:pt idx="2891">
                  <c:v>39417</c:v>
                </c:pt>
                <c:pt idx="2892">
                  <c:v>39418</c:v>
                </c:pt>
                <c:pt idx="2893">
                  <c:v>39419</c:v>
                </c:pt>
                <c:pt idx="2894">
                  <c:v>39420</c:v>
                </c:pt>
                <c:pt idx="2895">
                  <c:v>39421</c:v>
                </c:pt>
                <c:pt idx="2896">
                  <c:v>39422</c:v>
                </c:pt>
                <c:pt idx="2897">
                  <c:v>39423</c:v>
                </c:pt>
                <c:pt idx="2898">
                  <c:v>39424</c:v>
                </c:pt>
                <c:pt idx="2899">
                  <c:v>39425</c:v>
                </c:pt>
                <c:pt idx="2900">
                  <c:v>39426</c:v>
                </c:pt>
                <c:pt idx="2901">
                  <c:v>39427</c:v>
                </c:pt>
                <c:pt idx="2902">
                  <c:v>39428</c:v>
                </c:pt>
                <c:pt idx="2903">
                  <c:v>39429</c:v>
                </c:pt>
                <c:pt idx="2904">
                  <c:v>39430</c:v>
                </c:pt>
                <c:pt idx="2905">
                  <c:v>39431</c:v>
                </c:pt>
                <c:pt idx="2906">
                  <c:v>39432</c:v>
                </c:pt>
                <c:pt idx="2907">
                  <c:v>39433</c:v>
                </c:pt>
                <c:pt idx="2908">
                  <c:v>39434</c:v>
                </c:pt>
                <c:pt idx="2909">
                  <c:v>39435</c:v>
                </c:pt>
                <c:pt idx="2910">
                  <c:v>39436</c:v>
                </c:pt>
                <c:pt idx="2911">
                  <c:v>39437</c:v>
                </c:pt>
                <c:pt idx="2912">
                  <c:v>39438</c:v>
                </c:pt>
                <c:pt idx="2913">
                  <c:v>39439</c:v>
                </c:pt>
                <c:pt idx="2914">
                  <c:v>39440</c:v>
                </c:pt>
                <c:pt idx="2915">
                  <c:v>39441</c:v>
                </c:pt>
                <c:pt idx="2916">
                  <c:v>39442</c:v>
                </c:pt>
                <c:pt idx="2917">
                  <c:v>39443</c:v>
                </c:pt>
                <c:pt idx="2918">
                  <c:v>39444</c:v>
                </c:pt>
                <c:pt idx="2919">
                  <c:v>39445</c:v>
                </c:pt>
                <c:pt idx="2920">
                  <c:v>39446</c:v>
                </c:pt>
                <c:pt idx="2921">
                  <c:v>39447</c:v>
                </c:pt>
                <c:pt idx="2922">
                  <c:v>39448</c:v>
                </c:pt>
                <c:pt idx="2923">
                  <c:v>39449</c:v>
                </c:pt>
                <c:pt idx="2924">
                  <c:v>39450</c:v>
                </c:pt>
                <c:pt idx="2925">
                  <c:v>39451</c:v>
                </c:pt>
                <c:pt idx="2926">
                  <c:v>39452</c:v>
                </c:pt>
                <c:pt idx="2927">
                  <c:v>39453</c:v>
                </c:pt>
                <c:pt idx="2928">
                  <c:v>39454</c:v>
                </c:pt>
                <c:pt idx="2929">
                  <c:v>39455</c:v>
                </c:pt>
                <c:pt idx="2930">
                  <c:v>39456</c:v>
                </c:pt>
                <c:pt idx="2931">
                  <c:v>39457</c:v>
                </c:pt>
                <c:pt idx="2932">
                  <c:v>39458</c:v>
                </c:pt>
                <c:pt idx="2933">
                  <c:v>39459</c:v>
                </c:pt>
                <c:pt idx="2934">
                  <c:v>39460</c:v>
                </c:pt>
                <c:pt idx="2935">
                  <c:v>39461</c:v>
                </c:pt>
                <c:pt idx="2936">
                  <c:v>39462</c:v>
                </c:pt>
                <c:pt idx="2937">
                  <c:v>39463</c:v>
                </c:pt>
                <c:pt idx="2938">
                  <c:v>39464</c:v>
                </c:pt>
                <c:pt idx="2939">
                  <c:v>39465</c:v>
                </c:pt>
                <c:pt idx="2940">
                  <c:v>39466</c:v>
                </c:pt>
                <c:pt idx="2941">
                  <c:v>39467</c:v>
                </c:pt>
                <c:pt idx="2942">
                  <c:v>39468</c:v>
                </c:pt>
                <c:pt idx="2943">
                  <c:v>39469</c:v>
                </c:pt>
                <c:pt idx="2944">
                  <c:v>39470</c:v>
                </c:pt>
                <c:pt idx="2945">
                  <c:v>39471</c:v>
                </c:pt>
                <c:pt idx="2946">
                  <c:v>39472</c:v>
                </c:pt>
                <c:pt idx="2947">
                  <c:v>39473</c:v>
                </c:pt>
                <c:pt idx="2948">
                  <c:v>39474</c:v>
                </c:pt>
                <c:pt idx="2949">
                  <c:v>39475</c:v>
                </c:pt>
                <c:pt idx="2950">
                  <c:v>39476</c:v>
                </c:pt>
                <c:pt idx="2951">
                  <c:v>39477</c:v>
                </c:pt>
                <c:pt idx="2952">
                  <c:v>39478</c:v>
                </c:pt>
                <c:pt idx="2953">
                  <c:v>39479</c:v>
                </c:pt>
                <c:pt idx="2954">
                  <c:v>39480</c:v>
                </c:pt>
                <c:pt idx="2955">
                  <c:v>39481</c:v>
                </c:pt>
                <c:pt idx="2956">
                  <c:v>39482</c:v>
                </c:pt>
                <c:pt idx="2957">
                  <c:v>39483</c:v>
                </c:pt>
                <c:pt idx="2958">
                  <c:v>39484</c:v>
                </c:pt>
                <c:pt idx="2959">
                  <c:v>39485</c:v>
                </c:pt>
                <c:pt idx="2960">
                  <c:v>39486</c:v>
                </c:pt>
                <c:pt idx="2961">
                  <c:v>39487</c:v>
                </c:pt>
                <c:pt idx="2962">
                  <c:v>39488</c:v>
                </c:pt>
                <c:pt idx="2963">
                  <c:v>39489</c:v>
                </c:pt>
                <c:pt idx="2964">
                  <c:v>39490</c:v>
                </c:pt>
                <c:pt idx="2965">
                  <c:v>39491</c:v>
                </c:pt>
                <c:pt idx="2966">
                  <c:v>39492</c:v>
                </c:pt>
                <c:pt idx="2967">
                  <c:v>39493</c:v>
                </c:pt>
                <c:pt idx="2968">
                  <c:v>39494</c:v>
                </c:pt>
                <c:pt idx="2969">
                  <c:v>39495</c:v>
                </c:pt>
                <c:pt idx="2970">
                  <c:v>39496</c:v>
                </c:pt>
                <c:pt idx="2971">
                  <c:v>39497</c:v>
                </c:pt>
                <c:pt idx="2972">
                  <c:v>39498</c:v>
                </c:pt>
                <c:pt idx="2973">
                  <c:v>39499</c:v>
                </c:pt>
                <c:pt idx="2974">
                  <c:v>39500</c:v>
                </c:pt>
                <c:pt idx="2975">
                  <c:v>39501</c:v>
                </c:pt>
                <c:pt idx="2976">
                  <c:v>39502</c:v>
                </c:pt>
                <c:pt idx="2977">
                  <c:v>39503</c:v>
                </c:pt>
                <c:pt idx="2978">
                  <c:v>39504</c:v>
                </c:pt>
                <c:pt idx="2979">
                  <c:v>39505</c:v>
                </c:pt>
                <c:pt idx="2980">
                  <c:v>39506</c:v>
                </c:pt>
                <c:pt idx="2981">
                  <c:v>39507</c:v>
                </c:pt>
                <c:pt idx="2982">
                  <c:v>39508</c:v>
                </c:pt>
                <c:pt idx="2983">
                  <c:v>39509</c:v>
                </c:pt>
                <c:pt idx="2984">
                  <c:v>39510</c:v>
                </c:pt>
                <c:pt idx="2985">
                  <c:v>39511</c:v>
                </c:pt>
                <c:pt idx="2986">
                  <c:v>39512</c:v>
                </c:pt>
                <c:pt idx="2987">
                  <c:v>39513</c:v>
                </c:pt>
                <c:pt idx="2988">
                  <c:v>39514</c:v>
                </c:pt>
                <c:pt idx="2989">
                  <c:v>39515</c:v>
                </c:pt>
                <c:pt idx="2990">
                  <c:v>39516</c:v>
                </c:pt>
                <c:pt idx="2991">
                  <c:v>39517</c:v>
                </c:pt>
                <c:pt idx="2992">
                  <c:v>39518</c:v>
                </c:pt>
                <c:pt idx="2993">
                  <c:v>39519</c:v>
                </c:pt>
                <c:pt idx="2994">
                  <c:v>39520</c:v>
                </c:pt>
                <c:pt idx="2995">
                  <c:v>39521</c:v>
                </c:pt>
                <c:pt idx="2996">
                  <c:v>39522</c:v>
                </c:pt>
                <c:pt idx="2997">
                  <c:v>39523</c:v>
                </c:pt>
                <c:pt idx="2998">
                  <c:v>39524</c:v>
                </c:pt>
                <c:pt idx="2999">
                  <c:v>39525</c:v>
                </c:pt>
                <c:pt idx="3000">
                  <c:v>39526</c:v>
                </c:pt>
                <c:pt idx="3001">
                  <c:v>39527</c:v>
                </c:pt>
                <c:pt idx="3002">
                  <c:v>39528</c:v>
                </c:pt>
                <c:pt idx="3003">
                  <c:v>39529</c:v>
                </c:pt>
                <c:pt idx="3004">
                  <c:v>39530</c:v>
                </c:pt>
                <c:pt idx="3005">
                  <c:v>39531</c:v>
                </c:pt>
                <c:pt idx="3006">
                  <c:v>39532</c:v>
                </c:pt>
                <c:pt idx="3007">
                  <c:v>39533</c:v>
                </c:pt>
                <c:pt idx="3008">
                  <c:v>39534</c:v>
                </c:pt>
                <c:pt idx="3009">
                  <c:v>39535</c:v>
                </c:pt>
                <c:pt idx="3010">
                  <c:v>39536</c:v>
                </c:pt>
                <c:pt idx="3011">
                  <c:v>39537</c:v>
                </c:pt>
                <c:pt idx="3012">
                  <c:v>39538</c:v>
                </c:pt>
                <c:pt idx="3013">
                  <c:v>39539</c:v>
                </c:pt>
                <c:pt idx="3014">
                  <c:v>39540</c:v>
                </c:pt>
                <c:pt idx="3015">
                  <c:v>39541</c:v>
                </c:pt>
                <c:pt idx="3016">
                  <c:v>39542</c:v>
                </c:pt>
                <c:pt idx="3017">
                  <c:v>39543</c:v>
                </c:pt>
                <c:pt idx="3018">
                  <c:v>39544</c:v>
                </c:pt>
                <c:pt idx="3019">
                  <c:v>39545</c:v>
                </c:pt>
                <c:pt idx="3020">
                  <c:v>39546</c:v>
                </c:pt>
                <c:pt idx="3021">
                  <c:v>39547</c:v>
                </c:pt>
                <c:pt idx="3022">
                  <c:v>39548</c:v>
                </c:pt>
                <c:pt idx="3023">
                  <c:v>39549</c:v>
                </c:pt>
                <c:pt idx="3024">
                  <c:v>39550</c:v>
                </c:pt>
                <c:pt idx="3025">
                  <c:v>39551</c:v>
                </c:pt>
                <c:pt idx="3026">
                  <c:v>39552</c:v>
                </c:pt>
                <c:pt idx="3027">
                  <c:v>39553</c:v>
                </c:pt>
                <c:pt idx="3028">
                  <c:v>39554</c:v>
                </c:pt>
                <c:pt idx="3029">
                  <c:v>39555</c:v>
                </c:pt>
                <c:pt idx="3030">
                  <c:v>39556</c:v>
                </c:pt>
                <c:pt idx="3031">
                  <c:v>39557</c:v>
                </c:pt>
                <c:pt idx="3032">
                  <c:v>39558</c:v>
                </c:pt>
                <c:pt idx="3033">
                  <c:v>39559</c:v>
                </c:pt>
                <c:pt idx="3034">
                  <c:v>39560</c:v>
                </c:pt>
                <c:pt idx="3035">
                  <c:v>39561</c:v>
                </c:pt>
                <c:pt idx="3036">
                  <c:v>39562</c:v>
                </c:pt>
                <c:pt idx="3037">
                  <c:v>39563</c:v>
                </c:pt>
                <c:pt idx="3038">
                  <c:v>39564</c:v>
                </c:pt>
                <c:pt idx="3039">
                  <c:v>39565</c:v>
                </c:pt>
                <c:pt idx="3040">
                  <c:v>39566</c:v>
                </c:pt>
                <c:pt idx="3041">
                  <c:v>39567</c:v>
                </c:pt>
                <c:pt idx="3042">
                  <c:v>39568</c:v>
                </c:pt>
                <c:pt idx="3043">
                  <c:v>39569</c:v>
                </c:pt>
                <c:pt idx="3044">
                  <c:v>39570</c:v>
                </c:pt>
                <c:pt idx="3045">
                  <c:v>39571</c:v>
                </c:pt>
                <c:pt idx="3046">
                  <c:v>39572</c:v>
                </c:pt>
                <c:pt idx="3047">
                  <c:v>39573</c:v>
                </c:pt>
                <c:pt idx="3048">
                  <c:v>39574</c:v>
                </c:pt>
                <c:pt idx="3049">
                  <c:v>39575</c:v>
                </c:pt>
                <c:pt idx="3050">
                  <c:v>39576</c:v>
                </c:pt>
                <c:pt idx="3051">
                  <c:v>39577</c:v>
                </c:pt>
                <c:pt idx="3052">
                  <c:v>39578</c:v>
                </c:pt>
                <c:pt idx="3053">
                  <c:v>39579</c:v>
                </c:pt>
                <c:pt idx="3054">
                  <c:v>39580</c:v>
                </c:pt>
                <c:pt idx="3055">
                  <c:v>39581</c:v>
                </c:pt>
                <c:pt idx="3056">
                  <c:v>39582</c:v>
                </c:pt>
                <c:pt idx="3057">
                  <c:v>39583</c:v>
                </c:pt>
                <c:pt idx="3058">
                  <c:v>39584</c:v>
                </c:pt>
                <c:pt idx="3059">
                  <c:v>39585</c:v>
                </c:pt>
                <c:pt idx="3060">
                  <c:v>39586</c:v>
                </c:pt>
                <c:pt idx="3061">
                  <c:v>39587</c:v>
                </c:pt>
                <c:pt idx="3062">
                  <c:v>39588</c:v>
                </c:pt>
                <c:pt idx="3063">
                  <c:v>39589</c:v>
                </c:pt>
                <c:pt idx="3064">
                  <c:v>39590</c:v>
                </c:pt>
                <c:pt idx="3065">
                  <c:v>39591</c:v>
                </c:pt>
                <c:pt idx="3066">
                  <c:v>39592</c:v>
                </c:pt>
                <c:pt idx="3067">
                  <c:v>39593</c:v>
                </c:pt>
                <c:pt idx="3068">
                  <c:v>39594</c:v>
                </c:pt>
                <c:pt idx="3069">
                  <c:v>39595</c:v>
                </c:pt>
                <c:pt idx="3070">
                  <c:v>39596</c:v>
                </c:pt>
                <c:pt idx="3071">
                  <c:v>39597</c:v>
                </c:pt>
                <c:pt idx="3072">
                  <c:v>39598</c:v>
                </c:pt>
                <c:pt idx="3073">
                  <c:v>39599</c:v>
                </c:pt>
                <c:pt idx="3074">
                  <c:v>39600</c:v>
                </c:pt>
                <c:pt idx="3075">
                  <c:v>39601</c:v>
                </c:pt>
                <c:pt idx="3076">
                  <c:v>39602</c:v>
                </c:pt>
                <c:pt idx="3077">
                  <c:v>39603</c:v>
                </c:pt>
                <c:pt idx="3078">
                  <c:v>39604</c:v>
                </c:pt>
                <c:pt idx="3079">
                  <c:v>39605</c:v>
                </c:pt>
                <c:pt idx="3080">
                  <c:v>39606</c:v>
                </c:pt>
                <c:pt idx="3081">
                  <c:v>39607</c:v>
                </c:pt>
                <c:pt idx="3082">
                  <c:v>39608</c:v>
                </c:pt>
                <c:pt idx="3083">
                  <c:v>39609</c:v>
                </c:pt>
                <c:pt idx="3084">
                  <c:v>39610</c:v>
                </c:pt>
                <c:pt idx="3085">
                  <c:v>39611</c:v>
                </c:pt>
                <c:pt idx="3086">
                  <c:v>39612</c:v>
                </c:pt>
                <c:pt idx="3087">
                  <c:v>39613</c:v>
                </c:pt>
                <c:pt idx="3088">
                  <c:v>39614</c:v>
                </c:pt>
                <c:pt idx="3089">
                  <c:v>39615</c:v>
                </c:pt>
                <c:pt idx="3090">
                  <c:v>39616</c:v>
                </c:pt>
                <c:pt idx="3091">
                  <c:v>39617</c:v>
                </c:pt>
                <c:pt idx="3092">
                  <c:v>39618</c:v>
                </c:pt>
                <c:pt idx="3093">
                  <c:v>39619</c:v>
                </c:pt>
                <c:pt idx="3094">
                  <c:v>39620</c:v>
                </c:pt>
                <c:pt idx="3095">
                  <c:v>39621</c:v>
                </c:pt>
                <c:pt idx="3096">
                  <c:v>39622</c:v>
                </c:pt>
                <c:pt idx="3097">
                  <c:v>39623</c:v>
                </c:pt>
                <c:pt idx="3098">
                  <c:v>39624</c:v>
                </c:pt>
                <c:pt idx="3099">
                  <c:v>39625</c:v>
                </c:pt>
                <c:pt idx="3100">
                  <c:v>39626</c:v>
                </c:pt>
                <c:pt idx="3101">
                  <c:v>39627</c:v>
                </c:pt>
                <c:pt idx="3102">
                  <c:v>39628</c:v>
                </c:pt>
                <c:pt idx="3103">
                  <c:v>39629</c:v>
                </c:pt>
                <c:pt idx="3104">
                  <c:v>39630</c:v>
                </c:pt>
                <c:pt idx="3105">
                  <c:v>39631</c:v>
                </c:pt>
                <c:pt idx="3106">
                  <c:v>39632</c:v>
                </c:pt>
                <c:pt idx="3107">
                  <c:v>39633</c:v>
                </c:pt>
                <c:pt idx="3108">
                  <c:v>39634</c:v>
                </c:pt>
                <c:pt idx="3109">
                  <c:v>39635</c:v>
                </c:pt>
                <c:pt idx="3110">
                  <c:v>39636</c:v>
                </c:pt>
                <c:pt idx="3111">
                  <c:v>39637</c:v>
                </c:pt>
                <c:pt idx="3112">
                  <c:v>39638</c:v>
                </c:pt>
                <c:pt idx="3113">
                  <c:v>39639</c:v>
                </c:pt>
                <c:pt idx="3114">
                  <c:v>39640</c:v>
                </c:pt>
                <c:pt idx="3115">
                  <c:v>39641</c:v>
                </c:pt>
                <c:pt idx="3116">
                  <c:v>39642</c:v>
                </c:pt>
                <c:pt idx="3117">
                  <c:v>39643</c:v>
                </c:pt>
                <c:pt idx="3118">
                  <c:v>39644</c:v>
                </c:pt>
                <c:pt idx="3119">
                  <c:v>39645</c:v>
                </c:pt>
                <c:pt idx="3120">
                  <c:v>39646</c:v>
                </c:pt>
                <c:pt idx="3121">
                  <c:v>39647</c:v>
                </c:pt>
                <c:pt idx="3122">
                  <c:v>39648</c:v>
                </c:pt>
                <c:pt idx="3123">
                  <c:v>39649</c:v>
                </c:pt>
                <c:pt idx="3124">
                  <c:v>39650</c:v>
                </c:pt>
                <c:pt idx="3125">
                  <c:v>39651</c:v>
                </c:pt>
                <c:pt idx="3126">
                  <c:v>39652</c:v>
                </c:pt>
                <c:pt idx="3127">
                  <c:v>39653</c:v>
                </c:pt>
                <c:pt idx="3128">
                  <c:v>39654</c:v>
                </c:pt>
                <c:pt idx="3129">
                  <c:v>39655</c:v>
                </c:pt>
                <c:pt idx="3130">
                  <c:v>39656</c:v>
                </c:pt>
                <c:pt idx="3131">
                  <c:v>39657</c:v>
                </c:pt>
                <c:pt idx="3132">
                  <c:v>39658</c:v>
                </c:pt>
                <c:pt idx="3133">
                  <c:v>39659</c:v>
                </c:pt>
                <c:pt idx="3134">
                  <c:v>39660</c:v>
                </c:pt>
                <c:pt idx="3135">
                  <c:v>39661</c:v>
                </c:pt>
                <c:pt idx="3136">
                  <c:v>39662</c:v>
                </c:pt>
                <c:pt idx="3137">
                  <c:v>39663</c:v>
                </c:pt>
                <c:pt idx="3138">
                  <c:v>39664</c:v>
                </c:pt>
                <c:pt idx="3139">
                  <c:v>39665</c:v>
                </c:pt>
                <c:pt idx="3140">
                  <c:v>39666</c:v>
                </c:pt>
                <c:pt idx="3141">
                  <c:v>39667</c:v>
                </c:pt>
                <c:pt idx="3142">
                  <c:v>39668</c:v>
                </c:pt>
                <c:pt idx="3143">
                  <c:v>39669</c:v>
                </c:pt>
                <c:pt idx="3144">
                  <c:v>39670</c:v>
                </c:pt>
                <c:pt idx="3145">
                  <c:v>39671</c:v>
                </c:pt>
                <c:pt idx="3146">
                  <c:v>39672</c:v>
                </c:pt>
                <c:pt idx="3147">
                  <c:v>39673</c:v>
                </c:pt>
                <c:pt idx="3148">
                  <c:v>39674</c:v>
                </c:pt>
                <c:pt idx="3149">
                  <c:v>39675</c:v>
                </c:pt>
                <c:pt idx="3150">
                  <c:v>39676</c:v>
                </c:pt>
                <c:pt idx="3151">
                  <c:v>39677</c:v>
                </c:pt>
                <c:pt idx="3152">
                  <c:v>39678</c:v>
                </c:pt>
                <c:pt idx="3153">
                  <c:v>39679</c:v>
                </c:pt>
                <c:pt idx="3154">
                  <c:v>39680</c:v>
                </c:pt>
                <c:pt idx="3155">
                  <c:v>39681</c:v>
                </c:pt>
                <c:pt idx="3156">
                  <c:v>39682</c:v>
                </c:pt>
                <c:pt idx="3157">
                  <c:v>39683</c:v>
                </c:pt>
                <c:pt idx="3158">
                  <c:v>39684</c:v>
                </c:pt>
                <c:pt idx="3159">
                  <c:v>39685</c:v>
                </c:pt>
                <c:pt idx="3160">
                  <c:v>39686</c:v>
                </c:pt>
                <c:pt idx="3161">
                  <c:v>39687</c:v>
                </c:pt>
                <c:pt idx="3162">
                  <c:v>39688</c:v>
                </c:pt>
                <c:pt idx="3163">
                  <c:v>39689</c:v>
                </c:pt>
                <c:pt idx="3164">
                  <c:v>39690</c:v>
                </c:pt>
                <c:pt idx="3165">
                  <c:v>39691</c:v>
                </c:pt>
                <c:pt idx="3166">
                  <c:v>39692</c:v>
                </c:pt>
                <c:pt idx="3167">
                  <c:v>39693</c:v>
                </c:pt>
                <c:pt idx="3168">
                  <c:v>39694</c:v>
                </c:pt>
                <c:pt idx="3169">
                  <c:v>39695</c:v>
                </c:pt>
                <c:pt idx="3170">
                  <c:v>39696</c:v>
                </c:pt>
                <c:pt idx="3171">
                  <c:v>39697</c:v>
                </c:pt>
                <c:pt idx="3172">
                  <c:v>39698</c:v>
                </c:pt>
                <c:pt idx="3173">
                  <c:v>39699</c:v>
                </c:pt>
                <c:pt idx="3174">
                  <c:v>39700</c:v>
                </c:pt>
                <c:pt idx="3175">
                  <c:v>39701</c:v>
                </c:pt>
                <c:pt idx="3176">
                  <c:v>39702</c:v>
                </c:pt>
                <c:pt idx="3177">
                  <c:v>39703</c:v>
                </c:pt>
                <c:pt idx="3178">
                  <c:v>39704</c:v>
                </c:pt>
                <c:pt idx="3179">
                  <c:v>39705</c:v>
                </c:pt>
                <c:pt idx="3180">
                  <c:v>39706</c:v>
                </c:pt>
                <c:pt idx="3181">
                  <c:v>39707</c:v>
                </c:pt>
                <c:pt idx="3182">
                  <c:v>39708</c:v>
                </c:pt>
                <c:pt idx="3183">
                  <c:v>39709</c:v>
                </c:pt>
                <c:pt idx="3184">
                  <c:v>39710</c:v>
                </c:pt>
                <c:pt idx="3185">
                  <c:v>39711</c:v>
                </c:pt>
                <c:pt idx="3186">
                  <c:v>39712</c:v>
                </c:pt>
                <c:pt idx="3187">
                  <c:v>39713</c:v>
                </c:pt>
                <c:pt idx="3188">
                  <c:v>39714</c:v>
                </c:pt>
                <c:pt idx="3189">
                  <c:v>39715</c:v>
                </c:pt>
                <c:pt idx="3190">
                  <c:v>39716</c:v>
                </c:pt>
                <c:pt idx="3191">
                  <c:v>39717</c:v>
                </c:pt>
                <c:pt idx="3192">
                  <c:v>39718</c:v>
                </c:pt>
                <c:pt idx="3193">
                  <c:v>39719</c:v>
                </c:pt>
                <c:pt idx="3194">
                  <c:v>39720</c:v>
                </c:pt>
                <c:pt idx="3195">
                  <c:v>39721</c:v>
                </c:pt>
                <c:pt idx="3196">
                  <c:v>39722</c:v>
                </c:pt>
                <c:pt idx="3197">
                  <c:v>39723</c:v>
                </c:pt>
                <c:pt idx="3198">
                  <c:v>39724</c:v>
                </c:pt>
                <c:pt idx="3199">
                  <c:v>39725</c:v>
                </c:pt>
                <c:pt idx="3200">
                  <c:v>39726</c:v>
                </c:pt>
                <c:pt idx="3201">
                  <c:v>39727</c:v>
                </c:pt>
                <c:pt idx="3202">
                  <c:v>39728</c:v>
                </c:pt>
                <c:pt idx="3203">
                  <c:v>39729</c:v>
                </c:pt>
                <c:pt idx="3204">
                  <c:v>39730</c:v>
                </c:pt>
                <c:pt idx="3205">
                  <c:v>39731</c:v>
                </c:pt>
                <c:pt idx="3206">
                  <c:v>39732</c:v>
                </c:pt>
                <c:pt idx="3207">
                  <c:v>39733</c:v>
                </c:pt>
                <c:pt idx="3208">
                  <c:v>39734</c:v>
                </c:pt>
                <c:pt idx="3209">
                  <c:v>39735</c:v>
                </c:pt>
                <c:pt idx="3210">
                  <c:v>39736</c:v>
                </c:pt>
                <c:pt idx="3211">
                  <c:v>39737</c:v>
                </c:pt>
                <c:pt idx="3212">
                  <c:v>39738</c:v>
                </c:pt>
                <c:pt idx="3213">
                  <c:v>39739</c:v>
                </c:pt>
                <c:pt idx="3214">
                  <c:v>39740</c:v>
                </c:pt>
                <c:pt idx="3215">
                  <c:v>39741</c:v>
                </c:pt>
                <c:pt idx="3216">
                  <c:v>39742</c:v>
                </c:pt>
                <c:pt idx="3217">
                  <c:v>39743</c:v>
                </c:pt>
                <c:pt idx="3218">
                  <c:v>39744</c:v>
                </c:pt>
                <c:pt idx="3219">
                  <c:v>39745</c:v>
                </c:pt>
                <c:pt idx="3220">
                  <c:v>39746</c:v>
                </c:pt>
                <c:pt idx="3221">
                  <c:v>39747</c:v>
                </c:pt>
                <c:pt idx="3222">
                  <c:v>39748</c:v>
                </c:pt>
                <c:pt idx="3223">
                  <c:v>39749</c:v>
                </c:pt>
                <c:pt idx="3224">
                  <c:v>39750</c:v>
                </c:pt>
                <c:pt idx="3225">
                  <c:v>39751</c:v>
                </c:pt>
                <c:pt idx="3226">
                  <c:v>39752</c:v>
                </c:pt>
                <c:pt idx="3227">
                  <c:v>39753</c:v>
                </c:pt>
                <c:pt idx="3228">
                  <c:v>39754</c:v>
                </c:pt>
                <c:pt idx="3229">
                  <c:v>39755</c:v>
                </c:pt>
                <c:pt idx="3230">
                  <c:v>39756</c:v>
                </c:pt>
                <c:pt idx="3231">
                  <c:v>39757</c:v>
                </c:pt>
                <c:pt idx="3232">
                  <c:v>39758</c:v>
                </c:pt>
                <c:pt idx="3233">
                  <c:v>39759</c:v>
                </c:pt>
                <c:pt idx="3234">
                  <c:v>39760</c:v>
                </c:pt>
                <c:pt idx="3235">
                  <c:v>39761</c:v>
                </c:pt>
                <c:pt idx="3236">
                  <c:v>39762</c:v>
                </c:pt>
                <c:pt idx="3237">
                  <c:v>39763</c:v>
                </c:pt>
                <c:pt idx="3238">
                  <c:v>39764</c:v>
                </c:pt>
                <c:pt idx="3239">
                  <c:v>39765</c:v>
                </c:pt>
                <c:pt idx="3240">
                  <c:v>39766</c:v>
                </c:pt>
                <c:pt idx="3241">
                  <c:v>39767</c:v>
                </c:pt>
                <c:pt idx="3242">
                  <c:v>39768</c:v>
                </c:pt>
                <c:pt idx="3243">
                  <c:v>39769</c:v>
                </c:pt>
                <c:pt idx="3244">
                  <c:v>39770</c:v>
                </c:pt>
                <c:pt idx="3245">
                  <c:v>39771</c:v>
                </c:pt>
                <c:pt idx="3246">
                  <c:v>39772</c:v>
                </c:pt>
                <c:pt idx="3247">
                  <c:v>39773</c:v>
                </c:pt>
                <c:pt idx="3248">
                  <c:v>39774</c:v>
                </c:pt>
                <c:pt idx="3249">
                  <c:v>39775</c:v>
                </c:pt>
                <c:pt idx="3250">
                  <c:v>39776</c:v>
                </c:pt>
                <c:pt idx="3251">
                  <c:v>39777</c:v>
                </c:pt>
                <c:pt idx="3252">
                  <c:v>39778</c:v>
                </c:pt>
                <c:pt idx="3253">
                  <c:v>39779</c:v>
                </c:pt>
                <c:pt idx="3254">
                  <c:v>39780</c:v>
                </c:pt>
                <c:pt idx="3255">
                  <c:v>39781</c:v>
                </c:pt>
                <c:pt idx="3256">
                  <c:v>39782</c:v>
                </c:pt>
                <c:pt idx="3257">
                  <c:v>39783</c:v>
                </c:pt>
                <c:pt idx="3258">
                  <c:v>39784</c:v>
                </c:pt>
                <c:pt idx="3259">
                  <c:v>39785</c:v>
                </c:pt>
                <c:pt idx="3260">
                  <c:v>39786</c:v>
                </c:pt>
                <c:pt idx="3261">
                  <c:v>39787</c:v>
                </c:pt>
                <c:pt idx="3262">
                  <c:v>39788</c:v>
                </c:pt>
                <c:pt idx="3263">
                  <c:v>39789</c:v>
                </c:pt>
                <c:pt idx="3264">
                  <c:v>39790</c:v>
                </c:pt>
                <c:pt idx="3265">
                  <c:v>39791</c:v>
                </c:pt>
                <c:pt idx="3266">
                  <c:v>39792</c:v>
                </c:pt>
                <c:pt idx="3267">
                  <c:v>39793</c:v>
                </c:pt>
                <c:pt idx="3268">
                  <c:v>39794</c:v>
                </c:pt>
                <c:pt idx="3269">
                  <c:v>39795</c:v>
                </c:pt>
                <c:pt idx="3270">
                  <c:v>39796</c:v>
                </c:pt>
                <c:pt idx="3271">
                  <c:v>39797</c:v>
                </c:pt>
                <c:pt idx="3272">
                  <c:v>39798</c:v>
                </c:pt>
                <c:pt idx="3273">
                  <c:v>39799</c:v>
                </c:pt>
                <c:pt idx="3274">
                  <c:v>39800</c:v>
                </c:pt>
                <c:pt idx="3275">
                  <c:v>39801</c:v>
                </c:pt>
                <c:pt idx="3276">
                  <c:v>39802</c:v>
                </c:pt>
                <c:pt idx="3277">
                  <c:v>39803</c:v>
                </c:pt>
                <c:pt idx="3278">
                  <c:v>39804</c:v>
                </c:pt>
                <c:pt idx="3279">
                  <c:v>39805</c:v>
                </c:pt>
                <c:pt idx="3280">
                  <c:v>39806</c:v>
                </c:pt>
                <c:pt idx="3281">
                  <c:v>39807</c:v>
                </c:pt>
                <c:pt idx="3282">
                  <c:v>39808</c:v>
                </c:pt>
                <c:pt idx="3283">
                  <c:v>39809</c:v>
                </c:pt>
                <c:pt idx="3284">
                  <c:v>39810</c:v>
                </c:pt>
                <c:pt idx="3285">
                  <c:v>39811</c:v>
                </c:pt>
                <c:pt idx="3286">
                  <c:v>39812</c:v>
                </c:pt>
                <c:pt idx="3287">
                  <c:v>39813</c:v>
                </c:pt>
                <c:pt idx="3288">
                  <c:v>39814</c:v>
                </c:pt>
                <c:pt idx="3289">
                  <c:v>39815</c:v>
                </c:pt>
                <c:pt idx="3290">
                  <c:v>39816</c:v>
                </c:pt>
                <c:pt idx="3291">
                  <c:v>39817</c:v>
                </c:pt>
                <c:pt idx="3292">
                  <c:v>39818</c:v>
                </c:pt>
                <c:pt idx="3293">
                  <c:v>39819</c:v>
                </c:pt>
                <c:pt idx="3294">
                  <c:v>39820</c:v>
                </c:pt>
                <c:pt idx="3295">
                  <c:v>39821</c:v>
                </c:pt>
                <c:pt idx="3296">
                  <c:v>39822</c:v>
                </c:pt>
                <c:pt idx="3297">
                  <c:v>39823</c:v>
                </c:pt>
                <c:pt idx="3298">
                  <c:v>39824</c:v>
                </c:pt>
                <c:pt idx="3299">
                  <c:v>39825</c:v>
                </c:pt>
                <c:pt idx="3300">
                  <c:v>39826</c:v>
                </c:pt>
                <c:pt idx="3301">
                  <c:v>39827</c:v>
                </c:pt>
                <c:pt idx="3302">
                  <c:v>39828</c:v>
                </c:pt>
                <c:pt idx="3303">
                  <c:v>39829</c:v>
                </c:pt>
                <c:pt idx="3304">
                  <c:v>39830</c:v>
                </c:pt>
                <c:pt idx="3305">
                  <c:v>39831</c:v>
                </c:pt>
                <c:pt idx="3306">
                  <c:v>39832</c:v>
                </c:pt>
                <c:pt idx="3307">
                  <c:v>39833</c:v>
                </c:pt>
                <c:pt idx="3308">
                  <c:v>39834</c:v>
                </c:pt>
                <c:pt idx="3309">
                  <c:v>39835</c:v>
                </c:pt>
                <c:pt idx="3310">
                  <c:v>39836</c:v>
                </c:pt>
                <c:pt idx="3311">
                  <c:v>39837</c:v>
                </c:pt>
                <c:pt idx="3312">
                  <c:v>39838</c:v>
                </c:pt>
                <c:pt idx="3313">
                  <c:v>39839</c:v>
                </c:pt>
                <c:pt idx="3314">
                  <c:v>39840</c:v>
                </c:pt>
                <c:pt idx="3315">
                  <c:v>39841</c:v>
                </c:pt>
                <c:pt idx="3316">
                  <c:v>39842</c:v>
                </c:pt>
                <c:pt idx="3317">
                  <c:v>39843</c:v>
                </c:pt>
                <c:pt idx="3318">
                  <c:v>39844</c:v>
                </c:pt>
                <c:pt idx="3319">
                  <c:v>39845</c:v>
                </c:pt>
                <c:pt idx="3320">
                  <c:v>39846</c:v>
                </c:pt>
                <c:pt idx="3321">
                  <c:v>39847</c:v>
                </c:pt>
                <c:pt idx="3322">
                  <c:v>39848</c:v>
                </c:pt>
                <c:pt idx="3323">
                  <c:v>39849</c:v>
                </c:pt>
                <c:pt idx="3324">
                  <c:v>39850</c:v>
                </c:pt>
                <c:pt idx="3325">
                  <c:v>39851</c:v>
                </c:pt>
                <c:pt idx="3326">
                  <c:v>39852</c:v>
                </c:pt>
                <c:pt idx="3327">
                  <c:v>39853</c:v>
                </c:pt>
                <c:pt idx="3328">
                  <c:v>39854</c:v>
                </c:pt>
                <c:pt idx="3329">
                  <c:v>39855</c:v>
                </c:pt>
                <c:pt idx="3330">
                  <c:v>39856</c:v>
                </c:pt>
                <c:pt idx="3331">
                  <c:v>39857</c:v>
                </c:pt>
                <c:pt idx="3332">
                  <c:v>39858</c:v>
                </c:pt>
                <c:pt idx="3333">
                  <c:v>39859</c:v>
                </c:pt>
                <c:pt idx="3334">
                  <c:v>39860</c:v>
                </c:pt>
                <c:pt idx="3335">
                  <c:v>39861</c:v>
                </c:pt>
                <c:pt idx="3336">
                  <c:v>39862</c:v>
                </c:pt>
                <c:pt idx="3337">
                  <c:v>39863</c:v>
                </c:pt>
                <c:pt idx="3338">
                  <c:v>39864</c:v>
                </c:pt>
                <c:pt idx="3339">
                  <c:v>39865</c:v>
                </c:pt>
                <c:pt idx="3340">
                  <c:v>39866</c:v>
                </c:pt>
                <c:pt idx="3341">
                  <c:v>39867</c:v>
                </c:pt>
                <c:pt idx="3342">
                  <c:v>39868</c:v>
                </c:pt>
                <c:pt idx="3343">
                  <c:v>39869</c:v>
                </c:pt>
                <c:pt idx="3344">
                  <c:v>39870</c:v>
                </c:pt>
                <c:pt idx="3345">
                  <c:v>39871</c:v>
                </c:pt>
                <c:pt idx="3346">
                  <c:v>39872</c:v>
                </c:pt>
                <c:pt idx="3347">
                  <c:v>39873</c:v>
                </c:pt>
                <c:pt idx="3348">
                  <c:v>39874</c:v>
                </c:pt>
                <c:pt idx="3349">
                  <c:v>39875</c:v>
                </c:pt>
                <c:pt idx="3350">
                  <c:v>39876</c:v>
                </c:pt>
                <c:pt idx="3351">
                  <c:v>39877</c:v>
                </c:pt>
                <c:pt idx="3352">
                  <c:v>39878</c:v>
                </c:pt>
                <c:pt idx="3353">
                  <c:v>39879</c:v>
                </c:pt>
                <c:pt idx="3354">
                  <c:v>39880</c:v>
                </c:pt>
                <c:pt idx="3355">
                  <c:v>39881</c:v>
                </c:pt>
                <c:pt idx="3356">
                  <c:v>39882</c:v>
                </c:pt>
                <c:pt idx="3357">
                  <c:v>39883</c:v>
                </c:pt>
                <c:pt idx="3358">
                  <c:v>39884</c:v>
                </c:pt>
                <c:pt idx="3359">
                  <c:v>39885</c:v>
                </c:pt>
                <c:pt idx="3360">
                  <c:v>39886</c:v>
                </c:pt>
                <c:pt idx="3361">
                  <c:v>39887</c:v>
                </c:pt>
                <c:pt idx="3362">
                  <c:v>39888</c:v>
                </c:pt>
                <c:pt idx="3363">
                  <c:v>39889</c:v>
                </c:pt>
                <c:pt idx="3364">
                  <c:v>39890</c:v>
                </c:pt>
                <c:pt idx="3365">
                  <c:v>39891</c:v>
                </c:pt>
                <c:pt idx="3366">
                  <c:v>39892</c:v>
                </c:pt>
                <c:pt idx="3367">
                  <c:v>39893</c:v>
                </c:pt>
                <c:pt idx="3368">
                  <c:v>39894</c:v>
                </c:pt>
                <c:pt idx="3369">
                  <c:v>39895</c:v>
                </c:pt>
                <c:pt idx="3370">
                  <c:v>39896</c:v>
                </c:pt>
                <c:pt idx="3371">
                  <c:v>39897</c:v>
                </c:pt>
                <c:pt idx="3372">
                  <c:v>39898</c:v>
                </c:pt>
                <c:pt idx="3373">
                  <c:v>39899</c:v>
                </c:pt>
                <c:pt idx="3374">
                  <c:v>39900</c:v>
                </c:pt>
                <c:pt idx="3375">
                  <c:v>39901</c:v>
                </c:pt>
                <c:pt idx="3376">
                  <c:v>39902</c:v>
                </c:pt>
                <c:pt idx="3377">
                  <c:v>39903</c:v>
                </c:pt>
                <c:pt idx="3378">
                  <c:v>39904</c:v>
                </c:pt>
                <c:pt idx="3379">
                  <c:v>39905</c:v>
                </c:pt>
                <c:pt idx="3380">
                  <c:v>39906</c:v>
                </c:pt>
                <c:pt idx="3381">
                  <c:v>39907</c:v>
                </c:pt>
                <c:pt idx="3382">
                  <c:v>39908</c:v>
                </c:pt>
                <c:pt idx="3383">
                  <c:v>39909</c:v>
                </c:pt>
                <c:pt idx="3384">
                  <c:v>39910</c:v>
                </c:pt>
                <c:pt idx="3385">
                  <c:v>39911</c:v>
                </c:pt>
                <c:pt idx="3386">
                  <c:v>39912</c:v>
                </c:pt>
                <c:pt idx="3387">
                  <c:v>39913</c:v>
                </c:pt>
                <c:pt idx="3388">
                  <c:v>39914</c:v>
                </c:pt>
                <c:pt idx="3389">
                  <c:v>39915</c:v>
                </c:pt>
                <c:pt idx="3390">
                  <c:v>39916</c:v>
                </c:pt>
                <c:pt idx="3391">
                  <c:v>39917</c:v>
                </c:pt>
                <c:pt idx="3392">
                  <c:v>39918</c:v>
                </c:pt>
                <c:pt idx="3393">
                  <c:v>39919</c:v>
                </c:pt>
                <c:pt idx="3394">
                  <c:v>39920</c:v>
                </c:pt>
                <c:pt idx="3395">
                  <c:v>39921</c:v>
                </c:pt>
                <c:pt idx="3396">
                  <c:v>39922</c:v>
                </c:pt>
                <c:pt idx="3397">
                  <c:v>39923</c:v>
                </c:pt>
                <c:pt idx="3398">
                  <c:v>39924</c:v>
                </c:pt>
                <c:pt idx="3399">
                  <c:v>39925</c:v>
                </c:pt>
                <c:pt idx="3400">
                  <c:v>39926</c:v>
                </c:pt>
                <c:pt idx="3401">
                  <c:v>39927</c:v>
                </c:pt>
                <c:pt idx="3402">
                  <c:v>39928</c:v>
                </c:pt>
                <c:pt idx="3403">
                  <c:v>39929</c:v>
                </c:pt>
                <c:pt idx="3404">
                  <c:v>39930</c:v>
                </c:pt>
                <c:pt idx="3405">
                  <c:v>39931</c:v>
                </c:pt>
                <c:pt idx="3406">
                  <c:v>39932</c:v>
                </c:pt>
                <c:pt idx="3407">
                  <c:v>39933</c:v>
                </c:pt>
                <c:pt idx="3408">
                  <c:v>39934</c:v>
                </c:pt>
                <c:pt idx="3409">
                  <c:v>39935</c:v>
                </c:pt>
                <c:pt idx="3410">
                  <c:v>39936</c:v>
                </c:pt>
                <c:pt idx="3411">
                  <c:v>39937</c:v>
                </c:pt>
                <c:pt idx="3412">
                  <c:v>39938</c:v>
                </c:pt>
                <c:pt idx="3413">
                  <c:v>39939</c:v>
                </c:pt>
                <c:pt idx="3414">
                  <c:v>39940</c:v>
                </c:pt>
                <c:pt idx="3415">
                  <c:v>39941</c:v>
                </c:pt>
                <c:pt idx="3416">
                  <c:v>39942</c:v>
                </c:pt>
                <c:pt idx="3417">
                  <c:v>39943</c:v>
                </c:pt>
                <c:pt idx="3418">
                  <c:v>39944</c:v>
                </c:pt>
                <c:pt idx="3419">
                  <c:v>39945</c:v>
                </c:pt>
                <c:pt idx="3420">
                  <c:v>39946</c:v>
                </c:pt>
                <c:pt idx="3421">
                  <c:v>39947</c:v>
                </c:pt>
                <c:pt idx="3422">
                  <c:v>39948</c:v>
                </c:pt>
                <c:pt idx="3423">
                  <c:v>39949</c:v>
                </c:pt>
                <c:pt idx="3424">
                  <c:v>39950</c:v>
                </c:pt>
                <c:pt idx="3425">
                  <c:v>39951</c:v>
                </c:pt>
                <c:pt idx="3426">
                  <c:v>39952</c:v>
                </c:pt>
                <c:pt idx="3427">
                  <c:v>39953</c:v>
                </c:pt>
                <c:pt idx="3428">
                  <c:v>39954</c:v>
                </c:pt>
                <c:pt idx="3429">
                  <c:v>39955</c:v>
                </c:pt>
                <c:pt idx="3430">
                  <c:v>39956</c:v>
                </c:pt>
                <c:pt idx="3431">
                  <c:v>39957</c:v>
                </c:pt>
                <c:pt idx="3432">
                  <c:v>39958</c:v>
                </c:pt>
                <c:pt idx="3433">
                  <c:v>39959</c:v>
                </c:pt>
                <c:pt idx="3434">
                  <c:v>39960</c:v>
                </c:pt>
                <c:pt idx="3435">
                  <c:v>39961</c:v>
                </c:pt>
                <c:pt idx="3436">
                  <c:v>39962</c:v>
                </c:pt>
                <c:pt idx="3437">
                  <c:v>39963</c:v>
                </c:pt>
                <c:pt idx="3438">
                  <c:v>39964</c:v>
                </c:pt>
                <c:pt idx="3439">
                  <c:v>39965</c:v>
                </c:pt>
                <c:pt idx="3440">
                  <c:v>39966</c:v>
                </c:pt>
                <c:pt idx="3441">
                  <c:v>39967</c:v>
                </c:pt>
                <c:pt idx="3442">
                  <c:v>39968</c:v>
                </c:pt>
                <c:pt idx="3443">
                  <c:v>39969</c:v>
                </c:pt>
                <c:pt idx="3444">
                  <c:v>39970</c:v>
                </c:pt>
                <c:pt idx="3445">
                  <c:v>39971</c:v>
                </c:pt>
                <c:pt idx="3446">
                  <c:v>39972</c:v>
                </c:pt>
                <c:pt idx="3447">
                  <c:v>39973</c:v>
                </c:pt>
                <c:pt idx="3448">
                  <c:v>39974</c:v>
                </c:pt>
                <c:pt idx="3449">
                  <c:v>39975</c:v>
                </c:pt>
                <c:pt idx="3450">
                  <c:v>39976</c:v>
                </c:pt>
                <c:pt idx="3451">
                  <c:v>39977</c:v>
                </c:pt>
                <c:pt idx="3452">
                  <c:v>39978</c:v>
                </c:pt>
                <c:pt idx="3453">
                  <c:v>39979</c:v>
                </c:pt>
                <c:pt idx="3454">
                  <c:v>39980</c:v>
                </c:pt>
                <c:pt idx="3455">
                  <c:v>39981</c:v>
                </c:pt>
                <c:pt idx="3456">
                  <c:v>39982</c:v>
                </c:pt>
                <c:pt idx="3457">
                  <c:v>39983</c:v>
                </c:pt>
                <c:pt idx="3458">
                  <c:v>39984</c:v>
                </c:pt>
                <c:pt idx="3459">
                  <c:v>39985</c:v>
                </c:pt>
                <c:pt idx="3460">
                  <c:v>39986</c:v>
                </c:pt>
                <c:pt idx="3461">
                  <c:v>39987</c:v>
                </c:pt>
                <c:pt idx="3462">
                  <c:v>39988</c:v>
                </c:pt>
                <c:pt idx="3463">
                  <c:v>39989</c:v>
                </c:pt>
                <c:pt idx="3464">
                  <c:v>39990</c:v>
                </c:pt>
                <c:pt idx="3465">
                  <c:v>39991</c:v>
                </c:pt>
                <c:pt idx="3466">
                  <c:v>39992</c:v>
                </c:pt>
                <c:pt idx="3467">
                  <c:v>39993</c:v>
                </c:pt>
                <c:pt idx="3468">
                  <c:v>39994</c:v>
                </c:pt>
                <c:pt idx="3469">
                  <c:v>39995</c:v>
                </c:pt>
                <c:pt idx="3470">
                  <c:v>39996</c:v>
                </c:pt>
                <c:pt idx="3471">
                  <c:v>39997</c:v>
                </c:pt>
                <c:pt idx="3472">
                  <c:v>39998</c:v>
                </c:pt>
                <c:pt idx="3473">
                  <c:v>39999</c:v>
                </c:pt>
                <c:pt idx="3474">
                  <c:v>40000</c:v>
                </c:pt>
                <c:pt idx="3475">
                  <c:v>40001</c:v>
                </c:pt>
                <c:pt idx="3476">
                  <c:v>40002</c:v>
                </c:pt>
                <c:pt idx="3477">
                  <c:v>40003</c:v>
                </c:pt>
                <c:pt idx="3478">
                  <c:v>40004</c:v>
                </c:pt>
                <c:pt idx="3479">
                  <c:v>40005</c:v>
                </c:pt>
                <c:pt idx="3480">
                  <c:v>40006</c:v>
                </c:pt>
                <c:pt idx="3481">
                  <c:v>40007</c:v>
                </c:pt>
                <c:pt idx="3482">
                  <c:v>40008</c:v>
                </c:pt>
                <c:pt idx="3483">
                  <c:v>40009</c:v>
                </c:pt>
                <c:pt idx="3484">
                  <c:v>40010</c:v>
                </c:pt>
                <c:pt idx="3485">
                  <c:v>40011</c:v>
                </c:pt>
                <c:pt idx="3486">
                  <c:v>40012</c:v>
                </c:pt>
                <c:pt idx="3487">
                  <c:v>40013</c:v>
                </c:pt>
                <c:pt idx="3488">
                  <c:v>40014</c:v>
                </c:pt>
                <c:pt idx="3489">
                  <c:v>40015</c:v>
                </c:pt>
                <c:pt idx="3490">
                  <c:v>40016</c:v>
                </c:pt>
                <c:pt idx="3491">
                  <c:v>40017</c:v>
                </c:pt>
                <c:pt idx="3492">
                  <c:v>40018</c:v>
                </c:pt>
                <c:pt idx="3493">
                  <c:v>40019</c:v>
                </c:pt>
                <c:pt idx="3494">
                  <c:v>40020</c:v>
                </c:pt>
                <c:pt idx="3495">
                  <c:v>40021</c:v>
                </c:pt>
                <c:pt idx="3496">
                  <c:v>40022</c:v>
                </c:pt>
                <c:pt idx="3497">
                  <c:v>40023</c:v>
                </c:pt>
                <c:pt idx="3498">
                  <c:v>40024</c:v>
                </c:pt>
                <c:pt idx="3499">
                  <c:v>40025</c:v>
                </c:pt>
                <c:pt idx="3500">
                  <c:v>40026</c:v>
                </c:pt>
                <c:pt idx="3501">
                  <c:v>40027</c:v>
                </c:pt>
                <c:pt idx="3502">
                  <c:v>40028</c:v>
                </c:pt>
                <c:pt idx="3503">
                  <c:v>40029</c:v>
                </c:pt>
                <c:pt idx="3504">
                  <c:v>40030</c:v>
                </c:pt>
                <c:pt idx="3505">
                  <c:v>40031</c:v>
                </c:pt>
                <c:pt idx="3506">
                  <c:v>40032</c:v>
                </c:pt>
                <c:pt idx="3507">
                  <c:v>40033</c:v>
                </c:pt>
                <c:pt idx="3508">
                  <c:v>40034</c:v>
                </c:pt>
                <c:pt idx="3509">
                  <c:v>40035</c:v>
                </c:pt>
                <c:pt idx="3510">
                  <c:v>40036</c:v>
                </c:pt>
                <c:pt idx="3511">
                  <c:v>40037</c:v>
                </c:pt>
                <c:pt idx="3512">
                  <c:v>40038</c:v>
                </c:pt>
                <c:pt idx="3513">
                  <c:v>40039</c:v>
                </c:pt>
                <c:pt idx="3514">
                  <c:v>40040</c:v>
                </c:pt>
                <c:pt idx="3515">
                  <c:v>40041</c:v>
                </c:pt>
                <c:pt idx="3516">
                  <c:v>40042</c:v>
                </c:pt>
                <c:pt idx="3517">
                  <c:v>40043</c:v>
                </c:pt>
                <c:pt idx="3518">
                  <c:v>40044</c:v>
                </c:pt>
                <c:pt idx="3519">
                  <c:v>40045</c:v>
                </c:pt>
                <c:pt idx="3520">
                  <c:v>40046</c:v>
                </c:pt>
                <c:pt idx="3521">
                  <c:v>40047</c:v>
                </c:pt>
                <c:pt idx="3522">
                  <c:v>40048</c:v>
                </c:pt>
                <c:pt idx="3523">
                  <c:v>40049</c:v>
                </c:pt>
                <c:pt idx="3524">
                  <c:v>40050</c:v>
                </c:pt>
                <c:pt idx="3525">
                  <c:v>40051</c:v>
                </c:pt>
                <c:pt idx="3526">
                  <c:v>40052</c:v>
                </c:pt>
                <c:pt idx="3527">
                  <c:v>40053</c:v>
                </c:pt>
                <c:pt idx="3528">
                  <c:v>40054</c:v>
                </c:pt>
                <c:pt idx="3529">
                  <c:v>40055</c:v>
                </c:pt>
                <c:pt idx="3530">
                  <c:v>40056</c:v>
                </c:pt>
                <c:pt idx="3531">
                  <c:v>40057</c:v>
                </c:pt>
                <c:pt idx="3532">
                  <c:v>40058</c:v>
                </c:pt>
                <c:pt idx="3533">
                  <c:v>40059</c:v>
                </c:pt>
                <c:pt idx="3534">
                  <c:v>40060</c:v>
                </c:pt>
                <c:pt idx="3535">
                  <c:v>40061</c:v>
                </c:pt>
                <c:pt idx="3536">
                  <c:v>40062</c:v>
                </c:pt>
                <c:pt idx="3537">
                  <c:v>40063</c:v>
                </c:pt>
                <c:pt idx="3538">
                  <c:v>40064</c:v>
                </c:pt>
                <c:pt idx="3539">
                  <c:v>40065</c:v>
                </c:pt>
                <c:pt idx="3540">
                  <c:v>40066</c:v>
                </c:pt>
                <c:pt idx="3541">
                  <c:v>40067</c:v>
                </c:pt>
                <c:pt idx="3542">
                  <c:v>40068</c:v>
                </c:pt>
                <c:pt idx="3543">
                  <c:v>40069</c:v>
                </c:pt>
                <c:pt idx="3544">
                  <c:v>40070</c:v>
                </c:pt>
                <c:pt idx="3545">
                  <c:v>40071</c:v>
                </c:pt>
                <c:pt idx="3546">
                  <c:v>40072</c:v>
                </c:pt>
                <c:pt idx="3547">
                  <c:v>40073</c:v>
                </c:pt>
                <c:pt idx="3548">
                  <c:v>40074</c:v>
                </c:pt>
                <c:pt idx="3549">
                  <c:v>40075</c:v>
                </c:pt>
                <c:pt idx="3550">
                  <c:v>40076</c:v>
                </c:pt>
                <c:pt idx="3551">
                  <c:v>40077</c:v>
                </c:pt>
                <c:pt idx="3552">
                  <c:v>40078</c:v>
                </c:pt>
                <c:pt idx="3553">
                  <c:v>40079</c:v>
                </c:pt>
                <c:pt idx="3554">
                  <c:v>40080</c:v>
                </c:pt>
                <c:pt idx="3555">
                  <c:v>40081</c:v>
                </c:pt>
                <c:pt idx="3556">
                  <c:v>40082</c:v>
                </c:pt>
                <c:pt idx="3557">
                  <c:v>40083</c:v>
                </c:pt>
                <c:pt idx="3558">
                  <c:v>40084</c:v>
                </c:pt>
                <c:pt idx="3559">
                  <c:v>40085</c:v>
                </c:pt>
                <c:pt idx="3560">
                  <c:v>40086</c:v>
                </c:pt>
                <c:pt idx="3561">
                  <c:v>40087</c:v>
                </c:pt>
                <c:pt idx="3562">
                  <c:v>40088</c:v>
                </c:pt>
                <c:pt idx="3563">
                  <c:v>40089</c:v>
                </c:pt>
                <c:pt idx="3564">
                  <c:v>40090</c:v>
                </c:pt>
                <c:pt idx="3565">
                  <c:v>40091</c:v>
                </c:pt>
                <c:pt idx="3566">
                  <c:v>40092</c:v>
                </c:pt>
                <c:pt idx="3567">
                  <c:v>40093</c:v>
                </c:pt>
                <c:pt idx="3568">
                  <c:v>40094</c:v>
                </c:pt>
                <c:pt idx="3569">
                  <c:v>40095</c:v>
                </c:pt>
                <c:pt idx="3570">
                  <c:v>40096</c:v>
                </c:pt>
                <c:pt idx="3571">
                  <c:v>40097</c:v>
                </c:pt>
                <c:pt idx="3572">
                  <c:v>40098</c:v>
                </c:pt>
                <c:pt idx="3573">
                  <c:v>40099</c:v>
                </c:pt>
                <c:pt idx="3574">
                  <c:v>40100</c:v>
                </c:pt>
                <c:pt idx="3575">
                  <c:v>40101</c:v>
                </c:pt>
                <c:pt idx="3576">
                  <c:v>40102</c:v>
                </c:pt>
                <c:pt idx="3577">
                  <c:v>40103</c:v>
                </c:pt>
                <c:pt idx="3578">
                  <c:v>40104</c:v>
                </c:pt>
                <c:pt idx="3579">
                  <c:v>40105</c:v>
                </c:pt>
                <c:pt idx="3580">
                  <c:v>40106</c:v>
                </c:pt>
                <c:pt idx="3581">
                  <c:v>40107</c:v>
                </c:pt>
                <c:pt idx="3582">
                  <c:v>40108</c:v>
                </c:pt>
                <c:pt idx="3583">
                  <c:v>40109</c:v>
                </c:pt>
                <c:pt idx="3584">
                  <c:v>40110</c:v>
                </c:pt>
                <c:pt idx="3585">
                  <c:v>40111</c:v>
                </c:pt>
                <c:pt idx="3586">
                  <c:v>40112</c:v>
                </c:pt>
                <c:pt idx="3587">
                  <c:v>40113</c:v>
                </c:pt>
                <c:pt idx="3588">
                  <c:v>40114</c:v>
                </c:pt>
                <c:pt idx="3589">
                  <c:v>40115</c:v>
                </c:pt>
                <c:pt idx="3590">
                  <c:v>40116</c:v>
                </c:pt>
                <c:pt idx="3591">
                  <c:v>40117</c:v>
                </c:pt>
                <c:pt idx="3592">
                  <c:v>40118</c:v>
                </c:pt>
                <c:pt idx="3593">
                  <c:v>40119</c:v>
                </c:pt>
                <c:pt idx="3594">
                  <c:v>40120</c:v>
                </c:pt>
                <c:pt idx="3595">
                  <c:v>40121</c:v>
                </c:pt>
                <c:pt idx="3596">
                  <c:v>40122</c:v>
                </c:pt>
                <c:pt idx="3597">
                  <c:v>40123</c:v>
                </c:pt>
                <c:pt idx="3598">
                  <c:v>40124</c:v>
                </c:pt>
                <c:pt idx="3599">
                  <c:v>40125</c:v>
                </c:pt>
                <c:pt idx="3600">
                  <c:v>40126</c:v>
                </c:pt>
                <c:pt idx="3601">
                  <c:v>40127</c:v>
                </c:pt>
                <c:pt idx="3602">
                  <c:v>40128</c:v>
                </c:pt>
                <c:pt idx="3603">
                  <c:v>40129</c:v>
                </c:pt>
                <c:pt idx="3604">
                  <c:v>40130</c:v>
                </c:pt>
                <c:pt idx="3605">
                  <c:v>40131</c:v>
                </c:pt>
                <c:pt idx="3606">
                  <c:v>40132</c:v>
                </c:pt>
                <c:pt idx="3607">
                  <c:v>40133</c:v>
                </c:pt>
                <c:pt idx="3608">
                  <c:v>40134</c:v>
                </c:pt>
                <c:pt idx="3609">
                  <c:v>40135</c:v>
                </c:pt>
                <c:pt idx="3610">
                  <c:v>40136</c:v>
                </c:pt>
                <c:pt idx="3611">
                  <c:v>40137</c:v>
                </c:pt>
                <c:pt idx="3612">
                  <c:v>40138</c:v>
                </c:pt>
                <c:pt idx="3613">
                  <c:v>40139</c:v>
                </c:pt>
                <c:pt idx="3614">
                  <c:v>40140</c:v>
                </c:pt>
                <c:pt idx="3615">
                  <c:v>40141</c:v>
                </c:pt>
                <c:pt idx="3616">
                  <c:v>40142</c:v>
                </c:pt>
                <c:pt idx="3617">
                  <c:v>40143</c:v>
                </c:pt>
                <c:pt idx="3618">
                  <c:v>40144</c:v>
                </c:pt>
                <c:pt idx="3619">
                  <c:v>40145</c:v>
                </c:pt>
                <c:pt idx="3620">
                  <c:v>40146</c:v>
                </c:pt>
                <c:pt idx="3621">
                  <c:v>40147</c:v>
                </c:pt>
                <c:pt idx="3622">
                  <c:v>40148</c:v>
                </c:pt>
                <c:pt idx="3623">
                  <c:v>40149</c:v>
                </c:pt>
                <c:pt idx="3624">
                  <c:v>40150</c:v>
                </c:pt>
                <c:pt idx="3625">
                  <c:v>40151</c:v>
                </c:pt>
                <c:pt idx="3626">
                  <c:v>40152</c:v>
                </c:pt>
                <c:pt idx="3627">
                  <c:v>40153</c:v>
                </c:pt>
                <c:pt idx="3628">
                  <c:v>40154</c:v>
                </c:pt>
                <c:pt idx="3629">
                  <c:v>40155</c:v>
                </c:pt>
                <c:pt idx="3630">
                  <c:v>40156</c:v>
                </c:pt>
                <c:pt idx="3631">
                  <c:v>40157</c:v>
                </c:pt>
                <c:pt idx="3632">
                  <c:v>40158</c:v>
                </c:pt>
                <c:pt idx="3633">
                  <c:v>40159</c:v>
                </c:pt>
                <c:pt idx="3634">
                  <c:v>40160</c:v>
                </c:pt>
                <c:pt idx="3635">
                  <c:v>40161</c:v>
                </c:pt>
                <c:pt idx="3636">
                  <c:v>40162</c:v>
                </c:pt>
                <c:pt idx="3637">
                  <c:v>40163</c:v>
                </c:pt>
                <c:pt idx="3638">
                  <c:v>40164</c:v>
                </c:pt>
                <c:pt idx="3639">
                  <c:v>40165</c:v>
                </c:pt>
                <c:pt idx="3640">
                  <c:v>40166</c:v>
                </c:pt>
                <c:pt idx="3641">
                  <c:v>40167</c:v>
                </c:pt>
                <c:pt idx="3642">
                  <c:v>40168</c:v>
                </c:pt>
                <c:pt idx="3643">
                  <c:v>40169</c:v>
                </c:pt>
                <c:pt idx="3644">
                  <c:v>40170</c:v>
                </c:pt>
                <c:pt idx="3645">
                  <c:v>40171</c:v>
                </c:pt>
                <c:pt idx="3646">
                  <c:v>40172</c:v>
                </c:pt>
                <c:pt idx="3647">
                  <c:v>40173</c:v>
                </c:pt>
                <c:pt idx="3648">
                  <c:v>40174</c:v>
                </c:pt>
                <c:pt idx="3649">
                  <c:v>40175</c:v>
                </c:pt>
                <c:pt idx="3650">
                  <c:v>40176</c:v>
                </c:pt>
                <c:pt idx="3651">
                  <c:v>40177</c:v>
                </c:pt>
                <c:pt idx="3652">
                  <c:v>40178</c:v>
                </c:pt>
                <c:pt idx="3653">
                  <c:v>40179</c:v>
                </c:pt>
                <c:pt idx="3654">
                  <c:v>40180</c:v>
                </c:pt>
                <c:pt idx="3655">
                  <c:v>40181</c:v>
                </c:pt>
                <c:pt idx="3656">
                  <c:v>40182</c:v>
                </c:pt>
                <c:pt idx="3657">
                  <c:v>40183</c:v>
                </c:pt>
                <c:pt idx="3658">
                  <c:v>40184</c:v>
                </c:pt>
                <c:pt idx="3659">
                  <c:v>40185</c:v>
                </c:pt>
                <c:pt idx="3660">
                  <c:v>40186</c:v>
                </c:pt>
                <c:pt idx="3661">
                  <c:v>40187</c:v>
                </c:pt>
                <c:pt idx="3662">
                  <c:v>40188</c:v>
                </c:pt>
                <c:pt idx="3663">
                  <c:v>40189</c:v>
                </c:pt>
                <c:pt idx="3664">
                  <c:v>40190</c:v>
                </c:pt>
                <c:pt idx="3665">
                  <c:v>40191</c:v>
                </c:pt>
                <c:pt idx="3666">
                  <c:v>40192</c:v>
                </c:pt>
                <c:pt idx="3667">
                  <c:v>40193</c:v>
                </c:pt>
                <c:pt idx="3668">
                  <c:v>40194</c:v>
                </c:pt>
                <c:pt idx="3669">
                  <c:v>40195</c:v>
                </c:pt>
                <c:pt idx="3670">
                  <c:v>40196</c:v>
                </c:pt>
                <c:pt idx="3671">
                  <c:v>40197</c:v>
                </c:pt>
                <c:pt idx="3672">
                  <c:v>40198</c:v>
                </c:pt>
                <c:pt idx="3673">
                  <c:v>40199</c:v>
                </c:pt>
                <c:pt idx="3674">
                  <c:v>40200</c:v>
                </c:pt>
                <c:pt idx="3675">
                  <c:v>40201</c:v>
                </c:pt>
                <c:pt idx="3676">
                  <c:v>40202</c:v>
                </c:pt>
                <c:pt idx="3677">
                  <c:v>40203</c:v>
                </c:pt>
                <c:pt idx="3678">
                  <c:v>40204</c:v>
                </c:pt>
                <c:pt idx="3679">
                  <c:v>40205</c:v>
                </c:pt>
                <c:pt idx="3680">
                  <c:v>40206</c:v>
                </c:pt>
                <c:pt idx="3681">
                  <c:v>40207</c:v>
                </c:pt>
                <c:pt idx="3682">
                  <c:v>40208</c:v>
                </c:pt>
                <c:pt idx="3683">
                  <c:v>40209</c:v>
                </c:pt>
                <c:pt idx="3684">
                  <c:v>40210</c:v>
                </c:pt>
                <c:pt idx="3685">
                  <c:v>40211</c:v>
                </c:pt>
                <c:pt idx="3686">
                  <c:v>40212</c:v>
                </c:pt>
                <c:pt idx="3687">
                  <c:v>40213</c:v>
                </c:pt>
                <c:pt idx="3688">
                  <c:v>40214</c:v>
                </c:pt>
                <c:pt idx="3689">
                  <c:v>40215</c:v>
                </c:pt>
                <c:pt idx="3690">
                  <c:v>40216</c:v>
                </c:pt>
                <c:pt idx="3691">
                  <c:v>40217</c:v>
                </c:pt>
                <c:pt idx="3692">
                  <c:v>40218</c:v>
                </c:pt>
                <c:pt idx="3693">
                  <c:v>40219</c:v>
                </c:pt>
                <c:pt idx="3694">
                  <c:v>40220</c:v>
                </c:pt>
                <c:pt idx="3695">
                  <c:v>40221</c:v>
                </c:pt>
                <c:pt idx="3696">
                  <c:v>40222</c:v>
                </c:pt>
                <c:pt idx="3697">
                  <c:v>40223</c:v>
                </c:pt>
                <c:pt idx="3698">
                  <c:v>40224</c:v>
                </c:pt>
                <c:pt idx="3699">
                  <c:v>40225</c:v>
                </c:pt>
                <c:pt idx="3700">
                  <c:v>40226</c:v>
                </c:pt>
                <c:pt idx="3701">
                  <c:v>40227</c:v>
                </c:pt>
                <c:pt idx="3702">
                  <c:v>40228</c:v>
                </c:pt>
                <c:pt idx="3703">
                  <c:v>40229</c:v>
                </c:pt>
                <c:pt idx="3704">
                  <c:v>40230</c:v>
                </c:pt>
                <c:pt idx="3705">
                  <c:v>40231</c:v>
                </c:pt>
                <c:pt idx="3706">
                  <c:v>40232</c:v>
                </c:pt>
                <c:pt idx="3707">
                  <c:v>40233</c:v>
                </c:pt>
                <c:pt idx="3708">
                  <c:v>40234</c:v>
                </c:pt>
                <c:pt idx="3709">
                  <c:v>40235</c:v>
                </c:pt>
                <c:pt idx="3710">
                  <c:v>40236</c:v>
                </c:pt>
                <c:pt idx="3711">
                  <c:v>40237</c:v>
                </c:pt>
                <c:pt idx="3712">
                  <c:v>40238</c:v>
                </c:pt>
                <c:pt idx="3713">
                  <c:v>40239</c:v>
                </c:pt>
                <c:pt idx="3714">
                  <c:v>40240</c:v>
                </c:pt>
                <c:pt idx="3715">
                  <c:v>40241</c:v>
                </c:pt>
                <c:pt idx="3716">
                  <c:v>40242</c:v>
                </c:pt>
                <c:pt idx="3717">
                  <c:v>40243</c:v>
                </c:pt>
                <c:pt idx="3718">
                  <c:v>40244</c:v>
                </c:pt>
                <c:pt idx="3719">
                  <c:v>40245</c:v>
                </c:pt>
                <c:pt idx="3720">
                  <c:v>40246</c:v>
                </c:pt>
                <c:pt idx="3721">
                  <c:v>40247</c:v>
                </c:pt>
                <c:pt idx="3722">
                  <c:v>40248</c:v>
                </c:pt>
                <c:pt idx="3723">
                  <c:v>40249</c:v>
                </c:pt>
                <c:pt idx="3724">
                  <c:v>40250</c:v>
                </c:pt>
                <c:pt idx="3725">
                  <c:v>40251</c:v>
                </c:pt>
                <c:pt idx="3726">
                  <c:v>40252</c:v>
                </c:pt>
                <c:pt idx="3727">
                  <c:v>40253</c:v>
                </c:pt>
                <c:pt idx="3728">
                  <c:v>40254</c:v>
                </c:pt>
                <c:pt idx="3729">
                  <c:v>40255</c:v>
                </c:pt>
                <c:pt idx="3730">
                  <c:v>40256</c:v>
                </c:pt>
                <c:pt idx="3731">
                  <c:v>40257</c:v>
                </c:pt>
                <c:pt idx="3732">
                  <c:v>40258</c:v>
                </c:pt>
                <c:pt idx="3733">
                  <c:v>40259</c:v>
                </c:pt>
                <c:pt idx="3734">
                  <c:v>40260</c:v>
                </c:pt>
                <c:pt idx="3735">
                  <c:v>40261</c:v>
                </c:pt>
                <c:pt idx="3736">
                  <c:v>40262</c:v>
                </c:pt>
                <c:pt idx="3737">
                  <c:v>40263</c:v>
                </c:pt>
                <c:pt idx="3738">
                  <c:v>40264</c:v>
                </c:pt>
                <c:pt idx="3739">
                  <c:v>40265</c:v>
                </c:pt>
                <c:pt idx="3740">
                  <c:v>40266</c:v>
                </c:pt>
                <c:pt idx="3741">
                  <c:v>40267</c:v>
                </c:pt>
                <c:pt idx="3742">
                  <c:v>40268</c:v>
                </c:pt>
                <c:pt idx="3743">
                  <c:v>40269</c:v>
                </c:pt>
                <c:pt idx="3744">
                  <c:v>40270</c:v>
                </c:pt>
                <c:pt idx="3745">
                  <c:v>40271</c:v>
                </c:pt>
                <c:pt idx="3746">
                  <c:v>40272</c:v>
                </c:pt>
                <c:pt idx="3747">
                  <c:v>40273</c:v>
                </c:pt>
                <c:pt idx="3748">
                  <c:v>40274</c:v>
                </c:pt>
                <c:pt idx="3749">
                  <c:v>40275</c:v>
                </c:pt>
                <c:pt idx="3750">
                  <c:v>40276</c:v>
                </c:pt>
                <c:pt idx="3751">
                  <c:v>40277</c:v>
                </c:pt>
                <c:pt idx="3752">
                  <c:v>40278</c:v>
                </c:pt>
                <c:pt idx="3753">
                  <c:v>40279</c:v>
                </c:pt>
                <c:pt idx="3754">
                  <c:v>40280</c:v>
                </c:pt>
                <c:pt idx="3755">
                  <c:v>40281</c:v>
                </c:pt>
                <c:pt idx="3756">
                  <c:v>40282</c:v>
                </c:pt>
                <c:pt idx="3757">
                  <c:v>40283</c:v>
                </c:pt>
                <c:pt idx="3758">
                  <c:v>40284</c:v>
                </c:pt>
                <c:pt idx="3759">
                  <c:v>40285</c:v>
                </c:pt>
                <c:pt idx="3760">
                  <c:v>40286</c:v>
                </c:pt>
                <c:pt idx="3761">
                  <c:v>40287</c:v>
                </c:pt>
                <c:pt idx="3762">
                  <c:v>40288</c:v>
                </c:pt>
                <c:pt idx="3763">
                  <c:v>40289</c:v>
                </c:pt>
                <c:pt idx="3764">
                  <c:v>40290</c:v>
                </c:pt>
                <c:pt idx="3765">
                  <c:v>40291</c:v>
                </c:pt>
                <c:pt idx="3766">
                  <c:v>40292</c:v>
                </c:pt>
                <c:pt idx="3767">
                  <c:v>40293</c:v>
                </c:pt>
                <c:pt idx="3768">
                  <c:v>40294</c:v>
                </c:pt>
                <c:pt idx="3769">
                  <c:v>40295</c:v>
                </c:pt>
                <c:pt idx="3770">
                  <c:v>40296</c:v>
                </c:pt>
                <c:pt idx="3771">
                  <c:v>40297</c:v>
                </c:pt>
                <c:pt idx="3772">
                  <c:v>40298</c:v>
                </c:pt>
                <c:pt idx="3773">
                  <c:v>40299</c:v>
                </c:pt>
                <c:pt idx="3774">
                  <c:v>40300</c:v>
                </c:pt>
                <c:pt idx="3775">
                  <c:v>40301</c:v>
                </c:pt>
                <c:pt idx="3776">
                  <c:v>40302</c:v>
                </c:pt>
                <c:pt idx="3777">
                  <c:v>40303</c:v>
                </c:pt>
                <c:pt idx="3778">
                  <c:v>40304</c:v>
                </c:pt>
                <c:pt idx="3779">
                  <c:v>40305</c:v>
                </c:pt>
                <c:pt idx="3780">
                  <c:v>40306</c:v>
                </c:pt>
                <c:pt idx="3781">
                  <c:v>40307</c:v>
                </c:pt>
                <c:pt idx="3782">
                  <c:v>40308</c:v>
                </c:pt>
                <c:pt idx="3783">
                  <c:v>40309</c:v>
                </c:pt>
                <c:pt idx="3784">
                  <c:v>40310</c:v>
                </c:pt>
                <c:pt idx="3785">
                  <c:v>40311</c:v>
                </c:pt>
                <c:pt idx="3786">
                  <c:v>40312</c:v>
                </c:pt>
                <c:pt idx="3787">
                  <c:v>40313</c:v>
                </c:pt>
                <c:pt idx="3788">
                  <c:v>40314</c:v>
                </c:pt>
                <c:pt idx="3789">
                  <c:v>40315</c:v>
                </c:pt>
                <c:pt idx="3790">
                  <c:v>40316</c:v>
                </c:pt>
                <c:pt idx="3791">
                  <c:v>40317</c:v>
                </c:pt>
                <c:pt idx="3792">
                  <c:v>40318</c:v>
                </c:pt>
                <c:pt idx="3793">
                  <c:v>40319</c:v>
                </c:pt>
                <c:pt idx="3794">
                  <c:v>40320</c:v>
                </c:pt>
                <c:pt idx="3795">
                  <c:v>40321</c:v>
                </c:pt>
                <c:pt idx="3796">
                  <c:v>40322</c:v>
                </c:pt>
                <c:pt idx="3797">
                  <c:v>40323</c:v>
                </c:pt>
                <c:pt idx="3798">
                  <c:v>40324</c:v>
                </c:pt>
                <c:pt idx="3799">
                  <c:v>40325</c:v>
                </c:pt>
                <c:pt idx="3800">
                  <c:v>40326</c:v>
                </c:pt>
                <c:pt idx="3801">
                  <c:v>40327</c:v>
                </c:pt>
                <c:pt idx="3802">
                  <c:v>40328</c:v>
                </c:pt>
                <c:pt idx="3803">
                  <c:v>40329</c:v>
                </c:pt>
                <c:pt idx="3804">
                  <c:v>40330</c:v>
                </c:pt>
                <c:pt idx="3805">
                  <c:v>40331</c:v>
                </c:pt>
                <c:pt idx="3806">
                  <c:v>40332</c:v>
                </c:pt>
                <c:pt idx="3807">
                  <c:v>40333</c:v>
                </c:pt>
                <c:pt idx="3808">
                  <c:v>40334</c:v>
                </c:pt>
                <c:pt idx="3809">
                  <c:v>40335</c:v>
                </c:pt>
                <c:pt idx="3810">
                  <c:v>40336</c:v>
                </c:pt>
                <c:pt idx="3811">
                  <c:v>40337</c:v>
                </c:pt>
                <c:pt idx="3812">
                  <c:v>40338</c:v>
                </c:pt>
                <c:pt idx="3813">
                  <c:v>40339</c:v>
                </c:pt>
                <c:pt idx="3814">
                  <c:v>40340</c:v>
                </c:pt>
                <c:pt idx="3815">
                  <c:v>40341</c:v>
                </c:pt>
                <c:pt idx="3816">
                  <c:v>40342</c:v>
                </c:pt>
                <c:pt idx="3817">
                  <c:v>40343</c:v>
                </c:pt>
                <c:pt idx="3818">
                  <c:v>40344</c:v>
                </c:pt>
                <c:pt idx="3819">
                  <c:v>40345</c:v>
                </c:pt>
                <c:pt idx="3820">
                  <c:v>40346</c:v>
                </c:pt>
                <c:pt idx="3821">
                  <c:v>40347</c:v>
                </c:pt>
                <c:pt idx="3822">
                  <c:v>40348</c:v>
                </c:pt>
                <c:pt idx="3823">
                  <c:v>40349</c:v>
                </c:pt>
                <c:pt idx="3824">
                  <c:v>40350</c:v>
                </c:pt>
                <c:pt idx="3825">
                  <c:v>40351</c:v>
                </c:pt>
                <c:pt idx="3826">
                  <c:v>40352</c:v>
                </c:pt>
                <c:pt idx="3827">
                  <c:v>40353</c:v>
                </c:pt>
                <c:pt idx="3828">
                  <c:v>40354</c:v>
                </c:pt>
                <c:pt idx="3829">
                  <c:v>40355</c:v>
                </c:pt>
                <c:pt idx="3830">
                  <c:v>40356</c:v>
                </c:pt>
                <c:pt idx="3831">
                  <c:v>40357</c:v>
                </c:pt>
                <c:pt idx="3832">
                  <c:v>40358</c:v>
                </c:pt>
                <c:pt idx="3833">
                  <c:v>40359</c:v>
                </c:pt>
                <c:pt idx="3834">
                  <c:v>40360</c:v>
                </c:pt>
                <c:pt idx="3835">
                  <c:v>40361</c:v>
                </c:pt>
                <c:pt idx="3836">
                  <c:v>40362</c:v>
                </c:pt>
                <c:pt idx="3837">
                  <c:v>40363</c:v>
                </c:pt>
                <c:pt idx="3838">
                  <c:v>40364</c:v>
                </c:pt>
                <c:pt idx="3839">
                  <c:v>40365</c:v>
                </c:pt>
                <c:pt idx="3840">
                  <c:v>40366</c:v>
                </c:pt>
                <c:pt idx="3841">
                  <c:v>40367</c:v>
                </c:pt>
                <c:pt idx="3842">
                  <c:v>40368</c:v>
                </c:pt>
                <c:pt idx="3843">
                  <c:v>40369</c:v>
                </c:pt>
                <c:pt idx="3844">
                  <c:v>40370</c:v>
                </c:pt>
                <c:pt idx="3845">
                  <c:v>40371</c:v>
                </c:pt>
                <c:pt idx="3846">
                  <c:v>40372</c:v>
                </c:pt>
                <c:pt idx="3847">
                  <c:v>40373</c:v>
                </c:pt>
                <c:pt idx="3848">
                  <c:v>40374</c:v>
                </c:pt>
                <c:pt idx="3849">
                  <c:v>40375</c:v>
                </c:pt>
                <c:pt idx="3850">
                  <c:v>40376</c:v>
                </c:pt>
                <c:pt idx="3851">
                  <c:v>40377</c:v>
                </c:pt>
                <c:pt idx="3852">
                  <c:v>40378</c:v>
                </c:pt>
                <c:pt idx="3853">
                  <c:v>40379</c:v>
                </c:pt>
                <c:pt idx="3854">
                  <c:v>40380</c:v>
                </c:pt>
                <c:pt idx="3855">
                  <c:v>40381</c:v>
                </c:pt>
                <c:pt idx="3856">
                  <c:v>40382</c:v>
                </c:pt>
                <c:pt idx="3857">
                  <c:v>40383</c:v>
                </c:pt>
                <c:pt idx="3858">
                  <c:v>40384</c:v>
                </c:pt>
                <c:pt idx="3859">
                  <c:v>40385</c:v>
                </c:pt>
                <c:pt idx="3860">
                  <c:v>40386</c:v>
                </c:pt>
                <c:pt idx="3861">
                  <c:v>40387</c:v>
                </c:pt>
                <c:pt idx="3862">
                  <c:v>40388</c:v>
                </c:pt>
                <c:pt idx="3863">
                  <c:v>40389</c:v>
                </c:pt>
                <c:pt idx="3864">
                  <c:v>40390</c:v>
                </c:pt>
                <c:pt idx="3865">
                  <c:v>40391</c:v>
                </c:pt>
                <c:pt idx="3866">
                  <c:v>40392</c:v>
                </c:pt>
                <c:pt idx="3867">
                  <c:v>40393</c:v>
                </c:pt>
                <c:pt idx="3868">
                  <c:v>40394</c:v>
                </c:pt>
                <c:pt idx="3869">
                  <c:v>40395</c:v>
                </c:pt>
                <c:pt idx="3870">
                  <c:v>40396</c:v>
                </c:pt>
                <c:pt idx="3871">
                  <c:v>40397</c:v>
                </c:pt>
                <c:pt idx="3872">
                  <c:v>40398</c:v>
                </c:pt>
                <c:pt idx="3873">
                  <c:v>40399</c:v>
                </c:pt>
                <c:pt idx="3874">
                  <c:v>40400</c:v>
                </c:pt>
                <c:pt idx="3875">
                  <c:v>40401</c:v>
                </c:pt>
                <c:pt idx="3876">
                  <c:v>40402</c:v>
                </c:pt>
                <c:pt idx="3877">
                  <c:v>40403</c:v>
                </c:pt>
                <c:pt idx="3878">
                  <c:v>40404</c:v>
                </c:pt>
                <c:pt idx="3879">
                  <c:v>40405</c:v>
                </c:pt>
                <c:pt idx="3880">
                  <c:v>40406</c:v>
                </c:pt>
                <c:pt idx="3881">
                  <c:v>40407</c:v>
                </c:pt>
                <c:pt idx="3882">
                  <c:v>40408</c:v>
                </c:pt>
                <c:pt idx="3883">
                  <c:v>40409</c:v>
                </c:pt>
                <c:pt idx="3884">
                  <c:v>40410</c:v>
                </c:pt>
                <c:pt idx="3885">
                  <c:v>40411</c:v>
                </c:pt>
                <c:pt idx="3886">
                  <c:v>40412</c:v>
                </c:pt>
                <c:pt idx="3887">
                  <c:v>40413</c:v>
                </c:pt>
                <c:pt idx="3888">
                  <c:v>40414</c:v>
                </c:pt>
                <c:pt idx="3889">
                  <c:v>40415</c:v>
                </c:pt>
                <c:pt idx="3890">
                  <c:v>40416</c:v>
                </c:pt>
                <c:pt idx="3891">
                  <c:v>40417</c:v>
                </c:pt>
                <c:pt idx="3892">
                  <c:v>40418</c:v>
                </c:pt>
                <c:pt idx="3893">
                  <c:v>40419</c:v>
                </c:pt>
                <c:pt idx="3894">
                  <c:v>40420</c:v>
                </c:pt>
                <c:pt idx="3895">
                  <c:v>40421</c:v>
                </c:pt>
                <c:pt idx="3896">
                  <c:v>40422</c:v>
                </c:pt>
                <c:pt idx="3897">
                  <c:v>40423</c:v>
                </c:pt>
                <c:pt idx="3898">
                  <c:v>40424</c:v>
                </c:pt>
                <c:pt idx="3899">
                  <c:v>40425</c:v>
                </c:pt>
                <c:pt idx="3900">
                  <c:v>40426</c:v>
                </c:pt>
                <c:pt idx="3901">
                  <c:v>40427</c:v>
                </c:pt>
                <c:pt idx="3902">
                  <c:v>40428</c:v>
                </c:pt>
                <c:pt idx="3903">
                  <c:v>40429</c:v>
                </c:pt>
                <c:pt idx="3904">
                  <c:v>40430</c:v>
                </c:pt>
                <c:pt idx="3905">
                  <c:v>40431</c:v>
                </c:pt>
                <c:pt idx="3906">
                  <c:v>40432</c:v>
                </c:pt>
                <c:pt idx="3907">
                  <c:v>40433</c:v>
                </c:pt>
                <c:pt idx="3908">
                  <c:v>40434</c:v>
                </c:pt>
                <c:pt idx="3909">
                  <c:v>40435</c:v>
                </c:pt>
                <c:pt idx="3910">
                  <c:v>40436</c:v>
                </c:pt>
                <c:pt idx="3911">
                  <c:v>40437</c:v>
                </c:pt>
                <c:pt idx="3912">
                  <c:v>40438</c:v>
                </c:pt>
                <c:pt idx="3913">
                  <c:v>40439</c:v>
                </c:pt>
                <c:pt idx="3914">
                  <c:v>40440</c:v>
                </c:pt>
                <c:pt idx="3915">
                  <c:v>40441</c:v>
                </c:pt>
                <c:pt idx="3916">
                  <c:v>40442</c:v>
                </c:pt>
                <c:pt idx="3917">
                  <c:v>40443</c:v>
                </c:pt>
                <c:pt idx="3918">
                  <c:v>40444</c:v>
                </c:pt>
                <c:pt idx="3919">
                  <c:v>40445</c:v>
                </c:pt>
                <c:pt idx="3920">
                  <c:v>40446</c:v>
                </c:pt>
                <c:pt idx="3921">
                  <c:v>40447</c:v>
                </c:pt>
                <c:pt idx="3922">
                  <c:v>40448</c:v>
                </c:pt>
                <c:pt idx="3923">
                  <c:v>40449</c:v>
                </c:pt>
                <c:pt idx="3924">
                  <c:v>40450</c:v>
                </c:pt>
                <c:pt idx="3925">
                  <c:v>40451</c:v>
                </c:pt>
                <c:pt idx="3926">
                  <c:v>40452</c:v>
                </c:pt>
                <c:pt idx="3927">
                  <c:v>40453</c:v>
                </c:pt>
                <c:pt idx="3928">
                  <c:v>40454</c:v>
                </c:pt>
                <c:pt idx="3929">
                  <c:v>40455</c:v>
                </c:pt>
                <c:pt idx="3930">
                  <c:v>40456</c:v>
                </c:pt>
                <c:pt idx="3931">
                  <c:v>40457</c:v>
                </c:pt>
                <c:pt idx="3932">
                  <c:v>40458</c:v>
                </c:pt>
                <c:pt idx="3933">
                  <c:v>40459</c:v>
                </c:pt>
                <c:pt idx="3934">
                  <c:v>40460</c:v>
                </c:pt>
                <c:pt idx="3935">
                  <c:v>40461</c:v>
                </c:pt>
                <c:pt idx="3936">
                  <c:v>40462</c:v>
                </c:pt>
                <c:pt idx="3937">
                  <c:v>40463</c:v>
                </c:pt>
                <c:pt idx="3938">
                  <c:v>40464</c:v>
                </c:pt>
                <c:pt idx="3939">
                  <c:v>40465</c:v>
                </c:pt>
                <c:pt idx="3940">
                  <c:v>40466</c:v>
                </c:pt>
                <c:pt idx="3941">
                  <c:v>40467</c:v>
                </c:pt>
                <c:pt idx="3942">
                  <c:v>40468</c:v>
                </c:pt>
                <c:pt idx="3943">
                  <c:v>40469</c:v>
                </c:pt>
                <c:pt idx="3944">
                  <c:v>40470</c:v>
                </c:pt>
                <c:pt idx="3945">
                  <c:v>40471</c:v>
                </c:pt>
                <c:pt idx="3946">
                  <c:v>40472</c:v>
                </c:pt>
                <c:pt idx="3947">
                  <c:v>40473</c:v>
                </c:pt>
                <c:pt idx="3948">
                  <c:v>40474</c:v>
                </c:pt>
                <c:pt idx="3949">
                  <c:v>40475</c:v>
                </c:pt>
                <c:pt idx="3950">
                  <c:v>40476</c:v>
                </c:pt>
                <c:pt idx="3951">
                  <c:v>40477</c:v>
                </c:pt>
                <c:pt idx="3952">
                  <c:v>40478</c:v>
                </c:pt>
                <c:pt idx="3953">
                  <c:v>40479</c:v>
                </c:pt>
                <c:pt idx="3954">
                  <c:v>40480</c:v>
                </c:pt>
                <c:pt idx="3955">
                  <c:v>40481</c:v>
                </c:pt>
                <c:pt idx="3956">
                  <c:v>40482</c:v>
                </c:pt>
                <c:pt idx="3957">
                  <c:v>40483</c:v>
                </c:pt>
                <c:pt idx="3958">
                  <c:v>40484</c:v>
                </c:pt>
                <c:pt idx="3959">
                  <c:v>40485</c:v>
                </c:pt>
                <c:pt idx="3960">
                  <c:v>40486</c:v>
                </c:pt>
                <c:pt idx="3961">
                  <c:v>40487</c:v>
                </c:pt>
                <c:pt idx="3962">
                  <c:v>40488</c:v>
                </c:pt>
                <c:pt idx="3963">
                  <c:v>40489</c:v>
                </c:pt>
                <c:pt idx="3964">
                  <c:v>40490</c:v>
                </c:pt>
                <c:pt idx="3965">
                  <c:v>40491</c:v>
                </c:pt>
                <c:pt idx="3966">
                  <c:v>40492</c:v>
                </c:pt>
                <c:pt idx="3967">
                  <c:v>40493</c:v>
                </c:pt>
                <c:pt idx="3968">
                  <c:v>40494</c:v>
                </c:pt>
                <c:pt idx="3969">
                  <c:v>40495</c:v>
                </c:pt>
                <c:pt idx="3970">
                  <c:v>40496</c:v>
                </c:pt>
                <c:pt idx="3971">
                  <c:v>40497</c:v>
                </c:pt>
                <c:pt idx="3972">
                  <c:v>40498</c:v>
                </c:pt>
                <c:pt idx="3973">
                  <c:v>40499</c:v>
                </c:pt>
                <c:pt idx="3974">
                  <c:v>40500</c:v>
                </c:pt>
                <c:pt idx="3975">
                  <c:v>40501</c:v>
                </c:pt>
                <c:pt idx="3976">
                  <c:v>40502</c:v>
                </c:pt>
                <c:pt idx="3977">
                  <c:v>40503</c:v>
                </c:pt>
                <c:pt idx="3978">
                  <c:v>40504</c:v>
                </c:pt>
                <c:pt idx="3979">
                  <c:v>40505</c:v>
                </c:pt>
                <c:pt idx="3980">
                  <c:v>40506</c:v>
                </c:pt>
                <c:pt idx="3981">
                  <c:v>40507</c:v>
                </c:pt>
                <c:pt idx="3982">
                  <c:v>40508</c:v>
                </c:pt>
                <c:pt idx="3983">
                  <c:v>40509</c:v>
                </c:pt>
                <c:pt idx="3984">
                  <c:v>40510</c:v>
                </c:pt>
                <c:pt idx="3985">
                  <c:v>40511</c:v>
                </c:pt>
                <c:pt idx="3986">
                  <c:v>40512</c:v>
                </c:pt>
                <c:pt idx="3987">
                  <c:v>40513</c:v>
                </c:pt>
                <c:pt idx="3988">
                  <c:v>40514</c:v>
                </c:pt>
                <c:pt idx="3989">
                  <c:v>40515</c:v>
                </c:pt>
                <c:pt idx="3990">
                  <c:v>40516</c:v>
                </c:pt>
                <c:pt idx="3991">
                  <c:v>40517</c:v>
                </c:pt>
                <c:pt idx="3992">
                  <c:v>40518</c:v>
                </c:pt>
                <c:pt idx="3993">
                  <c:v>40519</c:v>
                </c:pt>
                <c:pt idx="3994">
                  <c:v>40520</c:v>
                </c:pt>
                <c:pt idx="3995">
                  <c:v>40521</c:v>
                </c:pt>
                <c:pt idx="3996">
                  <c:v>40522</c:v>
                </c:pt>
                <c:pt idx="3997">
                  <c:v>40523</c:v>
                </c:pt>
                <c:pt idx="3998">
                  <c:v>40524</c:v>
                </c:pt>
                <c:pt idx="3999">
                  <c:v>40525</c:v>
                </c:pt>
                <c:pt idx="4000">
                  <c:v>40526</c:v>
                </c:pt>
                <c:pt idx="4001">
                  <c:v>40527</c:v>
                </c:pt>
                <c:pt idx="4002">
                  <c:v>40528</c:v>
                </c:pt>
                <c:pt idx="4003">
                  <c:v>40529</c:v>
                </c:pt>
                <c:pt idx="4004">
                  <c:v>40530</c:v>
                </c:pt>
                <c:pt idx="4005">
                  <c:v>40531</c:v>
                </c:pt>
                <c:pt idx="4006">
                  <c:v>40532</c:v>
                </c:pt>
                <c:pt idx="4007">
                  <c:v>40533</c:v>
                </c:pt>
                <c:pt idx="4008">
                  <c:v>40534</c:v>
                </c:pt>
                <c:pt idx="4009">
                  <c:v>40535</c:v>
                </c:pt>
                <c:pt idx="4010">
                  <c:v>40536</c:v>
                </c:pt>
                <c:pt idx="4011">
                  <c:v>40537</c:v>
                </c:pt>
                <c:pt idx="4012">
                  <c:v>40538</c:v>
                </c:pt>
                <c:pt idx="4013">
                  <c:v>40539</c:v>
                </c:pt>
                <c:pt idx="4014">
                  <c:v>40540</c:v>
                </c:pt>
                <c:pt idx="4015">
                  <c:v>40541</c:v>
                </c:pt>
                <c:pt idx="4016">
                  <c:v>40542</c:v>
                </c:pt>
                <c:pt idx="4017">
                  <c:v>40543</c:v>
                </c:pt>
                <c:pt idx="4018">
                  <c:v>40544</c:v>
                </c:pt>
                <c:pt idx="4019">
                  <c:v>40545</c:v>
                </c:pt>
                <c:pt idx="4020">
                  <c:v>40546</c:v>
                </c:pt>
                <c:pt idx="4021">
                  <c:v>40547</c:v>
                </c:pt>
                <c:pt idx="4022">
                  <c:v>40548</c:v>
                </c:pt>
                <c:pt idx="4023">
                  <c:v>40549</c:v>
                </c:pt>
                <c:pt idx="4024">
                  <c:v>40550</c:v>
                </c:pt>
                <c:pt idx="4025">
                  <c:v>40551</c:v>
                </c:pt>
                <c:pt idx="4026">
                  <c:v>40552</c:v>
                </c:pt>
                <c:pt idx="4027">
                  <c:v>40553</c:v>
                </c:pt>
                <c:pt idx="4028">
                  <c:v>40554</c:v>
                </c:pt>
                <c:pt idx="4029">
                  <c:v>40555</c:v>
                </c:pt>
                <c:pt idx="4030">
                  <c:v>40556</c:v>
                </c:pt>
                <c:pt idx="4031">
                  <c:v>40557</c:v>
                </c:pt>
                <c:pt idx="4032">
                  <c:v>40558</c:v>
                </c:pt>
                <c:pt idx="4033">
                  <c:v>40559</c:v>
                </c:pt>
                <c:pt idx="4034">
                  <c:v>40560</c:v>
                </c:pt>
                <c:pt idx="4035">
                  <c:v>40561</c:v>
                </c:pt>
                <c:pt idx="4036">
                  <c:v>40562</c:v>
                </c:pt>
                <c:pt idx="4037">
                  <c:v>40563</c:v>
                </c:pt>
                <c:pt idx="4038">
                  <c:v>40564</c:v>
                </c:pt>
                <c:pt idx="4039">
                  <c:v>40565</c:v>
                </c:pt>
                <c:pt idx="4040">
                  <c:v>40566</c:v>
                </c:pt>
                <c:pt idx="4041">
                  <c:v>40567</c:v>
                </c:pt>
                <c:pt idx="4042">
                  <c:v>40568</c:v>
                </c:pt>
                <c:pt idx="4043">
                  <c:v>40569</c:v>
                </c:pt>
                <c:pt idx="4044">
                  <c:v>40570</c:v>
                </c:pt>
                <c:pt idx="4045">
                  <c:v>40571</c:v>
                </c:pt>
                <c:pt idx="4046">
                  <c:v>40572</c:v>
                </c:pt>
                <c:pt idx="4047">
                  <c:v>40573</c:v>
                </c:pt>
                <c:pt idx="4048">
                  <c:v>40574</c:v>
                </c:pt>
                <c:pt idx="4049">
                  <c:v>40575</c:v>
                </c:pt>
                <c:pt idx="4050">
                  <c:v>40576</c:v>
                </c:pt>
                <c:pt idx="4051">
                  <c:v>40577</c:v>
                </c:pt>
                <c:pt idx="4052">
                  <c:v>40578</c:v>
                </c:pt>
                <c:pt idx="4053">
                  <c:v>40579</c:v>
                </c:pt>
                <c:pt idx="4054">
                  <c:v>40580</c:v>
                </c:pt>
                <c:pt idx="4055">
                  <c:v>40581</c:v>
                </c:pt>
                <c:pt idx="4056">
                  <c:v>40582</c:v>
                </c:pt>
                <c:pt idx="4057">
                  <c:v>40583</c:v>
                </c:pt>
                <c:pt idx="4058">
                  <c:v>40584</c:v>
                </c:pt>
                <c:pt idx="4059">
                  <c:v>40585</c:v>
                </c:pt>
                <c:pt idx="4060">
                  <c:v>40586</c:v>
                </c:pt>
                <c:pt idx="4061">
                  <c:v>40587</c:v>
                </c:pt>
                <c:pt idx="4062">
                  <c:v>40588</c:v>
                </c:pt>
                <c:pt idx="4063">
                  <c:v>40589</c:v>
                </c:pt>
                <c:pt idx="4064">
                  <c:v>40590</c:v>
                </c:pt>
                <c:pt idx="4065">
                  <c:v>40591</c:v>
                </c:pt>
                <c:pt idx="4066">
                  <c:v>40592</c:v>
                </c:pt>
                <c:pt idx="4067">
                  <c:v>40593</c:v>
                </c:pt>
                <c:pt idx="4068">
                  <c:v>40594</c:v>
                </c:pt>
                <c:pt idx="4069">
                  <c:v>40595</c:v>
                </c:pt>
                <c:pt idx="4070">
                  <c:v>40596</c:v>
                </c:pt>
                <c:pt idx="4071">
                  <c:v>40597</c:v>
                </c:pt>
                <c:pt idx="4072">
                  <c:v>40598</c:v>
                </c:pt>
                <c:pt idx="4073">
                  <c:v>40599</c:v>
                </c:pt>
                <c:pt idx="4074">
                  <c:v>40600</c:v>
                </c:pt>
                <c:pt idx="4075">
                  <c:v>40601</c:v>
                </c:pt>
                <c:pt idx="4076">
                  <c:v>40602</c:v>
                </c:pt>
                <c:pt idx="4077">
                  <c:v>40603</c:v>
                </c:pt>
                <c:pt idx="4078">
                  <c:v>40604</c:v>
                </c:pt>
                <c:pt idx="4079">
                  <c:v>40605</c:v>
                </c:pt>
                <c:pt idx="4080">
                  <c:v>40606</c:v>
                </c:pt>
                <c:pt idx="4081">
                  <c:v>40607</c:v>
                </c:pt>
                <c:pt idx="4082">
                  <c:v>40608</c:v>
                </c:pt>
                <c:pt idx="4083">
                  <c:v>40609</c:v>
                </c:pt>
                <c:pt idx="4084">
                  <c:v>40610</c:v>
                </c:pt>
                <c:pt idx="4085">
                  <c:v>40611</c:v>
                </c:pt>
                <c:pt idx="4086">
                  <c:v>40612</c:v>
                </c:pt>
                <c:pt idx="4087">
                  <c:v>40613</c:v>
                </c:pt>
                <c:pt idx="4088">
                  <c:v>40614</c:v>
                </c:pt>
                <c:pt idx="4089">
                  <c:v>40615</c:v>
                </c:pt>
                <c:pt idx="4090">
                  <c:v>40616</c:v>
                </c:pt>
                <c:pt idx="4091">
                  <c:v>40617</c:v>
                </c:pt>
                <c:pt idx="4092">
                  <c:v>40618</c:v>
                </c:pt>
                <c:pt idx="4093">
                  <c:v>40619</c:v>
                </c:pt>
                <c:pt idx="4094">
                  <c:v>40620</c:v>
                </c:pt>
                <c:pt idx="4095">
                  <c:v>40621</c:v>
                </c:pt>
                <c:pt idx="4096">
                  <c:v>40622</c:v>
                </c:pt>
                <c:pt idx="4097">
                  <c:v>40623</c:v>
                </c:pt>
                <c:pt idx="4098">
                  <c:v>40624</c:v>
                </c:pt>
                <c:pt idx="4099">
                  <c:v>40625</c:v>
                </c:pt>
                <c:pt idx="4100">
                  <c:v>40626</c:v>
                </c:pt>
                <c:pt idx="4101">
                  <c:v>40627</c:v>
                </c:pt>
                <c:pt idx="4102">
                  <c:v>40628</c:v>
                </c:pt>
                <c:pt idx="4103">
                  <c:v>40629</c:v>
                </c:pt>
                <c:pt idx="4104">
                  <c:v>40630</c:v>
                </c:pt>
                <c:pt idx="4105">
                  <c:v>40631</c:v>
                </c:pt>
                <c:pt idx="4106">
                  <c:v>40632</c:v>
                </c:pt>
                <c:pt idx="4107">
                  <c:v>40633</c:v>
                </c:pt>
                <c:pt idx="4108">
                  <c:v>40634</c:v>
                </c:pt>
                <c:pt idx="4109">
                  <c:v>40635</c:v>
                </c:pt>
                <c:pt idx="4110">
                  <c:v>40636</c:v>
                </c:pt>
                <c:pt idx="4111">
                  <c:v>40637</c:v>
                </c:pt>
                <c:pt idx="4112">
                  <c:v>40638</c:v>
                </c:pt>
                <c:pt idx="4113">
                  <c:v>40639</c:v>
                </c:pt>
                <c:pt idx="4114">
                  <c:v>40640</c:v>
                </c:pt>
                <c:pt idx="4115">
                  <c:v>40641</c:v>
                </c:pt>
                <c:pt idx="4116">
                  <c:v>40642</c:v>
                </c:pt>
                <c:pt idx="4117">
                  <c:v>40643</c:v>
                </c:pt>
                <c:pt idx="4118">
                  <c:v>40644</c:v>
                </c:pt>
                <c:pt idx="4119">
                  <c:v>40645</c:v>
                </c:pt>
                <c:pt idx="4120">
                  <c:v>40646</c:v>
                </c:pt>
                <c:pt idx="4121">
                  <c:v>40647</c:v>
                </c:pt>
                <c:pt idx="4122">
                  <c:v>40648</c:v>
                </c:pt>
                <c:pt idx="4123">
                  <c:v>40649</c:v>
                </c:pt>
                <c:pt idx="4124">
                  <c:v>40650</c:v>
                </c:pt>
                <c:pt idx="4125">
                  <c:v>40651</c:v>
                </c:pt>
                <c:pt idx="4126">
                  <c:v>40652</c:v>
                </c:pt>
                <c:pt idx="4127">
                  <c:v>40653</c:v>
                </c:pt>
                <c:pt idx="4128">
                  <c:v>40654</c:v>
                </c:pt>
                <c:pt idx="4129">
                  <c:v>40655</c:v>
                </c:pt>
                <c:pt idx="4130">
                  <c:v>40656</c:v>
                </c:pt>
                <c:pt idx="4131">
                  <c:v>40657</c:v>
                </c:pt>
                <c:pt idx="4132">
                  <c:v>40658</c:v>
                </c:pt>
                <c:pt idx="4133">
                  <c:v>40659</c:v>
                </c:pt>
                <c:pt idx="4134">
                  <c:v>40660</c:v>
                </c:pt>
                <c:pt idx="4135">
                  <c:v>40661</c:v>
                </c:pt>
                <c:pt idx="4136">
                  <c:v>40662</c:v>
                </c:pt>
                <c:pt idx="4137">
                  <c:v>40663</c:v>
                </c:pt>
                <c:pt idx="4138">
                  <c:v>40664</c:v>
                </c:pt>
                <c:pt idx="4139">
                  <c:v>40665</c:v>
                </c:pt>
                <c:pt idx="4140">
                  <c:v>40666</c:v>
                </c:pt>
                <c:pt idx="4141">
                  <c:v>40667</c:v>
                </c:pt>
                <c:pt idx="4142">
                  <c:v>40668</c:v>
                </c:pt>
                <c:pt idx="4143">
                  <c:v>40669</c:v>
                </c:pt>
                <c:pt idx="4144">
                  <c:v>40670</c:v>
                </c:pt>
                <c:pt idx="4145">
                  <c:v>40671</c:v>
                </c:pt>
                <c:pt idx="4146">
                  <c:v>40672</c:v>
                </c:pt>
                <c:pt idx="4147">
                  <c:v>40673</c:v>
                </c:pt>
                <c:pt idx="4148">
                  <c:v>40674</c:v>
                </c:pt>
                <c:pt idx="4149">
                  <c:v>40675</c:v>
                </c:pt>
                <c:pt idx="4150">
                  <c:v>40676</c:v>
                </c:pt>
                <c:pt idx="4151">
                  <c:v>40677</c:v>
                </c:pt>
                <c:pt idx="4152">
                  <c:v>40678</c:v>
                </c:pt>
                <c:pt idx="4153">
                  <c:v>40679</c:v>
                </c:pt>
                <c:pt idx="4154">
                  <c:v>40680</c:v>
                </c:pt>
                <c:pt idx="4155">
                  <c:v>40681</c:v>
                </c:pt>
                <c:pt idx="4156">
                  <c:v>40682</c:v>
                </c:pt>
                <c:pt idx="4157">
                  <c:v>40683</c:v>
                </c:pt>
                <c:pt idx="4158">
                  <c:v>40684</c:v>
                </c:pt>
                <c:pt idx="4159">
                  <c:v>40685</c:v>
                </c:pt>
                <c:pt idx="4160">
                  <c:v>40686</c:v>
                </c:pt>
                <c:pt idx="4161">
                  <c:v>40687</c:v>
                </c:pt>
                <c:pt idx="4162">
                  <c:v>40688</c:v>
                </c:pt>
                <c:pt idx="4163">
                  <c:v>40689</c:v>
                </c:pt>
                <c:pt idx="4164">
                  <c:v>40690</c:v>
                </c:pt>
                <c:pt idx="4165">
                  <c:v>40691</c:v>
                </c:pt>
                <c:pt idx="4166">
                  <c:v>40692</c:v>
                </c:pt>
                <c:pt idx="4167">
                  <c:v>40693</c:v>
                </c:pt>
                <c:pt idx="4168">
                  <c:v>40694</c:v>
                </c:pt>
                <c:pt idx="4169">
                  <c:v>40695</c:v>
                </c:pt>
                <c:pt idx="4170">
                  <c:v>40696</c:v>
                </c:pt>
                <c:pt idx="4171">
                  <c:v>40697</c:v>
                </c:pt>
                <c:pt idx="4172">
                  <c:v>40698</c:v>
                </c:pt>
                <c:pt idx="4173">
                  <c:v>40699</c:v>
                </c:pt>
                <c:pt idx="4174">
                  <c:v>40700</c:v>
                </c:pt>
                <c:pt idx="4175">
                  <c:v>40701</c:v>
                </c:pt>
                <c:pt idx="4176">
                  <c:v>40702</c:v>
                </c:pt>
                <c:pt idx="4177">
                  <c:v>40703</c:v>
                </c:pt>
                <c:pt idx="4178">
                  <c:v>40704</c:v>
                </c:pt>
                <c:pt idx="4179">
                  <c:v>40705</c:v>
                </c:pt>
                <c:pt idx="4180">
                  <c:v>40706</c:v>
                </c:pt>
                <c:pt idx="4181">
                  <c:v>40707</c:v>
                </c:pt>
                <c:pt idx="4182">
                  <c:v>40708</c:v>
                </c:pt>
                <c:pt idx="4183">
                  <c:v>40709</c:v>
                </c:pt>
                <c:pt idx="4184">
                  <c:v>40710</c:v>
                </c:pt>
                <c:pt idx="4185">
                  <c:v>40711</c:v>
                </c:pt>
                <c:pt idx="4186">
                  <c:v>40712</c:v>
                </c:pt>
                <c:pt idx="4187">
                  <c:v>40713</c:v>
                </c:pt>
                <c:pt idx="4188">
                  <c:v>40714</c:v>
                </c:pt>
                <c:pt idx="4189">
                  <c:v>40715</c:v>
                </c:pt>
                <c:pt idx="4190">
                  <c:v>40716</c:v>
                </c:pt>
                <c:pt idx="4191">
                  <c:v>40717</c:v>
                </c:pt>
                <c:pt idx="4192">
                  <c:v>40718</c:v>
                </c:pt>
                <c:pt idx="4193">
                  <c:v>40719</c:v>
                </c:pt>
                <c:pt idx="4194">
                  <c:v>40720</c:v>
                </c:pt>
                <c:pt idx="4195">
                  <c:v>40721</c:v>
                </c:pt>
                <c:pt idx="4196">
                  <c:v>40722</c:v>
                </c:pt>
                <c:pt idx="4197">
                  <c:v>40723</c:v>
                </c:pt>
                <c:pt idx="4198">
                  <c:v>40724</c:v>
                </c:pt>
                <c:pt idx="4199">
                  <c:v>40725</c:v>
                </c:pt>
                <c:pt idx="4200">
                  <c:v>40726</c:v>
                </c:pt>
                <c:pt idx="4201">
                  <c:v>40727</c:v>
                </c:pt>
                <c:pt idx="4202">
                  <c:v>40728</c:v>
                </c:pt>
                <c:pt idx="4203">
                  <c:v>40729</c:v>
                </c:pt>
                <c:pt idx="4204">
                  <c:v>40730</c:v>
                </c:pt>
                <c:pt idx="4205">
                  <c:v>40731</c:v>
                </c:pt>
                <c:pt idx="4206">
                  <c:v>40732</c:v>
                </c:pt>
                <c:pt idx="4207">
                  <c:v>40733</c:v>
                </c:pt>
                <c:pt idx="4208">
                  <c:v>40734</c:v>
                </c:pt>
                <c:pt idx="4209">
                  <c:v>40735</c:v>
                </c:pt>
                <c:pt idx="4210">
                  <c:v>40736</c:v>
                </c:pt>
                <c:pt idx="4211">
                  <c:v>40737</c:v>
                </c:pt>
                <c:pt idx="4212">
                  <c:v>40738</c:v>
                </c:pt>
                <c:pt idx="4213">
                  <c:v>40739</c:v>
                </c:pt>
                <c:pt idx="4214">
                  <c:v>40740</c:v>
                </c:pt>
                <c:pt idx="4215">
                  <c:v>40741</c:v>
                </c:pt>
                <c:pt idx="4216">
                  <c:v>40742</c:v>
                </c:pt>
                <c:pt idx="4217">
                  <c:v>40743</c:v>
                </c:pt>
                <c:pt idx="4218">
                  <c:v>40744</c:v>
                </c:pt>
                <c:pt idx="4219">
                  <c:v>40745</c:v>
                </c:pt>
                <c:pt idx="4220">
                  <c:v>40746</c:v>
                </c:pt>
                <c:pt idx="4221">
                  <c:v>40747</c:v>
                </c:pt>
                <c:pt idx="4222">
                  <c:v>40748</c:v>
                </c:pt>
                <c:pt idx="4223">
                  <c:v>40749</c:v>
                </c:pt>
                <c:pt idx="4224">
                  <c:v>40750</c:v>
                </c:pt>
                <c:pt idx="4225">
                  <c:v>40751</c:v>
                </c:pt>
                <c:pt idx="4226">
                  <c:v>40752</c:v>
                </c:pt>
                <c:pt idx="4227">
                  <c:v>40753</c:v>
                </c:pt>
                <c:pt idx="4228">
                  <c:v>40754</c:v>
                </c:pt>
                <c:pt idx="4229">
                  <c:v>40755</c:v>
                </c:pt>
                <c:pt idx="4230">
                  <c:v>40756</c:v>
                </c:pt>
                <c:pt idx="4231">
                  <c:v>40757</c:v>
                </c:pt>
                <c:pt idx="4232">
                  <c:v>40758</c:v>
                </c:pt>
                <c:pt idx="4233">
                  <c:v>40759</c:v>
                </c:pt>
                <c:pt idx="4234">
                  <c:v>40760</c:v>
                </c:pt>
                <c:pt idx="4235">
                  <c:v>40761</c:v>
                </c:pt>
                <c:pt idx="4236">
                  <c:v>40762</c:v>
                </c:pt>
                <c:pt idx="4237">
                  <c:v>40763</c:v>
                </c:pt>
                <c:pt idx="4238">
                  <c:v>40764</c:v>
                </c:pt>
                <c:pt idx="4239">
                  <c:v>40765</c:v>
                </c:pt>
                <c:pt idx="4240">
                  <c:v>40766</c:v>
                </c:pt>
                <c:pt idx="4241">
                  <c:v>40767</c:v>
                </c:pt>
                <c:pt idx="4242">
                  <c:v>40768</c:v>
                </c:pt>
                <c:pt idx="4243">
                  <c:v>40769</c:v>
                </c:pt>
                <c:pt idx="4244">
                  <c:v>40770</c:v>
                </c:pt>
                <c:pt idx="4245">
                  <c:v>40771</c:v>
                </c:pt>
                <c:pt idx="4246">
                  <c:v>40772</c:v>
                </c:pt>
                <c:pt idx="4247">
                  <c:v>40773</c:v>
                </c:pt>
                <c:pt idx="4248">
                  <c:v>40774</c:v>
                </c:pt>
                <c:pt idx="4249">
                  <c:v>40775</c:v>
                </c:pt>
                <c:pt idx="4250">
                  <c:v>40776</c:v>
                </c:pt>
                <c:pt idx="4251">
                  <c:v>40777</c:v>
                </c:pt>
                <c:pt idx="4252">
                  <c:v>40778</c:v>
                </c:pt>
                <c:pt idx="4253">
                  <c:v>40779</c:v>
                </c:pt>
                <c:pt idx="4254">
                  <c:v>40780</c:v>
                </c:pt>
                <c:pt idx="4255">
                  <c:v>40781</c:v>
                </c:pt>
                <c:pt idx="4256">
                  <c:v>40782</c:v>
                </c:pt>
                <c:pt idx="4257">
                  <c:v>40783</c:v>
                </c:pt>
                <c:pt idx="4258">
                  <c:v>40784</c:v>
                </c:pt>
                <c:pt idx="4259">
                  <c:v>40785</c:v>
                </c:pt>
                <c:pt idx="4260">
                  <c:v>40786</c:v>
                </c:pt>
                <c:pt idx="4261">
                  <c:v>40787</c:v>
                </c:pt>
                <c:pt idx="4262">
                  <c:v>40788</c:v>
                </c:pt>
                <c:pt idx="4263">
                  <c:v>40789</c:v>
                </c:pt>
                <c:pt idx="4264">
                  <c:v>40790</c:v>
                </c:pt>
                <c:pt idx="4265">
                  <c:v>40791</c:v>
                </c:pt>
                <c:pt idx="4266">
                  <c:v>40792</c:v>
                </c:pt>
                <c:pt idx="4267">
                  <c:v>40793</c:v>
                </c:pt>
                <c:pt idx="4268">
                  <c:v>40794</c:v>
                </c:pt>
                <c:pt idx="4269">
                  <c:v>40795</c:v>
                </c:pt>
                <c:pt idx="4270">
                  <c:v>40796</c:v>
                </c:pt>
                <c:pt idx="4271">
                  <c:v>40797</c:v>
                </c:pt>
                <c:pt idx="4272">
                  <c:v>40798</c:v>
                </c:pt>
                <c:pt idx="4273">
                  <c:v>40799</c:v>
                </c:pt>
                <c:pt idx="4274">
                  <c:v>40800</c:v>
                </c:pt>
                <c:pt idx="4275">
                  <c:v>40801</c:v>
                </c:pt>
                <c:pt idx="4276">
                  <c:v>40802</c:v>
                </c:pt>
                <c:pt idx="4277">
                  <c:v>40803</c:v>
                </c:pt>
                <c:pt idx="4278">
                  <c:v>40804</c:v>
                </c:pt>
                <c:pt idx="4279">
                  <c:v>40805</c:v>
                </c:pt>
                <c:pt idx="4280">
                  <c:v>40806</c:v>
                </c:pt>
                <c:pt idx="4281">
                  <c:v>40807</c:v>
                </c:pt>
                <c:pt idx="4282">
                  <c:v>40808</c:v>
                </c:pt>
                <c:pt idx="4283">
                  <c:v>40809</c:v>
                </c:pt>
                <c:pt idx="4284">
                  <c:v>40810</c:v>
                </c:pt>
                <c:pt idx="4285">
                  <c:v>40811</c:v>
                </c:pt>
                <c:pt idx="4286">
                  <c:v>40812</c:v>
                </c:pt>
                <c:pt idx="4287">
                  <c:v>40813</c:v>
                </c:pt>
                <c:pt idx="4288">
                  <c:v>40814</c:v>
                </c:pt>
                <c:pt idx="4289">
                  <c:v>40815</c:v>
                </c:pt>
                <c:pt idx="4290">
                  <c:v>40816</c:v>
                </c:pt>
                <c:pt idx="4291">
                  <c:v>40817</c:v>
                </c:pt>
                <c:pt idx="4292">
                  <c:v>40818</c:v>
                </c:pt>
                <c:pt idx="4293">
                  <c:v>40819</c:v>
                </c:pt>
                <c:pt idx="4294">
                  <c:v>40820</c:v>
                </c:pt>
                <c:pt idx="4295">
                  <c:v>40821</c:v>
                </c:pt>
                <c:pt idx="4296">
                  <c:v>40822</c:v>
                </c:pt>
                <c:pt idx="4297">
                  <c:v>40823</c:v>
                </c:pt>
                <c:pt idx="4298">
                  <c:v>40824</c:v>
                </c:pt>
                <c:pt idx="4299">
                  <c:v>40825</c:v>
                </c:pt>
                <c:pt idx="4300">
                  <c:v>40826</c:v>
                </c:pt>
                <c:pt idx="4301">
                  <c:v>40827</c:v>
                </c:pt>
                <c:pt idx="4302">
                  <c:v>40828</c:v>
                </c:pt>
                <c:pt idx="4303">
                  <c:v>40829</c:v>
                </c:pt>
                <c:pt idx="4304">
                  <c:v>40830</c:v>
                </c:pt>
                <c:pt idx="4305">
                  <c:v>40831</c:v>
                </c:pt>
                <c:pt idx="4306">
                  <c:v>40832</c:v>
                </c:pt>
                <c:pt idx="4307">
                  <c:v>40833</c:v>
                </c:pt>
                <c:pt idx="4308">
                  <c:v>40834</c:v>
                </c:pt>
                <c:pt idx="4309">
                  <c:v>40835</c:v>
                </c:pt>
                <c:pt idx="4310">
                  <c:v>40836</c:v>
                </c:pt>
                <c:pt idx="4311">
                  <c:v>40837</c:v>
                </c:pt>
                <c:pt idx="4312">
                  <c:v>40838</c:v>
                </c:pt>
                <c:pt idx="4313">
                  <c:v>40839</c:v>
                </c:pt>
                <c:pt idx="4314">
                  <c:v>40840</c:v>
                </c:pt>
                <c:pt idx="4315">
                  <c:v>40841</c:v>
                </c:pt>
                <c:pt idx="4316">
                  <c:v>40842</c:v>
                </c:pt>
                <c:pt idx="4317">
                  <c:v>40843</c:v>
                </c:pt>
                <c:pt idx="4318">
                  <c:v>40844</c:v>
                </c:pt>
                <c:pt idx="4319">
                  <c:v>40845</c:v>
                </c:pt>
                <c:pt idx="4320">
                  <c:v>40846</c:v>
                </c:pt>
                <c:pt idx="4321">
                  <c:v>40847</c:v>
                </c:pt>
                <c:pt idx="4322">
                  <c:v>40848</c:v>
                </c:pt>
                <c:pt idx="4323">
                  <c:v>40849</c:v>
                </c:pt>
                <c:pt idx="4324">
                  <c:v>40850</c:v>
                </c:pt>
                <c:pt idx="4325">
                  <c:v>40851</c:v>
                </c:pt>
                <c:pt idx="4326">
                  <c:v>40852</c:v>
                </c:pt>
                <c:pt idx="4327">
                  <c:v>40853</c:v>
                </c:pt>
                <c:pt idx="4328">
                  <c:v>40854</c:v>
                </c:pt>
                <c:pt idx="4329">
                  <c:v>40855</c:v>
                </c:pt>
                <c:pt idx="4330">
                  <c:v>40856</c:v>
                </c:pt>
                <c:pt idx="4331">
                  <c:v>40857</c:v>
                </c:pt>
                <c:pt idx="4332">
                  <c:v>40858</c:v>
                </c:pt>
                <c:pt idx="4333">
                  <c:v>40859</c:v>
                </c:pt>
                <c:pt idx="4334">
                  <c:v>40860</c:v>
                </c:pt>
                <c:pt idx="4335">
                  <c:v>40861</c:v>
                </c:pt>
                <c:pt idx="4336">
                  <c:v>40862</c:v>
                </c:pt>
                <c:pt idx="4337">
                  <c:v>40863</c:v>
                </c:pt>
                <c:pt idx="4338">
                  <c:v>40864</c:v>
                </c:pt>
                <c:pt idx="4339">
                  <c:v>40865</c:v>
                </c:pt>
                <c:pt idx="4340">
                  <c:v>40866</c:v>
                </c:pt>
                <c:pt idx="4341">
                  <c:v>40867</c:v>
                </c:pt>
                <c:pt idx="4342">
                  <c:v>40868</c:v>
                </c:pt>
                <c:pt idx="4343">
                  <c:v>40869</c:v>
                </c:pt>
                <c:pt idx="4344">
                  <c:v>40870</c:v>
                </c:pt>
                <c:pt idx="4345">
                  <c:v>40871</c:v>
                </c:pt>
                <c:pt idx="4346">
                  <c:v>40872</c:v>
                </c:pt>
                <c:pt idx="4347">
                  <c:v>40873</c:v>
                </c:pt>
                <c:pt idx="4348">
                  <c:v>40874</c:v>
                </c:pt>
                <c:pt idx="4349">
                  <c:v>40875</c:v>
                </c:pt>
                <c:pt idx="4350">
                  <c:v>40876</c:v>
                </c:pt>
                <c:pt idx="4351">
                  <c:v>40877</c:v>
                </c:pt>
                <c:pt idx="4352">
                  <c:v>40878</c:v>
                </c:pt>
                <c:pt idx="4353">
                  <c:v>40879</c:v>
                </c:pt>
                <c:pt idx="4354">
                  <c:v>40880</c:v>
                </c:pt>
                <c:pt idx="4355">
                  <c:v>40881</c:v>
                </c:pt>
                <c:pt idx="4356">
                  <c:v>40882</c:v>
                </c:pt>
                <c:pt idx="4357">
                  <c:v>40883</c:v>
                </c:pt>
                <c:pt idx="4358">
                  <c:v>40884</c:v>
                </c:pt>
                <c:pt idx="4359">
                  <c:v>40885</c:v>
                </c:pt>
                <c:pt idx="4360">
                  <c:v>40886</c:v>
                </c:pt>
                <c:pt idx="4361">
                  <c:v>40887</c:v>
                </c:pt>
                <c:pt idx="4362">
                  <c:v>40888</c:v>
                </c:pt>
                <c:pt idx="4363">
                  <c:v>40889</c:v>
                </c:pt>
                <c:pt idx="4364">
                  <c:v>40890</c:v>
                </c:pt>
                <c:pt idx="4365">
                  <c:v>40891</c:v>
                </c:pt>
                <c:pt idx="4366">
                  <c:v>40892</c:v>
                </c:pt>
                <c:pt idx="4367">
                  <c:v>40893</c:v>
                </c:pt>
                <c:pt idx="4368">
                  <c:v>40894</c:v>
                </c:pt>
                <c:pt idx="4369">
                  <c:v>40895</c:v>
                </c:pt>
                <c:pt idx="4370">
                  <c:v>40896</c:v>
                </c:pt>
                <c:pt idx="4371">
                  <c:v>40897</c:v>
                </c:pt>
                <c:pt idx="4372">
                  <c:v>40898</c:v>
                </c:pt>
                <c:pt idx="4373">
                  <c:v>40899</c:v>
                </c:pt>
                <c:pt idx="4374">
                  <c:v>40900</c:v>
                </c:pt>
                <c:pt idx="4375">
                  <c:v>40901</c:v>
                </c:pt>
                <c:pt idx="4376">
                  <c:v>40902</c:v>
                </c:pt>
                <c:pt idx="4377">
                  <c:v>40903</c:v>
                </c:pt>
                <c:pt idx="4378">
                  <c:v>40904</c:v>
                </c:pt>
                <c:pt idx="4379">
                  <c:v>40905</c:v>
                </c:pt>
                <c:pt idx="4380">
                  <c:v>40906</c:v>
                </c:pt>
                <c:pt idx="4381">
                  <c:v>40907</c:v>
                </c:pt>
                <c:pt idx="4382">
                  <c:v>40908</c:v>
                </c:pt>
                <c:pt idx="4383">
                  <c:v>40909</c:v>
                </c:pt>
                <c:pt idx="4384">
                  <c:v>40910</c:v>
                </c:pt>
                <c:pt idx="4385">
                  <c:v>40911</c:v>
                </c:pt>
                <c:pt idx="4386">
                  <c:v>40912</c:v>
                </c:pt>
                <c:pt idx="4387">
                  <c:v>40913</c:v>
                </c:pt>
                <c:pt idx="4388">
                  <c:v>40914</c:v>
                </c:pt>
                <c:pt idx="4389">
                  <c:v>40915</c:v>
                </c:pt>
                <c:pt idx="4390">
                  <c:v>40916</c:v>
                </c:pt>
                <c:pt idx="4391">
                  <c:v>40917</c:v>
                </c:pt>
                <c:pt idx="4392">
                  <c:v>40918</c:v>
                </c:pt>
                <c:pt idx="4393">
                  <c:v>40919</c:v>
                </c:pt>
                <c:pt idx="4394">
                  <c:v>40920</c:v>
                </c:pt>
                <c:pt idx="4395">
                  <c:v>40921</c:v>
                </c:pt>
                <c:pt idx="4396">
                  <c:v>40922</c:v>
                </c:pt>
                <c:pt idx="4397">
                  <c:v>40923</c:v>
                </c:pt>
                <c:pt idx="4398">
                  <c:v>40924</c:v>
                </c:pt>
                <c:pt idx="4399">
                  <c:v>40925</c:v>
                </c:pt>
                <c:pt idx="4400">
                  <c:v>40926</c:v>
                </c:pt>
                <c:pt idx="4401">
                  <c:v>40927</c:v>
                </c:pt>
                <c:pt idx="4402">
                  <c:v>40928</c:v>
                </c:pt>
                <c:pt idx="4403">
                  <c:v>40929</c:v>
                </c:pt>
                <c:pt idx="4404">
                  <c:v>40930</c:v>
                </c:pt>
                <c:pt idx="4405">
                  <c:v>40931</c:v>
                </c:pt>
                <c:pt idx="4406">
                  <c:v>40932</c:v>
                </c:pt>
                <c:pt idx="4407">
                  <c:v>40933</c:v>
                </c:pt>
                <c:pt idx="4408">
                  <c:v>40934</c:v>
                </c:pt>
                <c:pt idx="4409">
                  <c:v>40935</c:v>
                </c:pt>
                <c:pt idx="4410">
                  <c:v>40936</c:v>
                </c:pt>
                <c:pt idx="4411">
                  <c:v>40937</c:v>
                </c:pt>
                <c:pt idx="4412">
                  <c:v>40938</c:v>
                </c:pt>
                <c:pt idx="4413">
                  <c:v>40939</c:v>
                </c:pt>
                <c:pt idx="4414">
                  <c:v>40940</c:v>
                </c:pt>
                <c:pt idx="4415">
                  <c:v>40941</c:v>
                </c:pt>
                <c:pt idx="4416">
                  <c:v>40942</c:v>
                </c:pt>
                <c:pt idx="4417">
                  <c:v>40943</c:v>
                </c:pt>
                <c:pt idx="4418">
                  <c:v>40944</c:v>
                </c:pt>
                <c:pt idx="4419">
                  <c:v>40945</c:v>
                </c:pt>
                <c:pt idx="4420">
                  <c:v>40946</c:v>
                </c:pt>
                <c:pt idx="4421">
                  <c:v>40947</c:v>
                </c:pt>
                <c:pt idx="4422">
                  <c:v>40948</c:v>
                </c:pt>
                <c:pt idx="4423">
                  <c:v>40949</c:v>
                </c:pt>
                <c:pt idx="4424">
                  <c:v>40950</c:v>
                </c:pt>
                <c:pt idx="4425">
                  <c:v>40951</c:v>
                </c:pt>
                <c:pt idx="4426">
                  <c:v>40952</c:v>
                </c:pt>
                <c:pt idx="4427">
                  <c:v>40953</c:v>
                </c:pt>
                <c:pt idx="4428">
                  <c:v>40954</c:v>
                </c:pt>
                <c:pt idx="4429">
                  <c:v>40955</c:v>
                </c:pt>
                <c:pt idx="4430">
                  <c:v>40956</c:v>
                </c:pt>
                <c:pt idx="4431">
                  <c:v>40957</c:v>
                </c:pt>
                <c:pt idx="4432">
                  <c:v>40958</c:v>
                </c:pt>
                <c:pt idx="4433">
                  <c:v>40959</c:v>
                </c:pt>
                <c:pt idx="4434">
                  <c:v>40960</c:v>
                </c:pt>
                <c:pt idx="4435">
                  <c:v>40961</c:v>
                </c:pt>
                <c:pt idx="4436">
                  <c:v>40962</c:v>
                </c:pt>
                <c:pt idx="4437">
                  <c:v>40963</c:v>
                </c:pt>
                <c:pt idx="4438">
                  <c:v>40964</c:v>
                </c:pt>
                <c:pt idx="4439">
                  <c:v>40965</c:v>
                </c:pt>
                <c:pt idx="4440">
                  <c:v>40966</c:v>
                </c:pt>
                <c:pt idx="4441">
                  <c:v>40967</c:v>
                </c:pt>
                <c:pt idx="4442">
                  <c:v>40968</c:v>
                </c:pt>
                <c:pt idx="4443">
                  <c:v>40969</c:v>
                </c:pt>
                <c:pt idx="4444">
                  <c:v>40970</c:v>
                </c:pt>
                <c:pt idx="4445">
                  <c:v>40971</c:v>
                </c:pt>
                <c:pt idx="4446">
                  <c:v>40972</c:v>
                </c:pt>
                <c:pt idx="4447">
                  <c:v>40973</c:v>
                </c:pt>
                <c:pt idx="4448">
                  <c:v>40974</c:v>
                </c:pt>
                <c:pt idx="4449">
                  <c:v>40975</c:v>
                </c:pt>
                <c:pt idx="4450">
                  <c:v>40976</c:v>
                </c:pt>
                <c:pt idx="4451">
                  <c:v>40977</c:v>
                </c:pt>
                <c:pt idx="4452">
                  <c:v>40978</c:v>
                </c:pt>
                <c:pt idx="4453">
                  <c:v>40979</c:v>
                </c:pt>
                <c:pt idx="4454">
                  <c:v>40980</c:v>
                </c:pt>
                <c:pt idx="4455">
                  <c:v>40981</c:v>
                </c:pt>
                <c:pt idx="4456">
                  <c:v>40982</c:v>
                </c:pt>
                <c:pt idx="4457">
                  <c:v>40983</c:v>
                </c:pt>
                <c:pt idx="4458">
                  <c:v>40984</c:v>
                </c:pt>
                <c:pt idx="4459">
                  <c:v>40985</c:v>
                </c:pt>
                <c:pt idx="4460">
                  <c:v>40986</c:v>
                </c:pt>
                <c:pt idx="4461">
                  <c:v>40987</c:v>
                </c:pt>
                <c:pt idx="4462">
                  <c:v>40988</c:v>
                </c:pt>
                <c:pt idx="4463">
                  <c:v>40989</c:v>
                </c:pt>
                <c:pt idx="4464">
                  <c:v>40990</c:v>
                </c:pt>
                <c:pt idx="4465">
                  <c:v>40991</c:v>
                </c:pt>
                <c:pt idx="4466">
                  <c:v>40992</c:v>
                </c:pt>
                <c:pt idx="4467">
                  <c:v>40993</c:v>
                </c:pt>
                <c:pt idx="4468">
                  <c:v>40994</c:v>
                </c:pt>
                <c:pt idx="4469">
                  <c:v>40995</c:v>
                </c:pt>
                <c:pt idx="4470">
                  <c:v>40996</c:v>
                </c:pt>
                <c:pt idx="4471">
                  <c:v>40997</c:v>
                </c:pt>
                <c:pt idx="4472">
                  <c:v>40998</c:v>
                </c:pt>
                <c:pt idx="4473">
                  <c:v>40999</c:v>
                </c:pt>
                <c:pt idx="4474">
                  <c:v>41000</c:v>
                </c:pt>
                <c:pt idx="4475">
                  <c:v>41001</c:v>
                </c:pt>
                <c:pt idx="4476">
                  <c:v>41002</c:v>
                </c:pt>
                <c:pt idx="4477">
                  <c:v>41003</c:v>
                </c:pt>
                <c:pt idx="4478">
                  <c:v>41004</c:v>
                </c:pt>
                <c:pt idx="4479">
                  <c:v>41005</c:v>
                </c:pt>
                <c:pt idx="4480">
                  <c:v>41006</c:v>
                </c:pt>
                <c:pt idx="4481">
                  <c:v>41007</c:v>
                </c:pt>
                <c:pt idx="4482">
                  <c:v>41008</c:v>
                </c:pt>
                <c:pt idx="4483">
                  <c:v>41009</c:v>
                </c:pt>
                <c:pt idx="4484">
                  <c:v>41010</c:v>
                </c:pt>
                <c:pt idx="4485">
                  <c:v>41011</c:v>
                </c:pt>
                <c:pt idx="4486">
                  <c:v>41012</c:v>
                </c:pt>
                <c:pt idx="4487">
                  <c:v>41013</c:v>
                </c:pt>
                <c:pt idx="4488">
                  <c:v>41014</c:v>
                </c:pt>
                <c:pt idx="4489">
                  <c:v>41015</c:v>
                </c:pt>
                <c:pt idx="4490">
                  <c:v>41016</c:v>
                </c:pt>
                <c:pt idx="4491">
                  <c:v>41017</c:v>
                </c:pt>
                <c:pt idx="4492">
                  <c:v>41018</c:v>
                </c:pt>
                <c:pt idx="4493">
                  <c:v>41019</c:v>
                </c:pt>
                <c:pt idx="4494">
                  <c:v>41020</c:v>
                </c:pt>
                <c:pt idx="4495">
                  <c:v>41021</c:v>
                </c:pt>
                <c:pt idx="4496">
                  <c:v>41022</c:v>
                </c:pt>
                <c:pt idx="4497">
                  <c:v>41023</c:v>
                </c:pt>
                <c:pt idx="4498">
                  <c:v>41024</c:v>
                </c:pt>
                <c:pt idx="4499">
                  <c:v>41025</c:v>
                </c:pt>
                <c:pt idx="4500">
                  <c:v>41026</c:v>
                </c:pt>
                <c:pt idx="4501">
                  <c:v>41027</c:v>
                </c:pt>
                <c:pt idx="4502">
                  <c:v>41028</c:v>
                </c:pt>
                <c:pt idx="4503">
                  <c:v>41029</c:v>
                </c:pt>
                <c:pt idx="4504">
                  <c:v>41030</c:v>
                </c:pt>
                <c:pt idx="4505">
                  <c:v>41031</c:v>
                </c:pt>
                <c:pt idx="4506">
                  <c:v>41032</c:v>
                </c:pt>
                <c:pt idx="4507">
                  <c:v>41033</c:v>
                </c:pt>
                <c:pt idx="4508">
                  <c:v>41034</c:v>
                </c:pt>
                <c:pt idx="4509">
                  <c:v>41035</c:v>
                </c:pt>
                <c:pt idx="4510">
                  <c:v>41036</c:v>
                </c:pt>
                <c:pt idx="4511">
                  <c:v>41037</c:v>
                </c:pt>
                <c:pt idx="4512">
                  <c:v>41038</c:v>
                </c:pt>
                <c:pt idx="4513">
                  <c:v>41039</c:v>
                </c:pt>
                <c:pt idx="4514">
                  <c:v>41040</c:v>
                </c:pt>
                <c:pt idx="4515">
                  <c:v>41041</c:v>
                </c:pt>
                <c:pt idx="4516">
                  <c:v>41042</c:v>
                </c:pt>
                <c:pt idx="4517">
                  <c:v>41043</c:v>
                </c:pt>
                <c:pt idx="4518">
                  <c:v>41044</c:v>
                </c:pt>
                <c:pt idx="4519">
                  <c:v>41045</c:v>
                </c:pt>
                <c:pt idx="4520">
                  <c:v>41046</c:v>
                </c:pt>
                <c:pt idx="4521">
                  <c:v>41047</c:v>
                </c:pt>
                <c:pt idx="4522">
                  <c:v>41048</c:v>
                </c:pt>
                <c:pt idx="4523">
                  <c:v>41049</c:v>
                </c:pt>
                <c:pt idx="4524">
                  <c:v>41050</c:v>
                </c:pt>
                <c:pt idx="4525">
                  <c:v>41051</c:v>
                </c:pt>
                <c:pt idx="4526">
                  <c:v>41052</c:v>
                </c:pt>
                <c:pt idx="4527">
                  <c:v>41053</c:v>
                </c:pt>
                <c:pt idx="4528">
                  <c:v>41054</c:v>
                </c:pt>
                <c:pt idx="4529">
                  <c:v>41055</c:v>
                </c:pt>
                <c:pt idx="4530">
                  <c:v>41056</c:v>
                </c:pt>
                <c:pt idx="4531">
                  <c:v>41057</c:v>
                </c:pt>
                <c:pt idx="4532">
                  <c:v>41058</c:v>
                </c:pt>
                <c:pt idx="4533">
                  <c:v>41059</c:v>
                </c:pt>
                <c:pt idx="4534">
                  <c:v>41060</c:v>
                </c:pt>
                <c:pt idx="4535">
                  <c:v>41061</c:v>
                </c:pt>
                <c:pt idx="4536">
                  <c:v>41062</c:v>
                </c:pt>
                <c:pt idx="4537">
                  <c:v>41063</c:v>
                </c:pt>
                <c:pt idx="4538">
                  <c:v>41064</c:v>
                </c:pt>
                <c:pt idx="4539">
                  <c:v>41065</c:v>
                </c:pt>
                <c:pt idx="4540">
                  <c:v>41066</c:v>
                </c:pt>
                <c:pt idx="4541">
                  <c:v>41067</c:v>
                </c:pt>
                <c:pt idx="4542">
                  <c:v>41068</c:v>
                </c:pt>
                <c:pt idx="4543">
                  <c:v>41069</c:v>
                </c:pt>
                <c:pt idx="4544">
                  <c:v>41070</c:v>
                </c:pt>
                <c:pt idx="4545">
                  <c:v>41071</c:v>
                </c:pt>
                <c:pt idx="4546">
                  <c:v>41072</c:v>
                </c:pt>
                <c:pt idx="4547">
                  <c:v>41073</c:v>
                </c:pt>
                <c:pt idx="4548">
                  <c:v>41074</c:v>
                </c:pt>
                <c:pt idx="4549">
                  <c:v>41075</c:v>
                </c:pt>
                <c:pt idx="4550">
                  <c:v>41076</c:v>
                </c:pt>
                <c:pt idx="4551">
                  <c:v>41077</c:v>
                </c:pt>
                <c:pt idx="4552">
                  <c:v>41078</c:v>
                </c:pt>
                <c:pt idx="4553">
                  <c:v>41079</c:v>
                </c:pt>
                <c:pt idx="4554">
                  <c:v>41080</c:v>
                </c:pt>
                <c:pt idx="4555">
                  <c:v>41081</c:v>
                </c:pt>
                <c:pt idx="4556">
                  <c:v>41082</c:v>
                </c:pt>
                <c:pt idx="4557">
                  <c:v>41083</c:v>
                </c:pt>
                <c:pt idx="4558">
                  <c:v>41084</c:v>
                </c:pt>
                <c:pt idx="4559">
                  <c:v>41085</c:v>
                </c:pt>
                <c:pt idx="4560">
                  <c:v>41086</c:v>
                </c:pt>
                <c:pt idx="4561">
                  <c:v>41087</c:v>
                </c:pt>
                <c:pt idx="4562">
                  <c:v>41088</c:v>
                </c:pt>
                <c:pt idx="4563">
                  <c:v>41089</c:v>
                </c:pt>
                <c:pt idx="4564">
                  <c:v>41090</c:v>
                </c:pt>
                <c:pt idx="4565">
                  <c:v>41091</c:v>
                </c:pt>
                <c:pt idx="4566">
                  <c:v>41092</c:v>
                </c:pt>
                <c:pt idx="4567">
                  <c:v>41093</c:v>
                </c:pt>
                <c:pt idx="4568">
                  <c:v>41094</c:v>
                </c:pt>
                <c:pt idx="4569">
                  <c:v>41095</c:v>
                </c:pt>
                <c:pt idx="4570">
                  <c:v>41096</c:v>
                </c:pt>
                <c:pt idx="4571">
                  <c:v>41097</c:v>
                </c:pt>
                <c:pt idx="4572">
                  <c:v>41098</c:v>
                </c:pt>
                <c:pt idx="4573">
                  <c:v>41099</c:v>
                </c:pt>
                <c:pt idx="4574">
                  <c:v>41100</c:v>
                </c:pt>
                <c:pt idx="4575">
                  <c:v>41101</c:v>
                </c:pt>
                <c:pt idx="4576">
                  <c:v>41102</c:v>
                </c:pt>
                <c:pt idx="4577">
                  <c:v>41103</c:v>
                </c:pt>
                <c:pt idx="4578">
                  <c:v>41104</c:v>
                </c:pt>
                <c:pt idx="4579">
                  <c:v>41105</c:v>
                </c:pt>
                <c:pt idx="4580">
                  <c:v>41106</c:v>
                </c:pt>
                <c:pt idx="4581">
                  <c:v>41107</c:v>
                </c:pt>
                <c:pt idx="4582">
                  <c:v>41108</c:v>
                </c:pt>
                <c:pt idx="4583">
                  <c:v>41109</c:v>
                </c:pt>
                <c:pt idx="4584">
                  <c:v>41110</c:v>
                </c:pt>
                <c:pt idx="4585">
                  <c:v>41111</c:v>
                </c:pt>
                <c:pt idx="4586">
                  <c:v>41112</c:v>
                </c:pt>
                <c:pt idx="4587">
                  <c:v>41113</c:v>
                </c:pt>
                <c:pt idx="4588">
                  <c:v>41114</c:v>
                </c:pt>
                <c:pt idx="4589">
                  <c:v>41115</c:v>
                </c:pt>
                <c:pt idx="4590">
                  <c:v>41116</c:v>
                </c:pt>
                <c:pt idx="4591">
                  <c:v>41117</c:v>
                </c:pt>
                <c:pt idx="4592">
                  <c:v>41118</c:v>
                </c:pt>
                <c:pt idx="4593">
                  <c:v>41119</c:v>
                </c:pt>
                <c:pt idx="4594">
                  <c:v>41120</c:v>
                </c:pt>
                <c:pt idx="4595">
                  <c:v>41121</c:v>
                </c:pt>
                <c:pt idx="4596">
                  <c:v>41122</c:v>
                </c:pt>
                <c:pt idx="4597">
                  <c:v>41123</c:v>
                </c:pt>
                <c:pt idx="4598">
                  <c:v>41124</c:v>
                </c:pt>
                <c:pt idx="4599">
                  <c:v>41125</c:v>
                </c:pt>
                <c:pt idx="4600">
                  <c:v>41126</c:v>
                </c:pt>
                <c:pt idx="4601">
                  <c:v>41127</c:v>
                </c:pt>
                <c:pt idx="4602">
                  <c:v>41128</c:v>
                </c:pt>
                <c:pt idx="4603">
                  <c:v>41129</c:v>
                </c:pt>
                <c:pt idx="4604">
                  <c:v>41130</c:v>
                </c:pt>
                <c:pt idx="4605">
                  <c:v>41131</c:v>
                </c:pt>
                <c:pt idx="4606">
                  <c:v>41132</c:v>
                </c:pt>
                <c:pt idx="4607">
                  <c:v>41133</c:v>
                </c:pt>
                <c:pt idx="4608">
                  <c:v>41134</c:v>
                </c:pt>
                <c:pt idx="4609">
                  <c:v>41135</c:v>
                </c:pt>
                <c:pt idx="4610">
                  <c:v>41136</c:v>
                </c:pt>
                <c:pt idx="4611">
                  <c:v>41137</c:v>
                </c:pt>
                <c:pt idx="4612">
                  <c:v>41138</c:v>
                </c:pt>
                <c:pt idx="4613">
                  <c:v>41139</c:v>
                </c:pt>
                <c:pt idx="4614">
                  <c:v>41140</c:v>
                </c:pt>
                <c:pt idx="4615">
                  <c:v>41141</c:v>
                </c:pt>
                <c:pt idx="4616">
                  <c:v>41142</c:v>
                </c:pt>
                <c:pt idx="4617">
                  <c:v>41143</c:v>
                </c:pt>
                <c:pt idx="4618">
                  <c:v>41144</c:v>
                </c:pt>
                <c:pt idx="4619">
                  <c:v>41145</c:v>
                </c:pt>
                <c:pt idx="4620">
                  <c:v>41146</c:v>
                </c:pt>
                <c:pt idx="4621">
                  <c:v>41147</c:v>
                </c:pt>
                <c:pt idx="4622">
                  <c:v>41148</c:v>
                </c:pt>
                <c:pt idx="4623">
                  <c:v>41149</c:v>
                </c:pt>
                <c:pt idx="4624">
                  <c:v>41150</c:v>
                </c:pt>
                <c:pt idx="4625">
                  <c:v>41151</c:v>
                </c:pt>
                <c:pt idx="4626">
                  <c:v>41152</c:v>
                </c:pt>
                <c:pt idx="4627">
                  <c:v>41153</c:v>
                </c:pt>
                <c:pt idx="4628">
                  <c:v>41154</c:v>
                </c:pt>
                <c:pt idx="4629">
                  <c:v>41155</c:v>
                </c:pt>
                <c:pt idx="4630">
                  <c:v>41156</c:v>
                </c:pt>
                <c:pt idx="4631">
                  <c:v>41157</c:v>
                </c:pt>
                <c:pt idx="4632">
                  <c:v>41158</c:v>
                </c:pt>
                <c:pt idx="4633">
                  <c:v>41159</c:v>
                </c:pt>
                <c:pt idx="4634">
                  <c:v>41160</c:v>
                </c:pt>
                <c:pt idx="4635">
                  <c:v>41161</c:v>
                </c:pt>
                <c:pt idx="4636">
                  <c:v>41162</c:v>
                </c:pt>
                <c:pt idx="4637">
                  <c:v>41163</c:v>
                </c:pt>
                <c:pt idx="4638">
                  <c:v>41164</c:v>
                </c:pt>
                <c:pt idx="4639">
                  <c:v>41165</c:v>
                </c:pt>
                <c:pt idx="4640">
                  <c:v>41166</c:v>
                </c:pt>
                <c:pt idx="4641">
                  <c:v>41167</c:v>
                </c:pt>
                <c:pt idx="4642">
                  <c:v>41168</c:v>
                </c:pt>
                <c:pt idx="4643">
                  <c:v>41169</c:v>
                </c:pt>
                <c:pt idx="4644">
                  <c:v>41170</c:v>
                </c:pt>
                <c:pt idx="4645">
                  <c:v>41171</c:v>
                </c:pt>
                <c:pt idx="4646">
                  <c:v>41172</c:v>
                </c:pt>
                <c:pt idx="4647">
                  <c:v>41173</c:v>
                </c:pt>
                <c:pt idx="4648">
                  <c:v>41174</c:v>
                </c:pt>
                <c:pt idx="4649">
                  <c:v>41175</c:v>
                </c:pt>
                <c:pt idx="4650">
                  <c:v>41176</c:v>
                </c:pt>
                <c:pt idx="4651">
                  <c:v>41177</c:v>
                </c:pt>
                <c:pt idx="4652">
                  <c:v>41178</c:v>
                </c:pt>
                <c:pt idx="4653">
                  <c:v>41179</c:v>
                </c:pt>
                <c:pt idx="4654">
                  <c:v>41180</c:v>
                </c:pt>
                <c:pt idx="4655">
                  <c:v>41181</c:v>
                </c:pt>
                <c:pt idx="4656">
                  <c:v>41182</c:v>
                </c:pt>
                <c:pt idx="4657">
                  <c:v>41183</c:v>
                </c:pt>
                <c:pt idx="4658">
                  <c:v>41184</c:v>
                </c:pt>
                <c:pt idx="4659">
                  <c:v>41185</c:v>
                </c:pt>
                <c:pt idx="4660">
                  <c:v>41186</c:v>
                </c:pt>
                <c:pt idx="4661">
                  <c:v>41187</c:v>
                </c:pt>
                <c:pt idx="4662">
                  <c:v>41188</c:v>
                </c:pt>
                <c:pt idx="4663">
                  <c:v>41189</c:v>
                </c:pt>
                <c:pt idx="4664">
                  <c:v>41190</c:v>
                </c:pt>
                <c:pt idx="4665">
                  <c:v>41191</c:v>
                </c:pt>
                <c:pt idx="4666">
                  <c:v>41192</c:v>
                </c:pt>
                <c:pt idx="4667">
                  <c:v>41193</c:v>
                </c:pt>
                <c:pt idx="4668">
                  <c:v>41194</c:v>
                </c:pt>
                <c:pt idx="4669">
                  <c:v>41195</c:v>
                </c:pt>
                <c:pt idx="4670">
                  <c:v>41196</c:v>
                </c:pt>
                <c:pt idx="4671">
                  <c:v>41197</c:v>
                </c:pt>
                <c:pt idx="4672">
                  <c:v>41198</c:v>
                </c:pt>
                <c:pt idx="4673">
                  <c:v>41199</c:v>
                </c:pt>
                <c:pt idx="4674">
                  <c:v>41200</c:v>
                </c:pt>
                <c:pt idx="4675">
                  <c:v>41201</c:v>
                </c:pt>
                <c:pt idx="4676">
                  <c:v>41202</c:v>
                </c:pt>
                <c:pt idx="4677">
                  <c:v>41203</c:v>
                </c:pt>
                <c:pt idx="4678">
                  <c:v>41204</c:v>
                </c:pt>
                <c:pt idx="4679">
                  <c:v>41205</c:v>
                </c:pt>
                <c:pt idx="4680">
                  <c:v>41206</c:v>
                </c:pt>
                <c:pt idx="4681">
                  <c:v>41207</c:v>
                </c:pt>
                <c:pt idx="4682">
                  <c:v>41208</c:v>
                </c:pt>
                <c:pt idx="4683">
                  <c:v>41209</c:v>
                </c:pt>
                <c:pt idx="4684">
                  <c:v>41210</c:v>
                </c:pt>
                <c:pt idx="4685">
                  <c:v>41211</c:v>
                </c:pt>
                <c:pt idx="4686">
                  <c:v>41212</c:v>
                </c:pt>
                <c:pt idx="4687">
                  <c:v>41213</c:v>
                </c:pt>
                <c:pt idx="4688">
                  <c:v>41214</c:v>
                </c:pt>
                <c:pt idx="4689">
                  <c:v>41215</c:v>
                </c:pt>
                <c:pt idx="4690">
                  <c:v>41216</c:v>
                </c:pt>
                <c:pt idx="4691">
                  <c:v>41217</c:v>
                </c:pt>
                <c:pt idx="4692">
                  <c:v>41218</c:v>
                </c:pt>
                <c:pt idx="4693">
                  <c:v>41219</c:v>
                </c:pt>
                <c:pt idx="4694">
                  <c:v>41220</c:v>
                </c:pt>
                <c:pt idx="4695">
                  <c:v>41221</c:v>
                </c:pt>
                <c:pt idx="4696">
                  <c:v>41222</c:v>
                </c:pt>
                <c:pt idx="4697">
                  <c:v>41223</c:v>
                </c:pt>
                <c:pt idx="4698">
                  <c:v>41224</c:v>
                </c:pt>
                <c:pt idx="4699">
                  <c:v>41225</c:v>
                </c:pt>
                <c:pt idx="4700">
                  <c:v>41226</c:v>
                </c:pt>
                <c:pt idx="4701">
                  <c:v>41227</c:v>
                </c:pt>
                <c:pt idx="4702">
                  <c:v>41228</c:v>
                </c:pt>
                <c:pt idx="4703">
                  <c:v>41229</c:v>
                </c:pt>
                <c:pt idx="4704">
                  <c:v>41230</c:v>
                </c:pt>
                <c:pt idx="4705">
                  <c:v>41231</c:v>
                </c:pt>
                <c:pt idx="4706">
                  <c:v>41232</c:v>
                </c:pt>
                <c:pt idx="4707">
                  <c:v>41233</c:v>
                </c:pt>
                <c:pt idx="4708">
                  <c:v>41234</c:v>
                </c:pt>
                <c:pt idx="4709">
                  <c:v>41235</c:v>
                </c:pt>
                <c:pt idx="4710">
                  <c:v>41236</c:v>
                </c:pt>
                <c:pt idx="4711">
                  <c:v>41237</c:v>
                </c:pt>
                <c:pt idx="4712">
                  <c:v>41238</c:v>
                </c:pt>
                <c:pt idx="4713">
                  <c:v>41239</c:v>
                </c:pt>
                <c:pt idx="4714">
                  <c:v>41240</c:v>
                </c:pt>
                <c:pt idx="4715">
                  <c:v>41241</c:v>
                </c:pt>
                <c:pt idx="4716">
                  <c:v>41242</c:v>
                </c:pt>
                <c:pt idx="4717">
                  <c:v>41243</c:v>
                </c:pt>
                <c:pt idx="4718">
                  <c:v>41244</c:v>
                </c:pt>
                <c:pt idx="4719">
                  <c:v>41245</c:v>
                </c:pt>
                <c:pt idx="4720">
                  <c:v>41246</c:v>
                </c:pt>
                <c:pt idx="4721">
                  <c:v>41247</c:v>
                </c:pt>
                <c:pt idx="4722">
                  <c:v>41248</c:v>
                </c:pt>
                <c:pt idx="4723">
                  <c:v>41249</c:v>
                </c:pt>
                <c:pt idx="4724">
                  <c:v>41250</c:v>
                </c:pt>
                <c:pt idx="4725">
                  <c:v>41251</c:v>
                </c:pt>
                <c:pt idx="4726">
                  <c:v>41252</c:v>
                </c:pt>
                <c:pt idx="4727">
                  <c:v>41253</c:v>
                </c:pt>
                <c:pt idx="4728">
                  <c:v>41254</c:v>
                </c:pt>
                <c:pt idx="4729">
                  <c:v>41255</c:v>
                </c:pt>
                <c:pt idx="4730">
                  <c:v>41256</c:v>
                </c:pt>
                <c:pt idx="4731">
                  <c:v>41257</c:v>
                </c:pt>
                <c:pt idx="4732">
                  <c:v>41258</c:v>
                </c:pt>
                <c:pt idx="4733">
                  <c:v>41259</c:v>
                </c:pt>
                <c:pt idx="4734">
                  <c:v>41260</c:v>
                </c:pt>
                <c:pt idx="4735">
                  <c:v>41261</c:v>
                </c:pt>
                <c:pt idx="4736">
                  <c:v>41262</c:v>
                </c:pt>
                <c:pt idx="4737">
                  <c:v>41263</c:v>
                </c:pt>
                <c:pt idx="4738">
                  <c:v>41264</c:v>
                </c:pt>
                <c:pt idx="4739">
                  <c:v>41265</c:v>
                </c:pt>
                <c:pt idx="4740">
                  <c:v>41266</c:v>
                </c:pt>
                <c:pt idx="4741">
                  <c:v>41267</c:v>
                </c:pt>
                <c:pt idx="4742">
                  <c:v>41268</c:v>
                </c:pt>
                <c:pt idx="4743">
                  <c:v>41269</c:v>
                </c:pt>
                <c:pt idx="4744">
                  <c:v>41270</c:v>
                </c:pt>
                <c:pt idx="4745">
                  <c:v>41271</c:v>
                </c:pt>
                <c:pt idx="4746">
                  <c:v>41272</c:v>
                </c:pt>
                <c:pt idx="4747">
                  <c:v>41273</c:v>
                </c:pt>
                <c:pt idx="4748">
                  <c:v>41274</c:v>
                </c:pt>
                <c:pt idx="4749">
                  <c:v>41275</c:v>
                </c:pt>
                <c:pt idx="4750">
                  <c:v>41276</c:v>
                </c:pt>
                <c:pt idx="4751">
                  <c:v>41277</c:v>
                </c:pt>
                <c:pt idx="4752">
                  <c:v>41278</c:v>
                </c:pt>
                <c:pt idx="4753">
                  <c:v>41279</c:v>
                </c:pt>
                <c:pt idx="4754">
                  <c:v>41280</c:v>
                </c:pt>
                <c:pt idx="4755">
                  <c:v>41281</c:v>
                </c:pt>
                <c:pt idx="4756">
                  <c:v>41282</c:v>
                </c:pt>
                <c:pt idx="4757">
                  <c:v>41283</c:v>
                </c:pt>
                <c:pt idx="4758">
                  <c:v>41284</c:v>
                </c:pt>
                <c:pt idx="4759">
                  <c:v>41285</c:v>
                </c:pt>
                <c:pt idx="4760">
                  <c:v>41286</c:v>
                </c:pt>
                <c:pt idx="4761">
                  <c:v>41287</c:v>
                </c:pt>
                <c:pt idx="4762">
                  <c:v>41288</c:v>
                </c:pt>
                <c:pt idx="4763">
                  <c:v>41289</c:v>
                </c:pt>
                <c:pt idx="4764">
                  <c:v>41290</c:v>
                </c:pt>
                <c:pt idx="4765">
                  <c:v>41291</c:v>
                </c:pt>
                <c:pt idx="4766">
                  <c:v>41292</c:v>
                </c:pt>
                <c:pt idx="4767">
                  <c:v>41293</c:v>
                </c:pt>
                <c:pt idx="4768">
                  <c:v>41294</c:v>
                </c:pt>
                <c:pt idx="4769">
                  <c:v>41295</c:v>
                </c:pt>
                <c:pt idx="4770">
                  <c:v>41296</c:v>
                </c:pt>
                <c:pt idx="4771">
                  <c:v>41297</c:v>
                </c:pt>
                <c:pt idx="4772">
                  <c:v>41298</c:v>
                </c:pt>
                <c:pt idx="4773">
                  <c:v>41299</c:v>
                </c:pt>
                <c:pt idx="4774">
                  <c:v>41300</c:v>
                </c:pt>
                <c:pt idx="4775">
                  <c:v>41301</c:v>
                </c:pt>
                <c:pt idx="4776">
                  <c:v>41302</c:v>
                </c:pt>
                <c:pt idx="4777">
                  <c:v>41303</c:v>
                </c:pt>
                <c:pt idx="4778">
                  <c:v>41304</c:v>
                </c:pt>
                <c:pt idx="4779">
                  <c:v>41305</c:v>
                </c:pt>
                <c:pt idx="4780">
                  <c:v>41306</c:v>
                </c:pt>
                <c:pt idx="4781">
                  <c:v>41307</c:v>
                </c:pt>
                <c:pt idx="4782">
                  <c:v>41308</c:v>
                </c:pt>
                <c:pt idx="4783">
                  <c:v>41309</c:v>
                </c:pt>
                <c:pt idx="4784">
                  <c:v>41310</c:v>
                </c:pt>
                <c:pt idx="4785">
                  <c:v>41311</c:v>
                </c:pt>
                <c:pt idx="4786">
                  <c:v>41312</c:v>
                </c:pt>
                <c:pt idx="4787">
                  <c:v>41313</c:v>
                </c:pt>
                <c:pt idx="4788">
                  <c:v>41314</c:v>
                </c:pt>
                <c:pt idx="4789">
                  <c:v>41315</c:v>
                </c:pt>
                <c:pt idx="4790">
                  <c:v>41316</c:v>
                </c:pt>
                <c:pt idx="4791">
                  <c:v>41317</c:v>
                </c:pt>
                <c:pt idx="4792">
                  <c:v>41318</c:v>
                </c:pt>
                <c:pt idx="4793">
                  <c:v>41319</c:v>
                </c:pt>
                <c:pt idx="4794">
                  <c:v>41320</c:v>
                </c:pt>
                <c:pt idx="4795">
                  <c:v>41321</c:v>
                </c:pt>
                <c:pt idx="4796">
                  <c:v>41322</c:v>
                </c:pt>
                <c:pt idx="4797">
                  <c:v>41323</c:v>
                </c:pt>
                <c:pt idx="4798">
                  <c:v>41324</c:v>
                </c:pt>
                <c:pt idx="4799">
                  <c:v>41325</c:v>
                </c:pt>
                <c:pt idx="4800">
                  <c:v>41326</c:v>
                </c:pt>
                <c:pt idx="4801">
                  <c:v>41327</c:v>
                </c:pt>
                <c:pt idx="4802">
                  <c:v>41328</c:v>
                </c:pt>
                <c:pt idx="4803">
                  <c:v>41329</c:v>
                </c:pt>
                <c:pt idx="4804">
                  <c:v>41330</c:v>
                </c:pt>
                <c:pt idx="4805">
                  <c:v>41331</c:v>
                </c:pt>
                <c:pt idx="4806">
                  <c:v>41332</c:v>
                </c:pt>
                <c:pt idx="4807">
                  <c:v>41333</c:v>
                </c:pt>
                <c:pt idx="4808">
                  <c:v>41334</c:v>
                </c:pt>
                <c:pt idx="4809">
                  <c:v>41335</c:v>
                </c:pt>
                <c:pt idx="4810">
                  <c:v>41336</c:v>
                </c:pt>
                <c:pt idx="4811">
                  <c:v>41337</c:v>
                </c:pt>
                <c:pt idx="4812">
                  <c:v>41338</c:v>
                </c:pt>
                <c:pt idx="4813">
                  <c:v>41339</c:v>
                </c:pt>
                <c:pt idx="4814">
                  <c:v>41340</c:v>
                </c:pt>
                <c:pt idx="4815">
                  <c:v>41341</c:v>
                </c:pt>
                <c:pt idx="4816">
                  <c:v>41342</c:v>
                </c:pt>
                <c:pt idx="4817">
                  <c:v>41343</c:v>
                </c:pt>
                <c:pt idx="4818">
                  <c:v>41344</c:v>
                </c:pt>
                <c:pt idx="4819">
                  <c:v>41345</c:v>
                </c:pt>
                <c:pt idx="4820">
                  <c:v>41346</c:v>
                </c:pt>
                <c:pt idx="4821">
                  <c:v>41347</c:v>
                </c:pt>
                <c:pt idx="4822">
                  <c:v>41348</c:v>
                </c:pt>
                <c:pt idx="4823">
                  <c:v>41349</c:v>
                </c:pt>
                <c:pt idx="4824">
                  <c:v>41350</c:v>
                </c:pt>
                <c:pt idx="4825">
                  <c:v>41351</c:v>
                </c:pt>
                <c:pt idx="4826">
                  <c:v>41352</c:v>
                </c:pt>
                <c:pt idx="4827">
                  <c:v>41353</c:v>
                </c:pt>
                <c:pt idx="4828">
                  <c:v>41354</c:v>
                </c:pt>
                <c:pt idx="4829">
                  <c:v>41355</c:v>
                </c:pt>
                <c:pt idx="4830">
                  <c:v>41356</c:v>
                </c:pt>
                <c:pt idx="4831">
                  <c:v>41357</c:v>
                </c:pt>
                <c:pt idx="4832">
                  <c:v>41358</c:v>
                </c:pt>
                <c:pt idx="4833">
                  <c:v>41359</c:v>
                </c:pt>
                <c:pt idx="4834">
                  <c:v>41360</c:v>
                </c:pt>
                <c:pt idx="4835">
                  <c:v>41361</c:v>
                </c:pt>
                <c:pt idx="4836">
                  <c:v>41362</c:v>
                </c:pt>
                <c:pt idx="4837">
                  <c:v>41363</c:v>
                </c:pt>
                <c:pt idx="4838">
                  <c:v>41364</c:v>
                </c:pt>
                <c:pt idx="4839">
                  <c:v>41365</c:v>
                </c:pt>
                <c:pt idx="4840">
                  <c:v>41366</c:v>
                </c:pt>
                <c:pt idx="4841">
                  <c:v>41367</c:v>
                </c:pt>
                <c:pt idx="4842">
                  <c:v>41368</c:v>
                </c:pt>
                <c:pt idx="4843">
                  <c:v>41369</c:v>
                </c:pt>
                <c:pt idx="4844">
                  <c:v>41370</c:v>
                </c:pt>
                <c:pt idx="4845">
                  <c:v>41371</c:v>
                </c:pt>
                <c:pt idx="4846">
                  <c:v>41372</c:v>
                </c:pt>
                <c:pt idx="4847">
                  <c:v>41373</c:v>
                </c:pt>
                <c:pt idx="4848">
                  <c:v>41374</c:v>
                </c:pt>
                <c:pt idx="4849">
                  <c:v>41375</c:v>
                </c:pt>
                <c:pt idx="4850">
                  <c:v>41376</c:v>
                </c:pt>
                <c:pt idx="4851">
                  <c:v>41377</c:v>
                </c:pt>
                <c:pt idx="4852">
                  <c:v>41378</c:v>
                </c:pt>
                <c:pt idx="4853">
                  <c:v>41379</c:v>
                </c:pt>
                <c:pt idx="4854">
                  <c:v>41380</c:v>
                </c:pt>
                <c:pt idx="4855">
                  <c:v>41381</c:v>
                </c:pt>
                <c:pt idx="4856">
                  <c:v>41382</c:v>
                </c:pt>
                <c:pt idx="4857">
                  <c:v>41383</c:v>
                </c:pt>
                <c:pt idx="4858">
                  <c:v>41384</c:v>
                </c:pt>
                <c:pt idx="4859">
                  <c:v>41385</c:v>
                </c:pt>
                <c:pt idx="4860">
                  <c:v>41386</c:v>
                </c:pt>
                <c:pt idx="4861">
                  <c:v>41387</c:v>
                </c:pt>
                <c:pt idx="4862">
                  <c:v>41388</c:v>
                </c:pt>
                <c:pt idx="4863">
                  <c:v>41389</c:v>
                </c:pt>
                <c:pt idx="4864">
                  <c:v>41390</c:v>
                </c:pt>
                <c:pt idx="4865">
                  <c:v>41391</c:v>
                </c:pt>
                <c:pt idx="4866">
                  <c:v>41392</c:v>
                </c:pt>
                <c:pt idx="4867">
                  <c:v>41393</c:v>
                </c:pt>
                <c:pt idx="4868">
                  <c:v>41394</c:v>
                </c:pt>
                <c:pt idx="4869">
                  <c:v>41395</c:v>
                </c:pt>
                <c:pt idx="4870">
                  <c:v>41396</c:v>
                </c:pt>
                <c:pt idx="4871">
                  <c:v>41397</c:v>
                </c:pt>
                <c:pt idx="4872">
                  <c:v>41398</c:v>
                </c:pt>
                <c:pt idx="4873">
                  <c:v>41399</c:v>
                </c:pt>
                <c:pt idx="4874">
                  <c:v>41400</c:v>
                </c:pt>
                <c:pt idx="4875">
                  <c:v>41401</c:v>
                </c:pt>
                <c:pt idx="4876">
                  <c:v>41402</c:v>
                </c:pt>
                <c:pt idx="4877">
                  <c:v>41403</c:v>
                </c:pt>
                <c:pt idx="4878">
                  <c:v>41404</c:v>
                </c:pt>
                <c:pt idx="4879">
                  <c:v>41405</c:v>
                </c:pt>
                <c:pt idx="4880">
                  <c:v>41406</c:v>
                </c:pt>
                <c:pt idx="4881">
                  <c:v>41407</c:v>
                </c:pt>
                <c:pt idx="4882">
                  <c:v>41408</c:v>
                </c:pt>
                <c:pt idx="4883">
                  <c:v>41409</c:v>
                </c:pt>
                <c:pt idx="4884">
                  <c:v>41410</c:v>
                </c:pt>
                <c:pt idx="4885">
                  <c:v>41411</c:v>
                </c:pt>
                <c:pt idx="4886">
                  <c:v>41412</c:v>
                </c:pt>
                <c:pt idx="4887">
                  <c:v>41413</c:v>
                </c:pt>
                <c:pt idx="4888">
                  <c:v>41414</c:v>
                </c:pt>
                <c:pt idx="4889">
                  <c:v>41415</c:v>
                </c:pt>
                <c:pt idx="4890">
                  <c:v>41416</c:v>
                </c:pt>
                <c:pt idx="4891">
                  <c:v>41417</c:v>
                </c:pt>
                <c:pt idx="4892">
                  <c:v>41418</c:v>
                </c:pt>
                <c:pt idx="4893">
                  <c:v>41419</c:v>
                </c:pt>
                <c:pt idx="4894">
                  <c:v>41420</c:v>
                </c:pt>
                <c:pt idx="4895">
                  <c:v>41421</c:v>
                </c:pt>
                <c:pt idx="4896">
                  <c:v>41422</c:v>
                </c:pt>
                <c:pt idx="4897">
                  <c:v>41423</c:v>
                </c:pt>
                <c:pt idx="4898">
                  <c:v>41424</c:v>
                </c:pt>
                <c:pt idx="4899">
                  <c:v>41425</c:v>
                </c:pt>
                <c:pt idx="4900">
                  <c:v>41426</c:v>
                </c:pt>
                <c:pt idx="4901">
                  <c:v>41427</c:v>
                </c:pt>
                <c:pt idx="4902">
                  <c:v>41428</c:v>
                </c:pt>
                <c:pt idx="4903">
                  <c:v>41429</c:v>
                </c:pt>
                <c:pt idx="4904">
                  <c:v>41430</c:v>
                </c:pt>
                <c:pt idx="4905">
                  <c:v>41431</c:v>
                </c:pt>
                <c:pt idx="4906">
                  <c:v>41432</c:v>
                </c:pt>
                <c:pt idx="4907">
                  <c:v>41433</c:v>
                </c:pt>
                <c:pt idx="4908">
                  <c:v>41434</c:v>
                </c:pt>
                <c:pt idx="4909">
                  <c:v>41435</c:v>
                </c:pt>
                <c:pt idx="4910">
                  <c:v>41436</c:v>
                </c:pt>
                <c:pt idx="4911">
                  <c:v>41437</c:v>
                </c:pt>
                <c:pt idx="4912">
                  <c:v>41438</c:v>
                </c:pt>
                <c:pt idx="4913">
                  <c:v>41439</c:v>
                </c:pt>
                <c:pt idx="4914">
                  <c:v>41440</c:v>
                </c:pt>
                <c:pt idx="4915">
                  <c:v>41441</c:v>
                </c:pt>
                <c:pt idx="4916">
                  <c:v>41442</c:v>
                </c:pt>
                <c:pt idx="4917">
                  <c:v>41443</c:v>
                </c:pt>
                <c:pt idx="4918">
                  <c:v>41444</c:v>
                </c:pt>
                <c:pt idx="4919">
                  <c:v>41445</c:v>
                </c:pt>
                <c:pt idx="4920">
                  <c:v>41446</c:v>
                </c:pt>
                <c:pt idx="4921">
                  <c:v>41447</c:v>
                </c:pt>
                <c:pt idx="4922">
                  <c:v>41448</c:v>
                </c:pt>
                <c:pt idx="4923">
                  <c:v>41449</c:v>
                </c:pt>
                <c:pt idx="4924">
                  <c:v>41450</c:v>
                </c:pt>
                <c:pt idx="4925">
                  <c:v>41451</c:v>
                </c:pt>
                <c:pt idx="4926">
                  <c:v>41452</c:v>
                </c:pt>
                <c:pt idx="4927">
                  <c:v>41453</c:v>
                </c:pt>
                <c:pt idx="4928">
                  <c:v>41454</c:v>
                </c:pt>
                <c:pt idx="4929">
                  <c:v>41455</c:v>
                </c:pt>
                <c:pt idx="4930">
                  <c:v>41456</c:v>
                </c:pt>
                <c:pt idx="4931">
                  <c:v>41457</c:v>
                </c:pt>
                <c:pt idx="4932">
                  <c:v>41458</c:v>
                </c:pt>
                <c:pt idx="4933">
                  <c:v>41459</c:v>
                </c:pt>
                <c:pt idx="4934">
                  <c:v>41460</c:v>
                </c:pt>
                <c:pt idx="4935">
                  <c:v>41461</c:v>
                </c:pt>
                <c:pt idx="4936">
                  <c:v>41462</c:v>
                </c:pt>
                <c:pt idx="4937">
                  <c:v>41463</c:v>
                </c:pt>
                <c:pt idx="4938">
                  <c:v>41464</c:v>
                </c:pt>
                <c:pt idx="4939">
                  <c:v>41465</c:v>
                </c:pt>
                <c:pt idx="4940">
                  <c:v>41466</c:v>
                </c:pt>
                <c:pt idx="4941">
                  <c:v>41467</c:v>
                </c:pt>
                <c:pt idx="4942">
                  <c:v>41468</c:v>
                </c:pt>
                <c:pt idx="4943">
                  <c:v>41469</c:v>
                </c:pt>
                <c:pt idx="4944">
                  <c:v>41470</c:v>
                </c:pt>
                <c:pt idx="4945">
                  <c:v>41471</c:v>
                </c:pt>
                <c:pt idx="4946">
                  <c:v>41472</c:v>
                </c:pt>
                <c:pt idx="4947">
                  <c:v>41473</c:v>
                </c:pt>
                <c:pt idx="4948">
                  <c:v>41474</c:v>
                </c:pt>
                <c:pt idx="4949">
                  <c:v>41475</c:v>
                </c:pt>
                <c:pt idx="4950">
                  <c:v>41476</c:v>
                </c:pt>
                <c:pt idx="4951">
                  <c:v>41477</c:v>
                </c:pt>
                <c:pt idx="4952">
                  <c:v>41478</c:v>
                </c:pt>
                <c:pt idx="4953">
                  <c:v>41479</c:v>
                </c:pt>
                <c:pt idx="4954">
                  <c:v>41480</c:v>
                </c:pt>
                <c:pt idx="4955">
                  <c:v>41481</c:v>
                </c:pt>
                <c:pt idx="4956">
                  <c:v>41482</c:v>
                </c:pt>
                <c:pt idx="4957">
                  <c:v>41483</c:v>
                </c:pt>
                <c:pt idx="4958">
                  <c:v>41484</c:v>
                </c:pt>
                <c:pt idx="4959">
                  <c:v>41485</c:v>
                </c:pt>
                <c:pt idx="4960">
                  <c:v>41486</c:v>
                </c:pt>
                <c:pt idx="4961">
                  <c:v>41487</c:v>
                </c:pt>
                <c:pt idx="4962">
                  <c:v>41488</c:v>
                </c:pt>
                <c:pt idx="4963">
                  <c:v>41489</c:v>
                </c:pt>
                <c:pt idx="4964">
                  <c:v>41490</c:v>
                </c:pt>
                <c:pt idx="4965">
                  <c:v>41491</c:v>
                </c:pt>
                <c:pt idx="4966">
                  <c:v>41492</c:v>
                </c:pt>
                <c:pt idx="4967">
                  <c:v>41493</c:v>
                </c:pt>
                <c:pt idx="4968">
                  <c:v>41494</c:v>
                </c:pt>
                <c:pt idx="4969">
                  <c:v>41495</c:v>
                </c:pt>
                <c:pt idx="4970">
                  <c:v>41496</c:v>
                </c:pt>
                <c:pt idx="4971">
                  <c:v>41497</c:v>
                </c:pt>
                <c:pt idx="4972">
                  <c:v>41498</c:v>
                </c:pt>
                <c:pt idx="4973">
                  <c:v>41499</c:v>
                </c:pt>
                <c:pt idx="4974">
                  <c:v>41500</c:v>
                </c:pt>
                <c:pt idx="4975">
                  <c:v>41501</c:v>
                </c:pt>
                <c:pt idx="4976">
                  <c:v>41502</c:v>
                </c:pt>
                <c:pt idx="4977">
                  <c:v>41503</c:v>
                </c:pt>
                <c:pt idx="4978">
                  <c:v>41504</c:v>
                </c:pt>
                <c:pt idx="4979">
                  <c:v>41505</c:v>
                </c:pt>
                <c:pt idx="4980">
                  <c:v>41506</c:v>
                </c:pt>
                <c:pt idx="4981">
                  <c:v>41507</c:v>
                </c:pt>
                <c:pt idx="4982">
                  <c:v>41508</c:v>
                </c:pt>
                <c:pt idx="4983">
                  <c:v>41509</c:v>
                </c:pt>
                <c:pt idx="4984">
                  <c:v>41510</c:v>
                </c:pt>
                <c:pt idx="4985">
                  <c:v>41511</c:v>
                </c:pt>
                <c:pt idx="4986">
                  <c:v>41512</c:v>
                </c:pt>
                <c:pt idx="4987">
                  <c:v>41513</c:v>
                </c:pt>
                <c:pt idx="4988">
                  <c:v>41514</c:v>
                </c:pt>
                <c:pt idx="4989">
                  <c:v>41515</c:v>
                </c:pt>
                <c:pt idx="4990">
                  <c:v>41516</c:v>
                </c:pt>
                <c:pt idx="4991">
                  <c:v>41517</c:v>
                </c:pt>
                <c:pt idx="4992">
                  <c:v>41518</c:v>
                </c:pt>
                <c:pt idx="4993">
                  <c:v>41519</c:v>
                </c:pt>
                <c:pt idx="4994">
                  <c:v>41520</c:v>
                </c:pt>
                <c:pt idx="4995">
                  <c:v>41521</c:v>
                </c:pt>
                <c:pt idx="4996">
                  <c:v>41522</c:v>
                </c:pt>
                <c:pt idx="4997">
                  <c:v>41523</c:v>
                </c:pt>
                <c:pt idx="4998">
                  <c:v>41524</c:v>
                </c:pt>
                <c:pt idx="4999">
                  <c:v>41525</c:v>
                </c:pt>
                <c:pt idx="5000">
                  <c:v>41526</c:v>
                </c:pt>
                <c:pt idx="5001">
                  <c:v>41527</c:v>
                </c:pt>
                <c:pt idx="5002">
                  <c:v>41528</c:v>
                </c:pt>
                <c:pt idx="5003">
                  <c:v>41529</c:v>
                </c:pt>
                <c:pt idx="5004">
                  <c:v>41530</c:v>
                </c:pt>
                <c:pt idx="5005">
                  <c:v>41531</c:v>
                </c:pt>
                <c:pt idx="5006">
                  <c:v>41532</c:v>
                </c:pt>
                <c:pt idx="5007">
                  <c:v>41533</c:v>
                </c:pt>
                <c:pt idx="5008">
                  <c:v>41534</c:v>
                </c:pt>
                <c:pt idx="5009">
                  <c:v>41535</c:v>
                </c:pt>
                <c:pt idx="5010">
                  <c:v>41536</c:v>
                </c:pt>
                <c:pt idx="5011">
                  <c:v>41537</c:v>
                </c:pt>
                <c:pt idx="5012">
                  <c:v>41538</c:v>
                </c:pt>
                <c:pt idx="5013">
                  <c:v>41539</c:v>
                </c:pt>
                <c:pt idx="5014">
                  <c:v>41540</c:v>
                </c:pt>
                <c:pt idx="5015">
                  <c:v>41541</c:v>
                </c:pt>
                <c:pt idx="5016">
                  <c:v>41542</c:v>
                </c:pt>
                <c:pt idx="5017">
                  <c:v>41543</c:v>
                </c:pt>
                <c:pt idx="5018">
                  <c:v>41544</c:v>
                </c:pt>
                <c:pt idx="5019">
                  <c:v>41545</c:v>
                </c:pt>
                <c:pt idx="5020">
                  <c:v>41546</c:v>
                </c:pt>
                <c:pt idx="5021">
                  <c:v>41547</c:v>
                </c:pt>
                <c:pt idx="5022">
                  <c:v>41548</c:v>
                </c:pt>
                <c:pt idx="5023">
                  <c:v>41549</c:v>
                </c:pt>
                <c:pt idx="5024">
                  <c:v>41550</c:v>
                </c:pt>
                <c:pt idx="5025">
                  <c:v>41551</c:v>
                </c:pt>
                <c:pt idx="5026">
                  <c:v>41552</c:v>
                </c:pt>
                <c:pt idx="5027">
                  <c:v>41553</c:v>
                </c:pt>
                <c:pt idx="5028">
                  <c:v>41554</c:v>
                </c:pt>
                <c:pt idx="5029">
                  <c:v>41555</c:v>
                </c:pt>
                <c:pt idx="5030">
                  <c:v>41556</c:v>
                </c:pt>
                <c:pt idx="5031">
                  <c:v>41557</c:v>
                </c:pt>
                <c:pt idx="5032">
                  <c:v>41558</c:v>
                </c:pt>
                <c:pt idx="5033">
                  <c:v>41559</c:v>
                </c:pt>
                <c:pt idx="5034">
                  <c:v>41560</c:v>
                </c:pt>
                <c:pt idx="5035">
                  <c:v>41561</c:v>
                </c:pt>
                <c:pt idx="5036">
                  <c:v>41562</c:v>
                </c:pt>
                <c:pt idx="5037">
                  <c:v>41563</c:v>
                </c:pt>
                <c:pt idx="5038">
                  <c:v>41564</c:v>
                </c:pt>
                <c:pt idx="5039">
                  <c:v>41565</c:v>
                </c:pt>
                <c:pt idx="5040">
                  <c:v>41566</c:v>
                </c:pt>
                <c:pt idx="5041">
                  <c:v>41567</c:v>
                </c:pt>
                <c:pt idx="5042">
                  <c:v>41568</c:v>
                </c:pt>
                <c:pt idx="5043">
                  <c:v>41569</c:v>
                </c:pt>
                <c:pt idx="5044">
                  <c:v>41570</c:v>
                </c:pt>
                <c:pt idx="5045">
                  <c:v>41571</c:v>
                </c:pt>
                <c:pt idx="5046">
                  <c:v>41572</c:v>
                </c:pt>
                <c:pt idx="5047">
                  <c:v>41573</c:v>
                </c:pt>
                <c:pt idx="5048">
                  <c:v>41574</c:v>
                </c:pt>
                <c:pt idx="5049">
                  <c:v>41575</c:v>
                </c:pt>
                <c:pt idx="5050">
                  <c:v>41576</c:v>
                </c:pt>
                <c:pt idx="5051">
                  <c:v>41577</c:v>
                </c:pt>
                <c:pt idx="5052">
                  <c:v>41578</c:v>
                </c:pt>
                <c:pt idx="5053">
                  <c:v>41579</c:v>
                </c:pt>
                <c:pt idx="5054">
                  <c:v>41580</c:v>
                </c:pt>
                <c:pt idx="5055">
                  <c:v>41581</c:v>
                </c:pt>
                <c:pt idx="5056">
                  <c:v>41582</c:v>
                </c:pt>
                <c:pt idx="5057">
                  <c:v>41583</c:v>
                </c:pt>
                <c:pt idx="5058">
                  <c:v>41584</c:v>
                </c:pt>
                <c:pt idx="5059">
                  <c:v>41585</c:v>
                </c:pt>
                <c:pt idx="5060">
                  <c:v>41586</c:v>
                </c:pt>
                <c:pt idx="5061">
                  <c:v>41587</c:v>
                </c:pt>
                <c:pt idx="5062">
                  <c:v>41588</c:v>
                </c:pt>
                <c:pt idx="5063">
                  <c:v>41589</c:v>
                </c:pt>
                <c:pt idx="5064">
                  <c:v>41590</c:v>
                </c:pt>
                <c:pt idx="5065">
                  <c:v>41591</c:v>
                </c:pt>
                <c:pt idx="5066">
                  <c:v>41592</c:v>
                </c:pt>
                <c:pt idx="5067">
                  <c:v>41593</c:v>
                </c:pt>
                <c:pt idx="5068">
                  <c:v>41594</c:v>
                </c:pt>
                <c:pt idx="5069">
                  <c:v>41595</c:v>
                </c:pt>
                <c:pt idx="5070">
                  <c:v>41596</c:v>
                </c:pt>
                <c:pt idx="5071">
                  <c:v>41597</c:v>
                </c:pt>
                <c:pt idx="5072">
                  <c:v>41598</c:v>
                </c:pt>
                <c:pt idx="5073">
                  <c:v>41599</c:v>
                </c:pt>
                <c:pt idx="5074">
                  <c:v>41600</c:v>
                </c:pt>
                <c:pt idx="5075">
                  <c:v>41601</c:v>
                </c:pt>
                <c:pt idx="5076">
                  <c:v>41602</c:v>
                </c:pt>
                <c:pt idx="5077">
                  <c:v>41603</c:v>
                </c:pt>
                <c:pt idx="5078">
                  <c:v>41604</c:v>
                </c:pt>
                <c:pt idx="5079">
                  <c:v>41605</c:v>
                </c:pt>
                <c:pt idx="5080">
                  <c:v>41606</c:v>
                </c:pt>
                <c:pt idx="5081">
                  <c:v>41607</c:v>
                </c:pt>
                <c:pt idx="5082">
                  <c:v>41608</c:v>
                </c:pt>
                <c:pt idx="5083">
                  <c:v>41609</c:v>
                </c:pt>
                <c:pt idx="5084">
                  <c:v>41610</c:v>
                </c:pt>
                <c:pt idx="5085">
                  <c:v>41611</c:v>
                </c:pt>
                <c:pt idx="5086">
                  <c:v>41612</c:v>
                </c:pt>
                <c:pt idx="5087">
                  <c:v>41613</c:v>
                </c:pt>
                <c:pt idx="5088">
                  <c:v>41614</c:v>
                </c:pt>
                <c:pt idx="5089">
                  <c:v>41615</c:v>
                </c:pt>
                <c:pt idx="5090">
                  <c:v>41616</c:v>
                </c:pt>
                <c:pt idx="5091">
                  <c:v>41617</c:v>
                </c:pt>
                <c:pt idx="5092">
                  <c:v>41618</c:v>
                </c:pt>
                <c:pt idx="5093">
                  <c:v>41619</c:v>
                </c:pt>
                <c:pt idx="5094">
                  <c:v>41620</c:v>
                </c:pt>
                <c:pt idx="5095">
                  <c:v>41621</c:v>
                </c:pt>
                <c:pt idx="5096">
                  <c:v>41622</c:v>
                </c:pt>
                <c:pt idx="5097">
                  <c:v>41623</c:v>
                </c:pt>
                <c:pt idx="5098">
                  <c:v>41624</c:v>
                </c:pt>
                <c:pt idx="5099">
                  <c:v>41625</c:v>
                </c:pt>
                <c:pt idx="5100">
                  <c:v>41626</c:v>
                </c:pt>
                <c:pt idx="5101">
                  <c:v>41627</c:v>
                </c:pt>
                <c:pt idx="5102">
                  <c:v>41628</c:v>
                </c:pt>
                <c:pt idx="5103">
                  <c:v>41629</c:v>
                </c:pt>
                <c:pt idx="5104">
                  <c:v>41630</c:v>
                </c:pt>
                <c:pt idx="5105">
                  <c:v>41631</c:v>
                </c:pt>
                <c:pt idx="5106">
                  <c:v>41632</c:v>
                </c:pt>
                <c:pt idx="5107">
                  <c:v>41633</c:v>
                </c:pt>
                <c:pt idx="5108">
                  <c:v>41634</c:v>
                </c:pt>
                <c:pt idx="5109">
                  <c:v>41635</c:v>
                </c:pt>
                <c:pt idx="5110">
                  <c:v>41636</c:v>
                </c:pt>
                <c:pt idx="5111">
                  <c:v>41637</c:v>
                </c:pt>
                <c:pt idx="5112">
                  <c:v>41638</c:v>
                </c:pt>
                <c:pt idx="5113">
                  <c:v>41639</c:v>
                </c:pt>
                <c:pt idx="5114">
                  <c:v>41640</c:v>
                </c:pt>
                <c:pt idx="5115">
                  <c:v>41641</c:v>
                </c:pt>
                <c:pt idx="5116">
                  <c:v>41642</c:v>
                </c:pt>
                <c:pt idx="5117">
                  <c:v>41643</c:v>
                </c:pt>
                <c:pt idx="5118">
                  <c:v>41644</c:v>
                </c:pt>
                <c:pt idx="5119">
                  <c:v>41645</c:v>
                </c:pt>
                <c:pt idx="5120">
                  <c:v>41646</c:v>
                </c:pt>
                <c:pt idx="5121">
                  <c:v>41647</c:v>
                </c:pt>
                <c:pt idx="5122">
                  <c:v>41648</c:v>
                </c:pt>
                <c:pt idx="5123">
                  <c:v>41649</c:v>
                </c:pt>
                <c:pt idx="5124">
                  <c:v>41650</c:v>
                </c:pt>
                <c:pt idx="5125">
                  <c:v>41651</c:v>
                </c:pt>
                <c:pt idx="5126">
                  <c:v>41652</c:v>
                </c:pt>
                <c:pt idx="5127">
                  <c:v>41653</c:v>
                </c:pt>
                <c:pt idx="5128">
                  <c:v>41654</c:v>
                </c:pt>
                <c:pt idx="5129">
                  <c:v>41655</c:v>
                </c:pt>
                <c:pt idx="5130">
                  <c:v>41656</c:v>
                </c:pt>
                <c:pt idx="5131">
                  <c:v>41657</c:v>
                </c:pt>
                <c:pt idx="5132">
                  <c:v>41658</c:v>
                </c:pt>
                <c:pt idx="5133">
                  <c:v>41659</c:v>
                </c:pt>
                <c:pt idx="5134">
                  <c:v>41660</c:v>
                </c:pt>
                <c:pt idx="5135">
                  <c:v>41661</c:v>
                </c:pt>
                <c:pt idx="5136">
                  <c:v>41662</c:v>
                </c:pt>
                <c:pt idx="5137">
                  <c:v>41663</c:v>
                </c:pt>
                <c:pt idx="5138">
                  <c:v>41664</c:v>
                </c:pt>
                <c:pt idx="5139">
                  <c:v>41665</c:v>
                </c:pt>
                <c:pt idx="5140">
                  <c:v>41666</c:v>
                </c:pt>
                <c:pt idx="5141">
                  <c:v>41667</c:v>
                </c:pt>
                <c:pt idx="5142">
                  <c:v>41668</c:v>
                </c:pt>
                <c:pt idx="5143">
                  <c:v>41669</c:v>
                </c:pt>
                <c:pt idx="5144">
                  <c:v>41670</c:v>
                </c:pt>
                <c:pt idx="5145">
                  <c:v>41671</c:v>
                </c:pt>
                <c:pt idx="5146">
                  <c:v>41672</c:v>
                </c:pt>
                <c:pt idx="5147">
                  <c:v>41673</c:v>
                </c:pt>
                <c:pt idx="5148">
                  <c:v>41674</c:v>
                </c:pt>
                <c:pt idx="5149">
                  <c:v>41675</c:v>
                </c:pt>
                <c:pt idx="5150">
                  <c:v>41676</c:v>
                </c:pt>
                <c:pt idx="5151">
                  <c:v>41677</c:v>
                </c:pt>
                <c:pt idx="5152">
                  <c:v>41678</c:v>
                </c:pt>
                <c:pt idx="5153">
                  <c:v>41679</c:v>
                </c:pt>
                <c:pt idx="5154">
                  <c:v>41680</c:v>
                </c:pt>
                <c:pt idx="5155">
                  <c:v>41681</c:v>
                </c:pt>
                <c:pt idx="5156">
                  <c:v>41682</c:v>
                </c:pt>
                <c:pt idx="5157">
                  <c:v>41683</c:v>
                </c:pt>
                <c:pt idx="5158">
                  <c:v>41684</c:v>
                </c:pt>
                <c:pt idx="5159">
                  <c:v>41685</c:v>
                </c:pt>
                <c:pt idx="5160">
                  <c:v>41686</c:v>
                </c:pt>
                <c:pt idx="5161">
                  <c:v>41687</c:v>
                </c:pt>
                <c:pt idx="5162">
                  <c:v>41688</c:v>
                </c:pt>
                <c:pt idx="5163">
                  <c:v>41689</c:v>
                </c:pt>
                <c:pt idx="5164">
                  <c:v>41690</c:v>
                </c:pt>
                <c:pt idx="5165">
                  <c:v>41691</c:v>
                </c:pt>
                <c:pt idx="5166">
                  <c:v>41692</c:v>
                </c:pt>
                <c:pt idx="5167">
                  <c:v>41693</c:v>
                </c:pt>
                <c:pt idx="5168">
                  <c:v>41694</c:v>
                </c:pt>
                <c:pt idx="5169">
                  <c:v>41695</c:v>
                </c:pt>
                <c:pt idx="5170">
                  <c:v>41696</c:v>
                </c:pt>
                <c:pt idx="5171">
                  <c:v>41697</c:v>
                </c:pt>
                <c:pt idx="5172">
                  <c:v>41698</c:v>
                </c:pt>
                <c:pt idx="5173">
                  <c:v>41699</c:v>
                </c:pt>
                <c:pt idx="5174">
                  <c:v>41700</c:v>
                </c:pt>
                <c:pt idx="5175">
                  <c:v>41701</c:v>
                </c:pt>
                <c:pt idx="5176">
                  <c:v>41702</c:v>
                </c:pt>
                <c:pt idx="5177">
                  <c:v>41703</c:v>
                </c:pt>
                <c:pt idx="5178">
                  <c:v>41704</c:v>
                </c:pt>
                <c:pt idx="5179">
                  <c:v>41705</c:v>
                </c:pt>
                <c:pt idx="5180">
                  <c:v>41706</c:v>
                </c:pt>
                <c:pt idx="5181">
                  <c:v>41707</c:v>
                </c:pt>
                <c:pt idx="5182">
                  <c:v>41708</c:v>
                </c:pt>
                <c:pt idx="5183">
                  <c:v>41709</c:v>
                </c:pt>
                <c:pt idx="5184">
                  <c:v>41710</c:v>
                </c:pt>
                <c:pt idx="5185">
                  <c:v>41711</c:v>
                </c:pt>
                <c:pt idx="5186">
                  <c:v>41712</c:v>
                </c:pt>
                <c:pt idx="5187">
                  <c:v>41713</c:v>
                </c:pt>
                <c:pt idx="5188">
                  <c:v>41714</c:v>
                </c:pt>
                <c:pt idx="5189">
                  <c:v>41715</c:v>
                </c:pt>
                <c:pt idx="5190">
                  <c:v>41716</c:v>
                </c:pt>
                <c:pt idx="5191">
                  <c:v>41717</c:v>
                </c:pt>
                <c:pt idx="5192">
                  <c:v>41718</c:v>
                </c:pt>
                <c:pt idx="5193">
                  <c:v>41719</c:v>
                </c:pt>
                <c:pt idx="5194">
                  <c:v>41720</c:v>
                </c:pt>
                <c:pt idx="5195">
                  <c:v>41721</c:v>
                </c:pt>
                <c:pt idx="5196">
                  <c:v>41722</c:v>
                </c:pt>
                <c:pt idx="5197">
                  <c:v>41723</c:v>
                </c:pt>
                <c:pt idx="5198">
                  <c:v>41724</c:v>
                </c:pt>
                <c:pt idx="5199">
                  <c:v>41725</c:v>
                </c:pt>
                <c:pt idx="5200">
                  <c:v>41726</c:v>
                </c:pt>
                <c:pt idx="5201">
                  <c:v>41727</c:v>
                </c:pt>
                <c:pt idx="5202">
                  <c:v>41728</c:v>
                </c:pt>
                <c:pt idx="5203">
                  <c:v>41729</c:v>
                </c:pt>
                <c:pt idx="5204">
                  <c:v>41730</c:v>
                </c:pt>
                <c:pt idx="5205">
                  <c:v>41731</c:v>
                </c:pt>
                <c:pt idx="5206">
                  <c:v>41732</c:v>
                </c:pt>
                <c:pt idx="5207">
                  <c:v>41733</c:v>
                </c:pt>
                <c:pt idx="5208">
                  <c:v>41734</c:v>
                </c:pt>
                <c:pt idx="5209">
                  <c:v>41735</c:v>
                </c:pt>
                <c:pt idx="5210">
                  <c:v>41736</c:v>
                </c:pt>
                <c:pt idx="5211">
                  <c:v>41737</c:v>
                </c:pt>
                <c:pt idx="5212">
                  <c:v>41738</c:v>
                </c:pt>
                <c:pt idx="5213">
                  <c:v>41739</c:v>
                </c:pt>
                <c:pt idx="5214">
                  <c:v>41740</c:v>
                </c:pt>
                <c:pt idx="5215">
                  <c:v>41741</c:v>
                </c:pt>
                <c:pt idx="5216">
                  <c:v>41742</c:v>
                </c:pt>
                <c:pt idx="5217">
                  <c:v>41743</c:v>
                </c:pt>
                <c:pt idx="5218">
                  <c:v>41744</c:v>
                </c:pt>
                <c:pt idx="5219">
                  <c:v>41745</c:v>
                </c:pt>
                <c:pt idx="5220">
                  <c:v>41746</c:v>
                </c:pt>
                <c:pt idx="5221">
                  <c:v>41747</c:v>
                </c:pt>
                <c:pt idx="5222">
                  <c:v>41748</c:v>
                </c:pt>
                <c:pt idx="5223">
                  <c:v>41749</c:v>
                </c:pt>
                <c:pt idx="5224">
                  <c:v>41750</c:v>
                </c:pt>
                <c:pt idx="5225">
                  <c:v>41751</c:v>
                </c:pt>
                <c:pt idx="5226">
                  <c:v>41752</c:v>
                </c:pt>
                <c:pt idx="5227">
                  <c:v>41753</c:v>
                </c:pt>
                <c:pt idx="5228">
                  <c:v>41754</c:v>
                </c:pt>
                <c:pt idx="5229">
                  <c:v>41755</c:v>
                </c:pt>
                <c:pt idx="5230">
                  <c:v>41756</c:v>
                </c:pt>
                <c:pt idx="5231">
                  <c:v>41757</c:v>
                </c:pt>
                <c:pt idx="5232">
                  <c:v>41758</c:v>
                </c:pt>
                <c:pt idx="5233">
                  <c:v>41759</c:v>
                </c:pt>
                <c:pt idx="5234">
                  <c:v>41760</c:v>
                </c:pt>
                <c:pt idx="5235">
                  <c:v>41761</c:v>
                </c:pt>
                <c:pt idx="5236">
                  <c:v>41762</c:v>
                </c:pt>
                <c:pt idx="5237">
                  <c:v>41763</c:v>
                </c:pt>
                <c:pt idx="5238">
                  <c:v>41764</c:v>
                </c:pt>
                <c:pt idx="5239">
                  <c:v>41765</c:v>
                </c:pt>
                <c:pt idx="5240">
                  <c:v>41766</c:v>
                </c:pt>
                <c:pt idx="5241">
                  <c:v>41767</c:v>
                </c:pt>
                <c:pt idx="5242">
                  <c:v>41768</c:v>
                </c:pt>
                <c:pt idx="5243">
                  <c:v>41769</c:v>
                </c:pt>
                <c:pt idx="5244">
                  <c:v>41770</c:v>
                </c:pt>
                <c:pt idx="5245">
                  <c:v>41771</c:v>
                </c:pt>
                <c:pt idx="5246">
                  <c:v>41772</c:v>
                </c:pt>
                <c:pt idx="5247">
                  <c:v>41773</c:v>
                </c:pt>
                <c:pt idx="5248">
                  <c:v>41774</c:v>
                </c:pt>
                <c:pt idx="5249">
                  <c:v>41775</c:v>
                </c:pt>
                <c:pt idx="5250">
                  <c:v>41776</c:v>
                </c:pt>
                <c:pt idx="5251">
                  <c:v>41777</c:v>
                </c:pt>
                <c:pt idx="5252">
                  <c:v>41778</c:v>
                </c:pt>
                <c:pt idx="5253">
                  <c:v>41779</c:v>
                </c:pt>
                <c:pt idx="5254">
                  <c:v>41780</c:v>
                </c:pt>
                <c:pt idx="5255">
                  <c:v>41781</c:v>
                </c:pt>
                <c:pt idx="5256">
                  <c:v>41782</c:v>
                </c:pt>
                <c:pt idx="5257">
                  <c:v>41783</c:v>
                </c:pt>
                <c:pt idx="5258">
                  <c:v>41784</c:v>
                </c:pt>
                <c:pt idx="5259">
                  <c:v>41785</c:v>
                </c:pt>
                <c:pt idx="5260">
                  <c:v>41786</c:v>
                </c:pt>
                <c:pt idx="5261">
                  <c:v>41787</c:v>
                </c:pt>
                <c:pt idx="5262">
                  <c:v>41788</c:v>
                </c:pt>
                <c:pt idx="5263">
                  <c:v>41789</c:v>
                </c:pt>
                <c:pt idx="5264">
                  <c:v>41790</c:v>
                </c:pt>
                <c:pt idx="5265">
                  <c:v>41791</c:v>
                </c:pt>
                <c:pt idx="5266">
                  <c:v>41792</c:v>
                </c:pt>
                <c:pt idx="5267">
                  <c:v>41793</c:v>
                </c:pt>
                <c:pt idx="5268">
                  <c:v>41794</c:v>
                </c:pt>
                <c:pt idx="5269">
                  <c:v>41795</c:v>
                </c:pt>
                <c:pt idx="5270">
                  <c:v>41796</c:v>
                </c:pt>
                <c:pt idx="5271">
                  <c:v>41797</c:v>
                </c:pt>
                <c:pt idx="5272">
                  <c:v>41798</c:v>
                </c:pt>
                <c:pt idx="5273">
                  <c:v>41799</c:v>
                </c:pt>
                <c:pt idx="5274">
                  <c:v>41800</c:v>
                </c:pt>
                <c:pt idx="5275">
                  <c:v>41801</c:v>
                </c:pt>
                <c:pt idx="5276">
                  <c:v>41802</c:v>
                </c:pt>
                <c:pt idx="5277">
                  <c:v>41803</c:v>
                </c:pt>
                <c:pt idx="5278">
                  <c:v>41804</c:v>
                </c:pt>
                <c:pt idx="5279">
                  <c:v>41805</c:v>
                </c:pt>
                <c:pt idx="5280">
                  <c:v>41806</c:v>
                </c:pt>
                <c:pt idx="5281">
                  <c:v>41807</c:v>
                </c:pt>
                <c:pt idx="5282">
                  <c:v>41808</c:v>
                </c:pt>
                <c:pt idx="5283">
                  <c:v>41809</c:v>
                </c:pt>
                <c:pt idx="5284">
                  <c:v>41810</c:v>
                </c:pt>
                <c:pt idx="5285">
                  <c:v>41811</c:v>
                </c:pt>
                <c:pt idx="5286">
                  <c:v>41812</c:v>
                </c:pt>
                <c:pt idx="5287">
                  <c:v>41813</c:v>
                </c:pt>
                <c:pt idx="5288">
                  <c:v>41814</c:v>
                </c:pt>
                <c:pt idx="5289">
                  <c:v>41815</c:v>
                </c:pt>
                <c:pt idx="5290">
                  <c:v>41816</c:v>
                </c:pt>
                <c:pt idx="5291">
                  <c:v>41817</c:v>
                </c:pt>
                <c:pt idx="5292">
                  <c:v>41818</c:v>
                </c:pt>
                <c:pt idx="5293">
                  <c:v>41819</c:v>
                </c:pt>
                <c:pt idx="5294">
                  <c:v>41820</c:v>
                </c:pt>
                <c:pt idx="5295">
                  <c:v>41821</c:v>
                </c:pt>
                <c:pt idx="5296">
                  <c:v>41822</c:v>
                </c:pt>
                <c:pt idx="5297">
                  <c:v>41823</c:v>
                </c:pt>
                <c:pt idx="5298">
                  <c:v>41824</c:v>
                </c:pt>
                <c:pt idx="5299">
                  <c:v>41825</c:v>
                </c:pt>
                <c:pt idx="5300">
                  <c:v>41826</c:v>
                </c:pt>
                <c:pt idx="5301">
                  <c:v>41827</c:v>
                </c:pt>
                <c:pt idx="5302">
                  <c:v>41828</c:v>
                </c:pt>
                <c:pt idx="5303">
                  <c:v>41829</c:v>
                </c:pt>
                <c:pt idx="5304">
                  <c:v>41830</c:v>
                </c:pt>
                <c:pt idx="5305">
                  <c:v>41831</c:v>
                </c:pt>
                <c:pt idx="5306">
                  <c:v>41832</c:v>
                </c:pt>
                <c:pt idx="5307">
                  <c:v>41833</c:v>
                </c:pt>
                <c:pt idx="5308">
                  <c:v>41834</c:v>
                </c:pt>
                <c:pt idx="5309">
                  <c:v>41835</c:v>
                </c:pt>
                <c:pt idx="5310">
                  <c:v>41836</c:v>
                </c:pt>
                <c:pt idx="5311">
                  <c:v>41837</c:v>
                </c:pt>
                <c:pt idx="5312">
                  <c:v>41838</c:v>
                </c:pt>
                <c:pt idx="5313">
                  <c:v>41839</c:v>
                </c:pt>
                <c:pt idx="5314">
                  <c:v>41840</c:v>
                </c:pt>
                <c:pt idx="5315">
                  <c:v>41841</c:v>
                </c:pt>
                <c:pt idx="5316">
                  <c:v>41842</c:v>
                </c:pt>
                <c:pt idx="5317">
                  <c:v>41843</c:v>
                </c:pt>
                <c:pt idx="5318">
                  <c:v>41844</c:v>
                </c:pt>
                <c:pt idx="5319">
                  <c:v>41845</c:v>
                </c:pt>
                <c:pt idx="5320">
                  <c:v>41846</c:v>
                </c:pt>
                <c:pt idx="5321">
                  <c:v>41847</c:v>
                </c:pt>
                <c:pt idx="5322">
                  <c:v>41848</c:v>
                </c:pt>
                <c:pt idx="5323">
                  <c:v>41849</c:v>
                </c:pt>
                <c:pt idx="5324">
                  <c:v>41850</c:v>
                </c:pt>
                <c:pt idx="5325">
                  <c:v>41851</c:v>
                </c:pt>
                <c:pt idx="5326">
                  <c:v>41852</c:v>
                </c:pt>
                <c:pt idx="5327">
                  <c:v>41853</c:v>
                </c:pt>
                <c:pt idx="5328">
                  <c:v>41854</c:v>
                </c:pt>
                <c:pt idx="5329">
                  <c:v>41855</c:v>
                </c:pt>
                <c:pt idx="5330">
                  <c:v>41856</c:v>
                </c:pt>
                <c:pt idx="5331">
                  <c:v>41857</c:v>
                </c:pt>
                <c:pt idx="5332">
                  <c:v>41858</c:v>
                </c:pt>
                <c:pt idx="5333">
                  <c:v>41859</c:v>
                </c:pt>
                <c:pt idx="5334">
                  <c:v>41860</c:v>
                </c:pt>
                <c:pt idx="5335">
                  <c:v>41861</c:v>
                </c:pt>
                <c:pt idx="5336">
                  <c:v>41862</c:v>
                </c:pt>
                <c:pt idx="5337">
                  <c:v>41863</c:v>
                </c:pt>
                <c:pt idx="5338">
                  <c:v>41864</c:v>
                </c:pt>
                <c:pt idx="5339">
                  <c:v>41865</c:v>
                </c:pt>
                <c:pt idx="5340">
                  <c:v>41866</c:v>
                </c:pt>
                <c:pt idx="5341">
                  <c:v>41867</c:v>
                </c:pt>
                <c:pt idx="5342">
                  <c:v>41868</c:v>
                </c:pt>
                <c:pt idx="5343">
                  <c:v>41869</c:v>
                </c:pt>
                <c:pt idx="5344">
                  <c:v>41870</c:v>
                </c:pt>
                <c:pt idx="5345">
                  <c:v>41871</c:v>
                </c:pt>
                <c:pt idx="5346">
                  <c:v>41872</c:v>
                </c:pt>
                <c:pt idx="5347">
                  <c:v>41873</c:v>
                </c:pt>
                <c:pt idx="5348">
                  <c:v>41874</c:v>
                </c:pt>
                <c:pt idx="5349">
                  <c:v>41875</c:v>
                </c:pt>
                <c:pt idx="5350">
                  <c:v>41876</c:v>
                </c:pt>
                <c:pt idx="5351">
                  <c:v>41877</c:v>
                </c:pt>
                <c:pt idx="5352">
                  <c:v>41878</c:v>
                </c:pt>
                <c:pt idx="5353">
                  <c:v>41879</c:v>
                </c:pt>
                <c:pt idx="5354">
                  <c:v>41880</c:v>
                </c:pt>
                <c:pt idx="5355">
                  <c:v>41881</c:v>
                </c:pt>
                <c:pt idx="5356">
                  <c:v>41882</c:v>
                </c:pt>
                <c:pt idx="5357">
                  <c:v>41883</c:v>
                </c:pt>
                <c:pt idx="5358">
                  <c:v>41884</c:v>
                </c:pt>
                <c:pt idx="5359">
                  <c:v>41885</c:v>
                </c:pt>
                <c:pt idx="5360">
                  <c:v>41886</c:v>
                </c:pt>
                <c:pt idx="5361">
                  <c:v>41887</c:v>
                </c:pt>
                <c:pt idx="5362">
                  <c:v>41888</c:v>
                </c:pt>
                <c:pt idx="5363">
                  <c:v>41889</c:v>
                </c:pt>
                <c:pt idx="5364">
                  <c:v>41890</c:v>
                </c:pt>
                <c:pt idx="5365">
                  <c:v>41891</c:v>
                </c:pt>
                <c:pt idx="5366">
                  <c:v>41892</c:v>
                </c:pt>
                <c:pt idx="5367">
                  <c:v>41893</c:v>
                </c:pt>
                <c:pt idx="5368">
                  <c:v>41894</c:v>
                </c:pt>
                <c:pt idx="5369">
                  <c:v>41895</c:v>
                </c:pt>
                <c:pt idx="5370">
                  <c:v>41896</c:v>
                </c:pt>
                <c:pt idx="5371">
                  <c:v>41897</c:v>
                </c:pt>
                <c:pt idx="5372">
                  <c:v>41898</c:v>
                </c:pt>
                <c:pt idx="5373">
                  <c:v>41899</c:v>
                </c:pt>
                <c:pt idx="5374">
                  <c:v>41900</c:v>
                </c:pt>
                <c:pt idx="5375">
                  <c:v>41901</c:v>
                </c:pt>
                <c:pt idx="5376">
                  <c:v>41902</c:v>
                </c:pt>
                <c:pt idx="5377">
                  <c:v>41903</c:v>
                </c:pt>
                <c:pt idx="5378">
                  <c:v>41904</c:v>
                </c:pt>
                <c:pt idx="5379">
                  <c:v>41905</c:v>
                </c:pt>
                <c:pt idx="5380">
                  <c:v>41906</c:v>
                </c:pt>
                <c:pt idx="5381">
                  <c:v>41907</c:v>
                </c:pt>
                <c:pt idx="5382">
                  <c:v>41908</c:v>
                </c:pt>
                <c:pt idx="5383">
                  <c:v>41909</c:v>
                </c:pt>
                <c:pt idx="5384">
                  <c:v>41910</c:v>
                </c:pt>
                <c:pt idx="5385">
                  <c:v>41911</c:v>
                </c:pt>
                <c:pt idx="5386">
                  <c:v>41912</c:v>
                </c:pt>
                <c:pt idx="5387">
                  <c:v>41913</c:v>
                </c:pt>
                <c:pt idx="5388">
                  <c:v>41914</c:v>
                </c:pt>
                <c:pt idx="5389">
                  <c:v>41915</c:v>
                </c:pt>
                <c:pt idx="5390">
                  <c:v>41916</c:v>
                </c:pt>
                <c:pt idx="5391">
                  <c:v>41917</c:v>
                </c:pt>
                <c:pt idx="5392">
                  <c:v>41918</c:v>
                </c:pt>
                <c:pt idx="5393">
                  <c:v>41919</c:v>
                </c:pt>
                <c:pt idx="5394">
                  <c:v>41920</c:v>
                </c:pt>
                <c:pt idx="5395">
                  <c:v>41921</c:v>
                </c:pt>
                <c:pt idx="5396">
                  <c:v>41922</c:v>
                </c:pt>
                <c:pt idx="5397">
                  <c:v>41923</c:v>
                </c:pt>
                <c:pt idx="5398">
                  <c:v>41924</c:v>
                </c:pt>
                <c:pt idx="5399">
                  <c:v>41925</c:v>
                </c:pt>
                <c:pt idx="5400">
                  <c:v>41926</c:v>
                </c:pt>
                <c:pt idx="5401">
                  <c:v>41927</c:v>
                </c:pt>
                <c:pt idx="5402">
                  <c:v>41928</c:v>
                </c:pt>
                <c:pt idx="5403">
                  <c:v>41929</c:v>
                </c:pt>
                <c:pt idx="5404">
                  <c:v>41930</c:v>
                </c:pt>
                <c:pt idx="5405">
                  <c:v>41931</c:v>
                </c:pt>
                <c:pt idx="5406">
                  <c:v>41932</c:v>
                </c:pt>
                <c:pt idx="5407">
                  <c:v>41933</c:v>
                </c:pt>
                <c:pt idx="5408">
                  <c:v>41934</c:v>
                </c:pt>
                <c:pt idx="5409">
                  <c:v>41935</c:v>
                </c:pt>
                <c:pt idx="5410">
                  <c:v>41936</c:v>
                </c:pt>
                <c:pt idx="5411">
                  <c:v>41937</c:v>
                </c:pt>
                <c:pt idx="5412">
                  <c:v>41938</c:v>
                </c:pt>
                <c:pt idx="5413">
                  <c:v>41939</c:v>
                </c:pt>
                <c:pt idx="5414">
                  <c:v>41940</c:v>
                </c:pt>
                <c:pt idx="5415">
                  <c:v>41941</c:v>
                </c:pt>
                <c:pt idx="5416">
                  <c:v>41942</c:v>
                </c:pt>
                <c:pt idx="5417">
                  <c:v>41943</c:v>
                </c:pt>
                <c:pt idx="5418">
                  <c:v>41944</c:v>
                </c:pt>
                <c:pt idx="5419">
                  <c:v>41945</c:v>
                </c:pt>
                <c:pt idx="5420">
                  <c:v>41946</c:v>
                </c:pt>
                <c:pt idx="5421">
                  <c:v>41947</c:v>
                </c:pt>
                <c:pt idx="5422">
                  <c:v>41948</c:v>
                </c:pt>
                <c:pt idx="5423">
                  <c:v>41949</c:v>
                </c:pt>
                <c:pt idx="5424">
                  <c:v>41950</c:v>
                </c:pt>
                <c:pt idx="5425">
                  <c:v>41951</c:v>
                </c:pt>
                <c:pt idx="5426">
                  <c:v>41952</c:v>
                </c:pt>
                <c:pt idx="5427">
                  <c:v>41953</c:v>
                </c:pt>
                <c:pt idx="5428">
                  <c:v>41954</c:v>
                </c:pt>
                <c:pt idx="5429">
                  <c:v>41955</c:v>
                </c:pt>
                <c:pt idx="5430">
                  <c:v>41956</c:v>
                </c:pt>
                <c:pt idx="5431">
                  <c:v>41957</c:v>
                </c:pt>
                <c:pt idx="5432">
                  <c:v>41958</c:v>
                </c:pt>
                <c:pt idx="5433">
                  <c:v>41959</c:v>
                </c:pt>
                <c:pt idx="5434">
                  <c:v>41960</c:v>
                </c:pt>
                <c:pt idx="5435">
                  <c:v>41961</c:v>
                </c:pt>
                <c:pt idx="5436">
                  <c:v>41962</c:v>
                </c:pt>
                <c:pt idx="5437">
                  <c:v>41963</c:v>
                </c:pt>
                <c:pt idx="5438">
                  <c:v>41964</c:v>
                </c:pt>
                <c:pt idx="5439">
                  <c:v>41965</c:v>
                </c:pt>
                <c:pt idx="5440">
                  <c:v>41966</c:v>
                </c:pt>
                <c:pt idx="5441">
                  <c:v>41967</c:v>
                </c:pt>
                <c:pt idx="5442">
                  <c:v>41968</c:v>
                </c:pt>
                <c:pt idx="5443">
                  <c:v>41969</c:v>
                </c:pt>
                <c:pt idx="5444">
                  <c:v>41970</c:v>
                </c:pt>
                <c:pt idx="5445">
                  <c:v>41971</c:v>
                </c:pt>
                <c:pt idx="5446">
                  <c:v>41972</c:v>
                </c:pt>
                <c:pt idx="5447">
                  <c:v>41973</c:v>
                </c:pt>
                <c:pt idx="5448">
                  <c:v>41974</c:v>
                </c:pt>
                <c:pt idx="5449">
                  <c:v>41975</c:v>
                </c:pt>
                <c:pt idx="5450">
                  <c:v>41976</c:v>
                </c:pt>
                <c:pt idx="5451">
                  <c:v>41977</c:v>
                </c:pt>
                <c:pt idx="5452">
                  <c:v>41978</c:v>
                </c:pt>
                <c:pt idx="5453">
                  <c:v>41979</c:v>
                </c:pt>
                <c:pt idx="5454">
                  <c:v>41980</c:v>
                </c:pt>
                <c:pt idx="5455">
                  <c:v>41981</c:v>
                </c:pt>
                <c:pt idx="5456">
                  <c:v>41982</c:v>
                </c:pt>
                <c:pt idx="5457">
                  <c:v>41983</c:v>
                </c:pt>
                <c:pt idx="5458">
                  <c:v>41984</c:v>
                </c:pt>
                <c:pt idx="5459">
                  <c:v>41985</c:v>
                </c:pt>
                <c:pt idx="5460">
                  <c:v>41986</c:v>
                </c:pt>
                <c:pt idx="5461">
                  <c:v>41987</c:v>
                </c:pt>
                <c:pt idx="5462">
                  <c:v>41988</c:v>
                </c:pt>
                <c:pt idx="5463">
                  <c:v>41989</c:v>
                </c:pt>
                <c:pt idx="5464">
                  <c:v>41990</c:v>
                </c:pt>
                <c:pt idx="5465">
                  <c:v>41991</c:v>
                </c:pt>
                <c:pt idx="5466">
                  <c:v>41992</c:v>
                </c:pt>
                <c:pt idx="5467">
                  <c:v>41993</c:v>
                </c:pt>
                <c:pt idx="5468">
                  <c:v>41994</c:v>
                </c:pt>
                <c:pt idx="5469">
                  <c:v>41995</c:v>
                </c:pt>
                <c:pt idx="5470">
                  <c:v>41996</c:v>
                </c:pt>
                <c:pt idx="5471">
                  <c:v>41997</c:v>
                </c:pt>
                <c:pt idx="5472">
                  <c:v>41998</c:v>
                </c:pt>
                <c:pt idx="5473">
                  <c:v>41999</c:v>
                </c:pt>
                <c:pt idx="5474">
                  <c:v>42000</c:v>
                </c:pt>
                <c:pt idx="5475">
                  <c:v>42001</c:v>
                </c:pt>
                <c:pt idx="5476">
                  <c:v>42002</c:v>
                </c:pt>
                <c:pt idx="5477">
                  <c:v>42003</c:v>
                </c:pt>
                <c:pt idx="5478">
                  <c:v>42004</c:v>
                </c:pt>
                <c:pt idx="5479">
                  <c:v>42005</c:v>
                </c:pt>
                <c:pt idx="5480">
                  <c:v>42006</c:v>
                </c:pt>
                <c:pt idx="5481">
                  <c:v>42007</c:v>
                </c:pt>
                <c:pt idx="5482">
                  <c:v>42008</c:v>
                </c:pt>
                <c:pt idx="5483">
                  <c:v>42009</c:v>
                </c:pt>
                <c:pt idx="5484">
                  <c:v>42010</c:v>
                </c:pt>
                <c:pt idx="5485">
                  <c:v>42011</c:v>
                </c:pt>
                <c:pt idx="5486">
                  <c:v>42012</c:v>
                </c:pt>
                <c:pt idx="5487">
                  <c:v>42013</c:v>
                </c:pt>
                <c:pt idx="5488">
                  <c:v>42014</c:v>
                </c:pt>
                <c:pt idx="5489">
                  <c:v>42015</c:v>
                </c:pt>
                <c:pt idx="5490">
                  <c:v>42016</c:v>
                </c:pt>
                <c:pt idx="5491">
                  <c:v>42017</c:v>
                </c:pt>
                <c:pt idx="5492">
                  <c:v>42018</c:v>
                </c:pt>
                <c:pt idx="5493">
                  <c:v>42019</c:v>
                </c:pt>
                <c:pt idx="5494">
                  <c:v>42020</c:v>
                </c:pt>
                <c:pt idx="5495">
                  <c:v>42021</c:v>
                </c:pt>
                <c:pt idx="5496">
                  <c:v>42022</c:v>
                </c:pt>
                <c:pt idx="5497">
                  <c:v>42023</c:v>
                </c:pt>
                <c:pt idx="5498">
                  <c:v>42024</c:v>
                </c:pt>
                <c:pt idx="5499">
                  <c:v>42025</c:v>
                </c:pt>
                <c:pt idx="5500">
                  <c:v>42026</c:v>
                </c:pt>
                <c:pt idx="5501">
                  <c:v>42027</c:v>
                </c:pt>
                <c:pt idx="5502">
                  <c:v>42028</c:v>
                </c:pt>
                <c:pt idx="5503">
                  <c:v>42029</c:v>
                </c:pt>
                <c:pt idx="5504">
                  <c:v>42030</c:v>
                </c:pt>
                <c:pt idx="5505">
                  <c:v>42031</c:v>
                </c:pt>
                <c:pt idx="5506">
                  <c:v>42032</c:v>
                </c:pt>
                <c:pt idx="5507">
                  <c:v>42033</c:v>
                </c:pt>
                <c:pt idx="5508">
                  <c:v>42034</c:v>
                </c:pt>
                <c:pt idx="5509">
                  <c:v>42035</c:v>
                </c:pt>
                <c:pt idx="5510">
                  <c:v>42036</c:v>
                </c:pt>
                <c:pt idx="5511">
                  <c:v>42037</c:v>
                </c:pt>
                <c:pt idx="5512">
                  <c:v>42038</c:v>
                </c:pt>
                <c:pt idx="5513">
                  <c:v>42039</c:v>
                </c:pt>
                <c:pt idx="5514">
                  <c:v>42040</c:v>
                </c:pt>
                <c:pt idx="5515">
                  <c:v>42041</c:v>
                </c:pt>
                <c:pt idx="5516">
                  <c:v>42042</c:v>
                </c:pt>
                <c:pt idx="5517">
                  <c:v>42043</c:v>
                </c:pt>
                <c:pt idx="5518">
                  <c:v>42044</c:v>
                </c:pt>
                <c:pt idx="5519">
                  <c:v>42045</c:v>
                </c:pt>
                <c:pt idx="5520">
                  <c:v>42046</c:v>
                </c:pt>
                <c:pt idx="5521">
                  <c:v>42047</c:v>
                </c:pt>
                <c:pt idx="5522">
                  <c:v>42048</c:v>
                </c:pt>
                <c:pt idx="5523">
                  <c:v>42049</c:v>
                </c:pt>
                <c:pt idx="5524">
                  <c:v>42050</c:v>
                </c:pt>
                <c:pt idx="5525">
                  <c:v>42051</c:v>
                </c:pt>
                <c:pt idx="5526">
                  <c:v>42052</c:v>
                </c:pt>
                <c:pt idx="5527">
                  <c:v>42053</c:v>
                </c:pt>
                <c:pt idx="5528">
                  <c:v>42054</c:v>
                </c:pt>
                <c:pt idx="5529">
                  <c:v>42055</c:v>
                </c:pt>
                <c:pt idx="5530">
                  <c:v>42056</c:v>
                </c:pt>
                <c:pt idx="5531">
                  <c:v>42057</c:v>
                </c:pt>
                <c:pt idx="5532">
                  <c:v>42058</c:v>
                </c:pt>
                <c:pt idx="5533">
                  <c:v>42059</c:v>
                </c:pt>
                <c:pt idx="5534">
                  <c:v>42060</c:v>
                </c:pt>
                <c:pt idx="5535">
                  <c:v>42061</c:v>
                </c:pt>
                <c:pt idx="5536">
                  <c:v>42062</c:v>
                </c:pt>
                <c:pt idx="5537">
                  <c:v>42063</c:v>
                </c:pt>
                <c:pt idx="5538">
                  <c:v>42064</c:v>
                </c:pt>
                <c:pt idx="5539">
                  <c:v>42065</c:v>
                </c:pt>
                <c:pt idx="5540">
                  <c:v>42066</c:v>
                </c:pt>
                <c:pt idx="5541">
                  <c:v>42067</c:v>
                </c:pt>
                <c:pt idx="5542">
                  <c:v>42068</c:v>
                </c:pt>
                <c:pt idx="5543">
                  <c:v>42069</c:v>
                </c:pt>
                <c:pt idx="5544">
                  <c:v>42070</c:v>
                </c:pt>
                <c:pt idx="5545">
                  <c:v>42071</c:v>
                </c:pt>
                <c:pt idx="5546">
                  <c:v>42072</c:v>
                </c:pt>
                <c:pt idx="5547">
                  <c:v>42073</c:v>
                </c:pt>
                <c:pt idx="5548">
                  <c:v>42074</c:v>
                </c:pt>
                <c:pt idx="5549">
                  <c:v>42075</c:v>
                </c:pt>
                <c:pt idx="5550">
                  <c:v>42076</c:v>
                </c:pt>
                <c:pt idx="5551">
                  <c:v>42077</c:v>
                </c:pt>
                <c:pt idx="5552">
                  <c:v>42078</c:v>
                </c:pt>
                <c:pt idx="5553">
                  <c:v>42079</c:v>
                </c:pt>
                <c:pt idx="5554">
                  <c:v>42080</c:v>
                </c:pt>
                <c:pt idx="5555">
                  <c:v>42081</c:v>
                </c:pt>
                <c:pt idx="5556">
                  <c:v>42082</c:v>
                </c:pt>
                <c:pt idx="5557">
                  <c:v>42083</c:v>
                </c:pt>
                <c:pt idx="5558">
                  <c:v>42084</c:v>
                </c:pt>
                <c:pt idx="5559">
                  <c:v>42085</c:v>
                </c:pt>
                <c:pt idx="5560">
                  <c:v>42086</c:v>
                </c:pt>
                <c:pt idx="5561">
                  <c:v>42087</c:v>
                </c:pt>
                <c:pt idx="5562">
                  <c:v>42088</c:v>
                </c:pt>
                <c:pt idx="5563">
                  <c:v>42089</c:v>
                </c:pt>
                <c:pt idx="5564">
                  <c:v>42090</c:v>
                </c:pt>
                <c:pt idx="5565">
                  <c:v>42091</c:v>
                </c:pt>
                <c:pt idx="5566">
                  <c:v>42092</c:v>
                </c:pt>
                <c:pt idx="5567">
                  <c:v>42093</c:v>
                </c:pt>
                <c:pt idx="5568">
                  <c:v>42094</c:v>
                </c:pt>
                <c:pt idx="5569">
                  <c:v>42095</c:v>
                </c:pt>
                <c:pt idx="5570">
                  <c:v>42096</c:v>
                </c:pt>
                <c:pt idx="5571">
                  <c:v>42097</c:v>
                </c:pt>
                <c:pt idx="5572">
                  <c:v>42098</c:v>
                </c:pt>
                <c:pt idx="5573">
                  <c:v>42099</c:v>
                </c:pt>
                <c:pt idx="5574">
                  <c:v>42100</c:v>
                </c:pt>
                <c:pt idx="5575">
                  <c:v>42101</c:v>
                </c:pt>
                <c:pt idx="5576">
                  <c:v>42102</c:v>
                </c:pt>
                <c:pt idx="5577">
                  <c:v>42103</c:v>
                </c:pt>
                <c:pt idx="5578">
                  <c:v>42104</c:v>
                </c:pt>
                <c:pt idx="5579">
                  <c:v>42105</c:v>
                </c:pt>
                <c:pt idx="5580">
                  <c:v>42106</c:v>
                </c:pt>
                <c:pt idx="5581">
                  <c:v>42107</c:v>
                </c:pt>
                <c:pt idx="5582">
                  <c:v>42108</c:v>
                </c:pt>
                <c:pt idx="5583">
                  <c:v>42109</c:v>
                </c:pt>
                <c:pt idx="5584">
                  <c:v>42110</c:v>
                </c:pt>
                <c:pt idx="5585">
                  <c:v>42111</c:v>
                </c:pt>
                <c:pt idx="5586">
                  <c:v>42112</c:v>
                </c:pt>
                <c:pt idx="5587">
                  <c:v>42113</c:v>
                </c:pt>
                <c:pt idx="5588">
                  <c:v>42114</c:v>
                </c:pt>
                <c:pt idx="5589">
                  <c:v>42115</c:v>
                </c:pt>
                <c:pt idx="5590">
                  <c:v>42116</c:v>
                </c:pt>
                <c:pt idx="5591">
                  <c:v>42117</c:v>
                </c:pt>
                <c:pt idx="5592">
                  <c:v>42118</c:v>
                </c:pt>
                <c:pt idx="5593">
                  <c:v>42119</c:v>
                </c:pt>
                <c:pt idx="5594">
                  <c:v>42120</c:v>
                </c:pt>
                <c:pt idx="5595">
                  <c:v>42121</c:v>
                </c:pt>
                <c:pt idx="5596">
                  <c:v>42122</c:v>
                </c:pt>
                <c:pt idx="5597">
                  <c:v>42123</c:v>
                </c:pt>
                <c:pt idx="5598">
                  <c:v>42124</c:v>
                </c:pt>
                <c:pt idx="5599">
                  <c:v>42125</c:v>
                </c:pt>
                <c:pt idx="5600">
                  <c:v>42126</c:v>
                </c:pt>
                <c:pt idx="5601">
                  <c:v>42127</c:v>
                </c:pt>
                <c:pt idx="5602">
                  <c:v>42128</c:v>
                </c:pt>
                <c:pt idx="5603">
                  <c:v>42129</c:v>
                </c:pt>
                <c:pt idx="5604">
                  <c:v>42130</c:v>
                </c:pt>
                <c:pt idx="5605">
                  <c:v>42131</c:v>
                </c:pt>
                <c:pt idx="5606">
                  <c:v>42132</c:v>
                </c:pt>
                <c:pt idx="5607">
                  <c:v>42133</c:v>
                </c:pt>
                <c:pt idx="5608">
                  <c:v>42134</c:v>
                </c:pt>
                <c:pt idx="5609">
                  <c:v>42135</c:v>
                </c:pt>
                <c:pt idx="5610">
                  <c:v>42136</c:v>
                </c:pt>
                <c:pt idx="5611">
                  <c:v>42137</c:v>
                </c:pt>
                <c:pt idx="5612">
                  <c:v>42138</c:v>
                </c:pt>
                <c:pt idx="5613">
                  <c:v>42139</c:v>
                </c:pt>
                <c:pt idx="5614">
                  <c:v>42140</c:v>
                </c:pt>
                <c:pt idx="5615">
                  <c:v>42141</c:v>
                </c:pt>
                <c:pt idx="5616">
                  <c:v>42142</c:v>
                </c:pt>
                <c:pt idx="5617">
                  <c:v>42143</c:v>
                </c:pt>
                <c:pt idx="5618">
                  <c:v>42144</c:v>
                </c:pt>
                <c:pt idx="5619">
                  <c:v>42145</c:v>
                </c:pt>
                <c:pt idx="5620">
                  <c:v>42146</c:v>
                </c:pt>
                <c:pt idx="5621">
                  <c:v>42147</c:v>
                </c:pt>
                <c:pt idx="5622">
                  <c:v>42148</c:v>
                </c:pt>
                <c:pt idx="5623">
                  <c:v>42149</c:v>
                </c:pt>
                <c:pt idx="5624">
                  <c:v>42150</c:v>
                </c:pt>
                <c:pt idx="5625">
                  <c:v>42151</c:v>
                </c:pt>
                <c:pt idx="5626">
                  <c:v>42152</c:v>
                </c:pt>
                <c:pt idx="5627">
                  <c:v>42153</c:v>
                </c:pt>
                <c:pt idx="5628">
                  <c:v>42154</c:v>
                </c:pt>
                <c:pt idx="5629">
                  <c:v>42155</c:v>
                </c:pt>
                <c:pt idx="5630">
                  <c:v>42156</c:v>
                </c:pt>
                <c:pt idx="5631">
                  <c:v>42157</c:v>
                </c:pt>
                <c:pt idx="5632">
                  <c:v>42158</c:v>
                </c:pt>
                <c:pt idx="5633">
                  <c:v>42159</c:v>
                </c:pt>
                <c:pt idx="5634">
                  <c:v>42160</c:v>
                </c:pt>
                <c:pt idx="5635">
                  <c:v>42161</c:v>
                </c:pt>
                <c:pt idx="5636">
                  <c:v>42162</c:v>
                </c:pt>
                <c:pt idx="5637">
                  <c:v>42163</c:v>
                </c:pt>
                <c:pt idx="5638">
                  <c:v>42164</c:v>
                </c:pt>
                <c:pt idx="5639">
                  <c:v>42165</c:v>
                </c:pt>
                <c:pt idx="5640">
                  <c:v>42166</c:v>
                </c:pt>
                <c:pt idx="5641">
                  <c:v>42167</c:v>
                </c:pt>
                <c:pt idx="5642">
                  <c:v>42168</c:v>
                </c:pt>
                <c:pt idx="5643">
                  <c:v>42169</c:v>
                </c:pt>
                <c:pt idx="5644">
                  <c:v>42170</c:v>
                </c:pt>
                <c:pt idx="5645">
                  <c:v>42171</c:v>
                </c:pt>
                <c:pt idx="5646">
                  <c:v>42172</c:v>
                </c:pt>
                <c:pt idx="5647">
                  <c:v>42173</c:v>
                </c:pt>
                <c:pt idx="5648">
                  <c:v>42174</c:v>
                </c:pt>
                <c:pt idx="5649">
                  <c:v>42175</c:v>
                </c:pt>
                <c:pt idx="5650">
                  <c:v>42176</c:v>
                </c:pt>
                <c:pt idx="5651">
                  <c:v>42177</c:v>
                </c:pt>
                <c:pt idx="5652">
                  <c:v>42178</c:v>
                </c:pt>
                <c:pt idx="5653">
                  <c:v>42179</c:v>
                </c:pt>
                <c:pt idx="5654">
                  <c:v>42180</c:v>
                </c:pt>
                <c:pt idx="5655">
                  <c:v>42181</c:v>
                </c:pt>
                <c:pt idx="5656">
                  <c:v>42182</c:v>
                </c:pt>
                <c:pt idx="5657">
                  <c:v>42183</c:v>
                </c:pt>
                <c:pt idx="5658">
                  <c:v>42184</c:v>
                </c:pt>
                <c:pt idx="5659">
                  <c:v>42185</c:v>
                </c:pt>
                <c:pt idx="5660">
                  <c:v>42186</c:v>
                </c:pt>
                <c:pt idx="5661">
                  <c:v>42187</c:v>
                </c:pt>
                <c:pt idx="5662">
                  <c:v>42188</c:v>
                </c:pt>
                <c:pt idx="5663">
                  <c:v>42189</c:v>
                </c:pt>
                <c:pt idx="5664">
                  <c:v>42190</c:v>
                </c:pt>
                <c:pt idx="5665">
                  <c:v>42191</c:v>
                </c:pt>
                <c:pt idx="5666">
                  <c:v>42192</c:v>
                </c:pt>
                <c:pt idx="5667">
                  <c:v>42193</c:v>
                </c:pt>
                <c:pt idx="5668">
                  <c:v>42194</c:v>
                </c:pt>
                <c:pt idx="5669">
                  <c:v>42195</c:v>
                </c:pt>
                <c:pt idx="5670">
                  <c:v>42196</c:v>
                </c:pt>
                <c:pt idx="5671">
                  <c:v>42197</c:v>
                </c:pt>
                <c:pt idx="5672">
                  <c:v>42198</c:v>
                </c:pt>
                <c:pt idx="5673">
                  <c:v>42199</c:v>
                </c:pt>
                <c:pt idx="5674">
                  <c:v>42200</c:v>
                </c:pt>
                <c:pt idx="5675">
                  <c:v>42201</c:v>
                </c:pt>
                <c:pt idx="5676">
                  <c:v>42202</c:v>
                </c:pt>
                <c:pt idx="5677">
                  <c:v>42203</c:v>
                </c:pt>
                <c:pt idx="5678">
                  <c:v>42204</c:v>
                </c:pt>
                <c:pt idx="5679">
                  <c:v>42205</c:v>
                </c:pt>
                <c:pt idx="5680">
                  <c:v>42206</c:v>
                </c:pt>
                <c:pt idx="5681">
                  <c:v>42207</c:v>
                </c:pt>
                <c:pt idx="5682">
                  <c:v>42208</c:v>
                </c:pt>
                <c:pt idx="5683">
                  <c:v>42209</c:v>
                </c:pt>
                <c:pt idx="5684">
                  <c:v>42210</c:v>
                </c:pt>
                <c:pt idx="5685">
                  <c:v>42211</c:v>
                </c:pt>
                <c:pt idx="5686">
                  <c:v>42212</c:v>
                </c:pt>
                <c:pt idx="5687">
                  <c:v>42213</c:v>
                </c:pt>
                <c:pt idx="5688">
                  <c:v>42214</c:v>
                </c:pt>
                <c:pt idx="5689">
                  <c:v>42215</c:v>
                </c:pt>
                <c:pt idx="5690">
                  <c:v>42216</c:v>
                </c:pt>
                <c:pt idx="5691">
                  <c:v>42217</c:v>
                </c:pt>
                <c:pt idx="5692">
                  <c:v>42218</c:v>
                </c:pt>
                <c:pt idx="5693">
                  <c:v>42219</c:v>
                </c:pt>
                <c:pt idx="5694">
                  <c:v>42220</c:v>
                </c:pt>
                <c:pt idx="5695">
                  <c:v>42221</c:v>
                </c:pt>
                <c:pt idx="5696">
                  <c:v>42222</c:v>
                </c:pt>
                <c:pt idx="5697">
                  <c:v>42223</c:v>
                </c:pt>
                <c:pt idx="5698">
                  <c:v>42224</c:v>
                </c:pt>
                <c:pt idx="5699">
                  <c:v>42225</c:v>
                </c:pt>
                <c:pt idx="5700">
                  <c:v>42226</c:v>
                </c:pt>
                <c:pt idx="5701">
                  <c:v>42227</c:v>
                </c:pt>
                <c:pt idx="5702">
                  <c:v>42228</c:v>
                </c:pt>
                <c:pt idx="5703">
                  <c:v>42229</c:v>
                </c:pt>
                <c:pt idx="5704">
                  <c:v>42230</c:v>
                </c:pt>
                <c:pt idx="5705">
                  <c:v>42231</c:v>
                </c:pt>
                <c:pt idx="5706">
                  <c:v>42232</c:v>
                </c:pt>
                <c:pt idx="5707">
                  <c:v>42233</c:v>
                </c:pt>
                <c:pt idx="5708">
                  <c:v>42234</c:v>
                </c:pt>
                <c:pt idx="5709">
                  <c:v>42235</c:v>
                </c:pt>
                <c:pt idx="5710">
                  <c:v>42236</c:v>
                </c:pt>
                <c:pt idx="5711">
                  <c:v>42237</c:v>
                </c:pt>
                <c:pt idx="5712">
                  <c:v>42238</c:v>
                </c:pt>
                <c:pt idx="5713">
                  <c:v>42239</c:v>
                </c:pt>
                <c:pt idx="5714">
                  <c:v>42240</c:v>
                </c:pt>
                <c:pt idx="5715">
                  <c:v>42241</c:v>
                </c:pt>
                <c:pt idx="5716">
                  <c:v>42242</c:v>
                </c:pt>
                <c:pt idx="5717">
                  <c:v>42243</c:v>
                </c:pt>
                <c:pt idx="5718">
                  <c:v>42244</c:v>
                </c:pt>
                <c:pt idx="5719">
                  <c:v>42245</c:v>
                </c:pt>
                <c:pt idx="5720">
                  <c:v>42246</c:v>
                </c:pt>
                <c:pt idx="5721">
                  <c:v>42247</c:v>
                </c:pt>
                <c:pt idx="5722">
                  <c:v>42248</c:v>
                </c:pt>
                <c:pt idx="5723">
                  <c:v>42249</c:v>
                </c:pt>
                <c:pt idx="5724">
                  <c:v>42250</c:v>
                </c:pt>
                <c:pt idx="5725">
                  <c:v>42251</c:v>
                </c:pt>
                <c:pt idx="5726">
                  <c:v>42252</c:v>
                </c:pt>
                <c:pt idx="5727">
                  <c:v>42253</c:v>
                </c:pt>
                <c:pt idx="5728">
                  <c:v>42254</c:v>
                </c:pt>
                <c:pt idx="5729">
                  <c:v>42255</c:v>
                </c:pt>
                <c:pt idx="5730">
                  <c:v>42256</c:v>
                </c:pt>
                <c:pt idx="5731">
                  <c:v>42257</c:v>
                </c:pt>
                <c:pt idx="5732">
                  <c:v>42258</c:v>
                </c:pt>
                <c:pt idx="5733">
                  <c:v>42259</c:v>
                </c:pt>
                <c:pt idx="5734">
                  <c:v>42260</c:v>
                </c:pt>
                <c:pt idx="5735">
                  <c:v>42261</c:v>
                </c:pt>
                <c:pt idx="5736">
                  <c:v>42262</c:v>
                </c:pt>
                <c:pt idx="5737">
                  <c:v>42263</c:v>
                </c:pt>
                <c:pt idx="5738">
                  <c:v>42264</c:v>
                </c:pt>
                <c:pt idx="5739">
                  <c:v>42265</c:v>
                </c:pt>
                <c:pt idx="5740">
                  <c:v>42266</c:v>
                </c:pt>
                <c:pt idx="5741">
                  <c:v>42267</c:v>
                </c:pt>
                <c:pt idx="5742">
                  <c:v>42268</c:v>
                </c:pt>
                <c:pt idx="5743">
                  <c:v>42269</c:v>
                </c:pt>
                <c:pt idx="5744">
                  <c:v>42270</c:v>
                </c:pt>
                <c:pt idx="5745">
                  <c:v>42271</c:v>
                </c:pt>
                <c:pt idx="5746">
                  <c:v>42272</c:v>
                </c:pt>
                <c:pt idx="5747">
                  <c:v>42273</c:v>
                </c:pt>
                <c:pt idx="5748">
                  <c:v>42274</c:v>
                </c:pt>
                <c:pt idx="5749">
                  <c:v>42275</c:v>
                </c:pt>
                <c:pt idx="5750">
                  <c:v>42276</c:v>
                </c:pt>
                <c:pt idx="5751">
                  <c:v>42277</c:v>
                </c:pt>
                <c:pt idx="5752">
                  <c:v>42278</c:v>
                </c:pt>
                <c:pt idx="5753">
                  <c:v>42279</c:v>
                </c:pt>
                <c:pt idx="5754">
                  <c:v>42280</c:v>
                </c:pt>
                <c:pt idx="5755">
                  <c:v>42281</c:v>
                </c:pt>
                <c:pt idx="5756">
                  <c:v>42282</c:v>
                </c:pt>
                <c:pt idx="5757">
                  <c:v>42283</c:v>
                </c:pt>
                <c:pt idx="5758">
                  <c:v>42284</c:v>
                </c:pt>
                <c:pt idx="5759">
                  <c:v>42285</c:v>
                </c:pt>
                <c:pt idx="5760">
                  <c:v>42286</c:v>
                </c:pt>
                <c:pt idx="5761">
                  <c:v>42287</c:v>
                </c:pt>
                <c:pt idx="5762">
                  <c:v>42288</c:v>
                </c:pt>
                <c:pt idx="5763">
                  <c:v>42289</c:v>
                </c:pt>
                <c:pt idx="5764">
                  <c:v>42290</c:v>
                </c:pt>
                <c:pt idx="5765">
                  <c:v>42291</c:v>
                </c:pt>
                <c:pt idx="5766">
                  <c:v>42292</c:v>
                </c:pt>
                <c:pt idx="5767">
                  <c:v>42293</c:v>
                </c:pt>
                <c:pt idx="5768">
                  <c:v>42294</c:v>
                </c:pt>
                <c:pt idx="5769">
                  <c:v>42295</c:v>
                </c:pt>
                <c:pt idx="5770">
                  <c:v>42296</c:v>
                </c:pt>
                <c:pt idx="5771">
                  <c:v>42297</c:v>
                </c:pt>
                <c:pt idx="5772">
                  <c:v>42298</c:v>
                </c:pt>
                <c:pt idx="5773">
                  <c:v>42299</c:v>
                </c:pt>
                <c:pt idx="5774">
                  <c:v>42300</c:v>
                </c:pt>
                <c:pt idx="5775">
                  <c:v>42301</c:v>
                </c:pt>
                <c:pt idx="5776">
                  <c:v>42302</c:v>
                </c:pt>
                <c:pt idx="5777">
                  <c:v>42303</c:v>
                </c:pt>
                <c:pt idx="5778">
                  <c:v>42304</c:v>
                </c:pt>
                <c:pt idx="5779">
                  <c:v>42305</c:v>
                </c:pt>
                <c:pt idx="5780">
                  <c:v>42306</c:v>
                </c:pt>
                <c:pt idx="5781">
                  <c:v>42307</c:v>
                </c:pt>
                <c:pt idx="5782">
                  <c:v>42308</c:v>
                </c:pt>
                <c:pt idx="5783">
                  <c:v>42309</c:v>
                </c:pt>
                <c:pt idx="5784">
                  <c:v>42310</c:v>
                </c:pt>
                <c:pt idx="5785">
                  <c:v>42311</c:v>
                </c:pt>
                <c:pt idx="5786">
                  <c:v>42312</c:v>
                </c:pt>
                <c:pt idx="5787">
                  <c:v>42313</c:v>
                </c:pt>
                <c:pt idx="5788">
                  <c:v>42314</c:v>
                </c:pt>
                <c:pt idx="5789">
                  <c:v>42315</c:v>
                </c:pt>
                <c:pt idx="5790">
                  <c:v>42316</c:v>
                </c:pt>
                <c:pt idx="5791">
                  <c:v>42317</c:v>
                </c:pt>
                <c:pt idx="5792">
                  <c:v>42318</c:v>
                </c:pt>
                <c:pt idx="5793">
                  <c:v>42319</c:v>
                </c:pt>
                <c:pt idx="5794">
                  <c:v>42320</c:v>
                </c:pt>
                <c:pt idx="5795">
                  <c:v>42321</c:v>
                </c:pt>
                <c:pt idx="5796">
                  <c:v>42322</c:v>
                </c:pt>
                <c:pt idx="5797">
                  <c:v>42323</c:v>
                </c:pt>
                <c:pt idx="5798">
                  <c:v>42324</c:v>
                </c:pt>
                <c:pt idx="5799">
                  <c:v>42325</c:v>
                </c:pt>
                <c:pt idx="5800">
                  <c:v>42326</c:v>
                </c:pt>
                <c:pt idx="5801">
                  <c:v>42327</c:v>
                </c:pt>
                <c:pt idx="5802">
                  <c:v>42328</c:v>
                </c:pt>
                <c:pt idx="5803">
                  <c:v>42329</c:v>
                </c:pt>
                <c:pt idx="5804">
                  <c:v>42330</c:v>
                </c:pt>
                <c:pt idx="5805">
                  <c:v>42331</c:v>
                </c:pt>
                <c:pt idx="5806">
                  <c:v>42332</c:v>
                </c:pt>
                <c:pt idx="5807">
                  <c:v>42333</c:v>
                </c:pt>
                <c:pt idx="5808">
                  <c:v>42334</c:v>
                </c:pt>
                <c:pt idx="5809">
                  <c:v>42335</c:v>
                </c:pt>
                <c:pt idx="5810">
                  <c:v>42336</c:v>
                </c:pt>
                <c:pt idx="5811">
                  <c:v>42337</c:v>
                </c:pt>
                <c:pt idx="5812">
                  <c:v>42338</c:v>
                </c:pt>
                <c:pt idx="5813">
                  <c:v>42339</c:v>
                </c:pt>
                <c:pt idx="5814">
                  <c:v>42340</c:v>
                </c:pt>
                <c:pt idx="5815">
                  <c:v>42341</c:v>
                </c:pt>
                <c:pt idx="5816">
                  <c:v>42342</c:v>
                </c:pt>
                <c:pt idx="5817">
                  <c:v>42343</c:v>
                </c:pt>
                <c:pt idx="5818">
                  <c:v>42344</c:v>
                </c:pt>
                <c:pt idx="5819">
                  <c:v>42345</c:v>
                </c:pt>
                <c:pt idx="5820">
                  <c:v>42346</c:v>
                </c:pt>
                <c:pt idx="5821">
                  <c:v>42347</c:v>
                </c:pt>
                <c:pt idx="5822">
                  <c:v>42348</c:v>
                </c:pt>
                <c:pt idx="5823">
                  <c:v>42349</c:v>
                </c:pt>
                <c:pt idx="5824">
                  <c:v>42350</c:v>
                </c:pt>
                <c:pt idx="5825">
                  <c:v>42351</c:v>
                </c:pt>
                <c:pt idx="5826">
                  <c:v>42352</c:v>
                </c:pt>
                <c:pt idx="5827">
                  <c:v>42353</c:v>
                </c:pt>
                <c:pt idx="5828">
                  <c:v>42354</c:v>
                </c:pt>
                <c:pt idx="5829">
                  <c:v>42355</c:v>
                </c:pt>
                <c:pt idx="5830">
                  <c:v>42356</c:v>
                </c:pt>
                <c:pt idx="5831">
                  <c:v>42357</c:v>
                </c:pt>
                <c:pt idx="5832">
                  <c:v>42358</c:v>
                </c:pt>
                <c:pt idx="5833">
                  <c:v>42359</c:v>
                </c:pt>
                <c:pt idx="5834">
                  <c:v>42360</c:v>
                </c:pt>
                <c:pt idx="5835">
                  <c:v>42361</c:v>
                </c:pt>
                <c:pt idx="5836">
                  <c:v>42362</c:v>
                </c:pt>
                <c:pt idx="5837">
                  <c:v>42363</c:v>
                </c:pt>
                <c:pt idx="5838">
                  <c:v>42364</c:v>
                </c:pt>
                <c:pt idx="5839">
                  <c:v>42365</c:v>
                </c:pt>
                <c:pt idx="5840">
                  <c:v>42366</c:v>
                </c:pt>
                <c:pt idx="5841">
                  <c:v>42367</c:v>
                </c:pt>
                <c:pt idx="5842">
                  <c:v>42368</c:v>
                </c:pt>
                <c:pt idx="5843">
                  <c:v>42369</c:v>
                </c:pt>
                <c:pt idx="5844">
                  <c:v>42370</c:v>
                </c:pt>
                <c:pt idx="5845">
                  <c:v>42371</c:v>
                </c:pt>
                <c:pt idx="5846">
                  <c:v>42372</c:v>
                </c:pt>
                <c:pt idx="5847">
                  <c:v>42373</c:v>
                </c:pt>
                <c:pt idx="5848">
                  <c:v>42374</c:v>
                </c:pt>
                <c:pt idx="5849">
                  <c:v>42375</c:v>
                </c:pt>
                <c:pt idx="5850">
                  <c:v>42376</c:v>
                </c:pt>
                <c:pt idx="5851">
                  <c:v>42377</c:v>
                </c:pt>
                <c:pt idx="5852">
                  <c:v>42378</c:v>
                </c:pt>
                <c:pt idx="5853">
                  <c:v>42379</c:v>
                </c:pt>
                <c:pt idx="5854">
                  <c:v>42380</c:v>
                </c:pt>
                <c:pt idx="5855">
                  <c:v>42381</c:v>
                </c:pt>
                <c:pt idx="5856">
                  <c:v>42382</c:v>
                </c:pt>
                <c:pt idx="5857">
                  <c:v>42383</c:v>
                </c:pt>
                <c:pt idx="5858">
                  <c:v>42384</c:v>
                </c:pt>
                <c:pt idx="5859">
                  <c:v>42385</c:v>
                </c:pt>
                <c:pt idx="5860">
                  <c:v>42386</c:v>
                </c:pt>
                <c:pt idx="5861">
                  <c:v>42387</c:v>
                </c:pt>
                <c:pt idx="5862">
                  <c:v>42388</c:v>
                </c:pt>
                <c:pt idx="5863">
                  <c:v>42389</c:v>
                </c:pt>
                <c:pt idx="5864">
                  <c:v>42390</c:v>
                </c:pt>
                <c:pt idx="5865">
                  <c:v>42391</c:v>
                </c:pt>
                <c:pt idx="5866">
                  <c:v>42392</c:v>
                </c:pt>
                <c:pt idx="5867">
                  <c:v>42393</c:v>
                </c:pt>
                <c:pt idx="5868">
                  <c:v>42394</c:v>
                </c:pt>
                <c:pt idx="5869">
                  <c:v>42395</c:v>
                </c:pt>
                <c:pt idx="5870">
                  <c:v>42396</c:v>
                </c:pt>
                <c:pt idx="5871">
                  <c:v>42397</c:v>
                </c:pt>
                <c:pt idx="5872">
                  <c:v>42398</c:v>
                </c:pt>
                <c:pt idx="5873">
                  <c:v>42399</c:v>
                </c:pt>
                <c:pt idx="5874">
                  <c:v>42400</c:v>
                </c:pt>
                <c:pt idx="5875">
                  <c:v>42401</c:v>
                </c:pt>
                <c:pt idx="5876">
                  <c:v>42402</c:v>
                </c:pt>
                <c:pt idx="5877">
                  <c:v>42403</c:v>
                </c:pt>
                <c:pt idx="5878">
                  <c:v>42404</c:v>
                </c:pt>
                <c:pt idx="5879">
                  <c:v>42405</c:v>
                </c:pt>
                <c:pt idx="5880">
                  <c:v>42406</c:v>
                </c:pt>
                <c:pt idx="5881">
                  <c:v>42407</c:v>
                </c:pt>
                <c:pt idx="5882">
                  <c:v>42408</c:v>
                </c:pt>
                <c:pt idx="5883">
                  <c:v>42409</c:v>
                </c:pt>
                <c:pt idx="5884">
                  <c:v>42410</c:v>
                </c:pt>
                <c:pt idx="5885">
                  <c:v>42411</c:v>
                </c:pt>
                <c:pt idx="5886">
                  <c:v>42412</c:v>
                </c:pt>
                <c:pt idx="5887">
                  <c:v>42413</c:v>
                </c:pt>
                <c:pt idx="5888">
                  <c:v>42414</c:v>
                </c:pt>
                <c:pt idx="5889">
                  <c:v>42415</c:v>
                </c:pt>
                <c:pt idx="5890">
                  <c:v>42416</c:v>
                </c:pt>
                <c:pt idx="5891">
                  <c:v>42417</c:v>
                </c:pt>
                <c:pt idx="5892">
                  <c:v>42418</c:v>
                </c:pt>
                <c:pt idx="5893">
                  <c:v>42419</c:v>
                </c:pt>
                <c:pt idx="5894">
                  <c:v>42420</c:v>
                </c:pt>
                <c:pt idx="5895">
                  <c:v>42421</c:v>
                </c:pt>
                <c:pt idx="5896">
                  <c:v>42422</c:v>
                </c:pt>
                <c:pt idx="5897">
                  <c:v>42423</c:v>
                </c:pt>
                <c:pt idx="5898">
                  <c:v>42424</c:v>
                </c:pt>
                <c:pt idx="5899">
                  <c:v>42425</c:v>
                </c:pt>
                <c:pt idx="5900">
                  <c:v>42426</c:v>
                </c:pt>
                <c:pt idx="5901">
                  <c:v>42427</c:v>
                </c:pt>
                <c:pt idx="5902">
                  <c:v>42428</c:v>
                </c:pt>
                <c:pt idx="5903">
                  <c:v>42429</c:v>
                </c:pt>
                <c:pt idx="5904">
                  <c:v>42430</c:v>
                </c:pt>
                <c:pt idx="5905">
                  <c:v>42431</c:v>
                </c:pt>
                <c:pt idx="5906">
                  <c:v>42432</c:v>
                </c:pt>
                <c:pt idx="5907">
                  <c:v>42433</c:v>
                </c:pt>
                <c:pt idx="5908">
                  <c:v>42434</c:v>
                </c:pt>
                <c:pt idx="5909">
                  <c:v>42435</c:v>
                </c:pt>
                <c:pt idx="5910">
                  <c:v>42436</c:v>
                </c:pt>
                <c:pt idx="5911">
                  <c:v>42437</c:v>
                </c:pt>
                <c:pt idx="5912">
                  <c:v>42438</c:v>
                </c:pt>
                <c:pt idx="5913">
                  <c:v>42439</c:v>
                </c:pt>
                <c:pt idx="5914">
                  <c:v>42440</c:v>
                </c:pt>
                <c:pt idx="5915">
                  <c:v>42441</c:v>
                </c:pt>
                <c:pt idx="5916">
                  <c:v>42442</c:v>
                </c:pt>
                <c:pt idx="5917">
                  <c:v>42443</c:v>
                </c:pt>
                <c:pt idx="5918">
                  <c:v>42444</c:v>
                </c:pt>
                <c:pt idx="5919">
                  <c:v>42445</c:v>
                </c:pt>
                <c:pt idx="5920">
                  <c:v>42446</c:v>
                </c:pt>
                <c:pt idx="5921">
                  <c:v>42447</c:v>
                </c:pt>
                <c:pt idx="5922">
                  <c:v>42448</c:v>
                </c:pt>
                <c:pt idx="5923">
                  <c:v>42449</c:v>
                </c:pt>
                <c:pt idx="5924">
                  <c:v>42450</c:v>
                </c:pt>
                <c:pt idx="5925">
                  <c:v>42451</c:v>
                </c:pt>
                <c:pt idx="5926">
                  <c:v>42452</c:v>
                </c:pt>
                <c:pt idx="5927">
                  <c:v>42453</c:v>
                </c:pt>
                <c:pt idx="5928">
                  <c:v>42454</c:v>
                </c:pt>
                <c:pt idx="5929">
                  <c:v>42455</c:v>
                </c:pt>
                <c:pt idx="5930">
                  <c:v>42456</c:v>
                </c:pt>
                <c:pt idx="5931">
                  <c:v>42457</c:v>
                </c:pt>
                <c:pt idx="5932">
                  <c:v>42458</c:v>
                </c:pt>
                <c:pt idx="5933">
                  <c:v>42459</c:v>
                </c:pt>
                <c:pt idx="5934">
                  <c:v>42460</c:v>
                </c:pt>
                <c:pt idx="5935">
                  <c:v>42461</c:v>
                </c:pt>
                <c:pt idx="5936">
                  <c:v>42462</c:v>
                </c:pt>
                <c:pt idx="5937">
                  <c:v>42463</c:v>
                </c:pt>
                <c:pt idx="5938">
                  <c:v>42464</c:v>
                </c:pt>
                <c:pt idx="5939">
                  <c:v>42465</c:v>
                </c:pt>
                <c:pt idx="5940">
                  <c:v>42466</c:v>
                </c:pt>
                <c:pt idx="5941">
                  <c:v>42467</c:v>
                </c:pt>
                <c:pt idx="5942">
                  <c:v>42468</c:v>
                </c:pt>
                <c:pt idx="5943">
                  <c:v>42469</c:v>
                </c:pt>
                <c:pt idx="5944">
                  <c:v>42470</c:v>
                </c:pt>
                <c:pt idx="5945">
                  <c:v>42471</c:v>
                </c:pt>
                <c:pt idx="5946">
                  <c:v>42472</c:v>
                </c:pt>
                <c:pt idx="5947">
                  <c:v>42473</c:v>
                </c:pt>
                <c:pt idx="5948">
                  <c:v>42474</c:v>
                </c:pt>
                <c:pt idx="5949">
                  <c:v>42475</c:v>
                </c:pt>
                <c:pt idx="5950">
                  <c:v>42476</c:v>
                </c:pt>
                <c:pt idx="5951">
                  <c:v>42477</c:v>
                </c:pt>
                <c:pt idx="5952">
                  <c:v>42478</c:v>
                </c:pt>
                <c:pt idx="5953">
                  <c:v>42479</c:v>
                </c:pt>
                <c:pt idx="5954">
                  <c:v>42480</c:v>
                </c:pt>
                <c:pt idx="5955">
                  <c:v>42481</c:v>
                </c:pt>
                <c:pt idx="5956">
                  <c:v>42482</c:v>
                </c:pt>
                <c:pt idx="5957">
                  <c:v>42483</c:v>
                </c:pt>
                <c:pt idx="5958">
                  <c:v>42484</c:v>
                </c:pt>
                <c:pt idx="5959">
                  <c:v>42485</c:v>
                </c:pt>
                <c:pt idx="5960">
                  <c:v>42486</c:v>
                </c:pt>
                <c:pt idx="5961">
                  <c:v>42487</c:v>
                </c:pt>
                <c:pt idx="5962">
                  <c:v>42488</c:v>
                </c:pt>
                <c:pt idx="5963">
                  <c:v>42489</c:v>
                </c:pt>
                <c:pt idx="5964">
                  <c:v>42490</c:v>
                </c:pt>
                <c:pt idx="5965">
                  <c:v>42491</c:v>
                </c:pt>
                <c:pt idx="5966">
                  <c:v>42492</c:v>
                </c:pt>
                <c:pt idx="5967">
                  <c:v>42493</c:v>
                </c:pt>
                <c:pt idx="5968">
                  <c:v>42494</c:v>
                </c:pt>
                <c:pt idx="5969">
                  <c:v>42495</c:v>
                </c:pt>
                <c:pt idx="5970">
                  <c:v>42496</c:v>
                </c:pt>
                <c:pt idx="5971">
                  <c:v>42497</c:v>
                </c:pt>
                <c:pt idx="5972">
                  <c:v>42498</c:v>
                </c:pt>
                <c:pt idx="5973">
                  <c:v>42499</c:v>
                </c:pt>
                <c:pt idx="5974">
                  <c:v>42500</c:v>
                </c:pt>
                <c:pt idx="5975">
                  <c:v>42501</c:v>
                </c:pt>
                <c:pt idx="5976">
                  <c:v>42502</c:v>
                </c:pt>
                <c:pt idx="5977">
                  <c:v>42503</c:v>
                </c:pt>
                <c:pt idx="5978">
                  <c:v>42504</c:v>
                </c:pt>
                <c:pt idx="5979">
                  <c:v>42505</c:v>
                </c:pt>
                <c:pt idx="5980">
                  <c:v>42506</c:v>
                </c:pt>
                <c:pt idx="5981">
                  <c:v>42507</c:v>
                </c:pt>
                <c:pt idx="5982">
                  <c:v>42508</c:v>
                </c:pt>
                <c:pt idx="5983">
                  <c:v>42509</c:v>
                </c:pt>
                <c:pt idx="5984">
                  <c:v>42510</c:v>
                </c:pt>
                <c:pt idx="5985">
                  <c:v>42511</c:v>
                </c:pt>
                <c:pt idx="5986">
                  <c:v>42512</c:v>
                </c:pt>
                <c:pt idx="5987">
                  <c:v>42513</c:v>
                </c:pt>
                <c:pt idx="5988">
                  <c:v>42514</c:v>
                </c:pt>
                <c:pt idx="5989">
                  <c:v>42515</c:v>
                </c:pt>
                <c:pt idx="5990">
                  <c:v>42516</c:v>
                </c:pt>
                <c:pt idx="5991">
                  <c:v>42517</c:v>
                </c:pt>
                <c:pt idx="5992">
                  <c:v>42518</c:v>
                </c:pt>
                <c:pt idx="5993">
                  <c:v>42519</c:v>
                </c:pt>
                <c:pt idx="5994">
                  <c:v>42520</c:v>
                </c:pt>
                <c:pt idx="5995">
                  <c:v>42521</c:v>
                </c:pt>
                <c:pt idx="5996">
                  <c:v>42522</c:v>
                </c:pt>
                <c:pt idx="5997">
                  <c:v>42523</c:v>
                </c:pt>
                <c:pt idx="5998">
                  <c:v>42524</c:v>
                </c:pt>
                <c:pt idx="5999">
                  <c:v>42525</c:v>
                </c:pt>
                <c:pt idx="6000">
                  <c:v>42526</c:v>
                </c:pt>
                <c:pt idx="6001">
                  <c:v>42527</c:v>
                </c:pt>
                <c:pt idx="6002">
                  <c:v>42528</c:v>
                </c:pt>
                <c:pt idx="6003">
                  <c:v>42529</c:v>
                </c:pt>
                <c:pt idx="6004">
                  <c:v>42530</c:v>
                </c:pt>
                <c:pt idx="6005">
                  <c:v>42531</c:v>
                </c:pt>
                <c:pt idx="6006">
                  <c:v>42532</c:v>
                </c:pt>
                <c:pt idx="6007">
                  <c:v>42533</c:v>
                </c:pt>
                <c:pt idx="6008">
                  <c:v>42534</c:v>
                </c:pt>
                <c:pt idx="6009">
                  <c:v>42535</c:v>
                </c:pt>
                <c:pt idx="6010">
                  <c:v>42536</c:v>
                </c:pt>
                <c:pt idx="6011">
                  <c:v>42537</c:v>
                </c:pt>
                <c:pt idx="6012">
                  <c:v>42538</c:v>
                </c:pt>
                <c:pt idx="6013">
                  <c:v>42539</c:v>
                </c:pt>
                <c:pt idx="6014">
                  <c:v>42540</c:v>
                </c:pt>
                <c:pt idx="6015">
                  <c:v>42541</c:v>
                </c:pt>
                <c:pt idx="6016">
                  <c:v>42542</c:v>
                </c:pt>
                <c:pt idx="6017">
                  <c:v>42543</c:v>
                </c:pt>
                <c:pt idx="6018">
                  <c:v>42544</c:v>
                </c:pt>
                <c:pt idx="6019">
                  <c:v>42545</c:v>
                </c:pt>
                <c:pt idx="6020">
                  <c:v>42546</c:v>
                </c:pt>
                <c:pt idx="6021">
                  <c:v>42547</c:v>
                </c:pt>
                <c:pt idx="6022">
                  <c:v>42548</c:v>
                </c:pt>
                <c:pt idx="6023">
                  <c:v>42549</c:v>
                </c:pt>
                <c:pt idx="6024">
                  <c:v>42550</c:v>
                </c:pt>
                <c:pt idx="6025">
                  <c:v>42551</c:v>
                </c:pt>
                <c:pt idx="6026">
                  <c:v>42552</c:v>
                </c:pt>
                <c:pt idx="6027">
                  <c:v>42553</c:v>
                </c:pt>
                <c:pt idx="6028">
                  <c:v>42554</c:v>
                </c:pt>
                <c:pt idx="6029">
                  <c:v>42555</c:v>
                </c:pt>
                <c:pt idx="6030">
                  <c:v>42556</c:v>
                </c:pt>
                <c:pt idx="6031">
                  <c:v>42557</c:v>
                </c:pt>
                <c:pt idx="6032">
                  <c:v>42558</c:v>
                </c:pt>
                <c:pt idx="6033">
                  <c:v>42559</c:v>
                </c:pt>
                <c:pt idx="6034">
                  <c:v>42560</c:v>
                </c:pt>
                <c:pt idx="6035">
                  <c:v>42561</c:v>
                </c:pt>
                <c:pt idx="6036">
                  <c:v>42562</c:v>
                </c:pt>
                <c:pt idx="6037">
                  <c:v>42563</c:v>
                </c:pt>
                <c:pt idx="6038">
                  <c:v>42564</c:v>
                </c:pt>
                <c:pt idx="6039">
                  <c:v>42565</c:v>
                </c:pt>
                <c:pt idx="6040">
                  <c:v>42566</c:v>
                </c:pt>
                <c:pt idx="6041">
                  <c:v>42567</c:v>
                </c:pt>
                <c:pt idx="6042">
                  <c:v>42568</c:v>
                </c:pt>
                <c:pt idx="6043">
                  <c:v>42569</c:v>
                </c:pt>
                <c:pt idx="6044">
                  <c:v>42570</c:v>
                </c:pt>
                <c:pt idx="6045">
                  <c:v>42571</c:v>
                </c:pt>
                <c:pt idx="6046">
                  <c:v>42572</c:v>
                </c:pt>
                <c:pt idx="6047">
                  <c:v>42573</c:v>
                </c:pt>
                <c:pt idx="6048">
                  <c:v>42574</c:v>
                </c:pt>
                <c:pt idx="6049">
                  <c:v>42575</c:v>
                </c:pt>
                <c:pt idx="6050">
                  <c:v>42576</c:v>
                </c:pt>
                <c:pt idx="6051">
                  <c:v>42577</c:v>
                </c:pt>
                <c:pt idx="6052">
                  <c:v>42578</c:v>
                </c:pt>
                <c:pt idx="6053">
                  <c:v>42579</c:v>
                </c:pt>
                <c:pt idx="6054">
                  <c:v>42580</c:v>
                </c:pt>
                <c:pt idx="6055">
                  <c:v>42581</c:v>
                </c:pt>
                <c:pt idx="6056">
                  <c:v>42582</c:v>
                </c:pt>
                <c:pt idx="6057">
                  <c:v>42583</c:v>
                </c:pt>
                <c:pt idx="6058">
                  <c:v>42584</c:v>
                </c:pt>
                <c:pt idx="6059">
                  <c:v>42585</c:v>
                </c:pt>
                <c:pt idx="6060">
                  <c:v>42586</c:v>
                </c:pt>
                <c:pt idx="6061">
                  <c:v>42587</c:v>
                </c:pt>
                <c:pt idx="6062">
                  <c:v>42588</c:v>
                </c:pt>
                <c:pt idx="6063">
                  <c:v>42589</c:v>
                </c:pt>
                <c:pt idx="6064">
                  <c:v>42590</c:v>
                </c:pt>
                <c:pt idx="6065">
                  <c:v>42591</c:v>
                </c:pt>
                <c:pt idx="6066">
                  <c:v>42592</c:v>
                </c:pt>
                <c:pt idx="6067">
                  <c:v>42593</c:v>
                </c:pt>
                <c:pt idx="6068">
                  <c:v>42594</c:v>
                </c:pt>
                <c:pt idx="6069">
                  <c:v>42595</c:v>
                </c:pt>
                <c:pt idx="6070">
                  <c:v>42596</c:v>
                </c:pt>
                <c:pt idx="6071">
                  <c:v>42597</c:v>
                </c:pt>
                <c:pt idx="6072">
                  <c:v>42598</c:v>
                </c:pt>
                <c:pt idx="6073">
                  <c:v>42599</c:v>
                </c:pt>
                <c:pt idx="6074">
                  <c:v>42600</c:v>
                </c:pt>
                <c:pt idx="6075">
                  <c:v>42601</c:v>
                </c:pt>
                <c:pt idx="6076">
                  <c:v>42602</c:v>
                </c:pt>
                <c:pt idx="6077">
                  <c:v>42603</c:v>
                </c:pt>
                <c:pt idx="6078">
                  <c:v>42604</c:v>
                </c:pt>
                <c:pt idx="6079">
                  <c:v>42605</c:v>
                </c:pt>
                <c:pt idx="6080">
                  <c:v>42606</c:v>
                </c:pt>
                <c:pt idx="6081">
                  <c:v>42607</c:v>
                </c:pt>
                <c:pt idx="6082">
                  <c:v>42608</c:v>
                </c:pt>
                <c:pt idx="6083">
                  <c:v>42609</c:v>
                </c:pt>
                <c:pt idx="6084">
                  <c:v>42610</c:v>
                </c:pt>
                <c:pt idx="6085">
                  <c:v>42611</c:v>
                </c:pt>
                <c:pt idx="6086">
                  <c:v>42612</c:v>
                </c:pt>
                <c:pt idx="6087">
                  <c:v>42613</c:v>
                </c:pt>
                <c:pt idx="6088">
                  <c:v>42614</c:v>
                </c:pt>
                <c:pt idx="6089">
                  <c:v>42615</c:v>
                </c:pt>
                <c:pt idx="6090">
                  <c:v>42616</c:v>
                </c:pt>
                <c:pt idx="6091">
                  <c:v>42617</c:v>
                </c:pt>
                <c:pt idx="6092">
                  <c:v>42618</c:v>
                </c:pt>
                <c:pt idx="6093">
                  <c:v>42619</c:v>
                </c:pt>
                <c:pt idx="6094">
                  <c:v>42620</c:v>
                </c:pt>
                <c:pt idx="6095">
                  <c:v>42621</c:v>
                </c:pt>
                <c:pt idx="6096">
                  <c:v>42622</c:v>
                </c:pt>
                <c:pt idx="6097">
                  <c:v>42623</c:v>
                </c:pt>
                <c:pt idx="6098">
                  <c:v>42624</c:v>
                </c:pt>
                <c:pt idx="6099">
                  <c:v>42625</c:v>
                </c:pt>
                <c:pt idx="6100">
                  <c:v>42626</c:v>
                </c:pt>
                <c:pt idx="6101">
                  <c:v>42627</c:v>
                </c:pt>
                <c:pt idx="6102">
                  <c:v>42628</c:v>
                </c:pt>
                <c:pt idx="6103">
                  <c:v>42629</c:v>
                </c:pt>
                <c:pt idx="6104">
                  <c:v>42630</c:v>
                </c:pt>
                <c:pt idx="6105">
                  <c:v>42631</c:v>
                </c:pt>
                <c:pt idx="6106">
                  <c:v>42632</c:v>
                </c:pt>
                <c:pt idx="6107">
                  <c:v>42633</c:v>
                </c:pt>
                <c:pt idx="6108">
                  <c:v>42634</c:v>
                </c:pt>
                <c:pt idx="6109">
                  <c:v>42635</c:v>
                </c:pt>
                <c:pt idx="6110">
                  <c:v>42636</c:v>
                </c:pt>
                <c:pt idx="6111">
                  <c:v>42637</c:v>
                </c:pt>
                <c:pt idx="6112">
                  <c:v>42638</c:v>
                </c:pt>
                <c:pt idx="6113">
                  <c:v>42639</c:v>
                </c:pt>
                <c:pt idx="6114">
                  <c:v>42640</c:v>
                </c:pt>
                <c:pt idx="6115">
                  <c:v>42641</c:v>
                </c:pt>
                <c:pt idx="6116">
                  <c:v>42642</c:v>
                </c:pt>
                <c:pt idx="6117">
                  <c:v>42643</c:v>
                </c:pt>
                <c:pt idx="6118">
                  <c:v>42644</c:v>
                </c:pt>
                <c:pt idx="6119">
                  <c:v>42645</c:v>
                </c:pt>
                <c:pt idx="6120">
                  <c:v>42646</c:v>
                </c:pt>
                <c:pt idx="6121">
                  <c:v>42647</c:v>
                </c:pt>
                <c:pt idx="6122">
                  <c:v>42648</c:v>
                </c:pt>
                <c:pt idx="6123">
                  <c:v>42649</c:v>
                </c:pt>
                <c:pt idx="6124">
                  <c:v>42650</c:v>
                </c:pt>
                <c:pt idx="6125">
                  <c:v>42651</c:v>
                </c:pt>
                <c:pt idx="6126">
                  <c:v>42652</c:v>
                </c:pt>
                <c:pt idx="6127">
                  <c:v>42653</c:v>
                </c:pt>
                <c:pt idx="6128">
                  <c:v>42654</c:v>
                </c:pt>
                <c:pt idx="6129">
                  <c:v>42655</c:v>
                </c:pt>
                <c:pt idx="6130">
                  <c:v>42656</c:v>
                </c:pt>
                <c:pt idx="6131">
                  <c:v>42657</c:v>
                </c:pt>
                <c:pt idx="6132">
                  <c:v>42658</c:v>
                </c:pt>
                <c:pt idx="6133">
                  <c:v>42659</c:v>
                </c:pt>
                <c:pt idx="6134">
                  <c:v>42660</c:v>
                </c:pt>
                <c:pt idx="6135">
                  <c:v>42661</c:v>
                </c:pt>
                <c:pt idx="6136">
                  <c:v>42662</c:v>
                </c:pt>
                <c:pt idx="6137">
                  <c:v>42663</c:v>
                </c:pt>
                <c:pt idx="6138">
                  <c:v>42664</c:v>
                </c:pt>
                <c:pt idx="6139">
                  <c:v>42665</c:v>
                </c:pt>
                <c:pt idx="6140">
                  <c:v>42666</c:v>
                </c:pt>
                <c:pt idx="6141">
                  <c:v>42667</c:v>
                </c:pt>
                <c:pt idx="6142">
                  <c:v>42668</c:v>
                </c:pt>
                <c:pt idx="6143">
                  <c:v>42669</c:v>
                </c:pt>
                <c:pt idx="6144">
                  <c:v>42670</c:v>
                </c:pt>
                <c:pt idx="6145">
                  <c:v>42671</c:v>
                </c:pt>
                <c:pt idx="6146">
                  <c:v>42672</c:v>
                </c:pt>
                <c:pt idx="6147">
                  <c:v>42673</c:v>
                </c:pt>
                <c:pt idx="6148">
                  <c:v>42674</c:v>
                </c:pt>
                <c:pt idx="6149">
                  <c:v>42675</c:v>
                </c:pt>
                <c:pt idx="6150">
                  <c:v>42676</c:v>
                </c:pt>
                <c:pt idx="6151">
                  <c:v>42677</c:v>
                </c:pt>
                <c:pt idx="6152">
                  <c:v>42678</c:v>
                </c:pt>
                <c:pt idx="6153">
                  <c:v>42679</c:v>
                </c:pt>
                <c:pt idx="6154">
                  <c:v>42680</c:v>
                </c:pt>
                <c:pt idx="6155">
                  <c:v>42681</c:v>
                </c:pt>
                <c:pt idx="6156">
                  <c:v>42682</c:v>
                </c:pt>
                <c:pt idx="6157">
                  <c:v>42683</c:v>
                </c:pt>
                <c:pt idx="6158">
                  <c:v>42684</c:v>
                </c:pt>
                <c:pt idx="6159">
                  <c:v>42685</c:v>
                </c:pt>
                <c:pt idx="6160">
                  <c:v>42686</c:v>
                </c:pt>
                <c:pt idx="6161">
                  <c:v>42687</c:v>
                </c:pt>
                <c:pt idx="6162">
                  <c:v>42688</c:v>
                </c:pt>
                <c:pt idx="6163">
                  <c:v>42689</c:v>
                </c:pt>
                <c:pt idx="6164">
                  <c:v>42690</c:v>
                </c:pt>
                <c:pt idx="6165">
                  <c:v>42691</c:v>
                </c:pt>
                <c:pt idx="6166">
                  <c:v>42692</c:v>
                </c:pt>
                <c:pt idx="6167">
                  <c:v>42693</c:v>
                </c:pt>
                <c:pt idx="6168">
                  <c:v>42694</c:v>
                </c:pt>
                <c:pt idx="6169">
                  <c:v>42695</c:v>
                </c:pt>
                <c:pt idx="6170">
                  <c:v>42696</c:v>
                </c:pt>
                <c:pt idx="6171">
                  <c:v>42697</c:v>
                </c:pt>
                <c:pt idx="6172">
                  <c:v>42698</c:v>
                </c:pt>
                <c:pt idx="6173">
                  <c:v>42699</c:v>
                </c:pt>
                <c:pt idx="6174">
                  <c:v>42700</c:v>
                </c:pt>
                <c:pt idx="6175">
                  <c:v>42701</c:v>
                </c:pt>
                <c:pt idx="6176">
                  <c:v>42702</c:v>
                </c:pt>
                <c:pt idx="6177">
                  <c:v>42703</c:v>
                </c:pt>
                <c:pt idx="6178">
                  <c:v>42704</c:v>
                </c:pt>
                <c:pt idx="6179">
                  <c:v>42705</c:v>
                </c:pt>
                <c:pt idx="6180">
                  <c:v>42706</c:v>
                </c:pt>
                <c:pt idx="6181">
                  <c:v>42707</c:v>
                </c:pt>
                <c:pt idx="6182">
                  <c:v>42708</c:v>
                </c:pt>
                <c:pt idx="6183">
                  <c:v>42709</c:v>
                </c:pt>
                <c:pt idx="6184">
                  <c:v>42710</c:v>
                </c:pt>
                <c:pt idx="6185">
                  <c:v>42711</c:v>
                </c:pt>
                <c:pt idx="6186">
                  <c:v>42712</c:v>
                </c:pt>
                <c:pt idx="6187">
                  <c:v>42713</c:v>
                </c:pt>
                <c:pt idx="6188">
                  <c:v>42714</c:v>
                </c:pt>
                <c:pt idx="6189">
                  <c:v>42715</c:v>
                </c:pt>
                <c:pt idx="6190">
                  <c:v>42716</c:v>
                </c:pt>
                <c:pt idx="6191">
                  <c:v>42717</c:v>
                </c:pt>
                <c:pt idx="6192">
                  <c:v>42718</c:v>
                </c:pt>
                <c:pt idx="6193">
                  <c:v>42719</c:v>
                </c:pt>
                <c:pt idx="6194">
                  <c:v>42720</c:v>
                </c:pt>
                <c:pt idx="6195">
                  <c:v>42721</c:v>
                </c:pt>
                <c:pt idx="6196">
                  <c:v>42722</c:v>
                </c:pt>
                <c:pt idx="6197">
                  <c:v>42723</c:v>
                </c:pt>
                <c:pt idx="6198">
                  <c:v>42724</c:v>
                </c:pt>
                <c:pt idx="6199">
                  <c:v>42725</c:v>
                </c:pt>
                <c:pt idx="6200">
                  <c:v>42726</c:v>
                </c:pt>
                <c:pt idx="6201">
                  <c:v>42727</c:v>
                </c:pt>
                <c:pt idx="6202">
                  <c:v>42728</c:v>
                </c:pt>
                <c:pt idx="6203">
                  <c:v>42729</c:v>
                </c:pt>
                <c:pt idx="6204">
                  <c:v>42730</c:v>
                </c:pt>
                <c:pt idx="6205">
                  <c:v>42731</c:v>
                </c:pt>
                <c:pt idx="6206">
                  <c:v>42732</c:v>
                </c:pt>
                <c:pt idx="6207">
                  <c:v>42733</c:v>
                </c:pt>
                <c:pt idx="6208">
                  <c:v>42734</c:v>
                </c:pt>
                <c:pt idx="6209">
                  <c:v>42735</c:v>
                </c:pt>
                <c:pt idx="6210">
                  <c:v>42736</c:v>
                </c:pt>
                <c:pt idx="6211">
                  <c:v>42737</c:v>
                </c:pt>
                <c:pt idx="6212">
                  <c:v>42738</c:v>
                </c:pt>
                <c:pt idx="6213">
                  <c:v>42739</c:v>
                </c:pt>
                <c:pt idx="6214">
                  <c:v>42740</c:v>
                </c:pt>
                <c:pt idx="6215">
                  <c:v>42741</c:v>
                </c:pt>
                <c:pt idx="6216">
                  <c:v>42742</c:v>
                </c:pt>
                <c:pt idx="6217">
                  <c:v>42743</c:v>
                </c:pt>
                <c:pt idx="6218">
                  <c:v>42744</c:v>
                </c:pt>
                <c:pt idx="6219">
                  <c:v>42745</c:v>
                </c:pt>
                <c:pt idx="6220">
                  <c:v>42746</c:v>
                </c:pt>
                <c:pt idx="6221">
                  <c:v>42747</c:v>
                </c:pt>
                <c:pt idx="6222">
                  <c:v>42748</c:v>
                </c:pt>
                <c:pt idx="6223">
                  <c:v>42749</c:v>
                </c:pt>
                <c:pt idx="6224">
                  <c:v>42750</c:v>
                </c:pt>
                <c:pt idx="6225">
                  <c:v>42751</c:v>
                </c:pt>
                <c:pt idx="6226">
                  <c:v>42752</c:v>
                </c:pt>
                <c:pt idx="6227">
                  <c:v>42753</c:v>
                </c:pt>
                <c:pt idx="6228">
                  <c:v>42754</c:v>
                </c:pt>
                <c:pt idx="6229">
                  <c:v>42755</c:v>
                </c:pt>
                <c:pt idx="6230">
                  <c:v>42756</c:v>
                </c:pt>
                <c:pt idx="6231">
                  <c:v>42757</c:v>
                </c:pt>
                <c:pt idx="6232">
                  <c:v>42758</c:v>
                </c:pt>
                <c:pt idx="6233">
                  <c:v>42759</c:v>
                </c:pt>
                <c:pt idx="6234">
                  <c:v>42760</c:v>
                </c:pt>
                <c:pt idx="6235">
                  <c:v>42761</c:v>
                </c:pt>
                <c:pt idx="6236">
                  <c:v>42762</c:v>
                </c:pt>
                <c:pt idx="6237">
                  <c:v>42763</c:v>
                </c:pt>
                <c:pt idx="6238">
                  <c:v>42764</c:v>
                </c:pt>
                <c:pt idx="6239">
                  <c:v>42765</c:v>
                </c:pt>
                <c:pt idx="6240">
                  <c:v>42766</c:v>
                </c:pt>
                <c:pt idx="6241">
                  <c:v>42767</c:v>
                </c:pt>
                <c:pt idx="6242">
                  <c:v>42768</c:v>
                </c:pt>
                <c:pt idx="6243">
                  <c:v>42769</c:v>
                </c:pt>
                <c:pt idx="6244">
                  <c:v>42770</c:v>
                </c:pt>
                <c:pt idx="6245">
                  <c:v>42771</c:v>
                </c:pt>
                <c:pt idx="6246">
                  <c:v>42772</c:v>
                </c:pt>
                <c:pt idx="6247">
                  <c:v>42773</c:v>
                </c:pt>
                <c:pt idx="6248">
                  <c:v>42774</c:v>
                </c:pt>
                <c:pt idx="6249">
                  <c:v>42775</c:v>
                </c:pt>
                <c:pt idx="6250">
                  <c:v>42776</c:v>
                </c:pt>
                <c:pt idx="6251">
                  <c:v>42777</c:v>
                </c:pt>
                <c:pt idx="6252">
                  <c:v>42778</c:v>
                </c:pt>
                <c:pt idx="6253">
                  <c:v>42779</c:v>
                </c:pt>
                <c:pt idx="6254">
                  <c:v>42780</c:v>
                </c:pt>
                <c:pt idx="6255">
                  <c:v>42781</c:v>
                </c:pt>
                <c:pt idx="6256">
                  <c:v>42782</c:v>
                </c:pt>
                <c:pt idx="6257">
                  <c:v>42783</c:v>
                </c:pt>
                <c:pt idx="6258">
                  <c:v>42784</c:v>
                </c:pt>
                <c:pt idx="6259">
                  <c:v>42785</c:v>
                </c:pt>
                <c:pt idx="6260">
                  <c:v>42786</c:v>
                </c:pt>
                <c:pt idx="6261">
                  <c:v>42787</c:v>
                </c:pt>
                <c:pt idx="6262">
                  <c:v>42788</c:v>
                </c:pt>
                <c:pt idx="6263">
                  <c:v>42789</c:v>
                </c:pt>
                <c:pt idx="6264">
                  <c:v>42790</c:v>
                </c:pt>
                <c:pt idx="6265">
                  <c:v>42791</c:v>
                </c:pt>
                <c:pt idx="6266">
                  <c:v>42792</c:v>
                </c:pt>
                <c:pt idx="6267">
                  <c:v>42793</c:v>
                </c:pt>
                <c:pt idx="6268">
                  <c:v>42794</c:v>
                </c:pt>
                <c:pt idx="6269">
                  <c:v>42795</c:v>
                </c:pt>
                <c:pt idx="6270">
                  <c:v>42796</c:v>
                </c:pt>
                <c:pt idx="6271">
                  <c:v>42797</c:v>
                </c:pt>
                <c:pt idx="6272">
                  <c:v>42798</c:v>
                </c:pt>
                <c:pt idx="6273">
                  <c:v>42799</c:v>
                </c:pt>
                <c:pt idx="6274">
                  <c:v>42800</c:v>
                </c:pt>
                <c:pt idx="6275">
                  <c:v>42801</c:v>
                </c:pt>
                <c:pt idx="6276">
                  <c:v>42802</c:v>
                </c:pt>
                <c:pt idx="6277">
                  <c:v>42803</c:v>
                </c:pt>
                <c:pt idx="6278">
                  <c:v>42804</c:v>
                </c:pt>
                <c:pt idx="6279">
                  <c:v>42805</c:v>
                </c:pt>
                <c:pt idx="6280">
                  <c:v>42806</c:v>
                </c:pt>
                <c:pt idx="6281">
                  <c:v>42807</c:v>
                </c:pt>
                <c:pt idx="6282">
                  <c:v>42808</c:v>
                </c:pt>
                <c:pt idx="6283">
                  <c:v>42809</c:v>
                </c:pt>
                <c:pt idx="6284">
                  <c:v>42810</c:v>
                </c:pt>
                <c:pt idx="6285">
                  <c:v>42811</c:v>
                </c:pt>
                <c:pt idx="6286">
                  <c:v>42812</c:v>
                </c:pt>
                <c:pt idx="6287">
                  <c:v>42813</c:v>
                </c:pt>
                <c:pt idx="6288">
                  <c:v>42814</c:v>
                </c:pt>
                <c:pt idx="6289">
                  <c:v>42815</c:v>
                </c:pt>
                <c:pt idx="6290">
                  <c:v>42816</c:v>
                </c:pt>
                <c:pt idx="6291">
                  <c:v>42817</c:v>
                </c:pt>
                <c:pt idx="6292">
                  <c:v>42818</c:v>
                </c:pt>
                <c:pt idx="6293">
                  <c:v>42819</c:v>
                </c:pt>
                <c:pt idx="6294">
                  <c:v>42820</c:v>
                </c:pt>
                <c:pt idx="6295">
                  <c:v>42821</c:v>
                </c:pt>
                <c:pt idx="6296">
                  <c:v>42822</c:v>
                </c:pt>
                <c:pt idx="6297">
                  <c:v>42823</c:v>
                </c:pt>
                <c:pt idx="6298">
                  <c:v>42824</c:v>
                </c:pt>
                <c:pt idx="6299">
                  <c:v>42825</c:v>
                </c:pt>
                <c:pt idx="6300">
                  <c:v>42826</c:v>
                </c:pt>
                <c:pt idx="6301">
                  <c:v>42827</c:v>
                </c:pt>
                <c:pt idx="6302">
                  <c:v>42828</c:v>
                </c:pt>
                <c:pt idx="6303">
                  <c:v>42829</c:v>
                </c:pt>
                <c:pt idx="6304">
                  <c:v>42830</c:v>
                </c:pt>
                <c:pt idx="6305">
                  <c:v>42831</c:v>
                </c:pt>
                <c:pt idx="6306">
                  <c:v>42832</c:v>
                </c:pt>
                <c:pt idx="6307">
                  <c:v>42833</c:v>
                </c:pt>
                <c:pt idx="6308">
                  <c:v>42834</c:v>
                </c:pt>
                <c:pt idx="6309">
                  <c:v>42835</c:v>
                </c:pt>
                <c:pt idx="6310">
                  <c:v>42836</c:v>
                </c:pt>
                <c:pt idx="6311">
                  <c:v>42837</c:v>
                </c:pt>
                <c:pt idx="6312">
                  <c:v>42838</c:v>
                </c:pt>
                <c:pt idx="6313">
                  <c:v>42839</c:v>
                </c:pt>
                <c:pt idx="6314">
                  <c:v>42840</c:v>
                </c:pt>
                <c:pt idx="6315">
                  <c:v>42841</c:v>
                </c:pt>
                <c:pt idx="6316">
                  <c:v>42842</c:v>
                </c:pt>
                <c:pt idx="6317">
                  <c:v>42843</c:v>
                </c:pt>
                <c:pt idx="6318">
                  <c:v>42844</c:v>
                </c:pt>
                <c:pt idx="6319">
                  <c:v>42845</c:v>
                </c:pt>
                <c:pt idx="6320">
                  <c:v>42846</c:v>
                </c:pt>
                <c:pt idx="6321">
                  <c:v>42847</c:v>
                </c:pt>
                <c:pt idx="6322">
                  <c:v>42848</c:v>
                </c:pt>
                <c:pt idx="6323">
                  <c:v>42849</c:v>
                </c:pt>
                <c:pt idx="6324">
                  <c:v>42850</c:v>
                </c:pt>
                <c:pt idx="6325">
                  <c:v>42851</c:v>
                </c:pt>
                <c:pt idx="6326">
                  <c:v>42852</c:v>
                </c:pt>
                <c:pt idx="6327">
                  <c:v>42853</c:v>
                </c:pt>
                <c:pt idx="6328">
                  <c:v>42854</c:v>
                </c:pt>
                <c:pt idx="6329">
                  <c:v>42855</c:v>
                </c:pt>
                <c:pt idx="6330">
                  <c:v>42856</c:v>
                </c:pt>
                <c:pt idx="6331">
                  <c:v>42857</c:v>
                </c:pt>
                <c:pt idx="6332">
                  <c:v>42858</c:v>
                </c:pt>
                <c:pt idx="6333">
                  <c:v>42859</c:v>
                </c:pt>
                <c:pt idx="6334">
                  <c:v>42860</c:v>
                </c:pt>
                <c:pt idx="6335">
                  <c:v>42861</c:v>
                </c:pt>
                <c:pt idx="6336">
                  <c:v>42862</c:v>
                </c:pt>
                <c:pt idx="6337">
                  <c:v>42863</c:v>
                </c:pt>
                <c:pt idx="6338">
                  <c:v>42864</c:v>
                </c:pt>
                <c:pt idx="6339">
                  <c:v>42865</c:v>
                </c:pt>
                <c:pt idx="6340">
                  <c:v>42866</c:v>
                </c:pt>
                <c:pt idx="6341">
                  <c:v>42867</c:v>
                </c:pt>
                <c:pt idx="6342">
                  <c:v>42868</c:v>
                </c:pt>
                <c:pt idx="6343">
                  <c:v>42869</c:v>
                </c:pt>
                <c:pt idx="6344">
                  <c:v>42870</c:v>
                </c:pt>
                <c:pt idx="6345">
                  <c:v>42871</c:v>
                </c:pt>
                <c:pt idx="6346">
                  <c:v>42872</c:v>
                </c:pt>
                <c:pt idx="6347">
                  <c:v>42873</c:v>
                </c:pt>
                <c:pt idx="6348">
                  <c:v>42874</c:v>
                </c:pt>
                <c:pt idx="6349">
                  <c:v>42875</c:v>
                </c:pt>
                <c:pt idx="6350">
                  <c:v>42876</c:v>
                </c:pt>
                <c:pt idx="6351">
                  <c:v>42877</c:v>
                </c:pt>
                <c:pt idx="6352">
                  <c:v>42878</c:v>
                </c:pt>
                <c:pt idx="6353">
                  <c:v>42879</c:v>
                </c:pt>
                <c:pt idx="6354">
                  <c:v>42880</c:v>
                </c:pt>
                <c:pt idx="6355">
                  <c:v>42881</c:v>
                </c:pt>
                <c:pt idx="6356">
                  <c:v>42882</c:v>
                </c:pt>
                <c:pt idx="6357">
                  <c:v>42883</c:v>
                </c:pt>
                <c:pt idx="6358">
                  <c:v>42884</c:v>
                </c:pt>
                <c:pt idx="6359">
                  <c:v>42885</c:v>
                </c:pt>
                <c:pt idx="6360">
                  <c:v>42886</c:v>
                </c:pt>
                <c:pt idx="6361">
                  <c:v>42887</c:v>
                </c:pt>
                <c:pt idx="6362">
                  <c:v>42888</c:v>
                </c:pt>
                <c:pt idx="6363">
                  <c:v>42889</c:v>
                </c:pt>
                <c:pt idx="6364">
                  <c:v>42890</c:v>
                </c:pt>
                <c:pt idx="6365">
                  <c:v>42891</c:v>
                </c:pt>
                <c:pt idx="6366">
                  <c:v>42892</c:v>
                </c:pt>
                <c:pt idx="6367">
                  <c:v>42893</c:v>
                </c:pt>
                <c:pt idx="6368">
                  <c:v>42894</c:v>
                </c:pt>
                <c:pt idx="6369">
                  <c:v>42895</c:v>
                </c:pt>
                <c:pt idx="6370">
                  <c:v>42896</c:v>
                </c:pt>
                <c:pt idx="6371">
                  <c:v>42897</c:v>
                </c:pt>
                <c:pt idx="6372">
                  <c:v>42898</c:v>
                </c:pt>
                <c:pt idx="6373">
                  <c:v>42899</c:v>
                </c:pt>
                <c:pt idx="6374">
                  <c:v>42900</c:v>
                </c:pt>
                <c:pt idx="6375">
                  <c:v>42901</c:v>
                </c:pt>
                <c:pt idx="6376">
                  <c:v>42902</c:v>
                </c:pt>
                <c:pt idx="6377">
                  <c:v>42903</c:v>
                </c:pt>
                <c:pt idx="6378">
                  <c:v>42904</c:v>
                </c:pt>
                <c:pt idx="6379">
                  <c:v>42905</c:v>
                </c:pt>
                <c:pt idx="6380">
                  <c:v>42906</c:v>
                </c:pt>
                <c:pt idx="6381">
                  <c:v>42907</c:v>
                </c:pt>
                <c:pt idx="6382">
                  <c:v>42908</c:v>
                </c:pt>
                <c:pt idx="6383">
                  <c:v>42909</c:v>
                </c:pt>
                <c:pt idx="6384">
                  <c:v>42910</c:v>
                </c:pt>
                <c:pt idx="6385">
                  <c:v>42911</c:v>
                </c:pt>
                <c:pt idx="6386">
                  <c:v>42912</c:v>
                </c:pt>
                <c:pt idx="6387">
                  <c:v>42913</c:v>
                </c:pt>
                <c:pt idx="6388">
                  <c:v>42914</c:v>
                </c:pt>
                <c:pt idx="6389">
                  <c:v>42915</c:v>
                </c:pt>
                <c:pt idx="6390">
                  <c:v>42916</c:v>
                </c:pt>
                <c:pt idx="6391">
                  <c:v>42917</c:v>
                </c:pt>
                <c:pt idx="6392">
                  <c:v>42918</c:v>
                </c:pt>
                <c:pt idx="6393">
                  <c:v>42919</c:v>
                </c:pt>
                <c:pt idx="6394">
                  <c:v>42920</c:v>
                </c:pt>
                <c:pt idx="6395">
                  <c:v>42921</c:v>
                </c:pt>
                <c:pt idx="6396">
                  <c:v>42922</c:v>
                </c:pt>
                <c:pt idx="6397">
                  <c:v>42923</c:v>
                </c:pt>
                <c:pt idx="6398">
                  <c:v>42924</c:v>
                </c:pt>
                <c:pt idx="6399">
                  <c:v>42925</c:v>
                </c:pt>
                <c:pt idx="6400">
                  <c:v>42926</c:v>
                </c:pt>
                <c:pt idx="6401">
                  <c:v>42927</c:v>
                </c:pt>
                <c:pt idx="6402">
                  <c:v>42928</c:v>
                </c:pt>
                <c:pt idx="6403">
                  <c:v>42929</c:v>
                </c:pt>
                <c:pt idx="6404">
                  <c:v>42930</c:v>
                </c:pt>
                <c:pt idx="6405">
                  <c:v>42931</c:v>
                </c:pt>
                <c:pt idx="6406">
                  <c:v>42932</c:v>
                </c:pt>
                <c:pt idx="6407">
                  <c:v>42933</c:v>
                </c:pt>
                <c:pt idx="6408">
                  <c:v>42934</c:v>
                </c:pt>
                <c:pt idx="6409">
                  <c:v>42935</c:v>
                </c:pt>
                <c:pt idx="6410">
                  <c:v>42936</c:v>
                </c:pt>
                <c:pt idx="6411">
                  <c:v>42937</c:v>
                </c:pt>
                <c:pt idx="6412">
                  <c:v>42938</c:v>
                </c:pt>
                <c:pt idx="6413">
                  <c:v>42939</c:v>
                </c:pt>
                <c:pt idx="6414">
                  <c:v>42940</c:v>
                </c:pt>
                <c:pt idx="6415">
                  <c:v>42941</c:v>
                </c:pt>
                <c:pt idx="6416">
                  <c:v>42942</c:v>
                </c:pt>
                <c:pt idx="6417">
                  <c:v>42943</c:v>
                </c:pt>
                <c:pt idx="6418">
                  <c:v>42944</c:v>
                </c:pt>
                <c:pt idx="6419">
                  <c:v>42945</c:v>
                </c:pt>
                <c:pt idx="6420">
                  <c:v>42946</c:v>
                </c:pt>
                <c:pt idx="6421">
                  <c:v>42947</c:v>
                </c:pt>
                <c:pt idx="6422">
                  <c:v>42948</c:v>
                </c:pt>
                <c:pt idx="6423">
                  <c:v>42949</c:v>
                </c:pt>
                <c:pt idx="6424">
                  <c:v>42950</c:v>
                </c:pt>
                <c:pt idx="6425">
                  <c:v>42951</c:v>
                </c:pt>
                <c:pt idx="6426">
                  <c:v>42952</c:v>
                </c:pt>
                <c:pt idx="6427">
                  <c:v>42953</c:v>
                </c:pt>
                <c:pt idx="6428">
                  <c:v>42954</c:v>
                </c:pt>
                <c:pt idx="6429">
                  <c:v>42955</c:v>
                </c:pt>
                <c:pt idx="6430">
                  <c:v>42956</c:v>
                </c:pt>
                <c:pt idx="6431">
                  <c:v>42957</c:v>
                </c:pt>
                <c:pt idx="6432">
                  <c:v>42958</c:v>
                </c:pt>
                <c:pt idx="6433">
                  <c:v>42959</c:v>
                </c:pt>
                <c:pt idx="6434">
                  <c:v>42960</c:v>
                </c:pt>
                <c:pt idx="6435">
                  <c:v>42961</c:v>
                </c:pt>
                <c:pt idx="6436">
                  <c:v>42962</c:v>
                </c:pt>
                <c:pt idx="6437">
                  <c:v>42963</c:v>
                </c:pt>
                <c:pt idx="6438">
                  <c:v>42964</c:v>
                </c:pt>
                <c:pt idx="6439">
                  <c:v>42965</c:v>
                </c:pt>
                <c:pt idx="6440">
                  <c:v>42966</c:v>
                </c:pt>
                <c:pt idx="6441">
                  <c:v>42967</c:v>
                </c:pt>
                <c:pt idx="6442">
                  <c:v>42968</c:v>
                </c:pt>
                <c:pt idx="6443">
                  <c:v>42969</c:v>
                </c:pt>
                <c:pt idx="6444">
                  <c:v>42970</c:v>
                </c:pt>
                <c:pt idx="6445">
                  <c:v>42971</c:v>
                </c:pt>
                <c:pt idx="6446">
                  <c:v>42972</c:v>
                </c:pt>
                <c:pt idx="6447">
                  <c:v>42973</c:v>
                </c:pt>
                <c:pt idx="6448">
                  <c:v>42974</c:v>
                </c:pt>
                <c:pt idx="6449">
                  <c:v>42975</c:v>
                </c:pt>
                <c:pt idx="6450">
                  <c:v>42976</c:v>
                </c:pt>
                <c:pt idx="6451">
                  <c:v>42977</c:v>
                </c:pt>
                <c:pt idx="6452">
                  <c:v>42978</c:v>
                </c:pt>
                <c:pt idx="6453">
                  <c:v>42979</c:v>
                </c:pt>
                <c:pt idx="6454">
                  <c:v>42980</c:v>
                </c:pt>
                <c:pt idx="6455">
                  <c:v>42981</c:v>
                </c:pt>
                <c:pt idx="6456">
                  <c:v>42982</c:v>
                </c:pt>
                <c:pt idx="6457">
                  <c:v>42983</c:v>
                </c:pt>
                <c:pt idx="6458">
                  <c:v>42984</c:v>
                </c:pt>
                <c:pt idx="6459">
                  <c:v>42985</c:v>
                </c:pt>
                <c:pt idx="6460">
                  <c:v>42986</c:v>
                </c:pt>
                <c:pt idx="6461">
                  <c:v>42987</c:v>
                </c:pt>
                <c:pt idx="6462">
                  <c:v>42988</c:v>
                </c:pt>
                <c:pt idx="6463">
                  <c:v>42989</c:v>
                </c:pt>
                <c:pt idx="6464">
                  <c:v>42990</c:v>
                </c:pt>
                <c:pt idx="6465">
                  <c:v>42991</c:v>
                </c:pt>
                <c:pt idx="6466">
                  <c:v>42992</c:v>
                </c:pt>
                <c:pt idx="6467">
                  <c:v>42993</c:v>
                </c:pt>
                <c:pt idx="6468">
                  <c:v>42994</c:v>
                </c:pt>
                <c:pt idx="6469">
                  <c:v>42995</c:v>
                </c:pt>
                <c:pt idx="6470">
                  <c:v>42996</c:v>
                </c:pt>
                <c:pt idx="6471">
                  <c:v>42997</c:v>
                </c:pt>
                <c:pt idx="6472">
                  <c:v>42998</c:v>
                </c:pt>
                <c:pt idx="6473">
                  <c:v>42999</c:v>
                </c:pt>
                <c:pt idx="6474">
                  <c:v>43000</c:v>
                </c:pt>
                <c:pt idx="6475">
                  <c:v>43001</c:v>
                </c:pt>
                <c:pt idx="6476">
                  <c:v>43002</c:v>
                </c:pt>
                <c:pt idx="6477">
                  <c:v>43003</c:v>
                </c:pt>
                <c:pt idx="6478">
                  <c:v>43004</c:v>
                </c:pt>
                <c:pt idx="6479">
                  <c:v>43005</c:v>
                </c:pt>
                <c:pt idx="6480">
                  <c:v>43006</c:v>
                </c:pt>
                <c:pt idx="6481">
                  <c:v>43007</c:v>
                </c:pt>
                <c:pt idx="6482">
                  <c:v>43008</c:v>
                </c:pt>
                <c:pt idx="6483">
                  <c:v>43009</c:v>
                </c:pt>
                <c:pt idx="6484">
                  <c:v>43010</c:v>
                </c:pt>
                <c:pt idx="6485">
                  <c:v>43011</c:v>
                </c:pt>
                <c:pt idx="6486">
                  <c:v>43012</c:v>
                </c:pt>
                <c:pt idx="6487">
                  <c:v>43013</c:v>
                </c:pt>
                <c:pt idx="6488">
                  <c:v>43014</c:v>
                </c:pt>
                <c:pt idx="6489">
                  <c:v>43015</c:v>
                </c:pt>
                <c:pt idx="6490">
                  <c:v>43016</c:v>
                </c:pt>
                <c:pt idx="6491">
                  <c:v>43017</c:v>
                </c:pt>
                <c:pt idx="6492">
                  <c:v>43018</c:v>
                </c:pt>
                <c:pt idx="6493">
                  <c:v>43019</c:v>
                </c:pt>
                <c:pt idx="6494">
                  <c:v>43020</c:v>
                </c:pt>
                <c:pt idx="6495">
                  <c:v>43021</c:v>
                </c:pt>
                <c:pt idx="6496">
                  <c:v>43022</c:v>
                </c:pt>
                <c:pt idx="6497">
                  <c:v>43023</c:v>
                </c:pt>
                <c:pt idx="6498">
                  <c:v>43024</c:v>
                </c:pt>
                <c:pt idx="6499">
                  <c:v>43025</c:v>
                </c:pt>
                <c:pt idx="6500">
                  <c:v>43026</c:v>
                </c:pt>
                <c:pt idx="6501">
                  <c:v>43027</c:v>
                </c:pt>
                <c:pt idx="6502">
                  <c:v>43028</c:v>
                </c:pt>
                <c:pt idx="6503">
                  <c:v>43029</c:v>
                </c:pt>
                <c:pt idx="6504">
                  <c:v>43030</c:v>
                </c:pt>
                <c:pt idx="6505">
                  <c:v>43031</c:v>
                </c:pt>
                <c:pt idx="6506">
                  <c:v>43032</c:v>
                </c:pt>
                <c:pt idx="6507">
                  <c:v>43033</c:v>
                </c:pt>
                <c:pt idx="6508">
                  <c:v>43034</c:v>
                </c:pt>
                <c:pt idx="6509">
                  <c:v>43035</c:v>
                </c:pt>
                <c:pt idx="6510">
                  <c:v>43036</c:v>
                </c:pt>
                <c:pt idx="6511">
                  <c:v>43037</c:v>
                </c:pt>
                <c:pt idx="6512">
                  <c:v>43038</c:v>
                </c:pt>
                <c:pt idx="6513">
                  <c:v>43039</c:v>
                </c:pt>
                <c:pt idx="6514">
                  <c:v>43040</c:v>
                </c:pt>
                <c:pt idx="6515">
                  <c:v>43041</c:v>
                </c:pt>
                <c:pt idx="6516">
                  <c:v>43042</c:v>
                </c:pt>
                <c:pt idx="6517">
                  <c:v>43043</c:v>
                </c:pt>
                <c:pt idx="6518">
                  <c:v>43044</c:v>
                </c:pt>
                <c:pt idx="6519">
                  <c:v>43045</c:v>
                </c:pt>
                <c:pt idx="6520">
                  <c:v>43046</c:v>
                </c:pt>
                <c:pt idx="6521">
                  <c:v>43047</c:v>
                </c:pt>
                <c:pt idx="6522">
                  <c:v>43048</c:v>
                </c:pt>
                <c:pt idx="6523">
                  <c:v>43049</c:v>
                </c:pt>
                <c:pt idx="6524">
                  <c:v>43050</c:v>
                </c:pt>
                <c:pt idx="6525">
                  <c:v>43051</c:v>
                </c:pt>
                <c:pt idx="6526">
                  <c:v>43052</c:v>
                </c:pt>
                <c:pt idx="6527">
                  <c:v>43053</c:v>
                </c:pt>
                <c:pt idx="6528">
                  <c:v>43054</c:v>
                </c:pt>
                <c:pt idx="6529">
                  <c:v>43055</c:v>
                </c:pt>
                <c:pt idx="6530">
                  <c:v>43056</c:v>
                </c:pt>
                <c:pt idx="6531">
                  <c:v>43057</c:v>
                </c:pt>
                <c:pt idx="6532">
                  <c:v>43058</c:v>
                </c:pt>
                <c:pt idx="6533">
                  <c:v>43059</c:v>
                </c:pt>
                <c:pt idx="6534">
                  <c:v>43060</c:v>
                </c:pt>
                <c:pt idx="6535">
                  <c:v>43061</c:v>
                </c:pt>
                <c:pt idx="6536">
                  <c:v>43062</c:v>
                </c:pt>
                <c:pt idx="6537">
                  <c:v>43063</c:v>
                </c:pt>
                <c:pt idx="6538">
                  <c:v>43064</c:v>
                </c:pt>
                <c:pt idx="6539">
                  <c:v>43065</c:v>
                </c:pt>
                <c:pt idx="6540">
                  <c:v>43066</c:v>
                </c:pt>
                <c:pt idx="6541">
                  <c:v>43067</c:v>
                </c:pt>
                <c:pt idx="6542">
                  <c:v>43068</c:v>
                </c:pt>
                <c:pt idx="6543">
                  <c:v>43069</c:v>
                </c:pt>
                <c:pt idx="6544">
                  <c:v>43070</c:v>
                </c:pt>
                <c:pt idx="6545">
                  <c:v>43071</c:v>
                </c:pt>
                <c:pt idx="6546">
                  <c:v>43072</c:v>
                </c:pt>
                <c:pt idx="6547">
                  <c:v>43073</c:v>
                </c:pt>
                <c:pt idx="6548">
                  <c:v>43074</c:v>
                </c:pt>
                <c:pt idx="6549">
                  <c:v>43075</c:v>
                </c:pt>
                <c:pt idx="6550">
                  <c:v>43076</c:v>
                </c:pt>
                <c:pt idx="6551">
                  <c:v>43077</c:v>
                </c:pt>
                <c:pt idx="6552">
                  <c:v>43078</c:v>
                </c:pt>
                <c:pt idx="6553">
                  <c:v>43079</c:v>
                </c:pt>
                <c:pt idx="6554">
                  <c:v>43080</c:v>
                </c:pt>
                <c:pt idx="6555">
                  <c:v>43081</c:v>
                </c:pt>
                <c:pt idx="6556">
                  <c:v>43082</c:v>
                </c:pt>
                <c:pt idx="6557">
                  <c:v>43083</c:v>
                </c:pt>
                <c:pt idx="6558">
                  <c:v>43084</c:v>
                </c:pt>
                <c:pt idx="6559">
                  <c:v>43085</c:v>
                </c:pt>
                <c:pt idx="6560">
                  <c:v>43086</c:v>
                </c:pt>
                <c:pt idx="6561">
                  <c:v>43087</c:v>
                </c:pt>
                <c:pt idx="6562">
                  <c:v>43088</c:v>
                </c:pt>
                <c:pt idx="6563">
                  <c:v>43089</c:v>
                </c:pt>
                <c:pt idx="6564">
                  <c:v>43090</c:v>
                </c:pt>
                <c:pt idx="6565">
                  <c:v>43091</c:v>
                </c:pt>
                <c:pt idx="6566">
                  <c:v>43092</c:v>
                </c:pt>
                <c:pt idx="6567">
                  <c:v>43093</c:v>
                </c:pt>
                <c:pt idx="6568">
                  <c:v>43094</c:v>
                </c:pt>
                <c:pt idx="6569">
                  <c:v>43095</c:v>
                </c:pt>
                <c:pt idx="6570">
                  <c:v>43096</c:v>
                </c:pt>
                <c:pt idx="6571">
                  <c:v>43097</c:v>
                </c:pt>
                <c:pt idx="6572">
                  <c:v>43098</c:v>
                </c:pt>
                <c:pt idx="6573">
                  <c:v>43099</c:v>
                </c:pt>
                <c:pt idx="6574">
                  <c:v>43100</c:v>
                </c:pt>
                <c:pt idx="6575">
                  <c:v>43101</c:v>
                </c:pt>
                <c:pt idx="6576">
                  <c:v>43102</c:v>
                </c:pt>
                <c:pt idx="6577">
                  <c:v>43103</c:v>
                </c:pt>
                <c:pt idx="6578">
                  <c:v>43104</c:v>
                </c:pt>
                <c:pt idx="6579">
                  <c:v>43105</c:v>
                </c:pt>
                <c:pt idx="6580">
                  <c:v>43106</c:v>
                </c:pt>
                <c:pt idx="6581">
                  <c:v>43107</c:v>
                </c:pt>
                <c:pt idx="6582">
                  <c:v>43108</c:v>
                </c:pt>
                <c:pt idx="6583">
                  <c:v>43109</c:v>
                </c:pt>
                <c:pt idx="6584">
                  <c:v>43110</c:v>
                </c:pt>
                <c:pt idx="6585">
                  <c:v>43111</c:v>
                </c:pt>
                <c:pt idx="6586">
                  <c:v>43112</c:v>
                </c:pt>
                <c:pt idx="6587">
                  <c:v>43113</c:v>
                </c:pt>
                <c:pt idx="6588">
                  <c:v>43114</c:v>
                </c:pt>
                <c:pt idx="6589">
                  <c:v>43115</c:v>
                </c:pt>
                <c:pt idx="6590">
                  <c:v>43116</c:v>
                </c:pt>
                <c:pt idx="6591">
                  <c:v>43117</c:v>
                </c:pt>
                <c:pt idx="6592">
                  <c:v>43118</c:v>
                </c:pt>
                <c:pt idx="6593">
                  <c:v>43119</c:v>
                </c:pt>
                <c:pt idx="6594">
                  <c:v>43120</c:v>
                </c:pt>
                <c:pt idx="6595">
                  <c:v>43121</c:v>
                </c:pt>
                <c:pt idx="6596">
                  <c:v>43122</c:v>
                </c:pt>
                <c:pt idx="6597">
                  <c:v>43123</c:v>
                </c:pt>
                <c:pt idx="6598">
                  <c:v>43124</c:v>
                </c:pt>
                <c:pt idx="6599">
                  <c:v>43125</c:v>
                </c:pt>
                <c:pt idx="6600">
                  <c:v>43126</c:v>
                </c:pt>
                <c:pt idx="6601">
                  <c:v>43127</c:v>
                </c:pt>
                <c:pt idx="6602">
                  <c:v>43128</c:v>
                </c:pt>
                <c:pt idx="6603">
                  <c:v>43129</c:v>
                </c:pt>
                <c:pt idx="6604">
                  <c:v>43130</c:v>
                </c:pt>
                <c:pt idx="6605">
                  <c:v>43131</c:v>
                </c:pt>
                <c:pt idx="6606">
                  <c:v>43132</c:v>
                </c:pt>
                <c:pt idx="6607">
                  <c:v>43133</c:v>
                </c:pt>
                <c:pt idx="6608">
                  <c:v>43134</c:v>
                </c:pt>
                <c:pt idx="6609">
                  <c:v>43135</c:v>
                </c:pt>
                <c:pt idx="6610">
                  <c:v>43136</c:v>
                </c:pt>
                <c:pt idx="6611">
                  <c:v>43137</c:v>
                </c:pt>
                <c:pt idx="6612">
                  <c:v>43138</c:v>
                </c:pt>
                <c:pt idx="6613">
                  <c:v>43139</c:v>
                </c:pt>
                <c:pt idx="6614">
                  <c:v>43140</c:v>
                </c:pt>
                <c:pt idx="6615">
                  <c:v>43141</c:v>
                </c:pt>
                <c:pt idx="6616">
                  <c:v>43142</c:v>
                </c:pt>
                <c:pt idx="6617">
                  <c:v>43143</c:v>
                </c:pt>
                <c:pt idx="6618">
                  <c:v>43144</c:v>
                </c:pt>
                <c:pt idx="6619">
                  <c:v>43145</c:v>
                </c:pt>
                <c:pt idx="6620">
                  <c:v>43146</c:v>
                </c:pt>
                <c:pt idx="6621">
                  <c:v>43147</c:v>
                </c:pt>
                <c:pt idx="6622">
                  <c:v>43148</c:v>
                </c:pt>
                <c:pt idx="6623">
                  <c:v>43149</c:v>
                </c:pt>
                <c:pt idx="6624">
                  <c:v>43150</c:v>
                </c:pt>
                <c:pt idx="6625">
                  <c:v>43151</c:v>
                </c:pt>
                <c:pt idx="6626">
                  <c:v>43152</c:v>
                </c:pt>
                <c:pt idx="6627">
                  <c:v>43153</c:v>
                </c:pt>
                <c:pt idx="6628">
                  <c:v>43154</c:v>
                </c:pt>
                <c:pt idx="6629">
                  <c:v>43155</c:v>
                </c:pt>
                <c:pt idx="6630">
                  <c:v>43156</c:v>
                </c:pt>
                <c:pt idx="6631">
                  <c:v>43157</c:v>
                </c:pt>
                <c:pt idx="6632">
                  <c:v>43158</c:v>
                </c:pt>
                <c:pt idx="6633">
                  <c:v>43159</c:v>
                </c:pt>
                <c:pt idx="6634">
                  <c:v>43160</c:v>
                </c:pt>
                <c:pt idx="6635">
                  <c:v>43161</c:v>
                </c:pt>
                <c:pt idx="6636">
                  <c:v>43162</c:v>
                </c:pt>
                <c:pt idx="6637">
                  <c:v>43163</c:v>
                </c:pt>
                <c:pt idx="6638">
                  <c:v>43164</c:v>
                </c:pt>
                <c:pt idx="6639">
                  <c:v>43165</c:v>
                </c:pt>
                <c:pt idx="6640">
                  <c:v>43166</c:v>
                </c:pt>
                <c:pt idx="6641">
                  <c:v>43167</c:v>
                </c:pt>
                <c:pt idx="6642">
                  <c:v>43168</c:v>
                </c:pt>
                <c:pt idx="6643">
                  <c:v>43169</c:v>
                </c:pt>
                <c:pt idx="6644">
                  <c:v>43170</c:v>
                </c:pt>
                <c:pt idx="6645">
                  <c:v>43171</c:v>
                </c:pt>
                <c:pt idx="6646">
                  <c:v>43172</c:v>
                </c:pt>
                <c:pt idx="6647">
                  <c:v>43173</c:v>
                </c:pt>
                <c:pt idx="6648">
                  <c:v>43174</c:v>
                </c:pt>
                <c:pt idx="6649">
                  <c:v>43175</c:v>
                </c:pt>
                <c:pt idx="6650">
                  <c:v>43176</c:v>
                </c:pt>
                <c:pt idx="6651">
                  <c:v>43177</c:v>
                </c:pt>
                <c:pt idx="6652">
                  <c:v>43178</c:v>
                </c:pt>
                <c:pt idx="6653">
                  <c:v>43179</c:v>
                </c:pt>
                <c:pt idx="6654">
                  <c:v>43180</c:v>
                </c:pt>
                <c:pt idx="6655">
                  <c:v>43181</c:v>
                </c:pt>
                <c:pt idx="6656">
                  <c:v>43182</c:v>
                </c:pt>
                <c:pt idx="6657">
                  <c:v>43183</c:v>
                </c:pt>
                <c:pt idx="6658">
                  <c:v>43184</c:v>
                </c:pt>
                <c:pt idx="6659">
                  <c:v>43185</c:v>
                </c:pt>
                <c:pt idx="6660">
                  <c:v>43186</c:v>
                </c:pt>
                <c:pt idx="6661">
                  <c:v>43187</c:v>
                </c:pt>
                <c:pt idx="6662">
                  <c:v>43188</c:v>
                </c:pt>
                <c:pt idx="6663">
                  <c:v>43189</c:v>
                </c:pt>
                <c:pt idx="6664">
                  <c:v>43190</c:v>
                </c:pt>
                <c:pt idx="6665">
                  <c:v>43191</c:v>
                </c:pt>
                <c:pt idx="6666">
                  <c:v>43192</c:v>
                </c:pt>
                <c:pt idx="6667">
                  <c:v>43193</c:v>
                </c:pt>
                <c:pt idx="6668">
                  <c:v>43194</c:v>
                </c:pt>
                <c:pt idx="6669">
                  <c:v>43195</c:v>
                </c:pt>
                <c:pt idx="6670">
                  <c:v>43196</c:v>
                </c:pt>
                <c:pt idx="6671">
                  <c:v>43197</c:v>
                </c:pt>
                <c:pt idx="6672">
                  <c:v>43198</c:v>
                </c:pt>
                <c:pt idx="6673">
                  <c:v>43199</c:v>
                </c:pt>
                <c:pt idx="6674">
                  <c:v>43200</c:v>
                </c:pt>
                <c:pt idx="6675">
                  <c:v>43201</c:v>
                </c:pt>
                <c:pt idx="6676">
                  <c:v>43202</c:v>
                </c:pt>
                <c:pt idx="6677">
                  <c:v>43203</c:v>
                </c:pt>
                <c:pt idx="6678">
                  <c:v>43204</c:v>
                </c:pt>
                <c:pt idx="6679">
                  <c:v>43205</c:v>
                </c:pt>
                <c:pt idx="6680">
                  <c:v>43206</c:v>
                </c:pt>
                <c:pt idx="6681">
                  <c:v>43207</c:v>
                </c:pt>
                <c:pt idx="6682">
                  <c:v>43208</c:v>
                </c:pt>
                <c:pt idx="6683">
                  <c:v>43209</c:v>
                </c:pt>
                <c:pt idx="6684">
                  <c:v>43210</c:v>
                </c:pt>
                <c:pt idx="6685">
                  <c:v>43211</c:v>
                </c:pt>
                <c:pt idx="6686">
                  <c:v>43212</c:v>
                </c:pt>
                <c:pt idx="6687">
                  <c:v>43213</c:v>
                </c:pt>
                <c:pt idx="6688">
                  <c:v>43214</c:v>
                </c:pt>
                <c:pt idx="6689">
                  <c:v>43215</c:v>
                </c:pt>
                <c:pt idx="6690">
                  <c:v>43216</c:v>
                </c:pt>
                <c:pt idx="6691">
                  <c:v>43217</c:v>
                </c:pt>
                <c:pt idx="6692">
                  <c:v>43218</c:v>
                </c:pt>
                <c:pt idx="6693">
                  <c:v>43219</c:v>
                </c:pt>
                <c:pt idx="6694">
                  <c:v>43220</c:v>
                </c:pt>
                <c:pt idx="6695">
                  <c:v>43221</c:v>
                </c:pt>
                <c:pt idx="6696">
                  <c:v>43222</c:v>
                </c:pt>
                <c:pt idx="6697">
                  <c:v>43223</c:v>
                </c:pt>
                <c:pt idx="6698">
                  <c:v>43224</c:v>
                </c:pt>
                <c:pt idx="6699">
                  <c:v>43225</c:v>
                </c:pt>
                <c:pt idx="6700">
                  <c:v>43226</c:v>
                </c:pt>
                <c:pt idx="6701">
                  <c:v>43227</c:v>
                </c:pt>
                <c:pt idx="6702">
                  <c:v>43228</c:v>
                </c:pt>
                <c:pt idx="6703">
                  <c:v>43229</c:v>
                </c:pt>
                <c:pt idx="6704">
                  <c:v>43230</c:v>
                </c:pt>
                <c:pt idx="6705">
                  <c:v>43231</c:v>
                </c:pt>
                <c:pt idx="6706">
                  <c:v>43232</c:v>
                </c:pt>
                <c:pt idx="6707">
                  <c:v>43233</c:v>
                </c:pt>
                <c:pt idx="6708">
                  <c:v>43234</c:v>
                </c:pt>
                <c:pt idx="6709">
                  <c:v>43235</c:v>
                </c:pt>
                <c:pt idx="6710">
                  <c:v>43236</c:v>
                </c:pt>
                <c:pt idx="6711">
                  <c:v>43237</c:v>
                </c:pt>
                <c:pt idx="6712">
                  <c:v>43238</c:v>
                </c:pt>
                <c:pt idx="6713">
                  <c:v>43239</c:v>
                </c:pt>
                <c:pt idx="6714">
                  <c:v>43240</c:v>
                </c:pt>
                <c:pt idx="6715">
                  <c:v>43241</c:v>
                </c:pt>
                <c:pt idx="6716">
                  <c:v>43242</c:v>
                </c:pt>
                <c:pt idx="6717">
                  <c:v>43243</c:v>
                </c:pt>
                <c:pt idx="6718">
                  <c:v>43244</c:v>
                </c:pt>
                <c:pt idx="6719">
                  <c:v>43245</c:v>
                </c:pt>
                <c:pt idx="6720">
                  <c:v>43246</c:v>
                </c:pt>
                <c:pt idx="6721">
                  <c:v>43247</c:v>
                </c:pt>
                <c:pt idx="6722">
                  <c:v>43248</c:v>
                </c:pt>
                <c:pt idx="6723">
                  <c:v>43249</c:v>
                </c:pt>
                <c:pt idx="6724">
                  <c:v>43250</c:v>
                </c:pt>
                <c:pt idx="6725">
                  <c:v>43251</c:v>
                </c:pt>
                <c:pt idx="6726">
                  <c:v>43252</c:v>
                </c:pt>
                <c:pt idx="6727">
                  <c:v>43253</c:v>
                </c:pt>
                <c:pt idx="6728">
                  <c:v>43254</c:v>
                </c:pt>
                <c:pt idx="6729">
                  <c:v>43255</c:v>
                </c:pt>
                <c:pt idx="6730">
                  <c:v>43256</c:v>
                </c:pt>
                <c:pt idx="6731">
                  <c:v>43257</c:v>
                </c:pt>
                <c:pt idx="6732">
                  <c:v>43258</c:v>
                </c:pt>
                <c:pt idx="6733">
                  <c:v>43259</c:v>
                </c:pt>
                <c:pt idx="6734">
                  <c:v>43260</c:v>
                </c:pt>
                <c:pt idx="6735">
                  <c:v>43261</c:v>
                </c:pt>
                <c:pt idx="6736">
                  <c:v>43262</c:v>
                </c:pt>
                <c:pt idx="6737">
                  <c:v>43263</c:v>
                </c:pt>
                <c:pt idx="6738">
                  <c:v>43264</c:v>
                </c:pt>
                <c:pt idx="6739">
                  <c:v>43265</c:v>
                </c:pt>
                <c:pt idx="6740">
                  <c:v>43266</c:v>
                </c:pt>
                <c:pt idx="6741">
                  <c:v>43267</c:v>
                </c:pt>
                <c:pt idx="6742">
                  <c:v>43268</c:v>
                </c:pt>
                <c:pt idx="6743">
                  <c:v>43269</c:v>
                </c:pt>
                <c:pt idx="6744">
                  <c:v>43270</c:v>
                </c:pt>
                <c:pt idx="6745">
                  <c:v>43271</c:v>
                </c:pt>
                <c:pt idx="6746">
                  <c:v>43272</c:v>
                </c:pt>
                <c:pt idx="6747">
                  <c:v>43273</c:v>
                </c:pt>
                <c:pt idx="6748">
                  <c:v>43274</c:v>
                </c:pt>
                <c:pt idx="6749">
                  <c:v>43275</c:v>
                </c:pt>
                <c:pt idx="6750">
                  <c:v>43276</c:v>
                </c:pt>
                <c:pt idx="6751">
                  <c:v>43277</c:v>
                </c:pt>
                <c:pt idx="6752">
                  <c:v>43278</c:v>
                </c:pt>
                <c:pt idx="6753">
                  <c:v>43279</c:v>
                </c:pt>
                <c:pt idx="6754">
                  <c:v>43280</c:v>
                </c:pt>
                <c:pt idx="6755">
                  <c:v>43281</c:v>
                </c:pt>
                <c:pt idx="6756">
                  <c:v>43282</c:v>
                </c:pt>
                <c:pt idx="6757">
                  <c:v>43283</c:v>
                </c:pt>
                <c:pt idx="6758">
                  <c:v>43284</c:v>
                </c:pt>
                <c:pt idx="6759">
                  <c:v>43285</c:v>
                </c:pt>
                <c:pt idx="6760">
                  <c:v>43286</c:v>
                </c:pt>
                <c:pt idx="6761">
                  <c:v>43287</c:v>
                </c:pt>
                <c:pt idx="6762">
                  <c:v>43288</c:v>
                </c:pt>
                <c:pt idx="6763">
                  <c:v>43289</c:v>
                </c:pt>
                <c:pt idx="6764">
                  <c:v>43290</c:v>
                </c:pt>
                <c:pt idx="6765">
                  <c:v>43291</c:v>
                </c:pt>
                <c:pt idx="6766">
                  <c:v>43292</c:v>
                </c:pt>
                <c:pt idx="6767">
                  <c:v>43293</c:v>
                </c:pt>
                <c:pt idx="6768">
                  <c:v>43294</c:v>
                </c:pt>
                <c:pt idx="6769">
                  <c:v>43295</c:v>
                </c:pt>
                <c:pt idx="6770">
                  <c:v>43296</c:v>
                </c:pt>
                <c:pt idx="6771">
                  <c:v>43297</c:v>
                </c:pt>
                <c:pt idx="6772">
                  <c:v>43298</c:v>
                </c:pt>
                <c:pt idx="6773">
                  <c:v>43299</c:v>
                </c:pt>
                <c:pt idx="6774">
                  <c:v>43300</c:v>
                </c:pt>
                <c:pt idx="6775">
                  <c:v>43301</c:v>
                </c:pt>
                <c:pt idx="6776">
                  <c:v>43302</c:v>
                </c:pt>
                <c:pt idx="6777">
                  <c:v>43303</c:v>
                </c:pt>
                <c:pt idx="6778">
                  <c:v>43304</c:v>
                </c:pt>
                <c:pt idx="6779">
                  <c:v>43305</c:v>
                </c:pt>
                <c:pt idx="6780">
                  <c:v>43306</c:v>
                </c:pt>
                <c:pt idx="6781">
                  <c:v>43307</c:v>
                </c:pt>
                <c:pt idx="6782">
                  <c:v>43308</c:v>
                </c:pt>
                <c:pt idx="6783">
                  <c:v>43309</c:v>
                </c:pt>
                <c:pt idx="6784">
                  <c:v>43310</c:v>
                </c:pt>
                <c:pt idx="6785">
                  <c:v>43311</c:v>
                </c:pt>
                <c:pt idx="6786">
                  <c:v>43312</c:v>
                </c:pt>
                <c:pt idx="6787">
                  <c:v>43313</c:v>
                </c:pt>
                <c:pt idx="6788">
                  <c:v>43314</c:v>
                </c:pt>
                <c:pt idx="6789">
                  <c:v>43315</c:v>
                </c:pt>
                <c:pt idx="6790">
                  <c:v>43316</c:v>
                </c:pt>
                <c:pt idx="6791">
                  <c:v>43317</c:v>
                </c:pt>
                <c:pt idx="6792">
                  <c:v>43318</c:v>
                </c:pt>
                <c:pt idx="6793">
                  <c:v>43319</c:v>
                </c:pt>
                <c:pt idx="6794">
                  <c:v>43320</c:v>
                </c:pt>
                <c:pt idx="6795">
                  <c:v>43321</c:v>
                </c:pt>
                <c:pt idx="6796">
                  <c:v>43322</c:v>
                </c:pt>
                <c:pt idx="6797">
                  <c:v>43323</c:v>
                </c:pt>
                <c:pt idx="6798">
                  <c:v>43324</c:v>
                </c:pt>
                <c:pt idx="6799">
                  <c:v>43325</c:v>
                </c:pt>
                <c:pt idx="6800">
                  <c:v>43326</c:v>
                </c:pt>
                <c:pt idx="6801">
                  <c:v>43327</c:v>
                </c:pt>
                <c:pt idx="6802">
                  <c:v>43328</c:v>
                </c:pt>
                <c:pt idx="6803">
                  <c:v>43329</c:v>
                </c:pt>
                <c:pt idx="6804">
                  <c:v>43330</c:v>
                </c:pt>
                <c:pt idx="6805">
                  <c:v>43331</c:v>
                </c:pt>
                <c:pt idx="6806">
                  <c:v>43332</c:v>
                </c:pt>
                <c:pt idx="6807">
                  <c:v>43333</c:v>
                </c:pt>
                <c:pt idx="6808">
                  <c:v>43334</c:v>
                </c:pt>
                <c:pt idx="6809">
                  <c:v>43335</c:v>
                </c:pt>
                <c:pt idx="6810">
                  <c:v>43336</c:v>
                </c:pt>
                <c:pt idx="6811">
                  <c:v>43337</c:v>
                </c:pt>
                <c:pt idx="6812">
                  <c:v>43338</c:v>
                </c:pt>
                <c:pt idx="6813">
                  <c:v>43339</c:v>
                </c:pt>
                <c:pt idx="6814">
                  <c:v>43340</c:v>
                </c:pt>
                <c:pt idx="6815">
                  <c:v>43341</c:v>
                </c:pt>
                <c:pt idx="6816">
                  <c:v>43342</c:v>
                </c:pt>
                <c:pt idx="6817">
                  <c:v>43343</c:v>
                </c:pt>
                <c:pt idx="6818">
                  <c:v>43344</c:v>
                </c:pt>
                <c:pt idx="6819">
                  <c:v>43345</c:v>
                </c:pt>
                <c:pt idx="6820">
                  <c:v>43346</c:v>
                </c:pt>
                <c:pt idx="6821">
                  <c:v>43347</c:v>
                </c:pt>
                <c:pt idx="6822">
                  <c:v>43348</c:v>
                </c:pt>
                <c:pt idx="6823">
                  <c:v>43349</c:v>
                </c:pt>
                <c:pt idx="6824">
                  <c:v>43350</c:v>
                </c:pt>
                <c:pt idx="6825">
                  <c:v>43351</c:v>
                </c:pt>
                <c:pt idx="6826">
                  <c:v>43352</c:v>
                </c:pt>
                <c:pt idx="6827">
                  <c:v>43353</c:v>
                </c:pt>
                <c:pt idx="6828">
                  <c:v>43354</c:v>
                </c:pt>
                <c:pt idx="6829">
                  <c:v>43355</c:v>
                </c:pt>
                <c:pt idx="6830">
                  <c:v>43356</c:v>
                </c:pt>
                <c:pt idx="6831">
                  <c:v>43357</c:v>
                </c:pt>
                <c:pt idx="6832">
                  <c:v>43358</c:v>
                </c:pt>
                <c:pt idx="6833">
                  <c:v>43359</c:v>
                </c:pt>
                <c:pt idx="6834">
                  <c:v>43360</c:v>
                </c:pt>
                <c:pt idx="6835">
                  <c:v>43361</c:v>
                </c:pt>
                <c:pt idx="6836">
                  <c:v>43362</c:v>
                </c:pt>
                <c:pt idx="6837">
                  <c:v>43363</c:v>
                </c:pt>
                <c:pt idx="6838">
                  <c:v>43364</c:v>
                </c:pt>
                <c:pt idx="6839">
                  <c:v>43365</c:v>
                </c:pt>
                <c:pt idx="6840">
                  <c:v>43366</c:v>
                </c:pt>
                <c:pt idx="6841">
                  <c:v>43367</c:v>
                </c:pt>
                <c:pt idx="6842">
                  <c:v>43368</c:v>
                </c:pt>
                <c:pt idx="6843">
                  <c:v>43369</c:v>
                </c:pt>
                <c:pt idx="6844">
                  <c:v>43370</c:v>
                </c:pt>
                <c:pt idx="6845">
                  <c:v>43371</c:v>
                </c:pt>
                <c:pt idx="6846">
                  <c:v>43372</c:v>
                </c:pt>
                <c:pt idx="6847">
                  <c:v>43373</c:v>
                </c:pt>
                <c:pt idx="6848">
                  <c:v>43374</c:v>
                </c:pt>
                <c:pt idx="6849">
                  <c:v>43375</c:v>
                </c:pt>
                <c:pt idx="6850">
                  <c:v>43376</c:v>
                </c:pt>
                <c:pt idx="6851">
                  <c:v>43377</c:v>
                </c:pt>
                <c:pt idx="6852">
                  <c:v>43378</c:v>
                </c:pt>
                <c:pt idx="6853">
                  <c:v>43379</c:v>
                </c:pt>
                <c:pt idx="6854">
                  <c:v>43380</c:v>
                </c:pt>
                <c:pt idx="6855">
                  <c:v>43381</c:v>
                </c:pt>
                <c:pt idx="6856">
                  <c:v>43382</c:v>
                </c:pt>
                <c:pt idx="6857">
                  <c:v>43383</c:v>
                </c:pt>
                <c:pt idx="6858">
                  <c:v>43384</c:v>
                </c:pt>
                <c:pt idx="6859">
                  <c:v>43385</c:v>
                </c:pt>
                <c:pt idx="6860">
                  <c:v>43386</c:v>
                </c:pt>
                <c:pt idx="6861">
                  <c:v>43387</c:v>
                </c:pt>
                <c:pt idx="6862">
                  <c:v>43388</c:v>
                </c:pt>
                <c:pt idx="6863">
                  <c:v>43389</c:v>
                </c:pt>
                <c:pt idx="6864">
                  <c:v>43390</c:v>
                </c:pt>
                <c:pt idx="6865">
                  <c:v>43391</c:v>
                </c:pt>
                <c:pt idx="6866">
                  <c:v>43392</c:v>
                </c:pt>
                <c:pt idx="6867">
                  <c:v>43393</c:v>
                </c:pt>
                <c:pt idx="6868">
                  <c:v>43394</c:v>
                </c:pt>
                <c:pt idx="6869">
                  <c:v>43395</c:v>
                </c:pt>
                <c:pt idx="6870">
                  <c:v>43396</c:v>
                </c:pt>
                <c:pt idx="6871">
                  <c:v>43397</c:v>
                </c:pt>
                <c:pt idx="6872">
                  <c:v>43398</c:v>
                </c:pt>
                <c:pt idx="6873">
                  <c:v>43399</c:v>
                </c:pt>
                <c:pt idx="6874">
                  <c:v>43400</c:v>
                </c:pt>
                <c:pt idx="6875">
                  <c:v>43401</c:v>
                </c:pt>
                <c:pt idx="6876">
                  <c:v>43402</c:v>
                </c:pt>
                <c:pt idx="6877">
                  <c:v>43403</c:v>
                </c:pt>
                <c:pt idx="6878">
                  <c:v>43404</c:v>
                </c:pt>
                <c:pt idx="6879">
                  <c:v>43405</c:v>
                </c:pt>
                <c:pt idx="6880">
                  <c:v>43406</c:v>
                </c:pt>
                <c:pt idx="6881">
                  <c:v>43407</c:v>
                </c:pt>
                <c:pt idx="6882">
                  <c:v>43408</c:v>
                </c:pt>
                <c:pt idx="6883">
                  <c:v>43409</c:v>
                </c:pt>
                <c:pt idx="6884">
                  <c:v>43410</c:v>
                </c:pt>
                <c:pt idx="6885">
                  <c:v>43411</c:v>
                </c:pt>
                <c:pt idx="6886">
                  <c:v>43412</c:v>
                </c:pt>
                <c:pt idx="6887">
                  <c:v>43413</c:v>
                </c:pt>
                <c:pt idx="6888">
                  <c:v>43414</c:v>
                </c:pt>
                <c:pt idx="6889">
                  <c:v>43415</c:v>
                </c:pt>
                <c:pt idx="6890">
                  <c:v>43416</c:v>
                </c:pt>
                <c:pt idx="6891">
                  <c:v>43417</c:v>
                </c:pt>
                <c:pt idx="6892">
                  <c:v>43418</c:v>
                </c:pt>
                <c:pt idx="6893">
                  <c:v>43419</c:v>
                </c:pt>
                <c:pt idx="6894">
                  <c:v>43420</c:v>
                </c:pt>
                <c:pt idx="6895">
                  <c:v>43421</c:v>
                </c:pt>
                <c:pt idx="6896">
                  <c:v>43422</c:v>
                </c:pt>
                <c:pt idx="6897">
                  <c:v>43423</c:v>
                </c:pt>
                <c:pt idx="6898">
                  <c:v>43424</c:v>
                </c:pt>
                <c:pt idx="6899">
                  <c:v>43425</c:v>
                </c:pt>
                <c:pt idx="6900">
                  <c:v>43426</c:v>
                </c:pt>
                <c:pt idx="6901">
                  <c:v>43427</c:v>
                </c:pt>
                <c:pt idx="6902">
                  <c:v>43428</c:v>
                </c:pt>
                <c:pt idx="6903">
                  <c:v>43429</c:v>
                </c:pt>
                <c:pt idx="6904">
                  <c:v>43430</c:v>
                </c:pt>
                <c:pt idx="6905">
                  <c:v>43431</c:v>
                </c:pt>
                <c:pt idx="6906">
                  <c:v>43432</c:v>
                </c:pt>
                <c:pt idx="6907">
                  <c:v>43433</c:v>
                </c:pt>
                <c:pt idx="6908">
                  <c:v>43434</c:v>
                </c:pt>
                <c:pt idx="6909">
                  <c:v>43435</c:v>
                </c:pt>
                <c:pt idx="6910">
                  <c:v>43436</c:v>
                </c:pt>
                <c:pt idx="6911">
                  <c:v>43437</c:v>
                </c:pt>
                <c:pt idx="6912">
                  <c:v>43438</c:v>
                </c:pt>
                <c:pt idx="6913">
                  <c:v>43439</c:v>
                </c:pt>
                <c:pt idx="6914">
                  <c:v>43440</c:v>
                </c:pt>
                <c:pt idx="6915">
                  <c:v>43441</c:v>
                </c:pt>
                <c:pt idx="6916">
                  <c:v>43442</c:v>
                </c:pt>
                <c:pt idx="6917">
                  <c:v>43443</c:v>
                </c:pt>
                <c:pt idx="6918">
                  <c:v>43444</c:v>
                </c:pt>
                <c:pt idx="6919">
                  <c:v>43445</c:v>
                </c:pt>
                <c:pt idx="6920">
                  <c:v>43446</c:v>
                </c:pt>
                <c:pt idx="6921">
                  <c:v>43447</c:v>
                </c:pt>
                <c:pt idx="6922">
                  <c:v>43448</c:v>
                </c:pt>
                <c:pt idx="6923">
                  <c:v>43449</c:v>
                </c:pt>
                <c:pt idx="6924">
                  <c:v>43450</c:v>
                </c:pt>
                <c:pt idx="6925">
                  <c:v>43451</c:v>
                </c:pt>
                <c:pt idx="6926">
                  <c:v>43452</c:v>
                </c:pt>
                <c:pt idx="6927">
                  <c:v>43453</c:v>
                </c:pt>
                <c:pt idx="6928">
                  <c:v>43454</c:v>
                </c:pt>
                <c:pt idx="6929">
                  <c:v>43455</c:v>
                </c:pt>
                <c:pt idx="6930">
                  <c:v>43456</c:v>
                </c:pt>
                <c:pt idx="6931">
                  <c:v>43457</c:v>
                </c:pt>
                <c:pt idx="6932">
                  <c:v>43458</c:v>
                </c:pt>
                <c:pt idx="6933">
                  <c:v>43459</c:v>
                </c:pt>
                <c:pt idx="6934">
                  <c:v>43460</c:v>
                </c:pt>
                <c:pt idx="6935">
                  <c:v>43461</c:v>
                </c:pt>
                <c:pt idx="6936">
                  <c:v>43462</c:v>
                </c:pt>
                <c:pt idx="6937">
                  <c:v>43463</c:v>
                </c:pt>
                <c:pt idx="6938">
                  <c:v>43464</c:v>
                </c:pt>
                <c:pt idx="6939">
                  <c:v>43465</c:v>
                </c:pt>
                <c:pt idx="6940">
                  <c:v>43466</c:v>
                </c:pt>
                <c:pt idx="6941">
                  <c:v>43467</c:v>
                </c:pt>
                <c:pt idx="6942">
                  <c:v>43468</c:v>
                </c:pt>
                <c:pt idx="6943">
                  <c:v>43469</c:v>
                </c:pt>
                <c:pt idx="6944">
                  <c:v>43470</c:v>
                </c:pt>
                <c:pt idx="6945">
                  <c:v>43471</c:v>
                </c:pt>
                <c:pt idx="6946">
                  <c:v>43472</c:v>
                </c:pt>
                <c:pt idx="6947">
                  <c:v>43473</c:v>
                </c:pt>
                <c:pt idx="6948">
                  <c:v>43474</c:v>
                </c:pt>
                <c:pt idx="6949">
                  <c:v>43475</c:v>
                </c:pt>
                <c:pt idx="6950">
                  <c:v>43476</c:v>
                </c:pt>
                <c:pt idx="6951">
                  <c:v>43477</c:v>
                </c:pt>
                <c:pt idx="6952">
                  <c:v>43478</c:v>
                </c:pt>
                <c:pt idx="6953">
                  <c:v>43479</c:v>
                </c:pt>
                <c:pt idx="6954">
                  <c:v>43480</c:v>
                </c:pt>
                <c:pt idx="6955">
                  <c:v>43481</c:v>
                </c:pt>
                <c:pt idx="6956">
                  <c:v>43482</c:v>
                </c:pt>
                <c:pt idx="6957">
                  <c:v>43483</c:v>
                </c:pt>
                <c:pt idx="6958">
                  <c:v>43484</c:v>
                </c:pt>
                <c:pt idx="6959">
                  <c:v>43485</c:v>
                </c:pt>
                <c:pt idx="6960">
                  <c:v>43486</c:v>
                </c:pt>
                <c:pt idx="6961">
                  <c:v>43487</c:v>
                </c:pt>
                <c:pt idx="6962">
                  <c:v>43488</c:v>
                </c:pt>
                <c:pt idx="6963">
                  <c:v>43489</c:v>
                </c:pt>
                <c:pt idx="6964">
                  <c:v>43490</c:v>
                </c:pt>
                <c:pt idx="6965">
                  <c:v>43491</c:v>
                </c:pt>
                <c:pt idx="6966">
                  <c:v>43492</c:v>
                </c:pt>
                <c:pt idx="6967">
                  <c:v>43493</c:v>
                </c:pt>
                <c:pt idx="6968">
                  <c:v>43494</c:v>
                </c:pt>
                <c:pt idx="6969">
                  <c:v>43495</c:v>
                </c:pt>
                <c:pt idx="6970">
                  <c:v>43496</c:v>
                </c:pt>
                <c:pt idx="6971">
                  <c:v>43497</c:v>
                </c:pt>
                <c:pt idx="6972">
                  <c:v>43498</c:v>
                </c:pt>
                <c:pt idx="6973">
                  <c:v>43499</c:v>
                </c:pt>
                <c:pt idx="6974">
                  <c:v>43500</c:v>
                </c:pt>
                <c:pt idx="6975">
                  <c:v>43501</c:v>
                </c:pt>
                <c:pt idx="6976">
                  <c:v>43502</c:v>
                </c:pt>
                <c:pt idx="6977">
                  <c:v>43503</c:v>
                </c:pt>
                <c:pt idx="6978">
                  <c:v>43504</c:v>
                </c:pt>
                <c:pt idx="6979">
                  <c:v>43505</c:v>
                </c:pt>
                <c:pt idx="6980">
                  <c:v>43506</c:v>
                </c:pt>
                <c:pt idx="6981">
                  <c:v>43507</c:v>
                </c:pt>
                <c:pt idx="6982">
                  <c:v>43508</c:v>
                </c:pt>
                <c:pt idx="6983">
                  <c:v>43509</c:v>
                </c:pt>
                <c:pt idx="6984">
                  <c:v>43510</c:v>
                </c:pt>
                <c:pt idx="6985">
                  <c:v>43511</c:v>
                </c:pt>
                <c:pt idx="6986">
                  <c:v>43512</c:v>
                </c:pt>
                <c:pt idx="6987">
                  <c:v>43513</c:v>
                </c:pt>
                <c:pt idx="6988">
                  <c:v>43514</c:v>
                </c:pt>
                <c:pt idx="6989">
                  <c:v>43515</c:v>
                </c:pt>
                <c:pt idx="6990">
                  <c:v>43516</c:v>
                </c:pt>
                <c:pt idx="6991">
                  <c:v>43517</c:v>
                </c:pt>
                <c:pt idx="6992">
                  <c:v>43518</c:v>
                </c:pt>
                <c:pt idx="6993">
                  <c:v>43519</c:v>
                </c:pt>
                <c:pt idx="6994">
                  <c:v>43520</c:v>
                </c:pt>
                <c:pt idx="6995">
                  <c:v>43521</c:v>
                </c:pt>
                <c:pt idx="6996">
                  <c:v>43522</c:v>
                </c:pt>
                <c:pt idx="6997">
                  <c:v>43523</c:v>
                </c:pt>
                <c:pt idx="6998">
                  <c:v>43524</c:v>
                </c:pt>
                <c:pt idx="6999">
                  <c:v>43525</c:v>
                </c:pt>
                <c:pt idx="7000">
                  <c:v>43526</c:v>
                </c:pt>
                <c:pt idx="7001">
                  <c:v>43527</c:v>
                </c:pt>
                <c:pt idx="7002">
                  <c:v>43528</c:v>
                </c:pt>
                <c:pt idx="7003">
                  <c:v>43529</c:v>
                </c:pt>
                <c:pt idx="7004">
                  <c:v>43530</c:v>
                </c:pt>
                <c:pt idx="7005">
                  <c:v>43531</c:v>
                </c:pt>
                <c:pt idx="7006">
                  <c:v>43532</c:v>
                </c:pt>
                <c:pt idx="7007">
                  <c:v>43533</c:v>
                </c:pt>
                <c:pt idx="7008">
                  <c:v>43534</c:v>
                </c:pt>
                <c:pt idx="7009">
                  <c:v>43535</c:v>
                </c:pt>
                <c:pt idx="7010">
                  <c:v>43536</c:v>
                </c:pt>
                <c:pt idx="7011">
                  <c:v>43537</c:v>
                </c:pt>
                <c:pt idx="7012">
                  <c:v>43538</c:v>
                </c:pt>
                <c:pt idx="7013">
                  <c:v>43539</c:v>
                </c:pt>
                <c:pt idx="7014">
                  <c:v>43540</c:v>
                </c:pt>
                <c:pt idx="7015">
                  <c:v>43541</c:v>
                </c:pt>
                <c:pt idx="7016">
                  <c:v>43542</c:v>
                </c:pt>
                <c:pt idx="7017">
                  <c:v>43543</c:v>
                </c:pt>
                <c:pt idx="7018">
                  <c:v>43544</c:v>
                </c:pt>
                <c:pt idx="7019">
                  <c:v>43545</c:v>
                </c:pt>
                <c:pt idx="7020">
                  <c:v>43546</c:v>
                </c:pt>
                <c:pt idx="7021">
                  <c:v>43547</c:v>
                </c:pt>
                <c:pt idx="7022">
                  <c:v>43548</c:v>
                </c:pt>
                <c:pt idx="7023">
                  <c:v>43549</c:v>
                </c:pt>
                <c:pt idx="7024">
                  <c:v>43550</c:v>
                </c:pt>
                <c:pt idx="7025">
                  <c:v>43551</c:v>
                </c:pt>
                <c:pt idx="7026">
                  <c:v>43552</c:v>
                </c:pt>
                <c:pt idx="7027">
                  <c:v>43553</c:v>
                </c:pt>
                <c:pt idx="7028">
                  <c:v>43554</c:v>
                </c:pt>
                <c:pt idx="7029">
                  <c:v>43555</c:v>
                </c:pt>
                <c:pt idx="7030">
                  <c:v>43556</c:v>
                </c:pt>
                <c:pt idx="7031">
                  <c:v>43557</c:v>
                </c:pt>
                <c:pt idx="7032">
                  <c:v>43558</c:v>
                </c:pt>
                <c:pt idx="7033">
                  <c:v>43559</c:v>
                </c:pt>
                <c:pt idx="7034">
                  <c:v>43560</c:v>
                </c:pt>
                <c:pt idx="7035">
                  <c:v>43561</c:v>
                </c:pt>
                <c:pt idx="7036">
                  <c:v>43562</c:v>
                </c:pt>
                <c:pt idx="7037">
                  <c:v>43563</c:v>
                </c:pt>
                <c:pt idx="7038">
                  <c:v>43564</c:v>
                </c:pt>
                <c:pt idx="7039">
                  <c:v>43565</c:v>
                </c:pt>
                <c:pt idx="7040">
                  <c:v>43566</c:v>
                </c:pt>
                <c:pt idx="7041">
                  <c:v>43567</c:v>
                </c:pt>
                <c:pt idx="7042">
                  <c:v>43568</c:v>
                </c:pt>
                <c:pt idx="7043">
                  <c:v>43569</c:v>
                </c:pt>
                <c:pt idx="7044">
                  <c:v>43570</c:v>
                </c:pt>
                <c:pt idx="7045">
                  <c:v>43571</c:v>
                </c:pt>
                <c:pt idx="7046">
                  <c:v>43572</c:v>
                </c:pt>
                <c:pt idx="7047">
                  <c:v>43573</c:v>
                </c:pt>
                <c:pt idx="7048">
                  <c:v>43574</c:v>
                </c:pt>
                <c:pt idx="7049">
                  <c:v>43575</c:v>
                </c:pt>
                <c:pt idx="7050">
                  <c:v>43576</c:v>
                </c:pt>
                <c:pt idx="7051">
                  <c:v>43577</c:v>
                </c:pt>
                <c:pt idx="7052">
                  <c:v>43578</c:v>
                </c:pt>
                <c:pt idx="7053">
                  <c:v>43579</c:v>
                </c:pt>
                <c:pt idx="7054">
                  <c:v>43580</c:v>
                </c:pt>
                <c:pt idx="7055">
                  <c:v>43581</c:v>
                </c:pt>
                <c:pt idx="7056">
                  <c:v>43582</c:v>
                </c:pt>
                <c:pt idx="7057">
                  <c:v>43583</c:v>
                </c:pt>
                <c:pt idx="7058">
                  <c:v>43584</c:v>
                </c:pt>
                <c:pt idx="7059">
                  <c:v>43585</c:v>
                </c:pt>
                <c:pt idx="7060">
                  <c:v>43586</c:v>
                </c:pt>
                <c:pt idx="7061">
                  <c:v>43587</c:v>
                </c:pt>
                <c:pt idx="7062">
                  <c:v>43588</c:v>
                </c:pt>
                <c:pt idx="7063">
                  <c:v>43589</c:v>
                </c:pt>
                <c:pt idx="7064">
                  <c:v>43590</c:v>
                </c:pt>
                <c:pt idx="7065">
                  <c:v>43591</c:v>
                </c:pt>
                <c:pt idx="7066">
                  <c:v>43592</c:v>
                </c:pt>
                <c:pt idx="7067">
                  <c:v>43593</c:v>
                </c:pt>
                <c:pt idx="7068">
                  <c:v>43594</c:v>
                </c:pt>
                <c:pt idx="7069">
                  <c:v>43595</c:v>
                </c:pt>
                <c:pt idx="7070">
                  <c:v>43596</c:v>
                </c:pt>
                <c:pt idx="7071">
                  <c:v>43597</c:v>
                </c:pt>
                <c:pt idx="7072">
                  <c:v>43598</c:v>
                </c:pt>
                <c:pt idx="7073">
                  <c:v>43599</c:v>
                </c:pt>
                <c:pt idx="7074">
                  <c:v>43600</c:v>
                </c:pt>
                <c:pt idx="7075">
                  <c:v>43601</c:v>
                </c:pt>
                <c:pt idx="7076">
                  <c:v>43602</c:v>
                </c:pt>
                <c:pt idx="7077">
                  <c:v>43603</c:v>
                </c:pt>
                <c:pt idx="7078">
                  <c:v>43604</c:v>
                </c:pt>
                <c:pt idx="7079">
                  <c:v>43605</c:v>
                </c:pt>
                <c:pt idx="7080">
                  <c:v>43606</c:v>
                </c:pt>
                <c:pt idx="7081">
                  <c:v>43607</c:v>
                </c:pt>
                <c:pt idx="7082">
                  <c:v>43608</c:v>
                </c:pt>
                <c:pt idx="7083">
                  <c:v>43609</c:v>
                </c:pt>
                <c:pt idx="7084">
                  <c:v>43610</c:v>
                </c:pt>
                <c:pt idx="7085">
                  <c:v>43611</c:v>
                </c:pt>
                <c:pt idx="7086">
                  <c:v>43612</c:v>
                </c:pt>
                <c:pt idx="7087">
                  <c:v>43613</c:v>
                </c:pt>
                <c:pt idx="7088">
                  <c:v>43614</c:v>
                </c:pt>
                <c:pt idx="7089">
                  <c:v>43615</c:v>
                </c:pt>
                <c:pt idx="7090">
                  <c:v>43616</c:v>
                </c:pt>
                <c:pt idx="7091">
                  <c:v>43617</c:v>
                </c:pt>
                <c:pt idx="7092">
                  <c:v>43618</c:v>
                </c:pt>
                <c:pt idx="7093">
                  <c:v>43619</c:v>
                </c:pt>
                <c:pt idx="7094">
                  <c:v>43620</c:v>
                </c:pt>
                <c:pt idx="7095">
                  <c:v>43621</c:v>
                </c:pt>
                <c:pt idx="7096">
                  <c:v>43622</c:v>
                </c:pt>
                <c:pt idx="7097">
                  <c:v>43623</c:v>
                </c:pt>
                <c:pt idx="7098">
                  <c:v>43624</c:v>
                </c:pt>
                <c:pt idx="7099">
                  <c:v>43625</c:v>
                </c:pt>
                <c:pt idx="7100">
                  <c:v>43626</c:v>
                </c:pt>
                <c:pt idx="7101">
                  <c:v>43627</c:v>
                </c:pt>
                <c:pt idx="7102">
                  <c:v>43628</c:v>
                </c:pt>
                <c:pt idx="7103">
                  <c:v>43629</c:v>
                </c:pt>
                <c:pt idx="7104">
                  <c:v>43630</c:v>
                </c:pt>
                <c:pt idx="7105">
                  <c:v>43631</c:v>
                </c:pt>
                <c:pt idx="7106">
                  <c:v>43632</c:v>
                </c:pt>
                <c:pt idx="7107">
                  <c:v>43633</c:v>
                </c:pt>
                <c:pt idx="7108">
                  <c:v>43634</c:v>
                </c:pt>
                <c:pt idx="7109">
                  <c:v>43635</c:v>
                </c:pt>
                <c:pt idx="7110">
                  <c:v>43636</c:v>
                </c:pt>
                <c:pt idx="7111">
                  <c:v>43637</c:v>
                </c:pt>
                <c:pt idx="7112">
                  <c:v>43638</c:v>
                </c:pt>
                <c:pt idx="7113">
                  <c:v>43639</c:v>
                </c:pt>
                <c:pt idx="7114">
                  <c:v>43640</c:v>
                </c:pt>
                <c:pt idx="7115">
                  <c:v>43641</c:v>
                </c:pt>
                <c:pt idx="7116">
                  <c:v>43642</c:v>
                </c:pt>
                <c:pt idx="7117">
                  <c:v>43643</c:v>
                </c:pt>
                <c:pt idx="7118">
                  <c:v>43644</c:v>
                </c:pt>
                <c:pt idx="7119">
                  <c:v>43645</c:v>
                </c:pt>
                <c:pt idx="7120">
                  <c:v>43646</c:v>
                </c:pt>
                <c:pt idx="7121">
                  <c:v>43647</c:v>
                </c:pt>
                <c:pt idx="7122">
                  <c:v>43648</c:v>
                </c:pt>
                <c:pt idx="7123">
                  <c:v>43649</c:v>
                </c:pt>
                <c:pt idx="7124">
                  <c:v>43650</c:v>
                </c:pt>
                <c:pt idx="7125">
                  <c:v>43651</c:v>
                </c:pt>
                <c:pt idx="7126">
                  <c:v>43652</c:v>
                </c:pt>
                <c:pt idx="7127">
                  <c:v>43653</c:v>
                </c:pt>
                <c:pt idx="7128">
                  <c:v>43654</c:v>
                </c:pt>
                <c:pt idx="7129">
                  <c:v>43655</c:v>
                </c:pt>
                <c:pt idx="7130">
                  <c:v>43656</c:v>
                </c:pt>
                <c:pt idx="7131">
                  <c:v>43657</c:v>
                </c:pt>
                <c:pt idx="7132">
                  <c:v>43658</c:v>
                </c:pt>
                <c:pt idx="7133">
                  <c:v>43659</c:v>
                </c:pt>
                <c:pt idx="7134">
                  <c:v>43660</c:v>
                </c:pt>
                <c:pt idx="7135">
                  <c:v>43661</c:v>
                </c:pt>
                <c:pt idx="7136">
                  <c:v>43662</c:v>
                </c:pt>
                <c:pt idx="7137">
                  <c:v>43663</c:v>
                </c:pt>
                <c:pt idx="7138">
                  <c:v>43664</c:v>
                </c:pt>
                <c:pt idx="7139">
                  <c:v>43665</c:v>
                </c:pt>
                <c:pt idx="7140">
                  <c:v>43666</c:v>
                </c:pt>
                <c:pt idx="7141">
                  <c:v>43667</c:v>
                </c:pt>
                <c:pt idx="7142">
                  <c:v>43668</c:v>
                </c:pt>
                <c:pt idx="7143">
                  <c:v>43669</c:v>
                </c:pt>
                <c:pt idx="7144">
                  <c:v>43670</c:v>
                </c:pt>
                <c:pt idx="7145">
                  <c:v>43671</c:v>
                </c:pt>
                <c:pt idx="7146">
                  <c:v>43672</c:v>
                </c:pt>
                <c:pt idx="7147">
                  <c:v>43673</c:v>
                </c:pt>
                <c:pt idx="7148">
                  <c:v>43674</c:v>
                </c:pt>
                <c:pt idx="7149">
                  <c:v>43675</c:v>
                </c:pt>
                <c:pt idx="7150">
                  <c:v>43676</c:v>
                </c:pt>
                <c:pt idx="7151">
                  <c:v>43677</c:v>
                </c:pt>
                <c:pt idx="7152">
                  <c:v>43678</c:v>
                </c:pt>
                <c:pt idx="7153">
                  <c:v>43679</c:v>
                </c:pt>
                <c:pt idx="7154">
                  <c:v>43680</c:v>
                </c:pt>
                <c:pt idx="7155">
                  <c:v>43681</c:v>
                </c:pt>
                <c:pt idx="7156">
                  <c:v>43682</c:v>
                </c:pt>
                <c:pt idx="7157">
                  <c:v>43683</c:v>
                </c:pt>
                <c:pt idx="7158">
                  <c:v>43684</c:v>
                </c:pt>
                <c:pt idx="7159">
                  <c:v>43685</c:v>
                </c:pt>
                <c:pt idx="7160">
                  <c:v>43686</c:v>
                </c:pt>
                <c:pt idx="7161">
                  <c:v>43687</c:v>
                </c:pt>
                <c:pt idx="7162">
                  <c:v>43688</c:v>
                </c:pt>
                <c:pt idx="7163">
                  <c:v>43689</c:v>
                </c:pt>
                <c:pt idx="7164">
                  <c:v>43690</c:v>
                </c:pt>
                <c:pt idx="7165">
                  <c:v>43691</c:v>
                </c:pt>
                <c:pt idx="7166">
                  <c:v>43692</c:v>
                </c:pt>
                <c:pt idx="7167">
                  <c:v>43693</c:v>
                </c:pt>
                <c:pt idx="7168">
                  <c:v>43694</c:v>
                </c:pt>
                <c:pt idx="7169">
                  <c:v>43695</c:v>
                </c:pt>
                <c:pt idx="7170">
                  <c:v>43696</c:v>
                </c:pt>
                <c:pt idx="7171">
                  <c:v>43697</c:v>
                </c:pt>
                <c:pt idx="7172">
                  <c:v>43698</c:v>
                </c:pt>
                <c:pt idx="7173">
                  <c:v>43699</c:v>
                </c:pt>
                <c:pt idx="7174">
                  <c:v>43700</c:v>
                </c:pt>
                <c:pt idx="7175">
                  <c:v>43701</c:v>
                </c:pt>
                <c:pt idx="7176">
                  <c:v>43702</c:v>
                </c:pt>
                <c:pt idx="7177">
                  <c:v>43703</c:v>
                </c:pt>
                <c:pt idx="7178">
                  <c:v>43704</c:v>
                </c:pt>
                <c:pt idx="7179">
                  <c:v>43705</c:v>
                </c:pt>
                <c:pt idx="7180">
                  <c:v>43706</c:v>
                </c:pt>
                <c:pt idx="7181">
                  <c:v>43707</c:v>
                </c:pt>
                <c:pt idx="7182">
                  <c:v>43708</c:v>
                </c:pt>
                <c:pt idx="7183">
                  <c:v>43709</c:v>
                </c:pt>
                <c:pt idx="7184">
                  <c:v>43710</c:v>
                </c:pt>
                <c:pt idx="7185">
                  <c:v>43711</c:v>
                </c:pt>
                <c:pt idx="7186">
                  <c:v>43712</c:v>
                </c:pt>
                <c:pt idx="7187">
                  <c:v>43713</c:v>
                </c:pt>
                <c:pt idx="7188">
                  <c:v>43714</c:v>
                </c:pt>
                <c:pt idx="7189">
                  <c:v>43715</c:v>
                </c:pt>
                <c:pt idx="7190">
                  <c:v>43716</c:v>
                </c:pt>
                <c:pt idx="7191">
                  <c:v>43717</c:v>
                </c:pt>
                <c:pt idx="7192">
                  <c:v>43718</c:v>
                </c:pt>
                <c:pt idx="7193">
                  <c:v>43719</c:v>
                </c:pt>
                <c:pt idx="7194">
                  <c:v>43720</c:v>
                </c:pt>
                <c:pt idx="7195">
                  <c:v>43721</c:v>
                </c:pt>
                <c:pt idx="7196">
                  <c:v>43722</c:v>
                </c:pt>
                <c:pt idx="7197">
                  <c:v>43723</c:v>
                </c:pt>
                <c:pt idx="7198">
                  <c:v>43724</c:v>
                </c:pt>
                <c:pt idx="7199">
                  <c:v>43725</c:v>
                </c:pt>
                <c:pt idx="7200">
                  <c:v>43726</c:v>
                </c:pt>
                <c:pt idx="7201">
                  <c:v>43727</c:v>
                </c:pt>
                <c:pt idx="7202">
                  <c:v>43728</c:v>
                </c:pt>
                <c:pt idx="7203">
                  <c:v>43729</c:v>
                </c:pt>
                <c:pt idx="7204">
                  <c:v>43730</c:v>
                </c:pt>
                <c:pt idx="7205">
                  <c:v>43731</c:v>
                </c:pt>
                <c:pt idx="7206">
                  <c:v>43732</c:v>
                </c:pt>
                <c:pt idx="7207">
                  <c:v>43733</c:v>
                </c:pt>
                <c:pt idx="7208">
                  <c:v>43734</c:v>
                </c:pt>
                <c:pt idx="7209">
                  <c:v>43735</c:v>
                </c:pt>
                <c:pt idx="7210">
                  <c:v>43736</c:v>
                </c:pt>
                <c:pt idx="7211">
                  <c:v>43737</c:v>
                </c:pt>
                <c:pt idx="7212">
                  <c:v>43738</c:v>
                </c:pt>
                <c:pt idx="7213">
                  <c:v>43739</c:v>
                </c:pt>
                <c:pt idx="7214">
                  <c:v>43740</c:v>
                </c:pt>
                <c:pt idx="7215">
                  <c:v>43741</c:v>
                </c:pt>
                <c:pt idx="7216">
                  <c:v>43742</c:v>
                </c:pt>
                <c:pt idx="7217">
                  <c:v>43743</c:v>
                </c:pt>
                <c:pt idx="7218">
                  <c:v>43744</c:v>
                </c:pt>
                <c:pt idx="7219">
                  <c:v>43745</c:v>
                </c:pt>
                <c:pt idx="7220">
                  <c:v>43746</c:v>
                </c:pt>
                <c:pt idx="7221">
                  <c:v>43747</c:v>
                </c:pt>
                <c:pt idx="7222">
                  <c:v>43748</c:v>
                </c:pt>
                <c:pt idx="7223">
                  <c:v>43749</c:v>
                </c:pt>
                <c:pt idx="7224">
                  <c:v>43750</c:v>
                </c:pt>
                <c:pt idx="7225">
                  <c:v>43751</c:v>
                </c:pt>
                <c:pt idx="7226">
                  <c:v>43752</c:v>
                </c:pt>
                <c:pt idx="7227">
                  <c:v>43753</c:v>
                </c:pt>
                <c:pt idx="7228">
                  <c:v>43754</c:v>
                </c:pt>
                <c:pt idx="7229">
                  <c:v>43755</c:v>
                </c:pt>
                <c:pt idx="7230">
                  <c:v>43756</c:v>
                </c:pt>
                <c:pt idx="7231">
                  <c:v>43757</c:v>
                </c:pt>
                <c:pt idx="7232">
                  <c:v>43758</c:v>
                </c:pt>
                <c:pt idx="7233">
                  <c:v>43759</c:v>
                </c:pt>
                <c:pt idx="7234">
                  <c:v>43760</c:v>
                </c:pt>
                <c:pt idx="7235">
                  <c:v>43761</c:v>
                </c:pt>
                <c:pt idx="7236">
                  <c:v>43762</c:v>
                </c:pt>
                <c:pt idx="7237">
                  <c:v>43763</c:v>
                </c:pt>
                <c:pt idx="7238">
                  <c:v>43764</c:v>
                </c:pt>
                <c:pt idx="7239">
                  <c:v>43765</c:v>
                </c:pt>
                <c:pt idx="7240">
                  <c:v>43766</c:v>
                </c:pt>
                <c:pt idx="7241">
                  <c:v>43767</c:v>
                </c:pt>
                <c:pt idx="7242">
                  <c:v>43768</c:v>
                </c:pt>
                <c:pt idx="7243">
                  <c:v>43769</c:v>
                </c:pt>
                <c:pt idx="7244">
                  <c:v>43770</c:v>
                </c:pt>
                <c:pt idx="7245">
                  <c:v>43771</c:v>
                </c:pt>
                <c:pt idx="7246">
                  <c:v>43772</c:v>
                </c:pt>
                <c:pt idx="7247">
                  <c:v>43773</c:v>
                </c:pt>
                <c:pt idx="7248">
                  <c:v>43774</c:v>
                </c:pt>
                <c:pt idx="7249">
                  <c:v>43775</c:v>
                </c:pt>
                <c:pt idx="7250">
                  <c:v>43776</c:v>
                </c:pt>
                <c:pt idx="7251">
                  <c:v>43777</c:v>
                </c:pt>
                <c:pt idx="7252">
                  <c:v>43778</c:v>
                </c:pt>
                <c:pt idx="7253">
                  <c:v>43779</c:v>
                </c:pt>
                <c:pt idx="7254">
                  <c:v>43780</c:v>
                </c:pt>
                <c:pt idx="7255">
                  <c:v>43781</c:v>
                </c:pt>
                <c:pt idx="7256">
                  <c:v>43782</c:v>
                </c:pt>
                <c:pt idx="7257">
                  <c:v>43783</c:v>
                </c:pt>
                <c:pt idx="7258">
                  <c:v>43784</c:v>
                </c:pt>
                <c:pt idx="7259">
                  <c:v>43785</c:v>
                </c:pt>
                <c:pt idx="7260">
                  <c:v>43786</c:v>
                </c:pt>
                <c:pt idx="7261">
                  <c:v>43787</c:v>
                </c:pt>
                <c:pt idx="7262">
                  <c:v>43788</c:v>
                </c:pt>
                <c:pt idx="7263">
                  <c:v>43789</c:v>
                </c:pt>
                <c:pt idx="7264">
                  <c:v>43790</c:v>
                </c:pt>
                <c:pt idx="7265">
                  <c:v>43791</c:v>
                </c:pt>
                <c:pt idx="7266">
                  <c:v>43792</c:v>
                </c:pt>
                <c:pt idx="7267">
                  <c:v>43793</c:v>
                </c:pt>
                <c:pt idx="7268">
                  <c:v>43794</c:v>
                </c:pt>
                <c:pt idx="7269">
                  <c:v>43795</c:v>
                </c:pt>
                <c:pt idx="7270">
                  <c:v>43796</c:v>
                </c:pt>
                <c:pt idx="7271">
                  <c:v>43797</c:v>
                </c:pt>
                <c:pt idx="7272">
                  <c:v>43798</c:v>
                </c:pt>
                <c:pt idx="7273">
                  <c:v>43799</c:v>
                </c:pt>
                <c:pt idx="7274">
                  <c:v>43800</c:v>
                </c:pt>
                <c:pt idx="7275">
                  <c:v>43801</c:v>
                </c:pt>
                <c:pt idx="7276">
                  <c:v>43802</c:v>
                </c:pt>
                <c:pt idx="7277">
                  <c:v>43803</c:v>
                </c:pt>
                <c:pt idx="7278">
                  <c:v>43804</c:v>
                </c:pt>
                <c:pt idx="7279">
                  <c:v>43805</c:v>
                </c:pt>
                <c:pt idx="7280">
                  <c:v>43806</c:v>
                </c:pt>
                <c:pt idx="7281">
                  <c:v>43807</c:v>
                </c:pt>
                <c:pt idx="7282">
                  <c:v>43808</c:v>
                </c:pt>
                <c:pt idx="7283">
                  <c:v>43809</c:v>
                </c:pt>
                <c:pt idx="7284">
                  <c:v>43810</c:v>
                </c:pt>
                <c:pt idx="7285">
                  <c:v>43811</c:v>
                </c:pt>
                <c:pt idx="7286">
                  <c:v>43812</c:v>
                </c:pt>
                <c:pt idx="7287">
                  <c:v>43813</c:v>
                </c:pt>
                <c:pt idx="7288">
                  <c:v>43814</c:v>
                </c:pt>
                <c:pt idx="7289">
                  <c:v>43815</c:v>
                </c:pt>
                <c:pt idx="7290">
                  <c:v>43816</c:v>
                </c:pt>
                <c:pt idx="7291">
                  <c:v>43817</c:v>
                </c:pt>
                <c:pt idx="7292">
                  <c:v>43818</c:v>
                </c:pt>
                <c:pt idx="7293">
                  <c:v>43819</c:v>
                </c:pt>
                <c:pt idx="7294">
                  <c:v>43820</c:v>
                </c:pt>
                <c:pt idx="7295">
                  <c:v>43821</c:v>
                </c:pt>
                <c:pt idx="7296">
                  <c:v>43822</c:v>
                </c:pt>
                <c:pt idx="7297">
                  <c:v>43823</c:v>
                </c:pt>
                <c:pt idx="7298">
                  <c:v>43824</c:v>
                </c:pt>
                <c:pt idx="7299">
                  <c:v>43825</c:v>
                </c:pt>
                <c:pt idx="7300">
                  <c:v>43826</c:v>
                </c:pt>
                <c:pt idx="7301">
                  <c:v>43827</c:v>
                </c:pt>
                <c:pt idx="7302">
                  <c:v>43828</c:v>
                </c:pt>
                <c:pt idx="7303">
                  <c:v>43829</c:v>
                </c:pt>
                <c:pt idx="7304">
                  <c:v>43830</c:v>
                </c:pt>
                <c:pt idx="7305">
                  <c:v>43831</c:v>
                </c:pt>
                <c:pt idx="7306">
                  <c:v>43832</c:v>
                </c:pt>
                <c:pt idx="7307">
                  <c:v>43833</c:v>
                </c:pt>
                <c:pt idx="7308">
                  <c:v>43834</c:v>
                </c:pt>
                <c:pt idx="7309">
                  <c:v>43835</c:v>
                </c:pt>
                <c:pt idx="7310">
                  <c:v>43836</c:v>
                </c:pt>
                <c:pt idx="7311">
                  <c:v>43837</c:v>
                </c:pt>
                <c:pt idx="7312">
                  <c:v>43838</c:v>
                </c:pt>
                <c:pt idx="7313">
                  <c:v>43839</c:v>
                </c:pt>
                <c:pt idx="7314">
                  <c:v>43840</c:v>
                </c:pt>
                <c:pt idx="7315">
                  <c:v>43841</c:v>
                </c:pt>
                <c:pt idx="7316">
                  <c:v>43842</c:v>
                </c:pt>
                <c:pt idx="7317">
                  <c:v>43843</c:v>
                </c:pt>
                <c:pt idx="7318">
                  <c:v>43844</c:v>
                </c:pt>
                <c:pt idx="7319">
                  <c:v>43845</c:v>
                </c:pt>
                <c:pt idx="7320">
                  <c:v>43846</c:v>
                </c:pt>
                <c:pt idx="7321">
                  <c:v>43847</c:v>
                </c:pt>
                <c:pt idx="7322">
                  <c:v>43848</c:v>
                </c:pt>
                <c:pt idx="7323">
                  <c:v>43849</c:v>
                </c:pt>
                <c:pt idx="7324">
                  <c:v>43850</c:v>
                </c:pt>
                <c:pt idx="7325">
                  <c:v>43851</c:v>
                </c:pt>
                <c:pt idx="7326">
                  <c:v>43852</c:v>
                </c:pt>
                <c:pt idx="7327">
                  <c:v>43853</c:v>
                </c:pt>
                <c:pt idx="7328">
                  <c:v>43854</c:v>
                </c:pt>
                <c:pt idx="7329">
                  <c:v>43855</c:v>
                </c:pt>
                <c:pt idx="7330">
                  <c:v>43856</c:v>
                </c:pt>
                <c:pt idx="7331">
                  <c:v>43857</c:v>
                </c:pt>
                <c:pt idx="7332">
                  <c:v>43858</c:v>
                </c:pt>
                <c:pt idx="7333">
                  <c:v>43859</c:v>
                </c:pt>
                <c:pt idx="7334">
                  <c:v>43860</c:v>
                </c:pt>
                <c:pt idx="7335">
                  <c:v>43861</c:v>
                </c:pt>
                <c:pt idx="7336">
                  <c:v>43862</c:v>
                </c:pt>
                <c:pt idx="7337">
                  <c:v>43863</c:v>
                </c:pt>
                <c:pt idx="7338">
                  <c:v>43864</c:v>
                </c:pt>
                <c:pt idx="7339">
                  <c:v>43865</c:v>
                </c:pt>
                <c:pt idx="7340">
                  <c:v>43866</c:v>
                </c:pt>
                <c:pt idx="7341">
                  <c:v>43867</c:v>
                </c:pt>
                <c:pt idx="7342">
                  <c:v>43868</c:v>
                </c:pt>
                <c:pt idx="7343">
                  <c:v>43869</c:v>
                </c:pt>
                <c:pt idx="7344">
                  <c:v>43870</c:v>
                </c:pt>
                <c:pt idx="7345">
                  <c:v>43871</c:v>
                </c:pt>
                <c:pt idx="7346">
                  <c:v>43872</c:v>
                </c:pt>
                <c:pt idx="7347">
                  <c:v>43873</c:v>
                </c:pt>
                <c:pt idx="7348">
                  <c:v>43874</c:v>
                </c:pt>
                <c:pt idx="7349">
                  <c:v>43875</c:v>
                </c:pt>
                <c:pt idx="7350">
                  <c:v>43876</c:v>
                </c:pt>
                <c:pt idx="7351">
                  <c:v>43877</c:v>
                </c:pt>
                <c:pt idx="7352">
                  <c:v>43878</c:v>
                </c:pt>
                <c:pt idx="7353">
                  <c:v>43879</c:v>
                </c:pt>
                <c:pt idx="7354">
                  <c:v>43880</c:v>
                </c:pt>
                <c:pt idx="7355">
                  <c:v>43881</c:v>
                </c:pt>
                <c:pt idx="7356">
                  <c:v>43882</c:v>
                </c:pt>
                <c:pt idx="7357">
                  <c:v>43883</c:v>
                </c:pt>
                <c:pt idx="7358">
                  <c:v>43884</c:v>
                </c:pt>
                <c:pt idx="7359">
                  <c:v>43885</c:v>
                </c:pt>
                <c:pt idx="7360">
                  <c:v>43886</c:v>
                </c:pt>
                <c:pt idx="7361">
                  <c:v>43887</c:v>
                </c:pt>
                <c:pt idx="7362">
                  <c:v>43888</c:v>
                </c:pt>
                <c:pt idx="7363">
                  <c:v>43889</c:v>
                </c:pt>
                <c:pt idx="7364">
                  <c:v>43890</c:v>
                </c:pt>
                <c:pt idx="7365">
                  <c:v>43891</c:v>
                </c:pt>
                <c:pt idx="7366">
                  <c:v>43892</c:v>
                </c:pt>
                <c:pt idx="7367">
                  <c:v>43893</c:v>
                </c:pt>
                <c:pt idx="7368">
                  <c:v>43894</c:v>
                </c:pt>
                <c:pt idx="7369">
                  <c:v>43895</c:v>
                </c:pt>
                <c:pt idx="7370">
                  <c:v>43896</c:v>
                </c:pt>
                <c:pt idx="7371">
                  <c:v>43897</c:v>
                </c:pt>
                <c:pt idx="7372">
                  <c:v>43898</c:v>
                </c:pt>
                <c:pt idx="7373">
                  <c:v>43899</c:v>
                </c:pt>
                <c:pt idx="7374">
                  <c:v>43900</c:v>
                </c:pt>
                <c:pt idx="7375">
                  <c:v>43901</c:v>
                </c:pt>
                <c:pt idx="7376">
                  <c:v>43902</c:v>
                </c:pt>
                <c:pt idx="7377">
                  <c:v>43903</c:v>
                </c:pt>
                <c:pt idx="7378">
                  <c:v>43904</c:v>
                </c:pt>
                <c:pt idx="7379">
                  <c:v>43905</c:v>
                </c:pt>
                <c:pt idx="7380">
                  <c:v>43906</c:v>
                </c:pt>
                <c:pt idx="7381">
                  <c:v>43907</c:v>
                </c:pt>
                <c:pt idx="7382">
                  <c:v>43908</c:v>
                </c:pt>
                <c:pt idx="7383">
                  <c:v>43909</c:v>
                </c:pt>
                <c:pt idx="7384">
                  <c:v>43910</c:v>
                </c:pt>
                <c:pt idx="7385">
                  <c:v>43911</c:v>
                </c:pt>
                <c:pt idx="7386">
                  <c:v>43912</c:v>
                </c:pt>
                <c:pt idx="7387">
                  <c:v>43913</c:v>
                </c:pt>
                <c:pt idx="7388">
                  <c:v>43914</c:v>
                </c:pt>
                <c:pt idx="7389">
                  <c:v>43915</c:v>
                </c:pt>
                <c:pt idx="7390">
                  <c:v>43916</c:v>
                </c:pt>
                <c:pt idx="7391">
                  <c:v>43917</c:v>
                </c:pt>
                <c:pt idx="7392">
                  <c:v>43918</c:v>
                </c:pt>
                <c:pt idx="7393">
                  <c:v>43919</c:v>
                </c:pt>
                <c:pt idx="7394">
                  <c:v>43920</c:v>
                </c:pt>
                <c:pt idx="7395">
                  <c:v>43921</c:v>
                </c:pt>
                <c:pt idx="7396">
                  <c:v>43922</c:v>
                </c:pt>
                <c:pt idx="7397">
                  <c:v>43923</c:v>
                </c:pt>
                <c:pt idx="7398">
                  <c:v>43924</c:v>
                </c:pt>
                <c:pt idx="7399">
                  <c:v>43925</c:v>
                </c:pt>
                <c:pt idx="7400">
                  <c:v>43926</c:v>
                </c:pt>
                <c:pt idx="7401">
                  <c:v>43927</c:v>
                </c:pt>
                <c:pt idx="7402">
                  <c:v>43928</c:v>
                </c:pt>
                <c:pt idx="7403">
                  <c:v>43929</c:v>
                </c:pt>
                <c:pt idx="7404">
                  <c:v>43930</c:v>
                </c:pt>
                <c:pt idx="7405">
                  <c:v>43931</c:v>
                </c:pt>
                <c:pt idx="7406">
                  <c:v>43932</c:v>
                </c:pt>
                <c:pt idx="7407">
                  <c:v>43933</c:v>
                </c:pt>
                <c:pt idx="7408">
                  <c:v>43934</c:v>
                </c:pt>
                <c:pt idx="7409">
                  <c:v>43935</c:v>
                </c:pt>
                <c:pt idx="7410">
                  <c:v>43936</c:v>
                </c:pt>
                <c:pt idx="7411">
                  <c:v>43937</c:v>
                </c:pt>
                <c:pt idx="7412">
                  <c:v>43938</c:v>
                </c:pt>
                <c:pt idx="7413">
                  <c:v>43939</c:v>
                </c:pt>
                <c:pt idx="7414">
                  <c:v>43940</c:v>
                </c:pt>
                <c:pt idx="7415">
                  <c:v>43941</c:v>
                </c:pt>
                <c:pt idx="7416">
                  <c:v>43942</c:v>
                </c:pt>
                <c:pt idx="7417">
                  <c:v>43943</c:v>
                </c:pt>
                <c:pt idx="7418">
                  <c:v>43944</c:v>
                </c:pt>
                <c:pt idx="7419">
                  <c:v>43945</c:v>
                </c:pt>
                <c:pt idx="7420">
                  <c:v>43946</c:v>
                </c:pt>
                <c:pt idx="7421">
                  <c:v>43947</c:v>
                </c:pt>
                <c:pt idx="7422">
                  <c:v>43948</c:v>
                </c:pt>
                <c:pt idx="7423">
                  <c:v>43949</c:v>
                </c:pt>
                <c:pt idx="7424">
                  <c:v>43950</c:v>
                </c:pt>
                <c:pt idx="7425">
                  <c:v>43951</c:v>
                </c:pt>
                <c:pt idx="7426">
                  <c:v>43952</c:v>
                </c:pt>
                <c:pt idx="7427">
                  <c:v>43953</c:v>
                </c:pt>
                <c:pt idx="7428">
                  <c:v>43954</c:v>
                </c:pt>
                <c:pt idx="7429">
                  <c:v>43955</c:v>
                </c:pt>
                <c:pt idx="7430">
                  <c:v>43956</c:v>
                </c:pt>
                <c:pt idx="7431">
                  <c:v>43957</c:v>
                </c:pt>
                <c:pt idx="7432">
                  <c:v>43958</c:v>
                </c:pt>
                <c:pt idx="7433">
                  <c:v>43959</c:v>
                </c:pt>
                <c:pt idx="7434">
                  <c:v>43960</c:v>
                </c:pt>
                <c:pt idx="7435">
                  <c:v>43961</c:v>
                </c:pt>
                <c:pt idx="7436">
                  <c:v>43962</c:v>
                </c:pt>
                <c:pt idx="7437">
                  <c:v>43963</c:v>
                </c:pt>
                <c:pt idx="7438">
                  <c:v>43964</c:v>
                </c:pt>
                <c:pt idx="7439">
                  <c:v>43965</c:v>
                </c:pt>
                <c:pt idx="7440">
                  <c:v>43966</c:v>
                </c:pt>
                <c:pt idx="7441">
                  <c:v>43967</c:v>
                </c:pt>
                <c:pt idx="7442">
                  <c:v>43968</c:v>
                </c:pt>
                <c:pt idx="7443">
                  <c:v>43969</c:v>
                </c:pt>
                <c:pt idx="7444">
                  <c:v>43970</c:v>
                </c:pt>
                <c:pt idx="7445">
                  <c:v>43971</c:v>
                </c:pt>
                <c:pt idx="7446">
                  <c:v>43972</c:v>
                </c:pt>
                <c:pt idx="7447">
                  <c:v>43973</c:v>
                </c:pt>
                <c:pt idx="7448">
                  <c:v>43974</c:v>
                </c:pt>
                <c:pt idx="7449">
                  <c:v>43975</c:v>
                </c:pt>
                <c:pt idx="7450">
                  <c:v>43976</c:v>
                </c:pt>
                <c:pt idx="7451">
                  <c:v>43977</c:v>
                </c:pt>
                <c:pt idx="7452">
                  <c:v>43978</c:v>
                </c:pt>
                <c:pt idx="7453">
                  <c:v>43979</c:v>
                </c:pt>
                <c:pt idx="7454">
                  <c:v>43980</c:v>
                </c:pt>
                <c:pt idx="7455">
                  <c:v>43981</c:v>
                </c:pt>
                <c:pt idx="7456">
                  <c:v>43982</c:v>
                </c:pt>
                <c:pt idx="7457">
                  <c:v>43983</c:v>
                </c:pt>
                <c:pt idx="7458">
                  <c:v>43984</c:v>
                </c:pt>
                <c:pt idx="7459">
                  <c:v>43985</c:v>
                </c:pt>
                <c:pt idx="7460">
                  <c:v>43986</c:v>
                </c:pt>
                <c:pt idx="7461">
                  <c:v>43987</c:v>
                </c:pt>
                <c:pt idx="7462">
                  <c:v>43988</c:v>
                </c:pt>
                <c:pt idx="7463">
                  <c:v>43989</c:v>
                </c:pt>
                <c:pt idx="7464">
                  <c:v>43990</c:v>
                </c:pt>
                <c:pt idx="7465">
                  <c:v>43991</c:v>
                </c:pt>
                <c:pt idx="7466">
                  <c:v>43992</c:v>
                </c:pt>
                <c:pt idx="7467">
                  <c:v>43993</c:v>
                </c:pt>
                <c:pt idx="7468">
                  <c:v>43994</c:v>
                </c:pt>
                <c:pt idx="7469">
                  <c:v>43995</c:v>
                </c:pt>
                <c:pt idx="7470">
                  <c:v>43996</c:v>
                </c:pt>
                <c:pt idx="7471">
                  <c:v>43997</c:v>
                </c:pt>
                <c:pt idx="7472">
                  <c:v>43998</c:v>
                </c:pt>
                <c:pt idx="7473">
                  <c:v>43999</c:v>
                </c:pt>
                <c:pt idx="7474">
                  <c:v>44000</c:v>
                </c:pt>
                <c:pt idx="7475">
                  <c:v>44001</c:v>
                </c:pt>
                <c:pt idx="7476">
                  <c:v>44002</c:v>
                </c:pt>
                <c:pt idx="7477">
                  <c:v>44003</c:v>
                </c:pt>
                <c:pt idx="7478">
                  <c:v>44004</c:v>
                </c:pt>
                <c:pt idx="7479">
                  <c:v>44005</c:v>
                </c:pt>
                <c:pt idx="7480">
                  <c:v>44006</c:v>
                </c:pt>
                <c:pt idx="7481">
                  <c:v>44007</c:v>
                </c:pt>
                <c:pt idx="7482">
                  <c:v>44008</c:v>
                </c:pt>
                <c:pt idx="7483">
                  <c:v>44009</c:v>
                </c:pt>
                <c:pt idx="7484">
                  <c:v>44010</c:v>
                </c:pt>
                <c:pt idx="7485">
                  <c:v>44011</c:v>
                </c:pt>
                <c:pt idx="7486">
                  <c:v>44012</c:v>
                </c:pt>
                <c:pt idx="7487">
                  <c:v>44013</c:v>
                </c:pt>
                <c:pt idx="7488">
                  <c:v>44014</c:v>
                </c:pt>
                <c:pt idx="7489">
                  <c:v>44015</c:v>
                </c:pt>
                <c:pt idx="7490">
                  <c:v>44016</c:v>
                </c:pt>
                <c:pt idx="7491">
                  <c:v>44017</c:v>
                </c:pt>
                <c:pt idx="7492">
                  <c:v>44018</c:v>
                </c:pt>
                <c:pt idx="7493">
                  <c:v>44019</c:v>
                </c:pt>
                <c:pt idx="7494">
                  <c:v>44020</c:v>
                </c:pt>
                <c:pt idx="7495">
                  <c:v>44021</c:v>
                </c:pt>
                <c:pt idx="7496">
                  <c:v>44022</c:v>
                </c:pt>
                <c:pt idx="7497">
                  <c:v>44023</c:v>
                </c:pt>
                <c:pt idx="7498">
                  <c:v>44024</c:v>
                </c:pt>
                <c:pt idx="7499">
                  <c:v>44025</c:v>
                </c:pt>
                <c:pt idx="7500">
                  <c:v>44026</c:v>
                </c:pt>
                <c:pt idx="7501">
                  <c:v>44027</c:v>
                </c:pt>
                <c:pt idx="7502">
                  <c:v>44028</c:v>
                </c:pt>
                <c:pt idx="7503">
                  <c:v>44029</c:v>
                </c:pt>
                <c:pt idx="7504">
                  <c:v>44030</c:v>
                </c:pt>
                <c:pt idx="7505">
                  <c:v>44031</c:v>
                </c:pt>
                <c:pt idx="7506">
                  <c:v>44032</c:v>
                </c:pt>
                <c:pt idx="7507">
                  <c:v>44033</c:v>
                </c:pt>
                <c:pt idx="7508">
                  <c:v>44034</c:v>
                </c:pt>
                <c:pt idx="7509">
                  <c:v>44035</c:v>
                </c:pt>
                <c:pt idx="7510">
                  <c:v>44036</c:v>
                </c:pt>
                <c:pt idx="7511">
                  <c:v>44037</c:v>
                </c:pt>
                <c:pt idx="7512">
                  <c:v>44038</c:v>
                </c:pt>
                <c:pt idx="7513">
                  <c:v>44039</c:v>
                </c:pt>
                <c:pt idx="7514">
                  <c:v>44040</c:v>
                </c:pt>
                <c:pt idx="7515">
                  <c:v>44041</c:v>
                </c:pt>
                <c:pt idx="7516">
                  <c:v>44042</c:v>
                </c:pt>
                <c:pt idx="7517">
                  <c:v>44043</c:v>
                </c:pt>
                <c:pt idx="7518">
                  <c:v>44044</c:v>
                </c:pt>
                <c:pt idx="7519">
                  <c:v>44045</c:v>
                </c:pt>
                <c:pt idx="7520">
                  <c:v>44046</c:v>
                </c:pt>
                <c:pt idx="7521">
                  <c:v>44047</c:v>
                </c:pt>
                <c:pt idx="7522">
                  <c:v>44048</c:v>
                </c:pt>
                <c:pt idx="7523">
                  <c:v>44049</c:v>
                </c:pt>
                <c:pt idx="7524">
                  <c:v>44050</c:v>
                </c:pt>
                <c:pt idx="7525">
                  <c:v>44051</c:v>
                </c:pt>
                <c:pt idx="7526">
                  <c:v>44052</c:v>
                </c:pt>
                <c:pt idx="7527">
                  <c:v>44053</c:v>
                </c:pt>
                <c:pt idx="7528">
                  <c:v>44054</c:v>
                </c:pt>
                <c:pt idx="7529">
                  <c:v>44055</c:v>
                </c:pt>
                <c:pt idx="7530">
                  <c:v>44056</c:v>
                </c:pt>
                <c:pt idx="7531">
                  <c:v>44057</c:v>
                </c:pt>
                <c:pt idx="7532">
                  <c:v>44058</c:v>
                </c:pt>
                <c:pt idx="7533">
                  <c:v>44059</c:v>
                </c:pt>
                <c:pt idx="7534">
                  <c:v>44060</c:v>
                </c:pt>
                <c:pt idx="7535">
                  <c:v>44061</c:v>
                </c:pt>
                <c:pt idx="7536">
                  <c:v>44062</c:v>
                </c:pt>
                <c:pt idx="7537">
                  <c:v>44063</c:v>
                </c:pt>
                <c:pt idx="7538">
                  <c:v>44064</c:v>
                </c:pt>
                <c:pt idx="7539">
                  <c:v>44065</c:v>
                </c:pt>
                <c:pt idx="7540">
                  <c:v>44066</c:v>
                </c:pt>
                <c:pt idx="7541">
                  <c:v>44067</c:v>
                </c:pt>
                <c:pt idx="7542">
                  <c:v>44068</c:v>
                </c:pt>
                <c:pt idx="7543">
                  <c:v>44069</c:v>
                </c:pt>
                <c:pt idx="7544">
                  <c:v>44070</c:v>
                </c:pt>
                <c:pt idx="7545">
                  <c:v>44071</c:v>
                </c:pt>
                <c:pt idx="7546">
                  <c:v>44072</c:v>
                </c:pt>
                <c:pt idx="7547">
                  <c:v>44073</c:v>
                </c:pt>
                <c:pt idx="7548">
                  <c:v>44074</c:v>
                </c:pt>
                <c:pt idx="7549">
                  <c:v>44075</c:v>
                </c:pt>
                <c:pt idx="7550">
                  <c:v>44076</c:v>
                </c:pt>
                <c:pt idx="7551">
                  <c:v>44077</c:v>
                </c:pt>
                <c:pt idx="7552">
                  <c:v>44078</c:v>
                </c:pt>
                <c:pt idx="7553">
                  <c:v>44079</c:v>
                </c:pt>
                <c:pt idx="7554">
                  <c:v>44080</c:v>
                </c:pt>
                <c:pt idx="7555">
                  <c:v>44081</c:v>
                </c:pt>
                <c:pt idx="7556">
                  <c:v>44082</c:v>
                </c:pt>
                <c:pt idx="7557">
                  <c:v>44083</c:v>
                </c:pt>
                <c:pt idx="7558">
                  <c:v>44084</c:v>
                </c:pt>
                <c:pt idx="7559">
                  <c:v>44085</c:v>
                </c:pt>
                <c:pt idx="7560">
                  <c:v>44086</c:v>
                </c:pt>
                <c:pt idx="7561">
                  <c:v>44087</c:v>
                </c:pt>
                <c:pt idx="7562">
                  <c:v>44088</c:v>
                </c:pt>
                <c:pt idx="7563">
                  <c:v>44089</c:v>
                </c:pt>
                <c:pt idx="7564">
                  <c:v>44090</c:v>
                </c:pt>
                <c:pt idx="7565">
                  <c:v>44091</c:v>
                </c:pt>
                <c:pt idx="7566">
                  <c:v>44092</c:v>
                </c:pt>
                <c:pt idx="7567">
                  <c:v>44093</c:v>
                </c:pt>
                <c:pt idx="7568">
                  <c:v>44094</c:v>
                </c:pt>
                <c:pt idx="7569">
                  <c:v>44095</c:v>
                </c:pt>
                <c:pt idx="7570">
                  <c:v>44096</c:v>
                </c:pt>
                <c:pt idx="7571">
                  <c:v>44097</c:v>
                </c:pt>
                <c:pt idx="7572">
                  <c:v>44098</c:v>
                </c:pt>
                <c:pt idx="7573">
                  <c:v>44099</c:v>
                </c:pt>
                <c:pt idx="7574">
                  <c:v>44100</c:v>
                </c:pt>
                <c:pt idx="7575">
                  <c:v>44101</c:v>
                </c:pt>
                <c:pt idx="7576">
                  <c:v>44102</c:v>
                </c:pt>
                <c:pt idx="7577">
                  <c:v>44103</c:v>
                </c:pt>
                <c:pt idx="7578">
                  <c:v>44104</c:v>
                </c:pt>
                <c:pt idx="7579">
                  <c:v>44105</c:v>
                </c:pt>
                <c:pt idx="7580">
                  <c:v>44106</c:v>
                </c:pt>
                <c:pt idx="7581">
                  <c:v>44107</c:v>
                </c:pt>
                <c:pt idx="7582">
                  <c:v>44108</c:v>
                </c:pt>
                <c:pt idx="7583">
                  <c:v>44109</c:v>
                </c:pt>
                <c:pt idx="7584">
                  <c:v>44110</c:v>
                </c:pt>
                <c:pt idx="7585">
                  <c:v>44111</c:v>
                </c:pt>
                <c:pt idx="7586">
                  <c:v>44112</c:v>
                </c:pt>
                <c:pt idx="7587">
                  <c:v>44113</c:v>
                </c:pt>
                <c:pt idx="7588">
                  <c:v>44114</c:v>
                </c:pt>
                <c:pt idx="7589">
                  <c:v>44115</c:v>
                </c:pt>
                <c:pt idx="7590">
                  <c:v>44116</c:v>
                </c:pt>
                <c:pt idx="7591">
                  <c:v>44117</c:v>
                </c:pt>
                <c:pt idx="7592">
                  <c:v>44118</c:v>
                </c:pt>
                <c:pt idx="7593">
                  <c:v>44119</c:v>
                </c:pt>
                <c:pt idx="7594">
                  <c:v>44120</c:v>
                </c:pt>
                <c:pt idx="7595">
                  <c:v>44121</c:v>
                </c:pt>
                <c:pt idx="7596">
                  <c:v>44122</c:v>
                </c:pt>
                <c:pt idx="7597">
                  <c:v>44123</c:v>
                </c:pt>
                <c:pt idx="7598">
                  <c:v>44124</c:v>
                </c:pt>
                <c:pt idx="7599">
                  <c:v>44125</c:v>
                </c:pt>
                <c:pt idx="7600">
                  <c:v>44126</c:v>
                </c:pt>
                <c:pt idx="7601">
                  <c:v>44127</c:v>
                </c:pt>
                <c:pt idx="7602">
                  <c:v>44128</c:v>
                </c:pt>
                <c:pt idx="7603">
                  <c:v>44129</c:v>
                </c:pt>
                <c:pt idx="7604">
                  <c:v>44130</c:v>
                </c:pt>
                <c:pt idx="7605">
                  <c:v>44131</c:v>
                </c:pt>
                <c:pt idx="7606">
                  <c:v>44132</c:v>
                </c:pt>
                <c:pt idx="7607">
                  <c:v>44133</c:v>
                </c:pt>
                <c:pt idx="7608">
                  <c:v>44134</c:v>
                </c:pt>
                <c:pt idx="7609">
                  <c:v>44135</c:v>
                </c:pt>
                <c:pt idx="7610">
                  <c:v>44136</c:v>
                </c:pt>
                <c:pt idx="7611">
                  <c:v>44137</c:v>
                </c:pt>
                <c:pt idx="7612">
                  <c:v>44138</c:v>
                </c:pt>
                <c:pt idx="7613">
                  <c:v>44139</c:v>
                </c:pt>
                <c:pt idx="7614">
                  <c:v>44140</c:v>
                </c:pt>
                <c:pt idx="7615">
                  <c:v>44141</c:v>
                </c:pt>
                <c:pt idx="7616">
                  <c:v>44142</c:v>
                </c:pt>
                <c:pt idx="7617">
                  <c:v>44143</c:v>
                </c:pt>
                <c:pt idx="7618">
                  <c:v>44144</c:v>
                </c:pt>
                <c:pt idx="7619">
                  <c:v>44145</c:v>
                </c:pt>
                <c:pt idx="7620">
                  <c:v>44146</c:v>
                </c:pt>
                <c:pt idx="7621">
                  <c:v>44147</c:v>
                </c:pt>
                <c:pt idx="7622">
                  <c:v>44148</c:v>
                </c:pt>
                <c:pt idx="7623">
                  <c:v>44149</c:v>
                </c:pt>
                <c:pt idx="7624">
                  <c:v>44150</c:v>
                </c:pt>
                <c:pt idx="7625">
                  <c:v>44151</c:v>
                </c:pt>
                <c:pt idx="7626">
                  <c:v>44152</c:v>
                </c:pt>
                <c:pt idx="7627">
                  <c:v>44153</c:v>
                </c:pt>
                <c:pt idx="7628">
                  <c:v>44154</c:v>
                </c:pt>
                <c:pt idx="7629">
                  <c:v>44155</c:v>
                </c:pt>
                <c:pt idx="7630">
                  <c:v>44156</c:v>
                </c:pt>
                <c:pt idx="7631">
                  <c:v>44157</c:v>
                </c:pt>
                <c:pt idx="7632">
                  <c:v>44158</c:v>
                </c:pt>
                <c:pt idx="7633">
                  <c:v>44159</c:v>
                </c:pt>
                <c:pt idx="7634">
                  <c:v>44160</c:v>
                </c:pt>
                <c:pt idx="7635">
                  <c:v>44161</c:v>
                </c:pt>
                <c:pt idx="7636">
                  <c:v>44162</c:v>
                </c:pt>
                <c:pt idx="7637">
                  <c:v>44163</c:v>
                </c:pt>
                <c:pt idx="7638">
                  <c:v>44164</c:v>
                </c:pt>
                <c:pt idx="7639">
                  <c:v>44165</c:v>
                </c:pt>
                <c:pt idx="7640">
                  <c:v>44166</c:v>
                </c:pt>
                <c:pt idx="7641">
                  <c:v>44167</c:v>
                </c:pt>
                <c:pt idx="7642">
                  <c:v>44168</c:v>
                </c:pt>
                <c:pt idx="7643">
                  <c:v>44169</c:v>
                </c:pt>
                <c:pt idx="7644">
                  <c:v>44170</c:v>
                </c:pt>
                <c:pt idx="7645">
                  <c:v>44171</c:v>
                </c:pt>
                <c:pt idx="7646">
                  <c:v>44172</c:v>
                </c:pt>
                <c:pt idx="7647">
                  <c:v>44173</c:v>
                </c:pt>
                <c:pt idx="7648">
                  <c:v>44174</c:v>
                </c:pt>
                <c:pt idx="7649">
                  <c:v>44175</c:v>
                </c:pt>
                <c:pt idx="7650">
                  <c:v>44176</c:v>
                </c:pt>
                <c:pt idx="7651">
                  <c:v>44177</c:v>
                </c:pt>
                <c:pt idx="7652">
                  <c:v>44178</c:v>
                </c:pt>
                <c:pt idx="7653">
                  <c:v>44179</c:v>
                </c:pt>
                <c:pt idx="7654">
                  <c:v>44180</c:v>
                </c:pt>
                <c:pt idx="7655">
                  <c:v>44181</c:v>
                </c:pt>
                <c:pt idx="7656">
                  <c:v>44182</c:v>
                </c:pt>
                <c:pt idx="7657">
                  <c:v>44183</c:v>
                </c:pt>
                <c:pt idx="7658">
                  <c:v>44184</c:v>
                </c:pt>
                <c:pt idx="7659">
                  <c:v>44185</c:v>
                </c:pt>
                <c:pt idx="7660">
                  <c:v>44186</c:v>
                </c:pt>
                <c:pt idx="7661">
                  <c:v>44187</c:v>
                </c:pt>
                <c:pt idx="7662">
                  <c:v>44188</c:v>
                </c:pt>
                <c:pt idx="7663">
                  <c:v>44189</c:v>
                </c:pt>
                <c:pt idx="7664">
                  <c:v>44190</c:v>
                </c:pt>
                <c:pt idx="7665">
                  <c:v>44191</c:v>
                </c:pt>
                <c:pt idx="7666">
                  <c:v>44192</c:v>
                </c:pt>
                <c:pt idx="7667">
                  <c:v>44193</c:v>
                </c:pt>
                <c:pt idx="7668">
                  <c:v>44194</c:v>
                </c:pt>
                <c:pt idx="7669">
                  <c:v>44195</c:v>
                </c:pt>
                <c:pt idx="7670">
                  <c:v>44196</c:v>
                </c:pt>
                <c:pt idx="7671">
                  <c:v>44197</c:v>
                </c:pt>
                <c:pt idx="7672">
                  <c:v>44198</c:v>
                </c:pt>
                <c:pt idx="7673">
                  <c:v>44199</c:v>
                </c:pt>
                <c:pt idx="7674">
                  <c:v>44200</c:v>
                </c:pt>
                <c:pt idx="7675">
                  <c:v>44201</c:v>
                </c:pt>
                <c:pt idx="7676">
                  <c:v>44202</c:v>
                </c:pt>
                <c:pt idx="7677">
                  <c:v>44203</c:v>
                </c:pt>
                <c:pt idx="7678">
                  <c:v>44204</c:v>
                </c:pt>
                <c:pt idx="7679">
                  <c:v>44205</c:v>
                </c:pt>
                <c:pt idx="7680">
                  <c:v>44206</c:v>
                </c:pt>
                <c:pt idx="7681">
                  <c:v>44207</c:v>
                </c:pt>
                <c:pt idx="7682">
                  <c:v>44208</c:v>
                </c:pt>
                <c:pt idx="7683">
                  <c:v>44209</c:v>
                </c:pt>
                <c:pt idx="7684">
                  <c:v>44210</c:v>
                </c:pt>
                <c:pt idx="7685">
                  <c:v>44211</c:v>
                </c:pt>
                <c:pt idx="7686">
                  <c:v>44212</c:v>
                </c:pt>
                <c:pt idx="7687">
                  <c:v>44213</c:v>
                </c:pt>
                <c:pt idx="7688">
                  <c:v>44214</c:v>
                </c:pt>
                <c:pt idx="7689">
                  <c:v>44215</c:v>
                </c:pt>
                <c:pt idx="7690">
                  <c:v>44216</c:v>
                </c:pt>
                <c:pt idx="7691">
                  <c:v>44217</c:v>
                </c:pt>
                <c:pt idx="7692">
                  <c:v>44218</c:v>
                </c:pt>
                <c:pt idx="7693">
                  <c:v>44219</c:v>
                </c:pt>
                <c:pt idx="7694">
                  <c:v>44220</c:v>
                </c:pt>
                <c:pt idx="7695">
                  <c:v>44221</c:v>
                </c:pt>
                <c:pt idx="7696">
                  <c:v>44222</c:v>
                </c:pt>
                <c:pt idx="7697">
                  <c:v>44223</c:v>
                </c:pt>
                <c:pt idx="7698">
                  <c:v>44224</c:v>
                </c:pt>
                <c:pt idx="7699">
                  <c:v>44225</c:v>
                </c:pt>
                <c:pt idx="7700">
                  <c:v>44226</c:v>
                </c:pt>
                <c:pt idx="7701">
                  <c:v>44227</c:v>
                </c:pt>
                <c:pt idx="7702">
                  <c:v>44228</c:v>
                </c:pt>
                <c:pt idx="7703">
                  <c:v>44229</c:v>
                </c:pt>
                <c:pt idx="7704">
                  <c:v>44230</c:v>
                </c:pt>
                <c:pt idx="7705">
                  <c:v>44231</c:v>
                </c:pt>
                <c:pt idx="7706">
                  <c:v>44232</c:v>
                </c:pt>
                <c:pt idx="7707">
                  <c:v>44233</c:v>
                </c:pt>
                <c:pt idx="7708">
                  <c:v>44234</c:v>
                </c:pt>
                <c:pt idx="7709">
                  <c:v>44235</c:v>
                </c:pt>
                <c:pt idx="7710">
                  <c:v>44236</c:v>
                </c:pt>
                <c:pt idx="7711">
                  <c:v>44237</c:v>
                </c:pt>
                <c:pt idx="7712">
                  <c:v>44238</c:v>
                </c:pt>
                <c:pt idx="7713">
                  <c:v>44239</c:v>
                </c:pt>
                <c:pt idx="7714">
                  <c:v>44240</c:v>
                </c:pt>
                <c:pt idx="7715">
                  <c:v>44241</c:v>
                </c:pt>
                <c:pt idx="7716">
                  <c:v>44242</c:v>
                </c:pt>
                <c:pt idx="7717">
                  <c:v>44243</c:v>
                </c:pt>
                <c:pt idx="7718">
                  <c:v>44244</c:v>
                </c:pt>
                <c:pt idx="7719">
                  <c:v>44245</c:v>
                </c:pt>
                <c:pt idx="7720">
                  <c:v>44246</c:v>
                </c:pt>
                <c:pt idx="7721">
                  <c:v>44247</c:v>
                </c:pt>
                <c:pt idx="7722">
                  <c:v>44248</c:v>
                </c:pt>
                <c:pt idx="7723">
                  <c:v>44249</c:v>
                </c:pt>
                <c:pt idx="7724">
                  <c:v>44250</c:v>
                </c:pt>
                <c:pt idx="7725">
                  <c:v>44251</c:v>
                </c:pt>
                <c:pt idx="7726">
                  <c:v>44252</c:v>
                </c:pt>
                <c:pt idx="7727">
                  <c:v>44253</c:v>
                </c:pt>
                <c:pt idx="7728">
                  <c:v>44254</c:v>
                </c:pt>
                <c:pt idx="7729">
                  <c:v>44255</c:v>
                </c:pt>
                <c:pt idx="7730">
                  <c:v>44256</c:v>
                </c:pt>
                <c:pt idx="7731">
                  <c:v>44257</c:v>
                </c:pt>
                <c:pt idx="7732">
                  <c:v>44258</c:v>
                </c:pt>
                <c:pt idx="7733">
                  <c:v>44259</c:v>
                </c:pt>
                <c:pt idx="7734">
                  <c:v>44260</c:v>
                </c:pt>
                <c:pt idx="7735">
                  <c:v>44261</c:v>
                </c:pt>
                <c:pt idx="7736">
                  <c:v>44262</c:v>
                </c:pt>
                <c:pt idx="7737">
                  <c:v>44263</c:v>
                </c:pt>
                <c:pt idx="7738">
                  <c:v>44264</c:v>
                </c:pt>
                <c:pt idx="7739">
                  <c:v>44265</c:v>
                </c:pt>
                <c:pt idx="7740">
                  <c:v>44266</c:v>
                </c:pt>
                <c:pt idx="7741">
                  <c:v>44267</c:v>
                </c:pt>
                <c:pt idx="7742">
                  <c:v>44268</c:v>
                </c:pt>
                <c:pt idx="7743">
                  <c:v>44269</c:v>
                </c:pt>
                <c:pt idx="7744">
                  <c:v>44270</c:v>
                </c:pt>
                <c:pt idx="7745">
                  <c:v>44271</c:v>
                </c:pt>
                <c:pt idx="7746">
                  <c:v>44272</c:v>
                </c:pt>
                <c:pt idx="7747">
                  <c:v>44273</c:v>
                </c:pt>
                <c:pt idx="7748">
                  <c:v>44274</c:v>
                </c:pt>
                <c:pt idx="7749">
                  <c:v>44275</c:v>
                </c:pt>
                <c:pt idx="7750">
                  <c:v>44276</c:v>
                </c:pt>
                <c:pt idx="7751">
                  <c:v>44277</c:v>
                </c:pt>
                <c:pt idx="7752">
                  <c:v>44278</c:v>
                </c:pt>
                <c:pt idx="7753">
                  <c:v>44279</c:v>
                </c:pt>
                <c:pt idx="7754">
                  <c:v>44280</c:v>
                </c:pt>
                <c:pt idx="7755">
                  <c:v>44281</c:v>
                </c:pt>
                <c:pt idx="7756">
                  <c:v>44282</c:v>
                </c:pt>
                <c:pt idx="7757">
                  <c:v>44283</c:v>
                </c:pt>
                <c:pt idx="7758">
                  <c:v>44284</c:v>
                </c:pt>
                <c:pt idx="7759">
                  <c:v>44285</c:v>
                </c:pt>
                <c:pt idx="7760">
                  <c:v>44286</c:v>
                </c:pt>
                <c:pt idx="7761">
                  <c:v>44287</c:v>
                </c:pt>
                <c:pt idx="7762">
                  <c:v>44288</c:v>
                </c:pt>
                <c:pt idx="7763">
                  <c:v>44289</c:v>
                </c:pt>
                <c:pt idx="7764">
                  <c:v>44290</c:v>
                </c:pt>
                <c:pt idx="7765">
                  <c:v>44291</c:v>
                </c:pt>
                <c:pt idx="7766">
                  <c:v>44292</c:v>
                </c:pt>
                <c:pt idx="7767">
                  <c:v>44293</c:v>
                </c:pt>
                <c:pt idx="7768">
                  <c:v>44294</c:v>
                </c:pt>
                <c:pt idx="7769">
                  <c:v>44295</c:v>
                </c:pt>
                <c:pt idx="7770">
                  <c:v>44296</c:v>
                </c:pt>
                <c:pt idx="7771">
                  <c:v>44297</c:v>
                </c:pt>
                <c:pt idx="7772">
                  <c:v>44298</c:v>
                </c:pt>
                <c:pt idx="7773">
                  <c:v>44299</c:v>
                </c:pt>
                <c:pt idx="7774">
                  <c:v>44300</c:v>
                </c:pt>
                <c:pt idx="7775">
                  <c:v>44301</c:v>
                </c:pt>
                <c:pt idx="7776">
                  <c:v>44302</c:v>
                </c:pt>
                <c:pt idx="7777">
                  <c:v>44303</c:v>
                </c:pt>
                <c:pt idx="7778">
                  <c:v>44304</c:v>
                </c:pt>
                <c:pt idx="7779">
                  <c:v>44305</c:v>
                </c:pt>
                <c:pt idx="7780">
                  <c:v>44306</c:v>
                </c:pt>
                <c:pt idx="7781">
                  <c:v>44307</c:v>
                </c:pt>
                <c:pt idx="7782">
                  <c:v>44308</c:v>
                </c:pt>
                <c:pt idx="7783">
                  <c:v>44309</c:v>
                </c:pt>
                <c:pt idx="7784">
                  <c:v>44310</c:v>
                </c:pt>
                <c:pt idx="7785">
                  <c:v>44311</c:v>
                </c:pt>
                <c:pt idx="7786">
                  <c:v>44312</c:v>
                </c:pt>
                <c:pt idx="7787">
                  <c:v>44313</c:v>
                </c:pt>
                <c:pt idx="7788">
                  <c:v>44314</c:v>
                </c:pt>
                <c:pt idx="7789">
                  <c:v>44315</c:v>
                </c:pt>
                <c:pt idx="7790">
                  <c:v>44316</c:v>
                </c:pt>
                <c:pt idx="7791">
                  <c:v>44317</c:v>
                </c:pt>
                <c:pt idx="7792">
                  <c:v>44318</c:v>
                </c:pt>
                <c:pt idx="7793">
                  <c:v>44319</c:v>
                </c:pt>
                <c:pt idx="7794">
                  <c:v>44320</c:v>
                </c:pt>
                <c:pt idx="7795">
                  <c:v>44321</c:v>
                </c:pt>
                <c:pt idx="7796">
                  <c:v>44322</c:v>
                </c:pt>
                <c:pt idx="7797">
                  <c:v>44323</c:v>
                </c:pt>
                <c:pt idx="7798">
                  <c:v>44324</c:v>
                </c:pt>
                <c:pt idx="7799">
                  <c:v>44325</c:v>
                </c:pt>
                <c:pt idx="7800">
                  <c:v>44326</c:v>
                </c:pt>
                <c:pt idx="7801">
                  <c:v>44327</c:v>
                </c:pt>
                <c:pt idx="7802">
                  <c:v>44328</c:v>
                </c:pt>
                <c:pt idx="7803">
                  <c:v>44329</c:v>
                </c:pt>
                <c:pt idx="7804">
                  <c:v>44330</c:v>
                </c:pt>
                <c:pt idx="7805">
                  <c:v>44331</c:v>
                </c:pt>
                <c:pt idx="7806">
                  <c:v>44332</c:v>
                </c:pt>
                <c:pt idx="7807">
                  <c:v>44333</c:v>
                </c:pt>
                <c:pt idx="7808">
                  <c:v>44334</c:v>
                </c:pt>
                <c:pt idx="7809">
                  <c:v>44335</c:v>
                </c:pt>
                <c:pt idx="7810">
                  <c:v>44336</c:v>
                </c:pt>
                <c:pt idx="7811">
                  <c:v>44337</c:v>
                </c:pt>
                <c:pt idx="7812">
                  <c:v>44338</c:v>
                </c:pt>
                <c:pt idx="7813">
                  <c:v>44339</c:v>
                </c:pt>
                <c:pt idx="7814">
                  <c:v>44340</c:v>
                </c:pt>
                <c:pt idx="7815">
                  <c:v>44341</c:v>
                </c:pt>
                <c:pt idx="7816">
                  <c:v>44342</c:v>
                </c:pt>
                <c:pt idx="7817">
                  <c:v>44343</c:v>
                </c:pt>
                <c:pt idx="7818">
                  <c:v>44344</c:v>
                </c:pt>
                <c:pt idx="7819">
                  <c:v>44345</c:v>
                </c:pt>
                <c:pt idx="7820">
                  <c:v>44346</c:v>
                </c:pt>
                <c:pt idx="7821">
                  <c:v>44347</c:v>
                </c:pt>
                <c:pt idx="7822">
                  <c:v>44348</c:v>
                </c:pt>
                <c:pt idx="7823">
                  <c:v>44349</c:v>
                </c:pt>
                <c:pt idx="7824">
                  <c:v>44350</c:v>
                </c:pt>
                <c:pt idx="7825">
                  <c:v>44351</c:v>
                </c:pt>
                <c:pt idx="7826">
                  <c:v>44352</c:v>
                </c:pt>
                <c:pt idx="7827">
                  <c:v>44353</c:v>
                </c:pt>
                <c:pt idx="7828">
                  <c:v>44354</c:v>
                </c:pt>
                <c:pt idx="7829">
                  <c:v>44355</c:v>
                </c:pt>
                <c:pt idx="7830">
                  <c:v>44356</c:v>
                </c:pt>
                <c:pt idx="7831">
                  <c:v>44357</c:v>
                </c:pt>
                <c:pt idx="7832">
                  <c:v>44358</c:v>
                </c:pt>
                <c:pt idx="7833">
                  <c:v>44359</c:v>
                </c:pt>
                <c:pt idx="7834">
                  <c:v>44360</c:v>
                </c:pt>
                <c:pt idx="7835">
                  <c:v>44361</c:v>
                </c:pt>
                <c:pt idx="7836">
                  <c:v>44362</c:v>
                </c:pt>
                <c:pt idx="7837">
                  <c:v>44363</c:v>
                </c:pt>
                <c:pt idx="7838">
                  <c:v>44364</c:v>
                </c:pt>
                <c:pt idx="7839">
                  <c:v>44365</c:v>
                </c:pt>
                <c:pt idx="7840">
                  <c:v>44366</c:v>
                </c:pt>
                <c:pt idx="7841">
                  <c:v>44367</c:v>
                </c:pt>
                <c:pt idx="7842">
                  <c:v>44368</c:v>
                </c:pt>
                <c:pt idx="7843">
                  <c:v>44369</c:v>
                </c:pt>
                <c:pt idx="7844">
                  <c:v>44370</c:v>
                </c:pt>
                <c:pt idx="7845">
                  <c:v>44371</c:v>
                </c:pt>
                <c:pt idx="7846">
                  <c:v>44372</c:v>
                </c:pt>
                <c:pt idx="7847">
                  <c:v>44373</c:v>
                </c:pt>
                <c:pt idx="7848">
                  <c:v>44374</c:v>
                </c:pt>
                <c:pt idx="7849">
                  <c:v>44375</c:v>
                </c:pt>
                <c:pt idx="7850">
                  <c:v>44376</c:v>
                </c:pt>
                <c:pt idx="7851">
                  <c:v>44377</c:v>
                </c:pt>
                <c:pt idx="7852">
                  <c:v>44378</c:v>
                </c:pt>
                <c:pt idx="7853">
                  <c:v>44379</c:v>
                </c:pt>
                <c:pt idx="7854">
                  <c:v>44380</c:v>
                </c:pt>
                <c:pt idx="7855">
                  <c:v>44381</c:v>
                </c:pt>
                <c:pt idx="7856">
                  <c:v>44382</c:v>
                </c:pt>
                <c:pt idx="7857">
                  <c:v>44383</c:v>
                </c:pt>
                <c:pt idx="7858">
                  <c:v>44384</c:v>
                </c:pt>
                <c:pt idx="7859">
                  <c:v>44385</c:v>
                </c:pt>
                <c:pt idx="7860">
                  <c:v>44386</c:v>
                </c:pt>
                <c:pt idx="7861">
                  <c:v>44387</c:v>
                </c:pt>
                <c:pt idx="7862">
                  <c:v>44388</c:v>
                </c:pt>
                <c:pt idx="7863">
                  <c:v>44389</c:v>
                </c:pt>
                <c:pt idx="7864">
                  <c:v>44390</c:v>
                </c:pt>
                <c:pt idx="7865">
                  <c:v>44391</c:v>
                </c:pt>
                <c:pt idx="7866">
                  <c:v>44392</c:v>
                </c:pt>
                <c:pt idx="7867">
                  <c:v>44393</c:v>
                </c:pt>
                <c:pt idx="7868">
                  <c:v>44394</c:v>
                </c:pt>
                <c:pt idx="7869">
                  <c:v>44395</c:v>
                </c:pt>
                <c:pt idx="7870">
                  <c:v>44396</c:v>
                </c:pt>
                <c:pt idx="7871">
                  <c:v>44397</c:v>
                </c:pt>
                <c:pt idx="7872">
                  <c:v>44398</c:v>
                </c:pt>
                <c:pt idx="7873">
                  <c:v>44399</c:v>
                </c:pt>
                <c:pt idx="7874">
                  <c:v>44400</c:v>
                </c:pt>
                <c:pt idx="7875">
                  <c:v>44401</c:v>
                </c:pt>
                <c:pt idx="7876">
                  <c:v>44402</c:v>
                </c:pt>
                <c:pt idx="7877">
                  <c:v>44403</c:v>
                </c:pt>
                <c:pt idx="7878">
                  <c:v>44404</c:v>
                </c:pt>
                <c:pt idx="7879">
                  <c:v>44405</c:v>
                </c:pt>
                <c:pt idx="7880">
                  <c:v>44406</c:v>
                </c:pt>
                <c:pt idx="7881">
                  <c:v>44407</c:v>
                </c:pt>
                <c:pt idx="7882">
                  <c:v>44408</c:v>
                </c:pt>
                <c:pt idx="7883">
                  <c:v>44409</c:v>
                </c:pt>
                <c:pt idx="7884">
                  <c:v>44410</c:v>
                </c:pt>
                <c:pt idx="7885">
                  <c:v>44411</c:v>
                </c:pt>
                <c:pt idx="7886">
                  <c:v>44412</c:v>
                </c:pt>
                <c:pt idx="7887">
                  <c:v>44413</c:v>
                </c:pt>
                <c:pt idx="7888">
                  <c:v>44414</c:v>
                </c:pt>
                <c:pt idx="7889">
                  <c:v>44415</c:v>
                </c:pt>
                <c:pt idx="7890">
                  <c:v>44416</c:v>
                </c:pt>
                <c:pt idx="7891">
                  <c:v>44417</c:v>
                </c:pt>
                <c:pt idx="7892">
                  <c:v>44418</c:v>
                </c:pt>
                <c:pt idx="7893">
                  <c:v>44419</c:v>
                </c:pt>
                <c:pt idx="7894">
                  <c:v>44420</c:v>
                </c:pt>
                <c:pt idx="7895">
                  <c:v>44421</c:v>
                </c:pt>
                <c:pt idx="7896">
                  <c:v>44422</c:v>
                </c:pt>
                <c:pt idx="7897">
                  <c:v>44423</c:v>
                </c:pt>
                <c:pt idx="7898">
                  <c:v>44424</c:v>
                </c:pt>
                <c:pt idx="7899">
                  <c:v>44425</c:v>
                </c:pt>
                <c:pt idx="7900">
                  <c:v>44426</c:v>
                </c:pt>
                <c:pt idx="7901">
                  <c:v>44427</c:v>
                </c:pt>
                <c:pt idx="7902">
                  <c:v>44428</c:v>
                </c:pt>
                <c:pt idx="7903">
                  <c:v>44429</c:v>
                </c:pt>
                <c:pt idx="7904">
                  <c:v>44430</c:v>
                </c:pt>
                <c:pt idx="7905">
                  <c:v>44431</c:v>
                </c:pt>
                <c:pt idx="7906">
                  <c:v>44432</c:v>
                </c:pt>
                <c:pt idx="7907">
                  <c:v>44433</c:v>
                </c:pt>
                <c:pt idx="7908">
                  <c:v>44434</c:v>
                </c:pt>
                <c:pt idx="7909">
                  <c:v>44435</c:v>
                </c:pt>
                <c:pt idx="7910">
                  <c:v>44436</c:v>
                </c:pt>
                <c:pt idx="7911">
                  <c:v>44437</c:v>
                </c:pt>
                <c:pt idx="7912">
                  <c:v>44438</c:v>
                </c:pt>
                <c:pt idx="7913">
                  <c:v>44439</c:v>
                </c:pt>
                <c:pt idx="7914">
                  <c:v>44440</c:v>
                </c:pt>
                <c:pt idx="7915">
                  <c:v>44441</c:v>
                </c:pt>
                <c:pt idx="7916">
                  <c:v>44442</c:v>
                </c:pt>
                <c:pt idx="7917">
                  <c:v>44443</c:v>
                </c:pt>
                <c:pt idx="7918">
                  <c:v>44444</c:v>
                </c:pt>
                <c:pt idx="7919">
                  <c:v>44445</c:v>
                </c:pt>
                <c:pt idx="7920">
                  <c:v>44446</c:v>
                </c:pt>
                <c:pt idx="7921">
                  <c:v>44447</c:v>
                </c:pt>
                <c:pt idx="7922">
                  <c:v>44448</c:v>
                </c:pt>
                <c:pt idx="7923">
                  <c:v>44449</c:v>
                </c:pt>
                <c:pt idx="7924">
                  <c:v>44450</c:v>
                </c:pt>
                <c:pt idx="7925">
                  <c:v>44451</c:v>
                </c:pt>
                <c:pt idx="7926">
                  <c:v>44452</c:v>
                </c:pt>
                <c:pt idx="7927">
                  <c:v>44453</c:v>
                </c:pt>
                <c:pt idx="7928">
                  <c:v>44454</c:v>
                </c:pt>
                <c:pt idx="7929">
                  <c:v>44455</c:v>
                </c:pt>
                <c:pt idx="7930">
                  <c:v>44456</c:v>
                </c:pt>
                <c:pt idx="7931">
                  <c:v>44457</c:v>
                </c:pt>
                <c:pt idx="7932">
                  <c:v>44458</c:v>
                </c:pt>
                <c:pt idx="7933">
                  <c:v>44459</c:v>
                </c:pt>
                <c:pt idx="7934">
                  <c:v>44460</c:v>
                </c:pt>
                <c:pt idx="7935">
                  <c:v>44461</c:v>
                </c:pt>
                <c:pt idx="7936">
                  <c:v>44462</c:v>
                </c:pt>
                <c:pt idx="7937">
                  <c:v>44463</c:v>
                </c:pt>
                <c:pt idx="7938">
                  <c:v>44464</c:v>
                </c:pt>
                <c:pt idx="7939">
                  <c:v>44465</c:v>
                </c:pt>
                <c:pt idx="7940">
                  <c:v>44466</c:v>
                </c:pt>
                <c:pt idx="7941">
                  <c:v>44467</c:v>
                </c:pt>
                <c:pt idx="7942">
                  <c:v>44468</c:v>
                </c:pt>
                <c:pt idx="7943">
                  <c:v>44469</c:v>
                </c:pt>
                <c:pt idx="7944">
                  <c:v>44470</c:v>
                </c:pt>
                <c:pt idx="7945">
                  <c:v>44471</c:v>
                </c:pt>
                <c:pt idx="7946">
                  <c:v>44472</c:v>
                </c:pt>
                <c:pt idx="7947">
                  <c:v>44473</c:v>
                </c:pt>
                <c:pt idx="7948">
                  <c:v>44474</c:v>
                </c:pt>
                <c:pt idx="7949">
                  <c:v>44475</c:v>
                </c:pt>
                <c:pt idx="7950">
                  <c:v>44476</c:v>
                </c:pt>
                <c:pt idx="7951">
                  <c:v>44477</c:v>
                </c:pt>
                <c:pt idx="7952">
                  <c:v>44478</c:v>
                </c:pt>
                <c:pt idx="7953">
                  <c:v>44479</c:v>
                </c:pt>
                <c:pt idx="7954">
                  <c:v>44480</c:v>
                </c:pt>
                <c:pt idx="7955">
                  <c:v>44481</c:v>
                </c:pt>
                <c:pt idx="7956">
                  <c:v>44482</c:v>
                </c:pt>
                <c:pt idx="7957">
                  <c:v>44483</c:v>
                </c:pt>
                <c:pt idx="7958">
                  <c:v>44484</c:v>
                </c:pt>
                <c:pt idx="7959">
                  <c:v>44485</c:v>
                </c:pt>
                <c:pt idx="7960">
                  <c:v>44486</c:v>
                </c:pt>
                <c:pt idx="7961">
                  <c:v>44487</c:v>
                </c:pt>
                <c:pt idx="7962">
                  <c:v>44488</c:v>
                </c:pt>
                <c:pt idx="7963">
                  <c:v>44489</c:v>
                </c:pt>
                <c:pt idx="7964">
                  <c:v>44490</c:v>
                </c:pt>
                <c:pt idx="7965">
                  <c:v>44491</c:v>
                </c:pt>
                <c:pt idx="7966">
                  <c:v>44492</c:v>
                </c:pt>
                <c:pt idx="7967">
                  <c:v>44493</c:v>
                </c:pt>
                <c:pt idx="7968">
                  <c:v>44494</c:v>
                </c:pt>
                <c:pt idx="7969">
                  <c:v>44495</c:v>
                </c:pt>
                <c:pt idx="7970">
                  <c:v>44496</c:v>
                </c:pt>
                <c:pt idx="7971">
                  <c:v>44497</c:v>
                </c:pt>
                <c:pt idx="7972">
                  <c:v>44498</c:v>
                </c:pt>
                <c:pt idx="7973">
                  <c:v>44499</c:v>
                </c:pt>
                <c:pt idx="7974">
                  <c:v>44500</c:v>
                </c:pt>
                <c:pt idx="7975">
                  <c:v>44501</c:v>
                </c:pt>
                <c:pt idx="7976">
                  <c:v>44502</c:v>
                </c:pt>
                <c:pt idx="7977">
                  <c:v>44503</c:v>
                </c:pt>
                <c:pt idx="7978">
                  <c:v>44504</c:v>
                </c:pt>
                <c:pt idx="7979">
                  <c:v>44505</c:v>
                </c:pt>
                <c:pt idx="7980">
                  <c:v>44506</c:v>
                </c:pt>
                <c:pt idx="7981">
                  <c:v>44507</c:v>
                </c:pt>
                <c:pt idx="7982">
                  <c:v>44508</c:v>
                </c:pt>
                <c:pt idx="7983">
                  <c:v>44509</c:v>
                </c:pt>
                <c:pt idx="7984">
                  <c:v>44510</c:v>
                </c:pt>
                <c:pt idx="7985">
                  <c:v>44511</c:v>
                </c:pt>
                <c:pt idx="7986">
                  <c:v>44512</c:v>
                </c:pt>
                <c:pt idx="7987">
                  <c:v>44513</c:v>
                </c:pt>
                <c:pt idx="7988">
                  <c:v>44514</c:v>
                </c:pt>
                <c:pt idx="7989">
                  <c:v>44515</c:v>
                </c:pt>
                <c:pt idx="7990">
                  <c:v>44516</c:v>
                </c:pt>
                <c:pt idx="7991">
                  <c:v>44517</c:v>
                </c:pt>
                <c:pt idx="7992">
                  <c:v>44518</c:v>
                </c:pt>
                <c:pt idx="7993">
                  <c:v>44519</c:v>
                </c:pt>
                <c:pt idx="7994">
                  <c:v>44520</c:v>
                </c:pt>
                <c:pt idx="7995">
                  <c:v>44521</c:v>
                </c:pt>
                <c:pt idx="7996">
                  <c:v>44522</c:v>
                </c:pt>
                <c:pt idx="7997">
                  <c:v>44523</c:v>
                </c:pt>
                <c:pt idx="7998">
                  <c:v>44524</c:v>
                </c:pt>
                <c:pt idx="7999">
                  <c:v>44525</c:v>
                </c:pt>
                <c:pt idx="8000">
                  <c:v>44526</c:v>
                </c:pt>
                <c:pt idx="8001">
                  <c:v>44527</c:v>
                </c:pt>
                <c:pt idx="8002">
                  <c:v>44528</c:v>
                </c:pt>
                <c:pt idx="8003">
                  <c:v>44529</c:v>
                </c:pt>
                <c:pt idx="8004">
                  <c:v>44530</c:v>
                </c:pt>
                <c:pt idx="8005">
                  <c:v>44531</c:v>
                </c:pt>
                <c:pt idx="8006">
                  <c:v>44532</c:v>
                </c:pt>
                <c:pt idx="8007">
                  <c:v>44533</c:v>
                </c:pt>
                <c:pt idx="8008">
                  <c:v>44534</c:v>
                </c:pt>
                <c:pt idx="8009">
                  <c:v>44535</c:v>
                </c:pt>
                <c:pt idx="8010">
                  <c:v>44536</c:v>
                </c:pt>
                <c:pt idx="8011">
                  <c:v>44537</c:v>
                </c:pt>
                <c:pt idx="8012">
                  <c:v>44538</c:v>
                </c:pt>
                <c:pt idx="8013">
                  <c:v>44539</c:v>
                </c:pt>
                <c:pt idx="8014">
                  <c:v>44540</c:v>
                </c:pt>
                <c:pt idx="8015">
                  <c:v>44541</c:v>
                </c:pt>
                <c:pt idx="8016">
                  <c:v>44542</c:v>
                </c:pt>
                <c:pt idx="8017">
                  <c:v>44543</c:v>
                </c:pt>
                <c:pt idx="8018">
                  <c:v>44544</c:v>
                </c:pt>
                <c:pt idx="8019">
                  <c:v>44545</c:v>
                </c:pt>
                <c:pt idx="8020">
                  <c:v>44546</c:v>
                </c:pt>
                <c:pt idx="8021">
                  <c:v>44547</c:v>
                </c:pt>
                <c:pt idx="8022">
                  <c:v>44548</c:v>
                </c:pt>
                <c:pt idx="8023">
                  <c:v>44549</c:v>
                </c:pt>
                <c:pt idx="8024">
                  <c:v>44550</c:v>
                </c:pt>
                <c:pt idx="8025">
                  <c:v>44551</c:v>
                </c:pt>
                <c:pt idx="8026">
                  <c:v>44552</c:v>
                </c:pt>
                <c:pt idx="8027">
                  <c:v>44553</c:v>
                </c:pt>
                <c:pt idx="8028">
                  <c:v>44554</c:v>
                </c:pt>
                <c:pt idx="8029">
                  <c:v>44555</c:v>
                </c:pt>
                <c:pt idx="8030">
                  <c:v>44556</c:v>
                </c:pt>
                <c:pt idx="8031">
                  <c:v>44557</c:v>
                </c:pt>
                <c:pt idx="8032">
                  <c:v>44558</c:v>
                </c:pt>
                <c:pt idx="8033">
                  <c:v>44559</c:v>
                </c:pt>
                <c:pt idx="8034">
                  <c:v>44560</c:v>
                </c:pt>
                <c:pt idx="8035">
                  <c:v>44561</c:v>
                </c:pt>
                <c:pt idx="8036">
                  <c:v>44562</c:v>
                </c:pt>
                <c:pt idx="8037">
                  <c:v>44563</c:v>
                </c:pt>
                <c:pt idx="8038">
                  <c:v>44564</c:v>
                </c:pt>
                <c:pt idx="8039">
                  <c:v>44565</c:v>
                </c:pt>
                <c:pt idx="8040">
                  <c:v>44566</c:v>
                </c:pt>
                <c:pt idx="8041">
                  <c:v>44567</c:v>
                </c:pt>
                <c:pt idx="8042">
                  <c:v>44568</c:v>
                </c:pt>
                <c:pt idx="8043">
                  <c:v>44569</c:v>
                </c:pt>
                <c:pt idx="8044">
                  <c:v>44570</c:v>
                </c:pt>
                <c:pt idx="8045">
                  <c:v>44571</c:v>
                </c:pt>
                <c:pt idx="8046">
                  <c:v>44572</c:v>
                </c:pt>
                <c:pt idx="8047">
                  <c:v>44573</c:v>
                </c:pt>
                <c:pt idx="8048">
                  <c:v>44574</c:v>
                </c:pt>
                <c:pt idx="8049">
                  <c:v>44575</c:v>
                </c:pt>
                <c:pt idx="8050">
                  <c:v>44576</c:v>
                </c:pt>
                <c:pt idx="8051">
                  <c:v>44577</c:v>
                </c:pt>
                <c:pt idx="8052">
                  <c:v>44578</c:v>
                </c:pt>
                <c:pt idx="8053">
                  <c:v>44579</c:v>
                </c:pt>
                <c:pt idx="8054">
                  <c:v>44580</c:v>
                </c:pt>
                <c:pt idx="8055">
                  <c:v>44581</c:v>
                </c:pt>
                <c:pt idx="8056">
                  <c:v>44582</c:v>
                </c:pt>
                <c:pt idx="8057">
                  <c:v>44583</c:v>
                </c:pt>
                <c:pt idx="8058">
                  <c:v>44584</c:v>
                </c:pt>
                <c:pt idx="8059">
                  <c:v>44585</c:v>
                </c:pt>
                <c:pt idx="8060">
                  <c:v>44586</c:v>
                </c:pt>
                <c:pt idx="8061">
                  <c:v>44587</c:v>
                </c:pt>
                <c:pt idx="8062">
                  <c:v>44588</c:v>
                </c:pt>
                <c:pt idx="8063">
                  <c:v>44589</c:v>
                </c:pt>
                <c:pt idx="8064">
                  <c:v>44590</c:v>
                </c:pt>
                <c:pt idx="8065">
                  <c:v>44591</c:v>
                </c:pt>
                <c:pt idx="8066">
                  <c:v>44592</c:v>
                </c:pt>
                <c:pt idx="8067">
                  <c:v>44593</c:v>
                </c:pt>
                <c:pt idx="8068">
                  <c:v>44594</c:v>
                </c:pt>
                <c:pt idx="8069">
                  <c:v>44595</c:v>
                </c:pt>
                <c:pt idx="8070">
                  <c:v>44596</c:v>
                </c:pt>
                <c:pt idx="8071">
                  <c:v>44597</c:v>
                </c:pt>
                <c:pt idx="8072">
                  <c:v>44598</c:v>
                </c:pt>
                <c:pt idx="8073">
                  <c:v>44599</c:v>
                </c:pt>
                <c:pt idx="8074">
                  <c:v>44600</c:v>
                </c:pt>
                <c:pt idx="8075">
                  <c:v>44601</c:v>
                </c:pt>
                <c:pt idx="8076">
                  <c:v>44602</c:v>
                </c:pt>
                <c:pt idx="8077">
                  <c:v>44603</c:v>
                </c:pt>
                <c:pt idx="8078">
                  <c:v>44604</c:v>
                </c:pt>
                <c:pt idx="8079">
                  <c:v>44605</c:v>
                </c:pt>
                <c:pt idx="8080">
                  <c:v>44606</c:v>
                </c:pt>
                <c:pt idx="8081">
                  <c:v>44607</c:v>
                </c:pt>
                <c:pt idx="8082">
                  <c:v>44608</c:v>
                </c:pt>
                <c:pt idx="8083">
                  <c:v>44609</c:v>
                </c:pt>
                <c:pt idx="8084">
                  <c:v>44610</c:v>
                </c:pt>
                <c:pt idx="8085">
                  <c:v>44611</c:v>
                </c:pt>
                <c:pt idx="8086">
                  <c:v>44612</c:v>
                </c:pt>
                <c:pt idx="8087">
                  <c:v>44613</c:v>
                </c:pt>
                <c:pt idx="8088">
                  <c:v>44614</c:v>
                </c:pt>
                <c:pt idx="8089">
                  <c:v>44615</c:v>
                </c:pt>
                <c:pt idx="8090">
                  <c:v>44616</c:v>
                </c:pt>
                <c:pt idx="8091">
                  <c:v>44617</c:v>
                </c:pt>
                <c:pt idx="8092">
                  <c:v>44618</c:v>
                </c:pt>
                <c:pt idx="8093">
                  <c:v>44619</c:v>
                </c:pt>
                <c:pt idx="8094">
                  <c:v>44620</c:v>
                </c:pt>
                <c:pt idx="8095">
                  <c:v>44621</c:v>
                </c:pt>
                <c:pt idx="8096">
                  <c:v>44622</c:v>
                </c:pt>
                <c:pt idx="8097">
                  <c:v>44623</c:v>
                </c:pt>
                <c:pt idx="8098">
                  <c:v>44624</c:v>
                </c:pt>
                <c:pt idx="8099">
                  <c:v>44625</c:v>
                </c:pt>
                <c:pt idx="8100">
                  <c:v>44626</c:v>
                </c:pt>
                <c:pt idx="8101">
                  <c:v>44627</c:v>
                </c:pt>
                <c:pt idx="8102">
                  <c:v>44628</c:v>
                </c:pt>
                <c:pt idx="8103">
                  <c:v>44629</c:v>
                </c:pt>
                <c:pt idx="8104">
                  <c:v>44630</c:v>
                </c:pt>
                <c:pt idx="8105">
                  <c:v>44631</c:v>
                </c:pt>
                <c:pt idx="8106">
                  <c:v>44632</c:v>
                </c:pt>
                <c:pt idx="8107">
                  <c:v>44633</c:v>
                </c:pt>
                <c:pt idx="8108">
                  <c:v>44634</c:v>
                </c:pt>
                <c:pt idx="8109">
                  <c:v>44635</c:v>
                </c:pt>
                <c:pt idx="8110">
                  <c:v>44636</c:v>
                </c:pt>
                <c:pt idx="8111">
                  <c:v>44637</c:v>
                </c:pt>
                <c:pt idx="8112">
                  <c:v>44638</c:v>
                </c:pt>
                <c:pt idx="8113">
                  <c:v>44639</c:v>
                </c:pt>
                <c:pt idx="8114">
                  <c:v>44640</c:v>
                </c:pt>
                <c:pt idx="8115">
                  <c:v>44641</c:v>
                </c:pt>
                <c:pt idx="8116">
                  <c:v>44642</c:v>
                </c:pt>
                <c:pt idx="8117">
                  <c:v>44643</c:v>
                </c:pt>
                <c:pt idx="8118">
                  <c:v>44644</c:v>
                </c:pt>
                <c:pt idx="8119">
                  <c:v>44645</c:v>
                </c:pt>
                <c:pt idx="8120">
                  <c:v>44646</c:v>
                </c:pt>
                <c:pt idx="8121">
                  <c:v>44647</c:v>
                </c:pt>
                <c:pt idx="8122">
                  <c:v>44648</c:v>
                </c:pt>
                <c:pt idx="8123">
                  <c:v>44649</c:v>
                </c:pt>
                <c:pt idx="8124">
                  <c:v>44650</c:v>
                </c:pt>
                <c:pt idx="8125">
                  <c:v>44651</c:v>
                </c:pt>
                <c:pt idx="8126">
                  <c:v>44652</c:v>
                </c:pt>
                <c:pt idx="8127">
                  <c:v>44653</c:v>
                </c:pt>
                <c:pt idx="8128">
                  <c:v>44654</c:v>
                </c:pt>
                <c:pt idx="8129">
                  <c:v>44655</c:v>
                </c:pt>
                <c:pt idx="8130">
                  <c:v>44656</c:v>
                </c:pt>
                <c:pt idx="8131">
                  <c:v>44657</c:v>
                </c:pt>
                <c:pt idx="8132">
                  <c:v>44658</c:v>
                </c:pt>
                <c:pt idx="8133">
                  <c:v>44659</c:v>
                </c:pt>
                <c:pt idx="8134">
                  <c:v>44660</c:v>
                </c:pt>
                <c:pt idx="8135">
                  <c:v>44661</c:v>
                </c:pt>
                <c:pt idx="8136">
                  <c:v>44662</c:v>
                </c:pt>
                <c:pt idx="8137">
                  <c:v>44663</c:v>
                </c:pt>
                <c:pt idx="8138">
                  <c:v>44664</c:v>
                </c:pt>
                <c:pt idx="8139">
                  <c:v>44665</c:v>
                </c:pt>
                <c:pt idx="8140">
                  <c:v>44666</c:v>
                </c:pt>
                <c:pt idx="8141">
                  <c:v>44667</c:v>
                </c:pt>
                <c:pt idx="8142">
                  <c:v>44668</c:v>
                </c:pt>
                <c:pt idx="8143">
                  <c:v>44669</c:v>
                </c:pt>
                <c:pt idx="8144">
                  <c:v>44670</c:v>
                </c:pt>
                <c:pt idx="8145">
                  <c:v>44671</c:v>
                </c:pt>
                <c:pt idx="8146">
                  <c:v>44672</c:v>
                </c:pt>
                <c:pt idx="8147">
                  <c:v>44673</c:v>
                </c:pt>
                <c:pt idx="8148">
                  <c:v>44674</c:v>
                </c:pt>
                <c:pt idx="8149">
                  <c:v>44675</c:v>
                </c:pt>
                <c:pt idx="8150">
                  <c:v>44676</c:v>
                </c:pt>
                <c:pt idx="8151">
                  <c:v>44677</c:v>
                </c:pt>
                <c:pt idx="8152">
                  <c:v>44678</c:v>
                </c:pt>
                <c:pt idx="8153">
                  <c:v>44679</c:v>
                </c:pt>
                <c:pt idx="8154">
                  <c:v>44680</c:v>
                </c:pt>
                <c:pt idx="8155">
                  <c:v>44681</c:v>
                </c:pt>
                <c:pt idx="8156">
                  <c:v>44682</c:v>
                </c:pt>
                <c:pt idx="8157">
                  <c:v>44683</c:v>
                </c:pt>
                <c:pt idx="8158">
                  <c:v>44684</c:v>
                </c:pt>
                <c:pt idx="8159">
                  <c:v>44685</c:v>
                </c:pt>
                <c:pt idx="8160">
                  <c:v>44686</c:v>
                </c:pt>
                <c:pt idx="8161">
                  <c:v>44687</c:v>
                </c:pt>
                <c:pt idx="8162">
                  <c:v>44688</c:v>
                </c:pt>
                <c:pt idx="8163">
                  <c:v>44689</c:v>
                </c:pt>
                <c:pt idx="8164">
                  <c:v>44690</c:v>
                </c:pt>
                <c:pt idx="8165">
                  <c:v>44691</c:v>
                </c:pt>
                <c:pt idx="8166">
                  <c:v>44692</c:v>
                </c:pt>
                <c:pt idx="8167">
                  <c:v>44693</c:v>
                </c:pt>
                <c:pt idx="8168">
                  <c:v>44694</c:v>
                </c:pt>
                <c:pt idx="8169">
                  <c:v>44695</c:v>
                </c:pt>
                <c:pt idx="8170">
                  <c:v>44696</c:v>
                </c:pt>
                <c:pt idx="8171">
                  <c:v>44697</c:v>
                </c:pt>
                <c:pt idx="8172">
                  <c:v>44698</c:v>
                </c:pt>
                <c:pt idx="8173">
                  <c:v>44699</c:v>
                </c:pt>
                <c:pt idx="8174">
                  <c:v>44700</c:v>
                </c:pt>
                <c:pt idx="8175">
                  <c:v>44701</c:v>
                </c:pt>
                <c:pt idx="8176">
                  <c:v>44702</c:v>
                </c:pt>
                <c:pt idx="8177">
                  <c:v>44703</c:v>
                </c:pt>
                <c:pt idx="8178">
                  <c:v>44704</c:v>
                </c:pt>
                <c:pt idx="8179">
                  <c:v>44705</c:v>
                </c:pt>
                <c:pt idx="8180">
                  <c:v>44706</c:v>
                </c:pt>
                <c:pt idx="8181">
                  <c:v>44707</c:v>
                </c:pt>
                <c:pt idx="8182">
                  <c:v>44708</c:v>
                </c:pt>
                <c:pt idx="8183">
                  <c:v>44709</c:v>
                </c:pt>
                <c:pt idx="8184">
                  <c:v>44710</c:v>
                </c:pt>
                <c:pt idx="8185">
                  <c:v>44711</c:v>
                </c:pt>
                <c:pt idx="8186">
                  <c:v>44712</c:v>
                </c:pt>
                <c:pt idx="8187">
                  <c:v>44713</c:v>
                </c:pt>
                <c:pt idx="8188">
                  <c:v>44714</c:v>
                </c:pt>
                <c:pt idx="8189">
                  <c:v>44715</c:v>
                </c:pt>
                <c:pt idx="8190">
                  <c:v>44716</c:v>
                </c:pt>
                <c:pt idx="8191">
                  <c:v>44717</c:v>
                </c:pt>
                <c:pt idx="8192">
                  <c:v>44718</c:v>
                </c:pt>
                <c:pt idx="8193">
                  <c:v>44719</c:v>
                </c:pt>
                <c:pt idx="8194">
                  <c:v>44720</c:v>
                </c:pt>
                <c:pt idx="8195">
                  <c:v>44721</c:v>
                </c:pt>
                <c:pt idx="8196">
                  <c:v>44722</c:v>
                </c:pt>
                <c:pt idx="8197">
                  <c:v>44723</c:v>
                </c:pt>
                <c:pt idx="8198">
                  <c:v>44724</c:v>
                </c:pt>
                <c:pt idx="8199">
                  <c:v>44725</c:v>
                </c:pt>
                <c:pt idx="8200">
                  <c:v>44726</c:v>
                </c:pt>
                <c:pt idx="8201">
                  <c:v>44727</c:v>
                </c:pt>
                <c:pt idx="8202">
                  <c:v>44728</c:v>
                </c:pt>
                <c:pt idx="8203">
                  <c:v>44729</c:v>
                </c:pt>
                <c:pt idx="8204">
                  <c:v>44730</c:v>
                </c:pt>
                <c:pt idx="8205">
                  <c:v>44731</c:v>
                </c:pt>
                <c:pt idx="8206">
                  <c:v>44732</c:v>
                </c:pt>
                <c:pt idx="8207">
                  <c:v>44733</c:v>
                </c:pt>
                <c:pt idx="8208">
                  <c:v>44734</c:v>
                </c:pt>
                <c:pt idx="8209">
                  <c:v>44735</c:v>
                </c:pt>
                <c:pt idx="8210">
                  <c:v>44736</c:v>
                </c:pt>
                <c:pt idx="8211">
                  <c:v>44737</c:v>
                </c:pt>
                <c:pt idx="8212">
                  <c:v>44738</c:v>
                </c:pt>
                <c:pt idx="8213">
                  <c:v>44739</c:v>
                </c:pt>
                <c:pt idx="8214">
                  <c:v>44740</c:v>
                </c:pt>
                <c:pt idx="8215">
                  <c:v>44741</c:v>
                </c:pt>
                <c:pt idx="8216">
                  <c:v>44742</c:v>
                </c:pt>
                <c:pt idx="8217">
                  <c:v>44743</c:v>
                </c:pt>
                <c:pt idx="8218">
                  <c:v>44744</c:v>
                </c:pt>
                <c:pt idx="8219">
                  <c:v>44745</c:v>
                </c:pt>
                <c:pt idx="8220">
                  <c:v>44746</c:v>
                </c:pt>
                <c:pt idx="8221">
                  <c:v>44747</c:v>
                </c:pt>
                <c:pt idx="8222">
                  <c:v>44748</c:v>
                </c:pt>
                <c:pt idx="8223">
                  <c:v>44749</c:v>
                </c:pt>
                <c:pt idx="8224">
                  <c:v>44750</c:v>
                </c:pt>
                <c:pt idx="8225">
                  <c:v>44751</c:v>
                </c:pt>
                <c:pt idx="8226">
                  <c:v>44752</c:v>
                </c:pt>
                <c:pt idx="8227">
                  <c:v>44753</c:v>
                </c:pt>
                <c:pt idx="8228">
                  <c:v>44754</c:v>
                </c:pt>
                <c:pt idx="8229">
                  <c:v>44755</c:v>
                </c:pt>
                <c:pt idx="8230">
                  <c:v>44756</c:v>
                </c:pt>
                <c:pt idx="8231">
                  <c:v>44757</c:v>
                </c:pt>
                <c:pt idx="8232">
                  <c:v>44758</c:v>
                </c:pt>
                <c:pt idx="8233">
                  <c:v>44759</c:v>
                </c:pt>
                <c:pt idx="8234">
                  <c:v>44760</c:v>
                </c:pt>
                <c:pt idx="8235">
                  <c:v>44761</c:v>
                </c:pt>
                <c:pt idx="8236">
                  <c:v>44762</c:v>
                </c:pt>
                <c:pt idx="8237">
                  <c:v>44763</c:v>
                </c:pt>
                <c:pt idx="8238">
                  <c:v>44764</c:v>
                </c:pt>
                <c:pt idx="8239">
                  <c:v>44765</c:v>
                </c:pt>
                <c:pt idx="8240">
                  <c:v>44766</c:v>
                </c:pt>
                <c:pt idx="8241">
                  <c:v>44767</c:v>
                </c:pt>
                <c:pt idx="8242">
                  <c:v>44768</c:v>
                </c:pt>
                <c:pt idx="8243">
                  <c:v>44769</c:v>
                </c:pt>
                <c:pt idx="8244">
                  <c:v>44770</c:v>
                </c:pt>
                <c:pt idx="8245">
                  <c:v>44771</c:v>
                </c:pt>
                <c:pt idx="8246">
                  <c:v>44772</c:v>
                </c:pt>
                <c:pt idx="8247">
                  <c:v>44773</c:v>
                </c:pt>
                <c:pt idx="8248">
                  <c:v>44774</c:v>
                </c:pt>
                <c:pt idx="8249">
                  <c:v>44775</c:v>
                </c:pt>
                <c:pt idx="8250">
                  <c:v>44776</c:v>
                </c:pt>
                <c:pt idx="8251">
                  <c:v>44777</c:v>
                </c:pt>
                <c:pt idx="8252">
                  <c:v>44778</c:v>
                </c:pt>
                <c:pt idx="8253">
                  <c:v>44779</c:v>
                </c:pt>
                <c:pt idx="8254">
                  <c:v>44780</c:v>
                </c:pt>
                <c:pt idx="8255">
                  <c:v>44781</c:v>
                </c:pt>
                <c:pt idx="8256">
                  <c:v>44782</c:v>
                </c:pt>
                <c:pt idx="8257">
                  <c:v>44783</c:v>
                </c:pt>
                <c:pt idx="8258">
                  <c:v>44784</c:v>
                </c:pt>
                <c:pt idx="8259">
                  <c:v>44785</c:v>
                </c:pt>
                <c:pt idx="8260">
                  <c:v>44786</c:v>
                </c:pt>
                <c:pt idx="8261">
                  <c:v>44787</c:v>
                </c:pt>
                <c:pt idx="8262">
                  <c:v>44788</c:v>
                </c:pt>
                <c:pt idx="8263">
                  <c:v>44789</c:v>
                </c:pt>
                <c:pt idx="8264">
                  <c:v>44790</c:v>
                </c:pt>
                <c:pt idx="8265">
                  <c:v>44791</c:v>
                </c:pt>
                <c:pt idx="8266">
                  <c:v>44792</c:v>
                </c:pt>
                <c:pt idx="8267">
                  <c:v>44793</c:v>
                </c:pt>
                <c:pt idx="8268">
                  <c:v>44794</c:v>
                </c:pt>
                <c:pt idx="8269">
                  <c:v>44795</c:v>
                </c:pt>
                <c:pt idx="8270">
                  <c:v>44796</c:v>
                </c:pt>
                <c:pt idx="8271">
                  <c:v>44797</c:v>
                </c:pt>
                <c:pt idx="8272">
                  <c:v>44798</c:v>
                </c:pt>
                <c:pt idx="8273">
                  <c:v>44799</c:v>
                </c:pt>
                <c:pt idx="8274">
                  <c:v>44800</c:v>
                </c:pt>
                <c:pt idx="8275">
                  <c:v>44801</c:v>
                </c:pt>
                <c:pt idx="8276">
                  <c:v>44802</c:v>
                </c:pt>
                <c:pt idx="8277">
                  <c:v>44803</c:v>
                </c:pt>
                <c:pt idx="8278">
                  <c:v>44804</c:v>
                </c:pt>
                <c:pt idx="8279">
                  <c:v>44805</c:v>
                </c:pt>
                <c:pt idx="8280">
                  <c:v>44806</c:v>
                </c:pt>
                <c:pt idx="8281">
                  <c:v>44807</c:v>
                </c:pt>
                <c:pt idx="8282">
                  <c:v>44808</c:v>
                </c:pt>
                <c:pt idx="8283">
                  <c:v>44809</c:v>
                </c:pt>
                <c:pt idx="8284">
                  <c:v>44810</c:v>
                </c:pt>
                <c:pt idx="8285">
                  <c:v>44811</c:v>
                </c:pt>
                <c:pt idx="8286">
                  <c:v>44812</c:v>
                </c:pt>
                <c:pt idx="8287">
                  <c:v>44813</c:v>
                </c:pt>
                <c:pt idx="8288">
                  <c:v>44814</c:v>
                </c:pt>
                <c:pt idx="8289">
                  <c:v>44815</c:v>
                </c:pt>
                <c:pt idx="8290">
                  <c:v>44816</c:v>
                </c:pt>
                <c:pt idx="8291">
                  <c:v>44817</c:v>
                </c:pt>
                <c:pt idx="8292">
                  <c:v>44818</c:v>
                </c:pt>
                <c:pt idx="8293">
                  <c:v>44819</c:v>
                </c:pt>
                <c:pt idx="8294">
                  <c:v>44820</c:v>
                </c:pt>
                <c:pt idx="8295">
                  <c:v>44821</c:v>
                </c:pt>
                <c:pt idx="8296">
                  <c:v>44822</c:v>
                </c:pt>
                <c:pt idx="8297">
                  <c:v>44823</c:v>
                </c:pt>
                <c:pt idx="8298">
                  <c:v>44824</c:v>
                </c:pt>
                <c:pt idx="8299">
                  <c:v>44825</c:v>
                </c:pt>
                <c:pt idx="8300">
                  <c:v>44826</c:v>
                </c:pt>
                <c:pt idx="8301">
                  <c:v>44827</c:v>
                </c:pt>
                <c:pt idx="8302">
                  <c:v>44828</c:v>
                </c:pt>
                <c:pt idx="8303">
                  <c:v>44829</c:v>
                </c:pt>
                <c:pt idx="8304">
                  <c:v>44830</c:v>
                </c:pt>
                <c:pt idx="8305">
                  <c:v>44831</c:v>
                </c:pt>
                <c:pt idx="8306">
                  <c:v>44832</c:v>
                </c:pt>
                <c:pt idx="8307">
                  <c:v>44833</c:v>
                </c:pt>
                <c:pt idx="8308">
                  <c:v>44834</c:v>
                </c:pt>
                <c:pt idx="8309">
                  <c:v>44835</c:v>
                </c:pt>
                <c:pt idx="8310">
                  <c:v>44836</c:v>
                </c:pt>
                <c:pt idx="8311">
                  <c:v>44837</c:v>
                </c:pt>
                <c:pt idx="8312">
                  <c:v>44838</c:v>
                </c:pt>
                <c:pt idx="8313">
                  <c:v>44839</c:v>
                </c:pt>
                <c:pt idx="8314">
                  <c:v>44840</c:v>
                </c:pt>
                <c:pt idx="8315">
                  <c:v>44841</c:v>
                </c:pt>
                <c:pt idx="8316">
                  <c:v>44842</c:v>
                </c:pt>
                <c:pt idx="8317">
                  <c:v>44843</c:v>
                </c:pt>
                <c:pt idx="8318">
                  <c:v>44844</c:v>
                </c:pt>
                <c:pt idx="8319">
                  <c:v>44845</c:v>
                </c:pt>
                <c:pt idx="8320">
                  <c:v>44846</c:v>
                </c:pt>
                <c:pt idx="8321">
                  <c:v>44847</c:v>
                </c:pt>
                <c:pt idx="8322">
                  <c:v>44848</c:v>
                </c:pt>
                <c:pt idx="8323">
                  <c:v>44849</c:v>
                </c:pt>
                <c:pt idx="8324">
                  <c:v>44850</c:v>
                </c:pt>
                <c:pt idx="8325">
                  <c:v>44851</c:v>
                </c:pt>
                <c:pt idx="8326">
                  <c:v>44852</c:v>
                </c:pt>
                <c:pt idx="8327">
                  <c:v>44853</c:v>
                </c:pt>
                <c:pt idx="8328">
                  <c:v>44854</c:v>
                </c:pt>
                <c:pt idx="8329">
                  <c:v>44855</c:v>
                </c:pt>
                <c:pt idx="8330">
                  <c:v>44856</c:v>
                </c:pt>
                <c:pt idx="8331">
                  <c:v>44857</c:v>
                </c:pt>
                <c:pt idx="8332">
                  <c:v>44858</c:v>
                </c:pt>
                <c:pt idx="8333">
                  <c:v>44859</c:v>
                </c:pt>
                <c:pt idx="8334">
                  <c:v>44860</c:v>
                </c:pt>
                <c:pt idx="8335">
                  <c:v>44861</c:v>
                </c:pt>
                <c:pt idx="8336">
                  <c:v>44862</c:v>
                </c:pt>
                <c:pt idx="8337">
                  <c:v>44863</c:v>
                </c:pt>
                <c:pt idx="8338">
                  <c:v>44864</c:v>
                </c:pt>
                <c:pt idx="8339">
                  <c:v>44865</c:v>
                </c:pt>
                <c:pt idx="8340">
                  <c:v>44866</c:v>
                </c:pt>
                <c:pt idx="8341">
                  <c:v>44867</c:v>
                </c:pt>
                <c:pt idx="8342">
                  <c:v>44868</c:v>
                </c:pt>
                <c:pt idx="8343">
                  <c:v>44869</c:v>
                </c:pt>
                <c:pt idx="8344">
                  <c:v>44870</c:v>
                </c:pt>
                <c:pt idx="8345">
                  <c:v>44871</c:v>
                </c:pt>
                <c:pt idx="8346">
                  <c:v>44872</c:v>
                </c:pt>
                <c:pt idx="8347">
                  <c:v>44873</c:v>
                </c:pt>
                <c:pt idx="8348">
                  <c:v>44874</c:v>
                </c:pt>
                <c:pt idx="8349">
                  <c:v>44875</c:v>
                </c:pt>
                <c:pt idx="8350">
                  <c:v>44876</c:v>
                </c:pt>
                <c:pt idx="8351">
                  <c:v>44877</c:v>
                </c:pt>
                <c:pt idx="8352">
                  <c:v>44878</c:v>
                </c:pt>
                <c:pt idx="8353">
                  <c:v>44879</c:v>
                </c:pt>
                <c:pt idx="8354">
                  <c:v>44880</c:v>
                </c:pt>
                <c:pt idx="8355">
                  <c:v>44881</c:v>
                </c:pt>
                <c:pt idx="8356">
                  <c:v>44882</c:v>
                </c:pt>
                <c:pt idx="8357">
                  <c:v>44883</c:v>
                </c:pt>
                <c:pt idx="8358">
                  <c:v>44884</c:v>
                </c:pt>
                <c:pt idx="8359">
                  <c:v>44885</c:v>
                </c:pt>
                <c:pt idx="8360">
                  <c:v>44886</c:v>
                </c:pt>
                <c:pt idx="8361">
                  <c:v>44887</c:v>
                </c:pt>
                <c:pt idx="8362">
                  <c:v>44888</c:v>
                </c:pt>
                <c:pt idx="8363">
                  <c:v>44889</c:v>
                </c:pt>
                <c:pt idx="8364">
                  <c:v>44890</c:v>
                </c:pt>
                <c:pt idx="8365">
                  <c:v>44891</c:v>
                </c:pt>
                <c:pt idx="8366">
                  <c:v>44892</c:v>
                </c:pt>
                <c:pt idx="8367">
                  <c:v>44893</c:v>
                </c:pt>
                <c:pt idx="8368">
                  <c:v>44894</c:v>
                </c:pt>
                <c:pt idx="8369">
                  <c:v>44895</c:v>
                </c:pt>
                <c:pt idx="8370">
                  <c:v>44896</c:v>
                </c:pt>
                <c:pt idx="8371">
                  <c:v>44897</c:v>
                </c:pt>
                <c:pt idx="8372">
                  <c:v>44898</c:v>
                </c:pt>
                <c:pt idx="8373">
                  <c:v>44899</c:v>
                </c:pt>
                <c:pt idx="8374">
                  <c:v>44900</c:v>
                </c:pt>
                <c:pt idx="8375">
                  <c:v>44901</c:v>
                </c:pt>
                <c:pt idx="8376">
                  <c:v>44902</c:v>
                </c:pt>
                <c:pt idx="8377">
                  <c:v>44903</c:v>
                </c:pt>
                <c:pt idx="8378">
                  <c:v>44904</c:v>
                </c:pt>
                <c:pt idx="8379">
                  <c:v>44905</c:v>
                </c:pt>
                <c:pt idx="8380">
                  <c:v>44906</c:v>
                </c:pt>
                <c:pt idx="8381">
                  <c:v>44907</c:v>
                </c:pt>
                <c:pt idx="8382">
                  <c:v>44908</c:v>
                </c:pt>
                <c:pt idx="8383">
                  <c:v>44909</c:v>
                </c:pt>
                <c:pt idx="8384">
                  <c:v>44910</c:v>
                </c:pt>
                <c:pt idx="8385">
                  <c:v>44911</c:v>
                </c:pt>
                <c:pt idx="8386">
                  <c:v>44912</c:v>
                </c:pt>
                <c:pt idx="8387">
                  <c:v>44913</c:v>
                </c:pt>
                <c:pt idx="8388">
                  <c:v>44914</c:v>
                </c:pt>
                <c:pt idx="8389">
                  <c:v>44915</c:v>
                </c:pt>
                <c:pt idx="8390">
                  <c:v>44916</c:v>
                </c:pt>
                <c:pt idx="8391">
                  <c:v>44917</c:v>
                </c:pt>
                <c:pt idx="8392">
                  <c:v>44918</c:v>
                </c:pt>
                <c:pt idx="8393">
                  <c:v>44919</c:v>
                </c:pt>
                <c:pt idx="8394">
                  <c:v>44920</c:v>
                </c:pt>
                <c:pt idx="8395">
                  <c:v>44921</c:v>
                </c:pt>
                <c:pt idx="8396">
                  <c:v>44922</c:v>
                </c:pt>
                <c:pt idx="8397">
                  <c:v>44923</c:v>
                </c:pt>
                <c:pt idx="8398">
                  <c:v>44924</c:v>
                </c:pt>
                <c:pt idx="8399">
                  <c:v>44925</c:v>
                </c:pt>
                <c:pt idx="8400">
                  <c:v>44926</c:v>
                </c:pt>
                <c:pt idx="8401">
                  <c:v>44927</c:v>
                </c:pt>
                <c:pt idx="8402">
                  <c:v>44928</c:v>
                </c:pt>
                <c:pt idx="8403">
                  <c:v>44929</c:v>
                </c:pt>
                <c:pt idx="8404">
                  <c:v>44930</c:v>
                </c:pt>
                <c:pt idx="8405">
                  <c:v>44931</c:v>
                </c:pt>
                <c:pt idx="8406">
                  <c:v>44932</c:v>
                </c:pt>
                <c:pt idx="8407">
                  <c:v>44933</c:v>
                </c:pt>
                <c:pt idx="8408">
                  <c:v>44934</c:v>
                </c:pt>
                <c:pt idx="8409">
                  <c:v>44935</c:v>
                </c:pt>
                <c:pt idx="8410">
                  <c:v>44936</c:v>
                </c:pt>
                <c:pt idx="8411">
                  <c:v>44937</c:v>
                </c:pt>
                <c:pt idx="8412">
                  <c:v>44938</c:v>
                </c:pt>
                <c:pt idx="8413">
                  <c:v>44939</c:v>
                </c:pt>
                <c:pt idx="8414">
                  <c:v>44940</c:v>
                </c:pt>
                <c:pt idx="8415">
                  <c:v>44941</c:v>
                </c:pt>
                <c:pt idx="8416">
                  <c:v>44942</c:v>
                </c:pt>
                <c:pt idx="8417">
                  <c:v>44943</c:v>
                </c:pt>
                <c:pt idx="8418">
                  <c:v>44944</c:v>
                </c:pt>
                <c:pt idx="8419">
                  <c:v>44945</c:v>
                </c:pt>
                <c:pt idx="8420">
                  <c:v>44946</c:v>
                </c:pt>
                <c:pt idx="8421">
                  <c:v>44947</c:v>
                </c:pt>
                <c:pt idx="8422">
                  <c:v>44948</c:v>
                </c:pt>
                <c:pt idx="8423">
                  <c:v>44949</c:v>
                </c:pt>
                <c:pt idx="8424">
                  <c:v>44950</c:v>
                </c:pt>
                <c:pt idx="8425">
                  <c:v>44951</c:v>
                </c:pt>
                <c:pt idx="8426">
                  <c:v>44952</c:v>
                </c:pt>
                <c:pt idx="8427">
                  <c:v>44953</c:v>
                </c:pt>
                <c:pt idx="8428">
                  <c:v>44954</c:v>
                </c:pt>
                <c:pt idx="8429">
                  <c:v>44955</c:v>
                </c:pt>
                <c:pt idx="8430">
                  <c:v>44956</c:v>
                </c:pt>
                <c:pt idx="8431">
                  <c:v>44957</c:v>
                </c:pt>
                <c:pt idx="8432">
                  <c:v>44958</c:v>
                </c:pt>
                <c:pt idx="8433">
                  <c:v>44959</c:v>
                </c:pt>
                <c:pt idx="8434">
                  <c:v>44960</c:v>
                </c:pt>
                <c:pt idx="8435">
                  <c:v>44961</c:v>
                </c:pt>
                <c:pt idx="8436">
                  <c:v>44962</c:v>
                </c:pt>
                <c:pt idx="8437">
                  <c:v>44963</c:v>
                </c:pt>
                <c:pt idx="8438">
                  <c:v>44964</c:v>
                </c:pt>
                <c:pt idx="8439">
                  <c:v>44965</c:v>
                </c:pt>
                <c:pt idx="8440">
                  <c:v>44966</c:v>
                </c:pt>
                <c:pt idx="8441">
                  <c:v>44967</c:v>
                </c:pt>
                <c:pt idx="8442">
                  <c:v>44968</c:v>
                </c:pt>
                <c:pt idx="8443">
                  <c:v>44969</c:v>
                </c:pt>
                <c:pt idx="8444">
                  <c:v>44970</c:v>
                </c:pt>
                <c:pt idx="8445">
                  <c:v>44971</c:v>
                </c:pt>
                <c:pt idx="8446">
                  <c:v>44972</c:v>
                </c:pt>
                <c:pt idx="8447">
                  <c:v>44973</c:v>
                </c:pt>
                <c:pt idx="8448">
                  <c:v>44974</c:v>
                </c:pt>
                <c:pt idx="8449">
                  <c:v>44975</c:v>
                </c:pt>
                <c:pt idx="8450">
                  <c:v>44976</c:v>
                </c:pt>
                <c:pt idx="8451">
                  <c:v>44977</c:v>
                </c:pt>
                <c:pt idx="8452">
                  <c:v>44978</c:v>
                </c:pt>
                <c:pt idx="8453">
                  <c:v>44979</c:v>
                </c:pt>
                <c:pt idx="8454">
                  <c:v>44980</c:v>
                </c:pt>
                <c:pt idx="8455">
                  <c:v>44981</c:v>
                </c:pt>
                <c:pt idx="8456">
                  <c:v>44982</c:v>
                </c:pt>
                <c:pt idx="8457">
                  <c:v>44983</c:v>
                </c:pt>
                <c:pt idx="8458">
                  <c:v>44984</c:v>
                </c:pt>
                <c:pt idx="8459">
                  <c:v>44985</c:v>
                </c:pt>
                <c:pt idx="8460">
                  <c:v>44986</c:v>
                </c:pt>
                <c:pt idx="8461">
                  <c:v>44987</c:v>
                </c:pt>
                <c:pt idx="8462">
                  <c:v>44988</c:v>
                </c:pt>
                <c:pt idx="8463">
                  <c:v>44989</c:v>
                </c:pt>
                <c:pt idx="8464">
                  <c:v>44990</c:v>
                </c:pt>
                <c:pt idx="8465">
                  <c:v>44991</c:v>
                </c:pt>
                <c:pt idx="8466">
                  <c:v>44992</c:v>
                </c:pt>
                <c:pt idx="8467">
                  <c:v>44993</c:v>
                </c:pt>
                <c:pt idx="8468">
                  <c:v>44994</c:v>
                </c:pt>
                <c:pt idx="8469">
                  <c:v>44995</c:v>
                </c:pt>
                <c:pt idx="8470">
                  <c:v>44996</c:v>
                </c:pt>
                <c:pt idx="8471">
                  <c:v>44997</c:v>
                </c:pt>
                <c:pt idx="8472">
                  <c:v>44998</c:v>
                </c:pt>
                <c:pt idx="8473">
                  <c:v>44999</c:v>
                </c:pt>
                <c:pt idx="8474">
                  <c:v>45000</c:v>
                </c:pt>
                <c:pt idx="8475">
                  <c:v>45001</c:v>
                </c:pt>
                <c:pt idx="8476">
                  <c:v>45002</c:v>
                </c:pt>
                <c:pt idx="8477">
                  <c:v>45003</c:v>
                </c:pt>
                <c:pt idx="8478">
                  <c:v>45004</c:v>
                </c:pt>
                <c:pt idx="8479">
                  <c:v>45005</c:v>
                </c:pt>
                <c:pt idx="8480">
                  <c:v>45006</c:v>
                </c:pt>
                <c:pt idx="8481">
                  <c:v>45007</c:v>
                </c:pt>
                <c:pt idx="8482">
                  <c:v>45008</c:v>
                </c:pt>
                <c:pt idx="8483">
                  <c:v>45009</c:v>
                </c:pt>
                <c:pt idx="8484">
                  <c:v>45010</c:v>
                </c:pt>
                <c:pt idx="8485">
                  <c:v>45011</c:v>
                </c:pt>
                <c:pt idx="8486">
                  <c:v>45012</c:v>
                </c:pt>
                <c:pt idx="8487">
                  <c:v>45013</c:v>
                </c:pt>
                <c:pt idx="8488">
                  <c:v>45014</c:v>
                </c:pt>
                <c:pt idx="8489">
                  <c:v>45015</c:v>
                </c:pt>
                <c:pt idx="8490">
                  <c:v>45016</c:v>
                </c:pt>
                <c:pt idx="8491">
                  <c:v>45017</c:v>
                </c:pt>
                <c:pt idx="8492">
                  <c:v>45018</c:v>
                </c:pt>
                <c:pt idx="8493">
                  <c:v>45019</c:v>
                </c:pt>
                <c:pt idx="8494">
                  <c:v>45020</c:v>
                </c:pt>
                <c:pt idx="8495">
                  <c:v>45021</c:v>
                </c:pt>
                <c:pt idx="8496">
                  <c:v>45022</c:v>
                </c:pt>
                <c:pt idx="8497">
                  <c:v>45023</c:v>
                </c:pt>
                <c:pt idx="8498">
                  <c:v>45024</c:v>
                </c:pt>
                <c:pt idx="8499">
                  <c:v>45025</c:v>
                </c:pt>
                <c:pt idx="8500">
                  <c:v>45026</c:v>
                </c:pt>
                <c:pt idx="8501">
                  <c:v>45027</c:v>
                </c:pt>
                <c:pt idx="8502">
                  <c:v>45028</c:v>
                </c:pt>
                <c:pt idx="8503">
                  <c:v>45029</c:v>
                </c:pt>
                <c:pt idx="8504">
                  <c:v>45030</c:v>
                </c:pt>
                <c:pt idx="8505">
                  <c:v>45031</c:v>
                </c:pt>
                <c:pt idx="8506">
                  <c:v>45032</c:v>
                </c:pt>
                <c:pt idx="8507">
                  <c:v>45033</c:v>
                </c:pt>
                <c:pt idx="8508">
                  <c:v>45034</c:v>
                </c:pt>
                <c:pt idx="8509">
                  <c:v>45035</c:v>
                </c:pt>
                <c:pt idx="8510">
                  <c:v>45036</c:v>
                </c:pt>
                <c:pt idx="8511">
                  <c:v>45037</c:v>
                </c:pt>
                <c:pt idx="8512">
                  <c:v>45038</c:v>
                </c:pt>
                <c:pt idx="8513">
                  <c:v>45039</c:v>
                </c:pt>
                <c:pt idx="8514">
                  <c:v>45040</c:v>
                </c:pt>
                <c:pt idx="8515">
                  <c:v>45041</c:v>
                </c:pt>
                <c:pt idx="8516">
                  <c:v>45042</c:v>
                </c:pt>
                <c:pt idx="8517">
                  <c:v>45043</c:v>
                </c:pt>
                <c:pt idx="8518">
                  <c:v>45044</c:v>
                </c:pt>
                <c:pt idx="8519">
                  <c:v>45045</c:v>
                </c:pt>
                <c:pt idx="8520">
                  <c:v>45046</c:v>
                </c:pt>
                <c:pt idx="8521">
                  <c:v>45047</c:v>
                </c:pt>
                <c:pt idx="8522">
                  <c:v>45048</c:v>
                </c:pt>
                <c:pt idx="8523">
                  <c:v>45049</c:v>
                </c:pt>
                <c:pt idx="8524">
                  <c:v>45050</c:v>
                </c:pt>
                <c:pt idx="8525">
                  <c:v>45051</c:v>
                </c:pt>
                <c:pt idx="8526">
                  <c:v>45052</c:v>
                </c:pt>
                <c:pt idx="8527">
                  <c:v>45053</c:v>
                </c:pt>
                <c:pt idx="8528">
                  <c:v>45054</c:v>
                </c:pt>
                <c:pt idx="8529">
                  <c:v>45055</c:v>
                </c:pt>
                <c:pt idx="8530">
                  <c:v>45056</c:v>
                </c:pt>
                <c:pt idx="8531">
                  <c:v>45057</c:v>
                </c:pt>
                <c:pt idx="8532">
                  <c:v>45058</c:v>
                </c:pt>
                <c:pt idx="8533">
                  <c:v>45059</c:v>
                </c:pt>
                <c:pt idx="8534">
                  <c:v>45060</c:v>
                </c:pt>
                <c:pt idx="8535">
                  <c:v>45061</c:v>
                </c:pt>
                <c:pt idx="8536">
                  <c:v>45062</c:v>
                </c:pt>
                <c:pt idx="8537">
                  <c:v>45063</c:v>
                </c:pt>
                <c:pt idx="8538">
                  <c:v>45064</c:v>
                </c:pt>
                <c:pt idx="8539">
                  <c:v>45065</c:v>
                </c:pt>
                <c:pt idx="8540">
                  <c:v>45066</c:v>
                </c:pt>
                <c:pt idx="8541">
                  <c:v>45067</c:v>
                </c:pt>
                <c:pt idx="8542">
                  <c:v>45068</c:v>
                </c:pt>
                <c:pt idx="8543">
                  <c:v>45069</c:v>
                </c:pt>
                <c:pt idx="8544">
                  <c:v>45070</c:v>
                </c:pt>
                <c:pt idx="8545">
                  <c:v>45071</c:v>
                </c:pt>
                <c:pt idx="8546">
                  <c:v>45072</c:v>
                </c:pt>
                <c:pt idx="8547">
                  <c:v>45073</c:v>
                </c:pt>
                <c:pt idx="8548">
                  <c:v>45074</c:v>
                </c:pt>
                <c:pt idx="8549">
                  <c:v>45075</c:v>
                </c:pt>
                <c:pt idx="8550">
                  <c:v>45076</c:v>
                </c:pt>
                <c:pt idx="8551">
                  <c:v>45077</c:v>
                </c:pt>
                <c:pt idx="8552">
                  <c:v>45078</c:v>
                </c:pt>
                <c:pt idx="8553">
                  <c:v>45079</c:v>
                </c:pt>
                <c:pt idx="8554">
                  <c:v>45080</c:v>
                </c:pt>
                <c:pt idx="8555">
                  <c:v>45081</c:v>
                </c:pt>
                <c:pt idx="8556">
                  <c:v>45082</c:v>
                </c:pt>
                <c:pt idx="8557">
                  <c:v>45083</c:v>
                </c:pt>
                <c:pt idx="8558">
                  <c:v>45084</c:v>
                </c:pt>
                <c:pt idx="8559">
                  <c:v>45085</c:v>
                </c:pt>
                <c:pt idx="8560">
                  <c:v>45086</c:v>
                </c:pt>
                <c:pt idx="8561">
                  <c:v>45087</c:v>
                </c:pt>
                <c:pt idx="8562">
                  <c:v>45088</c:v>
                </c:pt>
                <c:pt idx="8563">
                  <c:v>45089</c:v>
                </c:pt>
                <c:pt idx="8564">
                  <c:v>45090</c:v>
                </c:pt>
                <c:pt idx="8565">
                  <c:v>45091</c:v>
                </c:pt>
                <c:pt idx="8566">
                  <c:v>45092</c:v>
                </c:pt>
                <c:pt idx="8567">
                  <c:v>45093</c:v>
                </c:pt>
                <c:pt idx="8568">
                  <c:v>45094</c:v>
                </c:pt>
                <c:pt idx="8569">
                  <c:v>45095</c:v>
                </c:pt>
                <c:pt idx="8570">
                  <c:v>45096</c:v>
                </c:pt>
                <c:pt idx="8571">
                  <c:v>45097</c:v>
                </c:pt>
                <c:pt idx="8572">
                  <c:v>45098</c:v>
                </c:pt>
                <c:pt idx="8573">
                  <c:v>45099</c:v>
                </c:pt>
                <c:pt idx="8574">
                  <c:v>45100</c:v>
                </c:pt>
                <c:pt idx="8575">
                  <c:v>45101</c:v>
                </c:pt>
                <c:pt idx="8576">
                  <c:v>45102</c:v>
                </c:pt>
                <c:pt idx="8577">
                  <c:v>45103</c:v>
                </c:pt>
                <c:pt idx="8578">
                  <c:v>45104</c:v>
                </c:pt>
                <c:pt idx="8579">
                  <c:v>45105</c:v>
                </c:pt>
                <c:pt idx="8580">
                  <c:v>45106</c:v>
                </c:pt>
                <c:pt idx="8581">
                  <c:v>45107</c:v>
                </c:pt>
                <c:pt idx="8582">
                  <c:v>45108</c:v>
                </c:pt>
                <c:pt idx="8583">
                  <c:v>45109</c:v>
                </c:pt>
                <c:pt idx="8584">
                  <c:v>45110</c:v>
                </c:pt>
                <c:pt idx="8585">
                  <c:v>45111</c:v>
                </c:pt>
                <c:pt idx="8586">
                  <c:v>45112</c:v>
                </c:pt>
                <c:pt idx="8587">
                  <c:v>45113</c:v>
                </c:pt>
                <c:pt idx="8588">
                  <c:v>45114</c:v>
                </c:pt>
                <c:pt idx="8589">
                  <c:v>45115</c:v>
                </c:pt>
                <c:pt idx="8590">
                  <c:v>45116</c:v>
                </c:pt>
                <c:pt idx="8591">
                  <c:v>45117</c:v>
                </c:pt>
                <c:pt idx="8592">
                  <c:v>45118</c:v>
                </c:pt>
                <c:pt idx="8593">
                  <c:v>45119</c:v>
                </c:pt>
                <c:pt idx="8594">
                  <c:v>45120</c:v>
                </c:pt>
                <c:pt idx="8595">
                  <c:v>45121</c:v>
                </c:pt>
                <c:pt idx="8596">
                  <c:v>45122</c:v>
                </c:pt>
                <c:pt idx="8597">
                  <c:v>45123</c:v>
                </c:pt>
                <c:pt idx="8598">
                  <c:v>45124</c:v>
                </c:pt>
                <c:pt idx="8599">
                  <c:v>45125</c:v>
                </c:pt>
                <c:pt idx="8600">
                  <c:v>45126</c:v>
                </c:pt>
                <c:pt idx="8601">
                  <c:v>45127</c:v>
                </c:pt>
                <c:pt idx="8602">
                  <c:v>45128</c:v>
                </c:pt>
                <c:pt idx="8603">
                  <c:v>45129</c:v>
                </c:pt>
                <c:pt idx="8604">
                  <c:v>45130</c:v>
                </c:pt>
                <c:pt idx="8605">
                  <c:v>45131</c:v>
                </c:pt>
                <c:pt idx="8606">
                  <c:v>45132</c:v>
                </c:pt>
                <c:pt idx="8607">
                  <c:v>45133</c:v>
                </c:pt>
                <c:pt idx="8608">
                  <c:v>45134</c:v>
                </c:pt>
                <c:pt idx="8609">
                  <c:v>45135</c:v>
                </c:pt>
                <c:pt idx="8610">
                  <c:v>45136</c:v>
                </c:pt>
                <c:pt idx="8611">
                  <c:v>45137</c:v>
                </c:pt>
                <c:pt idx="8612">
                  <c:v>45138</c:v>
                </c:pt>
                <c:pt idx="8613">
                  <c:v>45139</c:v>
                </c:pt>
                <c:pt idx="8614">
                  <c:v>45140</c:v>
                </c:pt>
                <c:pt idx="8615">
                  <c:v>45141</c:v>
                </c:pt>
                <c:pt idx="8616">
                  <c:v>45142</c:v>
                </c:pt>
                <c:pt idx="8617">
                  <c:v>45143</c:v>
                </c:pt>
                <c:pt idx="8618">
                  <c:v>45144</c:v>
                </c:pt>
                <c:pt idx="8619">
                  <c:v>45145</c:v>
                </c:pt>
                <c:pt idx="8620">
                  <c:v>45146</c:v>
                </c:pt>
                <c:pt idx="8621">
                  <c:v>45147</c:v>
                </c:pt>
                <c:pt idx="8622">
                  <c:v>45148</c:v>
                </c:pt>
                <c:pt idx="8623">
                  <c:v>45149</c:v>
                </c:pt>
                <c:pt idx="8624">
                  <c:v>45150</c:v>
                </c:pt>
                <c:pt idx="8625">
                  <c:v>45151</c:v>
                </c:pt>
                <c:pt idx="8626">
                  <c:v>45152</c:v>
                </c:pt>
                <c:pt idx="8627">
                  <c:v>45153</c:v>
                </c:pt>
                <c:pt idx="8628">
                  <c:v>45154</c:v>
                </c:pt>
                <c:pt idx="8629">
                  <c:v>45155</c:v>
                </c:pt>
                <c:pt idx="8630">
                  <c:v>45156</c:v>
                </c:pt>
                <c:pt idx="8631">
                  <c:v>45157</c:v>
                </c:pt>
                <c:pt idx="8632">
                  <c:v>45158</c:v>
                </c:pt>
                <c:pt idx="8633">
                  <c:v>45159</c:v>
                </c:pt>
                <c:pt idx="8634">
                  <c:v>45160</c:v>
                </c:pt>
                <c:pt idx="8635">
                  <c:v>45161</c:v>
                </c:pt>
                <c:pt idx="8636">
                  <c:v>45162</c:v>
                </c:pt>
                <c:pt idx="8637">
                  <c:v>45163</c:v>
                </c:pt>
                <c:pt idx="8638">
                  <c:v>45164</c:v>
                </c:pt>
                <c:pt idx="8639">
                  <c:v>45165</c:v>
                </c:pt>
                <c:pt idx="8640">
                  <c:v>45166</c:v>
                </c:pt>
                <c:pt idx="8641">
                  <c:v>45167</c:v>
                </c:pt>
                <c:pt idx="8642">
                  <c:v>45168</c:v>
                </c:pt>
                <c:pt idx="8643">
                  <c:v>45169</c:v>
                </c:pt>
                <c:pt idx="8644">
                  <c:v>45170</c:v>
                </c:pt>
                <c:pt idx="8645">
                  <c:v>45171</c:v>
                </c:pt>
                <c:pt idx="8646">
                  <c:v>45172</c:v>
                </c:pt>
                <c:pt idx="8647">
                  <c:v>45173</c:v>
                </c:pt>
                <c:pt idx="8648">
                  <c:v>45174</c:v>
                </c:pt>
                <c:pt idx="8649">
                  <c:v>45175</c:v>
                </c:pt>
                <c:pt idx="8650">
                  <c:v>45176</c:v>
                </c:pt>
                <c:pt idx="8651">
                  <c:v>45177</c:v>
                </c:pt>
                <c:pt idx="8652">
                  <c:v>45178</c:v>
                </c:pt>
                <c:pt idx="8653">
                  <c:v>45179</c:v>
                </c:pt>
                <c:pt idx="8654">
                  <c:v>45180</c:v>
                </c:pt>
                <c:pt idx="8655">
                  <c:v>45181</c:v>
                </c:pt>
                <c:pt idx="8656">
                  <c:v>45182</c:v>
                </c:pt>
                <c:pt idx="8657">
                  <c:v>45183</c:v>
                </c:pt>
                <c:pt idx="8658">
                  <c:v>45184</c:v>
                </c:pt>
                <c:pt idx="8659">
                  <c:v>45185</c:v>
                </c:pt>
                <c:pt idx="8660">
                  <c:v>45186</c:v>
                </c:pt>
                <c:pt idx="8661">
                  <c:v>45187</c:v>
                </c:pt>
                <c:pt idx="8662">
                  <c:v>45188</c:v>
                </c:pt>
                <c:pt idx="8663">
                  <c:v>45189</c:v>
                </c:pt>
                <c:pt idx="8664">
                  <c:v>45190</c:v>
                </c:pt>
                <c:pt idx="8665">
                  <c:v>45191</c:v>
                </c:pt>
                <c:pt idx="8666">
                  <c:v>45192</c:v>
                </c:pt>
                <c:pt idx="8667">
                  <c:v>45193</c:v>
                </c:pt>
                <c:pt idx="8668">
                  <c:v>45194</c:v>
                </c:pt>
                <c:pt idx="8669">
                  <c:v>45195</c:v>
                </c:pt>
                <c:pt idx="8670">
                  <c:v>45196</c:v>
                </c:pt>
                <c:pt idx="8671">
                  <c:v>45197</c:v>
                </c:pt>
                <c:pt idx="8672">
                  <c:v>45198</c:v>
                </c:pt>
                <c:pt idx="8673">
                  <c:v>45199</c:v>
                </c:pt>
                <c:pt idx="8674">
                  <c:v>45200</c:v>
                </c:pt>
                <c:pt idx="8675">
                  <c:v>45201</c:v>
                </c:pt>
                <c:pt idx="8676">
                  <c:v>45202</c:v>
                </c:pt>
                <c:pt idx="8677">
                  <c:v>45203</c:v>
                </c:pt>
                <c:pt idx="8678">
                  <c:v>45204</c:v>
                </c:pt>
                <c:pt idx="8679">
                  <c:v>45205</c:v>
                </c:pt>
                <c:pt idx="8680">
                  <c:v>45206</c:v>
                </c:pt>
                <c:pt idx="8681">
                  <c:v>45207</c:v>
                </c:pt>
                <c:pt idx="8682">
                  <c:v>45208</c:v>
                </c:pt>
                <c:pt idx="8683">
                  <c:v>45209</c:v>
                </c:pt>
                <c:pt idx="8684">
                  <c:v>45210</c:v>
                </c:pt>
                <c:pt idx="8685">
                  <c:v>45211</c:v>
                </c:pt>
                <c:pt idx="8686">
                  <c:v>45212</c:v>
                </c:pt>
                <c:pt idx="8687">
                  <c:v>45213</c:v>
                </c:pt>
                <c:pt idx="8688">
                  <c:v>45214</c:v>
                </c:pt>
                <c:pt idx="8689">
                  <c:v>45215</c:v>
                </c:pt>
                <c:pt idx="8690">
                  <c:v>45216</c:v>
                </c:pt>
                <c:pt idx="8691">
                  <c:v>45217</c:v>
                </c:pt>
                <c:pt idx="8692">
                  <c:v>45218</c:v>
                </c:pt>
                <c:pt idx="8693">
                  <c:v>45219</c:v>
                </c:pt>
                <c:pt idx="8694">
                  <c:v>45220</c:v>
                </c:pt>
                <c:pt idx="8695">
                  <c:v>45221</c:v>
                </c:pt>
                <c:pt idx="8696">
                  <c:v>45222</c:v>
                </c:pt>
                <c:pt idx="8697">
                  <c:v>45223</c:v>
                </c:pt>
                <c:pt idx="8698">
                  <c:v>45224</c:v>
                </c:pt>
                <c:pt idx="8699">
                  <c:v>45225</c:v>
                </c:pt>
                <c:pt idx="8700">
                  <c:v>45226</c:v>
                </c:pt>
                <c:pt idx="8701">
                  <c:v>45227</c:v>
                </c:pt>
                <c:pt idx="8702">
                  <c:v>45228</c:v>
                </c:pt>
                <c:pt idx="8703">
                  <c:v>45229</c:v>
                </c:pt>
                <c:pt idx="8704">
                  <c:v>45230</c:v>
                </c:pt>
                <c:pt idx="8705">
                  <c:v>45231</c:v>
                </c:pt>
                <c:pt idx="8706">
                  <c:v>45232</c:v>
                </c:pt>
                <c:pt idx="8707">
                  <c:v>45233</c:v>
                </c:pt>
                <c:pt idx="8708">
                  <c:v>45234</c:v>
                </c:pt>
                <c:pt idx="8709">
                  <c:v>45235</c:v>
                </c:pt>
                <c:pt idx="8710">
                  <c:v>45236</c:v>
                </c:pt>
                <c:pt idx="8711">
                  <c:v>45237</c:v>
                </c:pt>
                <c:pt idx="8712">
                  <c:v>45238</c:v>
                </c:pt>
                <c:pt idx="8713">
                  <c:v>45239</c:v>
                </c:pt>
                <c:pt idx="8714">
                  <c:v>45240</c:v>
                </c:pt>
                <c:pt idx="8715">
                  <c:v>45241</c:v>
                </c:pt>
                <c:pt idx="8716">
                  <c:v>45242</c:v>
                </c:pt>
                <c:pt idx="8717">
                  <c:v>45243</c:v>
                </c:pt>
                <c:pt idx="8718">
                  <c:v>45244</c:v>
                </c:pt>
                <c:pt idx="8719">
                  <c:v>45245</c:v>
                </c:pt>
                <c:pt idx="8720">
                  <c:v>45246</c:v>
                </c:pt>
                <c:pt idx="8721">
                  <c:v>45247</c:v>
                </c:pt>
                <c:pt idx="8722">
                  <c:v>45248</c:v>
                </c:pt>
                <c:pt idx="8723">
                  <c:v>45249</c:v>
                </c:pt>
                <c:pt idx="8724">
                  <c:v>45250</c:v>
                </c:pt>
                <c:pt idx="8725">
                  <c:v>45251</c:v>
                </c:pt>
                <c:pt idx="8726">
                  <c:v>45252</c:v>
                </c:pt>
                <c:pt idx="8727">
                  <c:v>45253</c:v>
                </c:pt>
                <c:pt idx="8728">
                  <c:v>45254</c:v>
                </c:pt>
                <c:pt idx="8729">
                  <c:v>45255</c:v>
                </c:pt>
                <c:pt idx="8730">
                  <c:v>45256</c:v>
                </c:pt>
                <c:pt idx="8731">
                  <c:v>45257</c:v>
                </c:pt>
                <c:pt idx="8732">
                  <c:v>45258</c:v>
                </c:pt>
                <c:pt idx="8733">
                  <c:v>45259</c:v>
                </c:pt>
                <c:pt idx="8734">
                  <c:v>45260</c:v>
                </c:pt>
                <c:pt idx="8735">
                  <c:v>45261</c:v>
                </c:pt>
                <c:pt idx="8736">
                  <c:v>45262</c:v>
                </c:pt>
                <c:pt idx="8737">
                  <c:v>45263</c:v>
                </c:pt>
                <c:pt idx="8738">
                  <c:v>45264</c:v>
                </c:pt>
                <c:pt idx="8739">
                  <c:v>45265</c:v>
                </c:pt>
                <c:pt idx="8740">
                  <c:v>45266</c:v>
                </c:pt>
                <c:pt idx="8741">
                  <c:v>45267</c:v>
                </c:pt>
                <c:pt idx="8742">
                  <c:v>45268</c:v>
                </c:pt>
                <c:pt idx="8743">
                  <c:v>45269</c:v>
                </c:pt>
                <c:pt idx="8744">
                  <c:v>45270</c:v>
                </c:pt>
                <c:pt idx="8745">
                  <c:v>45271</c:v>
                </c:pt>
                <c:pt idx="8746">
                  <c:v>45272</c:v>
                </c:pt>
                <c:pt idx="8747">
                  <c:v>45273</c:v>
                </c:pt>
                <c:pt idx="8748">
                  <c:v>45274</c:v>
                </c:pt>
                <c:pt idx="8749">
                  <c:v>45275</c:v>
                </c:pt>
                <c:pt idx="8750">
                  <c:v>45276</c:v>
                </c:pt>
                <c:pt idx="8751">
                  <c:v>45277</c:v>
                </c:pt>
                <c:pt idx="8752">
                  <c:v>45278</c:v>
                </c:pt>
                <c:pt idx="8753">
                  <c:v>45279</c:v>
                </c:pt>
                <c:pt idx="8754">
                  <c:v>45280</c:v>
                </c:pt>
                <c:pt idx="8755">
                  <c:v>45281</c:v>
                </c:pt>
                <c:pt idx="8756">
                  <c:v>45282</c:v>
                </c:pt>
                <c:pt idx="8757">
                  <c:v>45283</c:v>
                </c:pt>
                <c:pt idx="8758">
                  <c:v>45284</c:v>
                </c:pt>
                <c:pt idx="8759">
                  <c:v>45285</c:v>
                </c:pt>
                <c:pt idx="8760">
                  <c:v>45286</c:v>
                </c:pt>
                <c:pt idx="8761">
                  <c:v>45287</c:v>
                </c:pt>
                <c:pt idx="8762">
                  <c:v>45288</c:v>
                </c:pt>
                <c:pt idx="8763">
                  <c:v>45289</c:v>
                </c:pt>
                <c:pt idx="8764">
                  <c:v>45290</c:v>
                </c:pt>
                <c:pt idx="8765">
                  <c:v>45291</c:v>
                </c:pt>
                <c:pt idx="8766">
                  <c:v>45292</c:v>
                </c:pt>
                <c:pt idx="8767">
                  <c:v>45293</c:v>
                </c:pt>
                <c:pt idx="8768">
                  <c:v>45294</c:v>
                </c:pt>
                <c:pt idx="8769">
                  <c:v>45295</c:v>
                </c:pt>
                <c:pt idx="8770">
                  <c:v>45296</c:v>
                </c:pt>
                <c:pt idx="8771">
                  <c:v>45297</c:v>
                </c:pt>
                <c:pt idx="8772">
                  <c:v>45298</c:v>
                </c:pt>
                <c:pt idx="8773">
                  <c:v>45299</c:v>
                </c:pt>
                <c:pt idx="8774">
                  <c:v>45300</c:v>
                </c:pt>
                <c:pt idx="8775">
                  <c:v>45301</c:v>
                </c:pt>
                <c:pt idx="8776">
                  <c:v>45302</c:v>
                </c:pt>
                <c:pt idx="8777">
                  <c:v>45303</c:v>
                </c:pt>
                <c:pt idx="8778">
                  <c:v>45304</c:v>
                </c:pt>
                <c:pt idx="8779">
                  <c:v>45305</c:v>
                </c:pt>
                <c:pt idx="8780">
                  <c:v>45306</c:v>
                </c:pt>
                <c:pt idx="8781">
                  <c:v>45307</c:v>
                </c:pt>
                <c:pt idx="8782">
                  <c:v>45308</c:v>
                </c:pt>
                <c:pt idx="8783">
                  <c:v>45309</c:v>
                </c:pt>
                <c:pt idx="8784">
                  <c:v>45310</c:v>
                </c:pt>
                <c:pt idx="8785">
                  <c:v>45311</c:v>
                </c:pt>
                <c:pt idx="8786">
                  <c:v>45312</c:v>
                </c:pt>
                <c:pt idx="8787">
                  <c:v>45313</c:v>
                </c:pt>
                <c:pt idx="8788">
                  <c:v>45314</c:v>
                </c:pt>
                <c:pt idx="8789">
                  <c:v>45315</c:v>
                </c:pt>
                <c:pt idx="8790">
                  <c:v>45316</c:v>
                </c:pt>
                <c:pt idx="8791">
                  <c:v>45317</c:v>
                </c:pt>
                <c:pt idx="8792">
                  <c:v>45318</c:v>
                </c:pt>
                <c:pt idx="8793">
                  <c:v>45319</c:v>
                </c:pt>
                <c:pt idx="8794">
                  <c:v>45320</c:v>
                </c:pt>
                <c:pt idx="8795">
                  <c:v>45321</c:v>
                </c:pt>
                <c:pt idx="8796">
                  <c:v>45322</c:v>
                </c:pt>
                <c:pt idx="8797">
                  <c:v>45323</c:v>
                </c:pt>
                <c:pt idx="8798">
                  <c:v>45324</c:v>
                </c:pt>
                <c:pt idx="8799">
                  <c:v>45325</c:v>
                </c:pt>
                <c:pt idx="8800">
                  <c:v>45326</c:v>
                </c:pt>
                <c:pt idx="8801">
                  <c:v>45327</c:v>
                </c:pt>
                <c:pt idx="8802">
                  <c:v>45328</c:v>
                </c:pt>
                <c:pt idx="8803">
                  <c:v>45329</c:v>
                </c:pt>
                <c:pt idx="8804">
                  <c:v>45330</c:v>
                </c:pt>
                <c:pt idx="8805">
                  <c:v>45331</c:v>
                </c:pt>
                <c:pt idx="8806">
                  <c:v>45332</c:v>
                </c:pt>
                <c:pt idx="8807">
                  <c:v>45333</c:v>
                </c:pt>
                <c:pt idx="8808">
                  <c:v>45334</c:v>
                </c:pt>
                <c:pt idx="8809">
                  <c:v>45335</c:v>
                </c:pt>
                <c:pt idx="8810">
                  <c:v>45336</c:v>
                </c:pt>
                <c:pt idx="8811">
                  <c:v>45337</c:v>
                </c:pt>
                <c:pt idx="8812">
                  <c:v>45338</c:v>
                </c:pt>
                <c:pt idx="8813">
                  <c:v>45339</c:v>
                </c:pt>
                <c:pt idx="8814">
                  <c:v>45340</c:v>
                </c:pt>
                <c:pt idx="8815">
                  <c:v>45341</c:v>
                </c:pt>
                <c:pt idx="8816">
                  <c:v>45342</c:v>
                </c:pt>
                <c:pt idx="8817">
                  <c:v>45343</c:v>
                </c:pt>
                <c:pt idx="8818">
                  <c:v>45344</c:v>
                </c:pt>
                <c:pt idx="8819">
                  <c:v>45345</c:v>
                </c:pt>
                <c:pt idx="8820">
                  <c:v>45346</c:v>
                </c:pt>
                <c:pt idx="8821">
                  <c:v>45347</c:v>
                </c:pt>
                <c:pt idx="8822">
                  <c:v>45348</c:v>
                </c:pt>
                <c:pt idx="8823">
                  <c:v>45349</c:v>
                </c:pt>
                <c:pt idx="8824">
                  <c:v>45350</c:v>
                </c:pt>
                <c:pt idx="8825">
                  <c:v>45351</c:v>
                </c:pt>
                <c:pt idx="8826">
                  <c:v>45352</c:v>
                </c:pt>
                <c:pt idx="8827">
                  <c:v>45353</c:v>
                </c:pt>
                <c:pt idx="8828">
                  <c:v>45354</c:v>
                </c:pt>
                <c:pt idx="8829">
                  <c:v>45355</c:v>
                </c:pt>
                <c:pt idx="8830">
                  <c:v>45356</c:v>
                </c:pt>
                <c:pt idx="8831">
                  <c:v>45357</c:v>
                </c:pt>
                <c:pt idx="8832">
                  <c:v>45358</c:v>
                </c:pt>
                <c:pt idx="8833">
                  <c:v>45359</c:v>
                </c:pt>
                <c:pt idx="8834">
                  <c:v>45360</c:v>
                </c:pt>
                <c:pt idx="8835">
                  <c:v>45361</c:v>
                </c:pt>
                <c:pt idx="8836">
                  <c:v>45362</c:v>
                </c:pt>
                <c:pt idx="8837">
                  <c:v>45363</c:v>
                </c:pt>
                <c:pt idx="8838">
                  <c:v>45364</c:v>
                </c:pt>
                <c:pt idx="8839">
                  <c:v>45365</c:v>
                </c:pt>
                <c:pt idx="8840">
                  <c:v>45366</c:v>
                </c:pt>
                <c:pt idx="8841">
                  <c:v>45367</c:v>
                </c:pt>
                <c:pt idx="8842">
                  <c:v>45368</c:v>
                </c:pt>
                <c:pt idx="8843">
                  <c:v>45369</c:v>
                </c:pt>
                <c:pt idx="8844">
                  <c:v>45370</c:v>
                </c:pt>
                <c:pt idx="8845">
                  <c:v>45371</c:v>
                </c:pt>
                <c:pt idx="8846">
                  <c:v>45372</c:v>
                </c:pt>
                <c:pt idx="8847">
                  <c:v>45373</c:v>
                </c:pt>
                <c:pt idx="8848">
                  <c:v>45374</c:v>
                </c:pt>
                <c:pt idx="8849">
                  <c:v>45375</c:v>
                </c:pt>
                <c:pt idx="8850">
                  <c:v>45376</c:v>
                </c:pt>
                <c:pt idx="8851">
                  <c:v>45377</c:v>
                </c:pt>
                <c:pt idx="8852">
                  <c:v>45378</c:v>
                </c:pt>
                <c:pt idx="8853">
                  <c:v>45379</c:v>
                </c:pt>
                <c:pt idx="8854">
                  <c:v>45380</c:v>
                </c:pt>
                <c:pt idx="8855">
                  <c:v>45381</c:v>
                </c:pt>
                <c:pt idx="8856">
                  <c:v>45382</c:v>
                </c:pt>
                <c:pt idx="8857">
                  <c:v>45383</c:v>
                </c:pt>
                <c:pt idx="8858">
                  <c:v>45384</c:v>
                </c:pt>
                <c:pt idx="8859">
                  <c:v>45385</c:v>
                </c:pt>
                <c:pt idx="8860">
                  <c:v>45386</c:v>
                </c:pt>
                <c:pt idx="8861">
                  <c:v>45387</c:v>
                </c:pt>
                <c:pt idx="8862">
                  <c:v>45388</c:v>
                </c:pt>
                <c:pt idx="8863">
                  <c:v>45389</c:v>
                </c:pt>
                <c:pt idx="8864">
                  <c:v>45390</c:v>
                </c:pt>
                <c:pt idx="8865">
                  <c:v>45391</c:v>
                </c:pt>
                <c:pt idx="8866">
                  <c:v>45392</c:v>
                </c:pt>
                <c:pt idx="8867">
                  <c:v>45393</c:v>
                </c:pt>
                <c:pt idx="8868">
                  <c:v>45394</c:v>
                </c:pt>
                <c:pt idx="8869">
                  <c:v>45395</c:v>
                </c:pt>
                <c:pt idx="8870">
                  <c:v>45396</c:v>
                </c:pt>
                <c:pt idx="8871">
                  <c:v>45397</c:v>
                </c:pt>
                <c:pt idx="8872">
                  <c:v>45398</c:v>
                </c:pt>
                <c:pt idx="8873">
                  <c:v>45399</c:v>
                </c:pt>
                <c:pt idx="8874">
                  <c:v>45400</c:v>
                </c:pt>
                <c:pt idx="8875">
                  <c:v>45401</c:v>
                </c:pt>
                <c:pt idx="8876">
                  <c:v>45402</c:v>
                </c:pt>
                <c:pt idx="8877">
                  <c:v>45403</c:v>
                </c:pt>
                <c:pt idx="8878">
                  <c:v>45404</c:v>
                </c:pt>
                <c:pt idx="8879">
                  <c:v>45405</c:v>
                </c:pt>
                <c:pt idx="8880">
                  <c:v>45406</c:v>
                </c:pt>
                <c:pt idx="8881">
                  <c:v>45407</c:v>
                </c:pt>
                <c:pt idx="8882">
                  <c:v>45408</c:v>
                </c:pt>
                <c:pt idx="8883">
                  <c:v>45409</c:v>
                </c:pt>
                <c:pt idx="8884">
                  <c:v>45410</c:v>
                </c:pt>
                <c:pt idx="8885">
                  <c:v>45411</c:v>
                </c:pt>
                <c:pt idx="8886">
                  <c:v>45412</c:v>
                </c:pt>
                <c:pt idx="8887">
                  <c:v>45413</c:v>
                </c:pt>
                <c:pt idx="8888">
                  <c:v>45414</c:v>
                </c:pt>
                <c:pt idx="8889">
                  <c:v>45415</c:v>
                </c:pt>
                <c:pt idx="8890">
                  <c:v>45416</c:v>
                </c:pt>
                <c:pt idx="8891">
                  <c:v>45417</c:v>
                </c:pt>
                <c:pt idx="8892">
                  <c:v>45418</c:v>
                </c:pt>
                <c:pt idx="8893">
                  <c:v>45419</c:v>
                </c:pt>
                <c:pt idx="8894">
                  <c:v>45420</c:v>
                </c:pt>
                <c:pt idx="8895">
                  <c:v>45421</c:v>
                </c:pt>
                <c:pt idx="8896">
                  <c:v>45422</c:v>
                </c:pt>
                <c:pt idx="8897">
                  <c:v>45423</c:v>
                </c:pt>
                <c:pt idx="8898">
                  <c:v>45424</c:v>
                </c:pt>
                <c:pt idx="8899">
                  <c:v>45425</c:v>
                </c:pt>
                <c:pt idx="8900">
                  <c:v>45426</c:v>
                </c:pt>
                <c:pt idx="8901">
                  <c:v>45427</c:v>
                </c:pt>
                <c:pt idx="8902">
                  <c:v>45428</c:v>
                </c:pt>
                <c:pt idx="8903">
                  <c:v>45429</c:v>
                </c:pt>
                <c:pt idx="8904">
                  <c:v>45430</c:v>
                </c:pt>
                <c:pt idx="8905">
                  <c:v>45431</c:v>
                </c:pt>
                <c:pt idx="8906">
                  <c:v>45432</c:v>
                </c:pt>
                <c:pt idx="8907">
                  <c:v>45433</c:v>
                </c:pt>
                <c:pt idx="8908">
                  <c:v>45434</c:v>
                </c:pt>
                <c:pt idx="8909">
                  <c:v>45435</c:v>
                </c:pt>
                <c:pt idx="8910">
                  <c:v>45436</c:v>
                </c:pt>
                <c:pt idx="8911">
                  <c:v>45437</c:v>
                </c:pt>
                <c:pt idx="8912">
                  <c:v>45438</c:v>
                </c:pt>
                <c:pt idx="8913">
                  <c:v>45439</c:v>
                </c:pt>
                <c:pt idx="8914">
                  <c:v>45440</c:v>
                </c:pt>
                <c:pt idx="8915">
                  <c:v>45441</c:v>
                </c:pt>
                <c:pt idx="8916">
                  <c:v>45442</c:v>
                </c:pt>
                <c:pt idx="8917">
                  <c:v>45443</c:v>
                </c:pt>
                <c:pt idx="8918">
                  <c:v>45444</c:v>
                </c:pt>
                <c:pt idx="8919">
                  <c:v>45445</c:v>
                </c:pt>
                <c:pt idx="8920">
                  <c:v>45446</c:v>
                </c:pt>
                <c:pt idx="8921">
                  <c:v>45447</c:v>
                </c:pt>
                <c:pt idx="8922">
                  <c:v>45448</c:v>
                </c:pt>
                <c:pt idx="8923">
                  <c:v>45449</c:v>
                </c:pt>
                <c:pt idx="8924">
                  <c:v>45450</c:v>
                </c:pt>
                <c:pt idx="8925">
                  <c:v>45451</c:v>
                </c:pt>
                <c:pt idx="8926">
                  <c:v>45452</c:v>
                </c:pt>
                <c:pt idx="8927">
                  <c:v>45453</c:v>
                </c:pt>
                <c:pt idx="8928">
                  <c:v>45454</c:v>
                </c:pt>
                <c:pt idx="8929">
                  <c:v>45455</c:v>
                </c:pt>
                <c:pt idx="8930">
                  <c:v>45456</c:v>
                </c:pt>
                <c:pt idx="8931">
                  <c:v>45457</c:v>
                </c:pt>
                <c:pt idx="8932">
                  <c:v>45458</c:v>
                </c:pt>
                <c:pt idx="8933">
                  <c:v>45459</c:v>
                </c:pt>
                <c:pt idx="8934">
                  <c:v>45460</c:v>
                </c:pt>
                <c:pt idx="8935">
                  <c:v>45461</c:v>
                </c:pt>
                <c:pt idx="8936">
                  <c:v>45462</c:v>
                </c:pt>
                <c:pt idx="8937">
                  <c:v>45463</c:v>
                </c:pt>
                <c:pt idx="8938">
                  <c:v>45464</c:v>
                </c:pt>
                <c:pt idx="8939">
                  <c:v>45465</c:v>
                </c:pt>
                <c:pt idx="8940">
                  <c:v>45466</c:v>
                </c:pt>
                <c:pt idx="8941">
                  <c:v>45467</c:v>
                </c:pt>
                <c:pt idx="8942">
                  <c:v>45468</c:v>
                </c:pt>
                <c:pt idx="8943">
                  <c:v>45469</c:v>
                </c:pt>
                <c:pt idx="8944">
                  <c:v>45470</c:v>
                </c:pt>
                <c:pt idx="8945">
                  <c:v>45471</c:v>
                </c:pt>
                <c:pt idx="8946">
                  <c:v>45472</c:v>
                </c:pt>
                <c:pt idx="8947">
                  <c:v>45473</c:v>
                </c:pt>
              </c:numCache>
            </c:numRef>
          </c:cat>
          <c:val>
            <c:numRef>
              <c:f>Sheet1!$R$5:$R$8952</c:f>
              <c:numCache>
                <c:formatCode>0.00%</c:formatCode>
                <c:ptCount val="8948"/>
                <c:pt idx="0">
                  <c:v>0</c:v>
                </c:pt>
                <c:pt idx="1">
                  <c:v>0</c:v>
                </c:pt>
                <c:pt idx="2">
                  <c:v>0.03</c:v>
                </c:pt>
                <c:pt idx="3">
                  <c:v>0.03</c:v>
                </c:pt>
                <c:pt idx="4">
                  <c:v>0.03</c:v>
                </c:pt>
                <c:pt idx="5">
                  <c:v>0.03</c:v>
                </c:pt>
                <c:pt idx="6">
                  <c:v>0.03</c:v>
                </c:pt>
                <c:pt idx="7">
                  <c:v>0.03</c:v>
                </c:pt>
                <c:pt idx="8">
                  <c:v>0.03</c:v>
                </c:pt>
                <c:pt idx="9">
                  <c:v>0.03</c:v>
                </c:pt>
                <c:pt idx="10">
                  <c:v>0.03</c:v>
                </c:pt>
                <c:pt idx="11">
                  <c:v>0.03</c:v>
                </c:pt>
                <c:pt idx="12">
                  <c:v>0.03</c:v>
                </c:pt>
                <c:pt idx="13">
                  <c:v>0.03</c:v>
                </c:pt>
                <c:pt idx="14">
                  <c:v>0.03</c:v>
                </c:pt>
                <c:pt idx="15">
                  <c:v>0.03</c:v>
                </c:pt>
                <c:pt idx="16">
                  <c:v>0.03</c:v>
                </c:pt>
                <c:pt idx="17">
                  <c:v>0.03</c:v>
                </c:pt>
                <c:pt idx="18">
                  <c:v>0.03</c:v>
                </c:pt>
                <c:pt idx="19">
                  <c:v>0.03</c:v>
                </c:pt>
                <c:pt idx="20">
                  <c:v>0.03</c:v>
                </c:pt>
                <c:pt idx="21">
                  <c:v>0.03</c:v>
                </c:pt>
                <c:pt idx="22">
                  <c:v>0.03</c:v>
                </c:pt>
                <c:pt idx="23">
                  <c:v>0.03</c:v>
                </c:pt>
                <c:pt idx="24">
                  <c:v>0.03</c:v>
                </c:pt>
                <c:pt idx="25">
                  <c:v>0.03</c:v>
                </c:pt>
                <c:pt idx="26">
                  <c:v>0.03</c:v>
                </c:pt>
                <c:pt idx="27">
                  <c:v>0.03</c:v>
                </c:pt>
                <c:pt idx="28">
                  <c:v>0.03</c:v>
                </c:pt>
                <c:pt idx="29">
                  <c:v>0.03</c:v>
                </c:pt>
                <c:pt idx="30">
                  <c:v>0.03</c:v>
                </c:pt>
                <c:pt idx="31">
                  <c:v>0.03</c:v>
                </c:pt>
                <c:pt idx="32">
                  <c:v>0.03</c:v>
                </c:pt>
                <c:pt idx="33">
                  <c:v>0.03</c:v>
                </c:pt>
                <c:pt idx="34">
                  <c:v>3.2500000000000001E-2</c:v>
                </c:pt>
                <c:pt idx="35">
                  <c:v>3.2500000000000001E-2</c:v>
                </c:pt>
                <c:pt idx="36">
                  <c:v>3.2500000000000001E-2</c:v>
                </c:pt>
                <c:pt idx="37">
                  <c:v>3.2500000000000001E-2</c:v>
                </c:pt>
                <c:pt idx="38">
                  <c:v>3.2500000000000001E-2</c:v>
                </c:pt>
                <c:pt idx="39">
                  <c:v>3.2500000000000001E-2</c:v>
                </c:pt>
                <c:pt idx="40">
                  <c:v>3.2500000000000001E-2</c:v>
                </c:pt>
                <c:pt idx="41">
                  <c:v>3.2500000000000001E-2</c:v>
                </c:pt>
                <c:pt idx="42">
                  <c:v>3.2500000000000001E-2</c:v>
                </c:pt>
                <c:pt idx="43">
                  <c:v>3.2500000000000001E-2</c:v>
                </c:pt>
                <c:pt idx="44">
                  <c:v>3.2500000000000001E-2</c:v>
                </c:pt>
                <c:pt idx="45">
                  <c:v>3.2500000000000001E-2</c:v>
                </c:pt>
                <c:pt idx="46">
                  <c:v>3.2500000000000001E-2</c:v>
                </c:pt>
                <c:pt idx="47">
                  <c:v>3.2500000000000001E-2</c:v>
                </c:pt>
                <c:pt idx="48">
                  <c:v>3.2500000000000001E-2</c:v>
                </c:pt>
                <c:pt idx="49">
                  <c:v>3.2500000000000001E-2</c:v>
                </c:pt>
                <c:pt idx="50">
                  <c:v>3.2500000000000001E-2</c:v>
                </c:pt>
                <c:pt idx="51">
                  <c:v>3.2500000000000001E-2</c:v>
                </c:pt>
                <c:pt idx="52">
                  <c:v>3.2500000000000001E-2</c:v>
                </c:pt>
                <c:pt idx="53">
                  <c:v>3.2500000000000001E-2</c:v>
                </c:pt>
                <c:pt idx="54">
                  <c:v>3.2500000000000001E-2</c:v>
                </c:pt>
                <c:pt idx="55">
                  <c:v>3.2500000000000001E-2</c:v>
                </c:pt>
                <c:pt idx="56">
                  <c:v>3.2500000000000001E-2</c:v>
                </c:pt>
                <c:pt idx="57">
                  <c:v>3.2500000000000001E-2</c:v>
                </c:pt>
                <c:pt idx="58">
                  <c:v>3.2500000000000001E-2</c:v>
                </c:pt>
                <c:pt idx="59">
                  <c:v>3.2500000000000001E-2</c:v>
                </c:pt>
                <c:pt idx="60">
                  <c:v>3.2500000000000001E-2</c:v>
                </c:pt>
                <c:pt idx="61">
                  <c:v>3.2500000000000001E-2</c:v>
                </c:pt>
                <c:pt idx="62">
                  <c:v>3.2500000000000001E-2</c:v>
                </c:pt>
                <c:pt idx="63">
                  <c:v>3.2500000000000001E-2</c:v>
                </c:pt>
                <c:pt idx="64">
                  <c:v>3.2500000000000001E-2</c:v>
                </c:pt>
                <c:pt idx="65">
                  <c:v>3.2500000000000001E-2</c:v>
                </c:pt>
                <c:pt idx="66">
                  <c:v>3.2500000000000001E-2</c:v>
                </c:pt>
                <c:pt idx="67">
                  <c:v>3.2500000000000001E-2</c:v>
                </c:pt>
                <c:pt idx="68">
                  <c:v>3.2500000000000001E-2</c:v>
                </c:pt>
                <c:pt idx="69">
                  <c:v>3.2500000000000001E-2</c:v>
                </c:pt>
                <c:pt idx="70">
                  <c:v>3.2500000000000001E-2</c:v>
                </c:pt>
                <c:pt idx="71">
                  <c:v>3.2500000000000001E-2</c:v>
                </c:pt>
                <c:pt idx="72">
                  <c:v>3.2500000000000001E-2</c:v>
                </c:pt>
                <c:pt idx="73">
                  <c:v>3.2500000000000001E-2</c:v>
                </c:pt>
                <c:pt idx="74">
                  <c:v>3.2500000000000001E-2</c:v>
                </c:pt>
                <c:pt idx="75">
                  <c:v>3.2500000000000001E-2</c:v>
                </c:pt>
                <c:pt idx="76">
                  <c:v>3.5000000000000003E-2</c:v>
                </c:pt>
                <c:pt idx="77">
                  <c:v>3.5000000000000003E-2</c:v>
                </c:pt>
                <c:pt idx="78">
                  <c:v>3.5000000000000003E-2</c:v>
                </c:pt>
                <c:pt idx="79">
                  <c:v>3.5000000000000003E-2</c:v>
                </c:pt>
                <c:pt idx="80">
                  <c:v>3.5000000000000003E-2</c:v>
                </c:pt>
                <c:pt idx="81">
                  <c:v>3.5000000000000003E-2</c:v>
                </c:pt>
                <c:pt idx="82">
                  <c:v>3.5000000000000003E-2</c:v>
                </c:pt>
                <c:pt idx="83">
                  <c:v>3.5000000000000003E-2</c:v>
                </c:pt>
                <c:pt idx="84">
                  <c:v>3.5000000000000003E-2</c:v>
                </c:pt>
                <c:pt idx="85">
                  <c:v>3.5000000000000003E-2</c:v>
                </c:pt>
                <c:pt idx="86">
                  <c:v>3.5000000000000003E-2</c:v>
                </c:pt>
                <c:pt idx="87">
                  <c:v>3.5000000000000003E-2</c:v>
                </c:pt>
                <c:pt idx="88">
                  <c:v>3.5000000000000003E-2</c:v>
                </c:pt>
                <c:pt idx="89">
                  <c:v>3.5000000000000003E-2</c:v>
                </c:pt>
                <c:pt idx="90">
                  <c:v>3.5000000000000003E-2</c:v>
                </c:pt>
                <c:pt idx="91">
                  <c:v>3.5000000000000003E-2</c:v>
                </c:pt>
                <c:pt idx="92">
                  <c:v>3.5000000000000003E-2</c:v>
                </c:pt>
                <c:pt idx="93">
                  <c:v>3.5000000000000003E-2</c:v>
                </c:pt>
                <c:pt idx="94">
                  <c:v>3.5000000000000003E-2</c:v>
                </c:pt>
                <c:pt idx="95">
                  <c:v>3.5000000000000003E-2</c:v>
                </c:pt>
                <c:pt idx="96">
                  <c:v>3.5000000000000003E-2</c:v>
                </c:pt>
                <c:pt idx="97">
                  <c:v>3.5000000000000003E-2</c:v>
                </c:pt>
                <c:pt idx="98">
                  <c:v>3.5000000000000003E-2</c:v>
                </c:pt>
                <c:pt idx="99">
                  <c:v>3.5000000000000003E-2</c:v>
                </c:pt>
                <c:pt idx="100">
                  <c:v>3.5000000000000003E-2</c:v>
                </c:pt>
                <c:pt idx="101">
                  <c:v>3.5000000000000003E-2</c:v>
                </c:pt>
                <c:pt idx="102">
                  <c:v>3.5000000000000003E-2</c:v>
                </c:pt>
                <c:pt idx="103">
                  <c:v>3.5000000000000003E-2</c:v>
                </c:pt>
                <c:pt idx="104">
                  <c:v>3.5000000000000003E-2</c:v>
                </c:pt>
                <c:pt idx="105">
                  <c:v>3.5000000000000003E-2</c:v>
                </c:pt>
                <c:pt idx="106">
                  <c:v>3.5000000000000003E-2</c:v>
                </c:pt>
                <c:pt idx="107">
                  <c:v>3.5000000000000003E-2</c:v>
                </c:pt>
                <c:pt idx="108">
                  <c:v>3.5000000000000003E-2</c:v>
                </c:pt>
                <c:pt idx="109">
                  <c:v>3.5000000000000003E-2</c:v>
                </c:pt>
                <c:pt idx="110">
                  <c:v>3.5000000000000003E-2</c:v>
                </c:pt>
                <c:pt idx="111">
                  <c:v>3.5000000000000003E-2</c:v>
                </c:pt>
                <c:pt idx="112">
                  <c:v>3.5000000000000003E-2</c:v>
                </c:pt>
                <c:pt idx="113">
                  <c:v>3.5000000000000003E-2</c:v>
                </c:pt>
                <c:pt idx="114">
                  <c:v>3.5000000000000003E-2</c:v>
                </c:pt>
                <c:pt idx="115">
                  <c:v>3.5000000000000003E-2</c:v>
                </c:pt>
                <c:pt idx="116">
                  <c:v>3.5000000000000003E-2</c:v>
                </c:pt>
                <c:pt idx="117">
                  <c:v>3.5000000000000003E-2</c:v>
                </c:pt>
                <c:pt idx="118">
                  <c:v>3.7499999999999999E-2</c:v>
                </c:pt>
                <c:pt idx="119">
                  <c:v>3.7499999999999999E-2</c:v>
                </c:pt>
                <c:pt idx="120">
                  <c:v>3.7499999999999999E-2</c:v>
                </c:pt>
                <c:pt idx="121">
                  <c:v>3.7499999999999999E-2</c:v>
                </c:pt>
                <c:pt idx="122">
                  <c:v>3.7499999999999999E-2</c:v>
                </c:pt>
                <c:pt idx="123">
                  <c:v>3.7499999999999999E-2</c:v>
                </c:pt>
                <c:pt idx="124">
                  <c:v>3.7499999999999999E-2</c:v>
                </c:pt>
                <c:pt idx="125">
                  <c:v>3.7499999999999999E-2</c:v>
                </c:pt>
                <c:pt idx="126">
                  <c:v>3.7499999999999999E-2</c:v>
                </c:pt>
                <c:pt idx="127">
                  <c:v>3.7499999999999999E-2</c:v>
                </c:pt>
                <c:pt idx="128">
                  <c:v>3.7499999999999999E-2</c:v>
                </c:pt>
                <c:pt idx="129">
                  <c:v>3.7499999999999999E-2</c:v>
                </c:pt>
                <c:pt idx="130">
                  <c:v>3.7499999999999999E-2</c:v>
                </c:pt>
                <c:pt idx="131">
                  <c:v>3.7499999999999999E-2</c:v>
                </c:pt>
                <c:pt idx="132">
                  <c:v>3.7499999999999999E-2</c:v>
                </c:pt>
                <c:pt idx="133">
                  <c:v>3.7499999999999999E-2</c:v>
                </c:pt>
                <c:pt idx="134">
                  <c:v>3.7499999999999999E-2</c:v>
                </c:pt>
                <c:pt idx="135">
                  <c:v>3.7499999999999999E-2</c:v>
                </c:pt>
                <c:pt idx="136">
                  <c:v>3.7499999999999999E-2</c:v>
                </c:pt>
                <c:pt idx="137">
                  <c:v>3.7499999999999999E-2</c:v>
                </c:pt>
                <c:pt idx="138">
                  <c:v>3.7499999999999999E-2</c:v>
                </c:pt>
                <c:pt idx="139">
                  <c:v>3.7499999999999999E-2</c:v>
                </c:pt>
                <c:pt idx="140">
                  <c:v>3.7499999999999999E-2</c:v>
                </c:pt>
                <c:pt idx="141">
                  <c:v>3.7499999999999999E-2</c:v>
                </c:pt>
                <c:pt idx="142">
                  <c:v>3.7499999999999999E-2</c:v>
                </c:pt>
                <c:pt idx="143">
                  <c:v>3.7499999999999999E-2</c:v>
                </c:pt>
                <c:pt idx="144">
                  <c:v>3.7499999999999999E-2</c:v>
                </c:pt>
                <c:pt idx="145">
                  <c:v>3.7499999999999999E-2</c:v>
                </c:pt>
                <c:pt idx="146">
                  <c:v>3.7499999999999999E-2</c:v>
                </c:pt>
                <c:pt idx="147">
                  <c:v>3.7499999999999999E-2</c:v>
                </c:pt>
                <c:pt idx="148">
                  <c:v>3.7499999999999999E-2</c:v>
                </c:pt>
                <c:pt idx="149">
                  <c:v>3.7499999999999999E-2</c:v>
                </c:pt>
                <c:pt idx="150">
                  <c:v>3.7499999999999999E-2</c:v>
                </c:pt>
                <c:pt idx="151">
                  <c:v>3.7499999999999999E-2</c:v>
                </c:pt>
                <c:pt idx="152">
                  <c:v>3.7499999999999999E-2</c:v>
                </c:pt>
                <c:pt idx="153">
                  <c:v>3.7499999999999999E-2</c:v>
                </c:pt>
                <c:pt idx="154">
                  <c:v>3.7499999999999999E-2</c:v>
                </c:pt>
                <c:pt idx="155">
                  <c:v>3.7499999999999999E-2</c:v>
                </c:pt>
                <c:pt idx="156">
                  <c:v>3.7499999999999999E-2</c:v>
                </c:pt>
                <c:pt idx="157">
                  <c:v>3.7499999999999999E-2</c:v>
                </c:pt>
                <c:pt idx="158">
                  <c:v>3.7499999999999999E-2</c:v>
                </c:pt>
                <c:pt idx="159">
                  <c:v>3.7499999999999999E-2</c:v>
                </c:pt>
                <c:pt idx="160">
                  <c:v>4.2500000000000003E-2</c:v>
                </c:pt>
                <c:pt idx="161">
                  <c:v>4.2500000000000003E-2</c:v>
                </c:pt>
                <c:pt idx="162">
                  <c:v>4.2500000000000003E-2</c:v>
                </c:pt>
                <c:pt idx="163">
                  <c:v>4.2500000000000003E-2</c:v>
                </c:pt>
                <c:pt idx="164">
                  <c:v>4.2500000000000003E-2</c:v>
                </c:pt>
                <c:pt idx="165">
                  <c:v>4.2500000000000003E-2</c:v>
                </c:pt>
                <c:pt idx="166">
                  <c:v>4.2500000000000003E-2</c:v>
                </c:pt>
                <c:pt idx="167">
                  <c:v>4.2500000000000003E-2</c:v>
                </c:pt>
                <c:pt idx="168">
                  <c:v>4.2500000000000003E-2</c:v>
                </c:pt>
                <c:pt idx="169">
                  <c:v>4.2500000000000003E-2</c:v>
                </c:pt>
                <c:pt idx="170">
                  <c:v>4.2500000000000003E-2</c:v>
                </c:pt>
                <c:pt idx="171">
                  <c:v>4.2500000000000003E-2</c:v>
                </c:pt>
                <c:pt idx="172">
                  <c:v>4.2500000000000003E-2</c:v>
                </c:pt>
                <c:pt idx="173">
                  <c:v>4.2500000000000003E-2</c:v>
                </c:pt>
                <c:pt idx="174">
                  <c:v>4.2500000000000003E-2</c:v>
                </c:pt>
                <c:pt idx="175">
                  <c:v>4.2500000000000003E-2</c:v>
                </c:pt>
                <c:pt idx="176">
                  <c:v>4.2500000000000003E-2</c:v>
                </c:pt>
                <c:pt idx="177">
                  <c:v>4.2500000000000003E-2</c:v>
                </c:pt>
                <c:pt idx="178">
                  <c:v>4.2500000000000003E-2</c:v>
                </c:pt>
                <c:pt idx="179">
                  <c:v>4.2500000000000003E-2</c:v>
                </c:pt>
                <c:pt idx="180">
                  <c:v>4.2500000000000003E-2</c:v>
                </c:pt>
                <c:pt idx="181">
                  <c:v>4.2500000000000003E-2</c:v>
                </c:pt>
                <c:pt idx="182">
                  <c:v>4.2500000000000003E-2</c:v>
                </c:pt>
                <c:pt idx="183">
                  <c:v>4.2500000000000003E-2</c:v>
                </c:pt>
                <c:pt idx="184">
                  <c:v>4.2500000000000003E-2</c:v>
                </c:pt>
                <c:pt idx="185">
                  <c:v>4.2500000000000003E-2</c:v>
                </c:pt>
                <c:pt idx="186">
                  <c:v>4.2500000000000003E-2</c:v>
                </c:pt>
                <c:pt idx="187">
                  <c:v>4.2500000000000003E-2</c:v>
                </c:pt>
                <c:pt idx="188">
                  <c:v>4.2500000000000003E-2</c:v>
                </c:pt>
                <c:pt idx="189">
                  <c:v>4.2500000000000003E-2</c:v>
                </c:pt>
                <c:pt idx="190">
                  <c:v>4.2500000000000003E-2</c:v>
                </c:pt>
                <c:pt idx="191">
                  <c:v>4.2500000000000003E-2</c:v>
                </c:pt>
                <c:pt idx="192">
                  <c:v>4.2500000000000003E-2</c:v>
                </c:pt>
                <c:pt idx="193">
                  <c:v>4.2500000000000003E-2</c:v>
                </c:pt>
                <c:pt idx="194">
                  <c:v>4.2500000000000003E-2</c:v>
                </c:pt>
                <c:pt idx="195">
                  <c:v>4.2500000000000003E-2</c:v>
                </c:pt>
                <c:pt idx="196">
                  <c:v>4.2500000000000003E-2</c:v>
                </c:pt>
                <c:pt idx="197">
                  <c:v>4.2500000000000003E-2</c:v>
                </c:pt>
                <c:pt idx="198">
                  <c:v>4.2500000000000003E-2</c:v>
                </c:pt>
                <c:pt idx="199">
                  <c:v>4.2500000000000003E-2</c:v>
                </c:pt>
                <c:pt idx="200">
                  <c:v>4.2500000000000003E-2</c:v>
                </c:pt>
                <c:pt idx="201">
                  <c:v>4.2500000000000003E-2</c:v>
                </c:pt>
                <c:pt idx="202">
                  <c:v>4.2500000000000003E-2</c:v>
                </c:pt>
                <c:pt idx="203">
                  <c:v>4.2500000000000003E-2</c:v>
                </c:pt>
                <c:pt idx="204">
                  <c:v>4.2500000000000003E-2</c:v>
                </c:pt>
                <c:pt idx="205">
                  <c:v>4.2500000000000003E-2</c:v>
                </c:pt>
                <c:pt idx="206">
                  <c:v>4.2500000000000003E-2</c:v>
                </c:pt>
                <c:pt idx="207">
                  <c:v>4.2500000000000003E-2</c:v>
                </c:pt>
                <c:pt idx="208">
                  <c:v>4.2500000000000003E-2</c:v>
                </c:pt>
                <c:pt idx="209">
                  <c:v>4.2500000000000003E-2</c:v>
                </c:pt>
                <c:pt idx="210">
                  <c:v>4.2500000000000003E-2</c:v>
                </c:pt>
                <c:pt idx="211">
                  <c:v>4.2500000000000003E-2</c:v>
                </c:pt>
                <c:pt idx="212">
                  <c:v>4.2500000000000003E-2</c:v>
                </c:pt>
                <c:pt idx="213">
                  <c:v>4.2500000000000003E-2</c:v>
                </c:pt>
                <c:pt idx="214">
                  <c:v>4.2500000000000003E-2</c:v>
                </c:pt>
                <c:pt idx="215">
                  <c:v>4.2500000000000003E-2</c:v>
                </c:pt>
                <c:pt idx="216">
                  <c:v>4.2500000000000003E-2</c:v>
                </c:pt>
                <c:pt idx="217">
                  <c:v>4.2500000000000003E-2</c:v>
                </c:pt>
                <c:pt idx="218">
                  <c:v>4.2500000000000003E-2</c:v>
                </c:pt>
                <c:pt idx="219">
                  <c:v>4.2500000000000003E-2</c:v>
                </c:pt>
                <c:pt idx="220">
                  <c:v>4.2500000000000003E-2</c:v>
                </c:pt>
                <c:pt idx="221">
                  <c:v>4.2500000000000003E-2</c:v>
                </c:pt>
                <c:pt idx="222">
                  <c:v>4.2500000000000003E-2</c:v>
                </c:pt>
                <c:pt idx="223">
                  <c:v>4.2500000000000003E-2</c:v>
                </c:pt>
                <c:pt idx="224">
                  <c:v>4.2500000000000003E-2</c:v>
                </c:pt>
                <c:pt idx="225">
                  <c:v>4.2500000000000003E-2</c:v>
                </c:pt>
                <c:pt idx="226">
                  <c:v>4.2500000000000003E-2</c:v>
                </c:pt>
                <c:pt idx="227">
                  <c:v>4.2500000000000003E-2</c:v>
                </c:pt>
                <c:pt idx="228">
                  <c:v>4.2500000000000003E-2</c:v>
                </c:pt>
                <c:pt idx="229">
                  <c:v>4.2500000000000003E-2</c:v>
                </c:pt>
                <c:pt idx="230">
                  <c:v>4.2500000000000003E-2</c:v>
                </c:pt>
                <c:pt idx="231">
                  <c:v>4.2500000000000003E-2</c:v>
                </c:pt>
                <c:pt idx="232">
                  <c:v>4.2500000000000003E-2</c:v>
                </c:pt>
                <c:pt idx="233">
                  <c:v>4.2500000000000003E-2</c:v>
                </c:pt>
                <c:pt idx="234">
                  <c:v>4.2500000000000003E-2</c:v>
                </c:pt>
                <c:pt idx="235">
                  <c:v>4.2500000000000003E-2</c:v>
                </c:pt>
                <c:pt idx="236">
                  <c:v>4.2500000000000003E-2</c:v>
                </c:pt>
                <c:pt idx="237">
                  <c:v>4.2500000000000003E-2</c:v>
                </c:pt>
                <c:pt idx="238">
                  <c:v>4.2500000000000003E-2</c:v>
                </c:pt>
                <c:pt idx="239">
                  <c:v>4.2500000000000003E-2</c:v>
                </c:pt>
                <c:pt idx="240">
                  <c:v>4.2500000000000003E-2</c:v>
                </c:pt>
                <c:pt idx="241">
                  <c:v>4.2500000000000003E-2</c:v>
                </c:pt>
                <c:pt idx="242">
                  <c:v>4.2500000000000003E-2</c:v>
                </c:pt>
                <c:pt idx="243">
                  <c:v>4.2500000000000003E-2</c:v>
                </c:pt>
                <c:pt idx="244">
                  <c:v>4.4999999999999998E-2</c:v>
                </c:pt>
                <c:pt idx="245">
                  <c:v>4.4999999999999998E-2</c:v>
                </c:pt>
                <c:pt idx="246">
                  <c:v>4.4999999999999998E-2</c:v>
                </c:pt>
                <c:pt idx="247">
                  <c:v>4.4999999999999998E-2</c:v>
                </c:pt>
                <c:pt idx="248">
                  <c:v>4.4999999999999998E-2</c:v>
                </c:pt>
                <c:pt idx="249">
                  <c:v>4.4999999999999998E-2</c:v>
                </c:pt>
                <c:pt idx="250">
                  <c:v>4.4999999999999998E-2</c:v>
                </c:pt>
                <c:pt idx="251">
                  <c:v>4.4999999999999998E-2</c:v>
                </c:pt>
                <c:pt idx="252">
                  <c:v>4.4999999999999998E-2</c:v>
                </c:pt>
                <c:pt idx="253">
                  <c:v>4.4999999999999998E-2</c:v>
                </c:pt>
                <c:pt idx="254">
                  <c:v>4.4999999999999998E-2</c:v>
                </c:pt>
                <c:pt idx="255">
                  <c:v>4.4999999999999998E-2</c:v>
                </c:pt>
                <c:pt idx="256">
                  <c:v>4.4999999999999998E-2</c:v>
                </c:pt>
                <c:pt idx="257">
                  <c:v>4.4999999999999998E-2</c:v>
                </c:pt>
                <c:pt idx="258">
                  <c:v>4.4999999999999998E-2</c:v>
                </c:pt>
                <c:pt idx="259">
                  <c:v>4.4999999999999998E-2</c:v>
                </c:pt>
                <c:pt idx="260">
                  <c:v>4.4999999999999998E-2</c:v>
                </c:pt>
                <c:pt idx="261">
                  <c:v>4.4999999999999998E-2</c:v>
                </c:pt>
                <c:pt idx="262">
                  <c:v>4.4999999999999998E-2</c:v>
                </c:pt>
                <c:pt idx="263">
                  <c:v>4.4999999999999998E-2</c:v>
                </c:pt>
                <c:pt idx="264">
                  <c:v>4.4999999999999998E-2</c:v>
                </c:pt>
                <c:pt idx="265">
                  <c:v>4.4999999999999998E-2</c:v>
                </c:pt>
                <c:pt idx="266">
                  <c:v>4.4999999999999998E-2</c:v>
                </c:pt>
                <c:pt idx="267">
                  <c:v>4.4999999999999998E-2</c:v>
                </c:pt>
                <c:pt idx="268">
                  <c:v>4.4999999999999998E-2</c:v>
                </c:pt>
                <c:pt idx="269">
                  <c:v>4.4999999999999998E-2</c:v>
                </c:pt>
                <c:pt idx="270">
                  <c:v>4.4999999999999998E-2</c:v>
                </c:pt>
                <c:pt idx="271">
                  <c:v>4.4999999999999998E-2</c:v>
                </c:pt>
                <c:pt idx="272">
                  <c:v>4.4999999999999998E-2</c:v>
                </c:pt>
                <c:pt idx="273">
                  <c:v>4.4999999999999998E-2</c:v>
                </c:pt>
                <c:pt idx="274">
                  <c:v>4.4999999999999998E-2</c:v>
                </c:pt>
                <c:pt idx="275">
                  <c:v>4.4999999999999998E-2</c:v>
                </c:pt>
                <c:pt idx="276">
                  <c:v>4.4999999999999998E-2</c:v>
                </c:pt>
                <c:pt idx="277">
                  <c:v>4.4999999999999998E-2</c:v>
                </c:pt>
                <c:pt idx="278">
                  <c:v>4.4999999999999998E-2</c:v>
                </c:pt>
                <c:pt idx="279">
                  <c:v>4.7500000000000001E-2</c:v>
                </c:pt>
                <c:pt idx="280">
                  <c:v>4.7500000000000001E-2</c:v>
                </c:pt>
                <c:pt idx="281">
                  <c:v>4.7500000000000001E-2</c:v>
                </c:pt>
                <c:pt idx="282">
                  <c:v>4.7500000000000001E-2</c:v>
                </c:pt>
                <c:pt idx="283">
                  <c:v>4.7500000000000001E-2</c:v>
                </c:pt>
                <c:pt idx="284">
                  <c:v>4.7500000000000001E-2</c:v>
                </c:pt>
                <c:pt idx="285">
                  <c:v>4.7500000000000001E-2</c:v>
                </c:pt>
                <c:pt idx="286">
                  <c:v>4.7500000000000001E-2</c:v>
                </c:pt>
                <c:pt idx="287">
                  <c:v>4.7500000000000001E-2</c:v>
                </c:pt>
                <c:pt idx="288">
                  <c:v>4.7500000000000001E-2</c:v>
                </c:pt>
                <c:pt idx="289">
                  <c:v>4.7500000000000001E-2</c:v>
                </c:pt>
                <c:pt idx="290">
                  <c:v>4.7500000000000001E-2</c:v>
                </c:pt>
                <c:pt idx="291">
                  <c:v>4.7500000000000001E-2</c:v>
                </c:pt>
                <c:pt idx="292">
                  <c:v>4.7500000000000001E-2</c:v>
                </c:pt>
                <c:pt idx="293">
                  <c:v>4.7500000000000001E-2</c:v>
                </c:pt>
                <c:pt idx="294">
                  <c:v>4.7500000000000001E-2</c:v>
                </c:pt>
                <c:pt idx="295">
                  <c:v>4.7500000000000001E-2</c:v>
                </c:pt>
                <c:pt idx="296">
                  <c:v>4.7500000000000001E-2</c:v>
                </c:pt>
                <c:pt idx="297">
                  <c:v>4.7500000000000001E-2</c:v>
                </c:pt>
                <c:pt idx="298">
                  <c:v>4.7500000000000001E-2</c:v>
                </c:pt>
                <c:pt idx="299">
                  <c:v>4.7500000000000001E-2</c:v>
                </c:pt>
                <c:pt idx="300">
                  <c:v>4.7500000000000001E-2</c:v>
                </c:pt>
                <c:pt idx="301">
                  <c:v>4.7500000000000001E-2</c:v>
                </c:pt>
                <c:pt idx="302">
                  <c:v>4.7500000000000001E-2</c:v>
                </c:pt>
                <c:pt idx="303">
                  <c:v>4.7500000000000001E-2</c:v>
                </c:pt>
                <c:pt idx="304">
                  <c:v>4.7500000000000001E-2</c:v>
                </c:pt>
                <c:pt idx="305">
                  <c:v>4.7500000000000001E-2</c:v>
                </c:pt>
                <c:pt idx="306">
                  <c:v>4.7500000000000001E-2</c:v>
                </c:pt>
                <c:pt idx="307">
                  <c:v>4.7500000000000001E-2</c:v>
                </c:pt>
                <c:pt idx="308">
                  <c:v>4.7500000000000001E-2</c:v>
                </c:pt>
                <c:pt idx="309">
                  <c:v>4.7500000000000001E-2</c:v>
                </c:pt>
                <c:pt idx="310">
                  <c:v>4.7500000000000001E-2</c:v>
                </c:pt>
                <c:pt idx="311">
                  <c:v>4.7500000000000001E-2</c:v>
                </c:pt>
                <c:pt idx="312">
                  <c:v>4.7500000000000001E-2</c:v>
                </c:pt>
                <c:pt idx="313">
                  <c:v>4.7500000000000001E-2</c:v>
                </c:pt>
                <c:pt idx="314">
                  <c:v>4.7500000000000001E-2</c:v>
                </c:pt>
                <c:pt idx="315">
                  <c:v>4.7500000000000001E-2</c:v>
                </c:pt>
                <c:pt idx="316">
                  <c:v>4.7500000000000001E-2</c:v>
                </c:pt>
                <c:pt idx="317">
                  <c:v>4.7500000000000001E-2</c:v>
                </c:pt>
                <c:pt idx="318">
                  <c:v>4.7500000000000001E-2</c:v>
                </c:pt>
                <c:pt idx="319">
                  <c:v>4.7500000000000001E-2</c:v>
                </c:pt>
                <c:pt idx="320">
                  <c:v>4.7500000000000001E-2</c:v>
                </c:pt>
                <c:pt idx="321">
                  <c:v>4.7500000000000001E-2</c:v>
                </c:pt>
                <c:pt idx="322">
                  <c:v>4.7500000000000001E-2</c:v>
                </c:pt>
                <c:pt idx="323">
                  <c:v>4.7500000000000001E-2</c:v>
                </c:pt>
                <c:pt idx="324">
                  <c:v>4.7500000000000001E-2</c:v>
                </c:pt>
                <c:pt idx="325">
                  <c:v>4.7500000000000001E-2</c:v>
                </c:pt>
                <c:pt idx="326">
                  <c:v>4.7500000000000001E-2</c:v>
                </c:pt>
                <c:pt idx="327">
                  <c:v>4.7500000000000001E-2</c:v>
                </c:pt>
                <c:pt idx="328">
                  <c:v>4.7500000000000001E-2</c:v>
                </c:pt>
                <c:pt idx="329">
                  <c:v>4.7500000000000001E-2</c:v>
                </c:pt>
                <c:pt idx="330">
                  <c:v>4.7500000000000001E-2</c:v>
                </c:pt>
                <c:pt idx="331">
                  <c:v>4.7500000000000001E-2</c:v>
                </c:pt>
                <c:pt idx="332">
                  <c:v>4.7500000000000001E-2</c:v>
                </c:pt>
                <c:pt idx="333">
                  <c:v>4.7500000000000001E-2</c:v>
                </c:pt>
                <c:pt idx="334">
                  <c:v>4.7500000000000001E-2</c:v>
                </c:pt>
                <c:pt idx="335">
                  <c:v>4.7500000000000001E-2</c:v>
                </c:pt>
                <c:pt idx="336">
                  <c:v>4.7500000000000001E-2</c:v>
                </c:pt>
                <c:pt idx="337">
                  <c:v>4.7500000000000001E-2</c:v>
                </c:pt>
                <c:pt idx="338">
                  <c:v>4.7500000000000001E-2</c:v>
                </c:pt>
                <c:pt idx="339">
                  <c:v>4.7500000000000001E-2</c:v>
                </c:pt>
                <c:pt idx="340">
                  <c:v>4.7500000000000001E-2</c:v>
                </c:pt>
                <c:pt idx="341">
                  <c:v>4.7500000000000001E-2</c:v>
                </c:pt>
                <c:pt idx="342">
                  <c:v>4.7500000000000001E-2</c:v>
                </c:pt>
                <c:pt idx="343">
                  <c:v>4.7500000000000001E-2</c:v>
                </c:pt>
                <c:pt idx="344">
                  <c:v>4.7500000000000001E-2</c:v>
                </c:pt>
                <c:pt idx="345">
                  <c:v>4.7500000000000001E-2</c:v>
                </c:pt>
                <c:pt idx="346">
                  <c:v>4.7500000000000001E-2</c:v>
                </c:pt>
                <c:pt idx="347">
                  <c:v>4.7500000000000001E-2</c:v>
                </c:pt>
                <c:pt idx="348">
                  <c:v>4.7500000000000001E-2</c:v>
                </c:pt>
                <c:pt idx="349">
                  <c:v>4.7500000000000001E-2</c:v>
                </c:pt>
                <c:pt idx="350">
                  <c:v>4.7500000000000001E-2</c:v>
                </c:pt>
                <c:pt idx="351">
                  <c:v>4.7500000000000001E-2</c:v>
                </c:pt>
                <c:pt idx="352">
                  <c:v>4.7500000000000001E-2</c:v>
                </c:pt>
                <c:pt idx="353">
                  <c:v>4.7500000000000001E-2</c:v>
                </c:pt>
                <c:pt idx="354">
                  <c:v>4.7500000000000001E-2</c:v>
                </c:pt>
                <c:pt idx="355">
                  <c:v>4.7500000000000001E-2</c:v>
                </c:pt>
                <c:pt idx="356">
                  <c:v>4.7500000000000001E-2</c:v>
                </c:pt>
                <c:pt idx="357">
                  <c:v>4.7500000000000001E-2</c:v>
                </c:pt>
                <c:pt idx="358">
                  <c:v>4.7500000000000001E-2</c:v>
                </c:pt>
                <c:pt idx="359">
                  <c:v>4.7500000000000001E-2</c:v>
                </c:pt>
                <c:pt idx="360">
                  <c:v>4.7500000000000001E-2</c:v>
                </c:pt>
                <c:pt idx="361">
                  <c:v>4.7500000000000001E-2</c:v>
                </c:pt>
                <c:pt idx="362">
                  <c:v>4.7500000000000001E-2</c:v>
                </c:pt>
                <c:pt idx="363">
                  <c:v>4.7500000000000001E-2</c:v>
                </c:pt>
                <c:pt idx="364">
                  <c:v>4.7500000000000001E-2</c:v>
                </c:pt>
                <c:pt idx="365">
                  <c:v>4.7500000000000001E-2</c:v>
                </c:pt>
                <c:pt idx="366">
                  <c:v>4.7500000000000001E-2</c:v>
                </c:pt>
                <c:pt idx="367">
                  <c:v>4.7500000000000001E-2</c:v>
                </c:pt>
                <c:pt idx="368">
                  <c:v>4.7500000000000001E-2</c:v>
                </c:pt>
                <c:pt idx="369">
                  <c:v>4.7500000000000001E-2</c:v>
                </c:pt>
                <c:pt idx="370">
                  <c:v>4.7500000000000001E-2</c:v>
                </c:pt>
                <c:pt idx="371">
                  <c:v>4.7500000000000001E-2</c:v>
                </c:pt>
                <c:pt idx="372">
                  <c:v>4.7500000000000001E-2</c:v>
                </c:pt>
                <c:pt idx="373">
                  <c:v>4.7500000000000001E-2</c:v>
                </c:pt>
                <c:pt idx="374">
                  <c:v>4.7500000000000001E-2</c:v>
                </c:pt>
                <c:pt idx="375">
                  <c:v>4.7500000000000001E-2</c:v>
                </c:pt>
                <c:pt idx="376">
                  <c:v>4.7500000000000001E-2</c:v>
                </c:pt>
                <c:pt idx="377">
                  <c:v>4.7500000000000001E-2</c:v>
                </c:pt>
                <c:pt idx="378">
                  <c:v>4.7500000000000001E-2</c:v>
                </c:pt>
                <c:pt idx="379">
                  <c:v>4.7500000000000001E-2</c:v>
                </c:pt>
                <c:pt idx="380">
                  <c:v>4.7500000000000001E-2</c:v>
                </c:pt>
                <c:pt idx="381">
                  <c:v>4.7500000000000001E-2</c:v>
                </c:pt>
                <c:pt idx="382">
                  <c:v>4.7500000000000001E-2</c:v>
                </c:pt>
                <c:pt idx="383">
                  <c:v>4.7500000000000001E-2</c:v>
                </c:pt>
                <c:pt idx="384">
                  <c:v>4.7500000000000001E-2</c:v>
                </c:pt>
                <c:pt idx="385">
                  <c:v>4.7500000000000001E-2</c:v>
                </c:pt>
                <c:pt idx="386">
                  <c:v>4.7500000000000001E-2</c:v>
                </c:pt>
                <c:pt idx="387">
                  <c:v>4.7500000000000001E-2</c:v>
                </c:pt>
                <c:pt idx="388">
                  <c:v>4.7500000000000001E-2</c:v>
                </c:pt>
                <c:pt idx="389">
                  <c:v>4.7500000000000001E-2</c:v>
                </c:pt>
                <c:pt idx="390">
                  <c:v>4.7500000000000001E-2</c:v>
                </c:pt>
                <c:pt idx="391">
                  <c:v>4.7500000000000001E-2</c:v>
                </c:pt>
                <c:pt idx="392">
                  <c:v>4.7500000000000001E-2</c:v>
                </c:pt>
                <c:pt idx="393">
                  <c:v>4.7500000000000001E-2</c:v>
                </c:pt>
                <c:pt idx="394">
                  <c:v>4.7500000000000001E-2</c:v>
                </c:pt>
                <c:pt idx="395">
                  <c:v>4.7500000000000001E-2</c:v>
                </c:pt>
                <c:pt idx="396">
                  <c:v>4.7500000000000001E-2</c:v>
                </c:pt>
                <c:pt idx="397">
                  <c:v>4.7500000000000001E-2</c:v>
                </c:pt>
                <c:pt idx="398">
                  <c:v>4.7500000000000001E-2</c:v>
                </c:pt>
                <c:pt idx="399">
                  <c:v>4.7500000000000001E-2</c:v>
                </c:pt>
                <c:pt idx="400">
                  <c:v>4.7500000000000001E-2</c:v>
                </c:pt>
                <c:pt idx="401">
                  <c:v>4.7500000000000001E-2</c:v>
                </c:pt>
                <c:pt idx="402">
                  <c:v>4.7500000000000001E-2</c:v>
                </c:pt>
                <c:pt idx="403">
                  <c:v>4.7500000000000001E-2</c:v>
                </c:pt>
                <c:pt idx="404">
                  <c:v>4.7500000000000001E-2</c:v>
                </c:pt>
                <c:pt idx="405">
                  <c:v>4.7500000000000001E-2</c:v>
                </c:pt>
                <c:pt idx="406">
                  <c:v>4.7500000000000001E-2</c:v>
                </c:pt>
                <c:pt idx="407">
                  <c:v>4.7500000000000001E-2</c:v>
                </c:pt>
                <c:pt idx="408">
                  <c:v>4.7500000000000001E-2</c:v>
                </c:pt>
                <c:pt idx="409">
                  <c:v>4.7500000000000001E-2</c:v>
                </c:pt>
                <c:pt idx="410">
                  <c:v>4.7500000000000001E-2</c:v>
                </c:pt>
                <c:pt idx="411">
                  <c:v>4.7500000000000001E-2</c:v>
                </c:pt>
                <c:pt idx="412">
                  <c:v>4.7500000000000001E-2</c:v>
                </c:pt>
                <c:pt idx="413">
                  <c:v>4.7500000000000001E-2</c:v>
                </c:pt>
                <c:pt idx="414">
                  <c:v>4.7500000000000001E-2</c:v>
                </c:pt>
                <c:pt idx="415">
                  <c:v>4.7500000000000001E-2</c:v>
                </c:pt>
                <c:pt idx="416">
                  <c:v>4.7500000000000001E-2</c:v>
                </c:pt>
                <c:pt idx="417">
                  <c:v>4.7500000000000001E-2</c:v>
                </c:pt>
                <c:pt idx="418">
                  <c:v>4.7500000000000001E-2</c:v>
                </c:pt>
                <c:pt idx="419">
                  <c:v>4.7500000000000001E-2</c:v>
                </c:pt>
                <c:pt idx="420">
                  <c:v>4.7500000000000001E-2</c:v>
                </c:pt>
                <c:pt idx="421">
                  <c:v>4.7500000000000001E-2</c:v>
                </c:pt>
                <c:pt idx="422">
                  <c:v>4.7500000000000001E-2</c:v>
                </c:pt>
                <c:pt idx="423">
                  <c:v>4.7500000000000001E-2</c:v>
                </c:pt>
                <c:pt idx="424">
                  <c:v>4.7500000000000001E-2</c:v>
                </c:pt>
                <c:pt idx="425">
                  <c:v>4.7500000000000001E-2</c:v>
                </c:pt>
                <c:pt idx="426">
                  <c:v>4.7500000000000001E-2</c:v>
                </c:pt>
                <c:pt idx="427">
                  <c:v>4.7500000000000001E-2</c:v>
                </c:pt>
                <c:pt idx="428">
                  <c:v>4.7500000000000001E-2</c:v>
                </c:pt>
                <c:pt idx="429">
                  <c:v>4.7500000000000001E-2</c:v>
                </c:pt>
                <c:pt idx="430">
                  <c:v>4.7500000000000001E-2</c:v>
                </c:pt>
                <c:pt idx="431">
                  <c:v>4.7500000000000001E-2</c:v>
                </c:pt>
                <c:pt idx="432">
                  <c:v>4.7500000000000001E-2</c:v>
                </c:pt>
                <c:pt idx="433">
                  <c:v>4.7500000000000001E-2</c:v>
                </c:pt>
                <c:pt idx="434">
                  <c:v>4.7500000000000001E-2</c:v>
                </c:pt>
                <c:pt idx="435">
                  <c:v>4.7500000000000001E-2</c:v>
                </c:pt>
                <c:pt idx="436">
                  <c:v>4.7500000000000001E-2</c:v>
                </c:pt>
                <c:pt idx="437">
                  <c:v>4.7500000000000001E-2</c:v>
                </c:pt>
                <c:pt idx="438">
                  <c:v>4.7500000000000001E-2</c:v>
                </c:pt>
                <c:pt idx="439">
                  <c:v>4.7500000000000001E-2</c:v>
                </c:pt>
                <c:pt idx="440">
                  <c:v>4.7500000000000001E-2</c:v>
                </c:pt>
                <c:pt idx="441">
                  <c:v>4.7500000000000001E-2</c:v>
                </c:pt>
                <c:pt idx="442">
                  <c:v>4.7500000000000001E-2</c:v>
                </c:pt>
                <c:pt idx="443">
                  <c:v>4.7500000000000001E-2</c:v>
                </c:pt>
                <c:pt idx="444">
                  <c:v>4.7500000000000001E-2</c:v>
                </c:pt>
                <c:pt idx="445">
                  <c:v>4.7500000000000001E-2</c:v>
                </c:pt>
                <c:pt idx="446">
                  <c:v>4.7500000000000001E-2</c:v>
                </c:pt>
                <c:pt idx="447">
                  <c:v>4.7500000000000001E-2</c:v>
                </c:pt>
                <c:pt idx="448">
                  <c:v>4.7500000000000001E-2</c:v>
                </c:pt>
                <c:pt idx="449">
                  <c:v>4.7500000000000001E-2</c:v>
                </c:pt>
                <c:pt idx="450">
                  <c:v>4.7500000000000001E-2</c:v>
                </c:pt>
                <c:pt idx="451">
                  <c:v>4.7500000000000001E-2</c:v>
                </c:pt>
                <c:pt idx="452">
                  <c:v>4.7500000000000001E-2</c:v>
                </c:pt>
                <c:pt idx="453">
                  <c:v>4.7500000000000001E-2</c:v>
                </c:pt>
                <c:pt idx="454">
                  <c:v>4.7500000000000001E-2</c:v>
                </c:pt>
                <c:pt idx="455">
                  <c:v>4.7500000000000001E-2</c:v>
                </c:pt>
                <c:pt idx="456">
                  <c:v>4.7500000000000001E-2</c:v>
                </c:pt>
                <c:pt idx="457">
                  <c:v>4.7500000000000001E-2</c:v>
                </c:pt>
                <c:pt idx="458">
                  <c:v>4.7500000000000001E-2</c:v>
                </c:pt>
                <c:pt idx="459">
                  <c:v>4.7500000000000001E-2</c:v>
                </c:pt>
                <c:pt idx="460">
                  <c:v>4.7500000000000001E-2</c:v>
                </c:pt>
                <c:pt idx="461">
                  <c:v>4.7500000000000001E-2</c:v>
                </c:pt>
                <c:pt idx="462">
                  <c:v>4.7500000000000001E-2</c:v>
                </c:pt>
                <c:pt idx="463">
                  <c:v>4.7500000000000001E-2</c:v>
                </c:pt>
                <c:pt idx="464">
                  <c:v>4.7500000000000001E-2</c:v>
                </c:pt>
                <c:pt idx="465">
                  <c:v>4.7500000000000001E-2</c:v>
                </c:pt>
                <c:pt idx="466">
                  <c:v>4.7500000000000001E-2</c:v>
                </c:pt>
                <c:pt idx="467">
                  <c:v>4.7500000000000001E-2</c:v>
                </c:pt>
                <c:pt idx="468">
                  <c:v>4.7500000000000001E-2</c:v>
                </c:pt>
                <c:pt idx="469">
                  <c:v>4.7500000000000001E-2</c:v>
                </c:pt>
                <c:pt idx="470">
                  <c:v>4.7500000000000001E-2</c:v>
                </c:pt>
                <c:pt idx="471">
                  <c:v>4.7500000000000001E-2</c:v>
                </c:pt>
                <c:pt idx="472">
                  <c:v>4.7500000000000001E-2</c:v>
                </c:pt>
                <c:pt idx="473">
                  <c:v>4.7500000000000001E-2</c:v>
                </c:pt>
                <c:pt idx="474">
                  <c:v>4.7500000000000001E-2</c:v>
                </c:pt>
                <c:pt idx="475">
                  <c:v>4.7500000000000001E-2</c:v>
                </c:pt>
                <c:pt idx="476">
                  <c:v>4.7500000000000001E-2</c:v>
                </c:pt>
                <c:pt idx="477">
                  <c:v>4.7500000000000001E-2</c:v>
                </c:pt>
                <c:pt idx="478">
                  <c:v>4.7500000000000001E-2</c:v>
                </c:pt>
                <c:pt idx="479">
                  <c:v>4.7500000000000001E-2</c:v>
                </c:pt>
                <c:pt idx="480">
                  <c:v>4.7500000000000001E-2</c:v>
                </c:pt>
                <c:pt idx="481">
                  <c:v>4.7500000000000001E-2</c:v>
                </c:pt>
                <c:pt idx="482">
                  <c:v>4.7500000000000001E-2</c:v>
                </c:pt>
                <c:pt idx="483">
                  <c:v>4.7500000000000001E-2</c:v>
                </c:pt>
                <c:pt idx="484">
                  <c:v>4.7500000000000001E-2</c:v>
                </c:pt>
                <c:pt idx="485">
                  <c:v>4.7500000000000001E-2</c:v>
                </c:pt>
                <c:pt idx="486">
                  <c:v>4.7500000000000001E-2</c:v>
                </c:pt>
                <c:pt idx="487">
                  <c:v>4.7500000000000001E-2</c:v>
                </c:pt>
                <c:pt idx="488">
                  <c:v>4.7500000000000001E-2</c:v>
                </c:pt>
                <c:pt idx="489">
                  <c:v>4.7500000000000001E-2</c:v>
                </c:pt>
                <c:pt idx="490">
                  <c:v>4.7500000000000001E-2</c:v>
                </c:pt>
                <c:pt idx="491">
                  <c:v>4.7500000000000001E-2</c:v>
                </c:pt>
                <c:pt idx="492">
                  <c:v>4.7500000000000001E-2</c:v>
                </c:pt>
                <c:pt idx="493">
                  <c:v>4.7500000000000001E-2</c:v>
                </c:pt>
                <c:pt idx="494">
                  <c:v>4.7500000000000001E-2</c:v>
                </c:pt>
                <c:pt idx="495">
                  <c:v>4.7500000000000001E-2</c:v>
                </c:pt>
                <c:pt idx="496">
                  <c:v>4.4999999999999998E-2</c:v>
                </c:pt>
                <c:pt idx="497">
                  <c:v>4.4999999999999998E-2</c:v>
                </c:pt>
                <c:pt idx="498">
                  <c:v>4.4999999999999998E-2</c:v>
                </c:pt>
                <c:pt idx="499">
                  <c:v>4.4999999999999998E-2</c:v>
                </c:pt>
                <c:pt idx="500">
                  <c:v>4.4999999999999998E-2</c:v>
                </c:pt>
                <c:pt idx="501">
                  <c:v>4.4999999999999998E-2</c:v>
                </c:pt>
                <c:pt idx="502">
                  <c:v>4.4999999999999998E-2</c:v>
                </c:pt>
                <c:pt idx="503">
                  <c:v>4.4999999999999998E-2</c:v>
                </c:pt>
                <c:pt idx="504">
                  <c:v>4.4999999999999998E-2</c:v>
                </c:pt>
                <c:pt idx="505">
                  <c:v>4.4999999999999998E-2</c:v>
                </c:pt>
                <c:pt idx="506">
                  <c:v>4.4999999999999998E-2</c:v>
                </c:pt>
                <c:pt idx="507">
                  <c:v>4.4999999999999998E-2</c:v>
                </c:pt>
                <c:pt idx="508">
                  <c:v>4.4999999999999998E-2</c:v>
                </c:pt>
                <c:pt idx="509">
                  <c:v>4.4999999999999998E-2</c:v>
                </c:pt>
                <c:pt idx="510">
                  <c:v>4.4999999999999998E-2</c:v>
                </c:pt>
                <c:pt idx="511">
                  <c:v>4.4999999999999998E-2</c:v>
                </c:pt>
                <c:pt idx="512">
                  <c:v>4.4999999999999998E-2</c:v>
                </c:pt>
                <c:pt idx="513">
                  <c:v>4.4999999999999998E-2</c:v>
                </c:pt>
                <c:pt idx="514">
                  <c:v>4.4999999999999998E-2</c:v>
                </c:pt>
                <c:pt idx="515">
                  <c:v>4.4999999999999998E-2</c:v>
                </c:pt>
                <c:pt idx="516">
                  <c:v>4.4999999999999998E-2</c:v>
                </c:pt>
                <c:pt idx="517">
                  <c:v>4.4999999999999998E-2</c:v>
                </c:pt>
                <c:pt idx="518">
                  <c:v>4.4999999999999998E-2</c:v>
                </c:pt>
                <c:pt idx="519">
                  <c:v>4.4999999999999998E-2</c:v>
                </c:pt>
                <c:pt idx="520">
                  <c:v>4.4999999999999998E-2</c:v>
                </c:pt>
                <c:pt idx="521">
                  <c:v>4.4999999999999998E-2</c:v>
                </c:pt>
                <c:pt idx="522">
                  <c:v>4.4999999999999998E-2</c:v>
                </c:pt>
                <c:pt idx="523">
                  <c:v>4.4999999999999998E-2</c:v>
                </c:pt>
                <c:pt idx="524">
                  <c:v>4.4999999999999998E-2</c:v>
                </c:pt>
                <c:pt idx="525">
                  <c:v>4.4999999999999998E-2</c:v>
                </c:pt>
                <c:pt idx="526">
                  <c:v>4.4999999999999998E-2</c:v>
                </c:pt>
                <c:pt idx="527">
                  <c:v>4.4999999999999998E-2</c:v>
                </c:pt>
                <c:pt idx="528">
                  <c:v>4.4999999999999998E-2</c:v>
                </c:pt>
                <c:pt idx="529">
                  <c:v>4.4999999999999998E-2</c:v>
                </c:pt>
                <c:pt idx="530">
                  <c:v>4.4999999999999998E-2</c:v>
                </c:pt>
                <c:pt idx="531">
                  <c:v>4.4999999999999998E-2</c:v>
                </c:pt>
                <c:pt idx="532">
                  <c:v>4.4999999999999998E-2</c:v>
                </c:pt>
                <c:pt idx="533">
                  <c:v>4.4999999999999998E-2</c:v>
                </c:pt>
                <c:pt idx="534">
                  <c:v>4.4999999999999998E-2</c:v>
                </c:pt>
                <c:pt idx="535">
                  <c:v>4.4999999999999998E-2</c:v>
                </c:pt>
                <c:pt idx="536">
                  <c:v>4.4999999999999998E-2</c:v>
                </c:pt>
                <c:pt idx="537">
                  <c:v>4.4999999999999998E-2</c:v>
                </c:pt>
                <c:pt idx="538">
                  <c:v>4.4999999999999998E-2</c:v>
                </c:pt>
                <c:pt idx="539">
                  <c:v>4.4999999999999998E-2</c:v>
                </c:pt>
                <c:pt idx="540">
                  <c:v>4.4999999999999998E-2</c:v>
                </c:pt>
                <c:pt idx="541">
                  <c:v>4.4999999999999998E-2</c:v>
                </c:pt>
                <c:pt idx="542">
                  <c:v>4.4999999999999998E-2</c:v>
                </c:pt>
                <c:pt idx="543">
                  <c:v>4.4999999999999998E-2</c:v>
                </c:pt>
                <c:pt idx="544">
                  <c:v>4.4999999999999998E-2</c:v>
                </c:pt>
                <c:pt idx="545">
                  <c:v>4.4999999999999998E-2</c:v>
                </c:pt>
                <c:pt idx="546">
                  <c:v>4.4999999999999998E-2</c:v>
                </c:pt>
                <c:pt idx="547">
                  <c:v>4.4999999999999998E-2</c:v>
                </c:pt>
                <c:pt idx="548">
                  <c:v>4.4999999999999998E-2</c:v>
                </c:pt>
                <c:pt idx="549">
                  <c:v>4.4999999999999998E-2</c:v>
                </c:pt>
                <c:pt idx="550">
                  <c:v>4.4999999999999998E-2</c:v>
                </c:pt>
                <c:pt idx="551">
                  <c:v>4.4999999999999998E-2</c:v>
                </c:pt>
                <c:pt idx="552">
                  <c:v>4.4999999999999998E-2</c:v>
                </c:pt>
                <c:pt idx="553">
                  <c:v>4.4999999999999998E-2</c:v>
                </c:pt>
                <c:pt idx="554">
                  <c:v>4.4999999999999998E-2</c:v>
                </c:pt>
                <c:pt idx="555">
                  <c:v>4.4999999999999998E-2</c:v>
                </c:pt>
                <c:pt idx="556">
                  <c:v>4.4999999999999998E-2</c:v>
                </c:pt>
                <c:pt idx="557">
                  <c:v>4.4999999999999998E-2</c:v>
                </c:pt>
                <c:pt idx="558">
                  <c:v>4.4999999999999998E-2</c:v>
                </c:pt>
                <c:pt idx="559">
                  <c:v>4.4999999999999998E-2</c:v>
                </c:pt>
                <c:pt idx="560">
                  <c:v>4.4999999999999998E-2</c:v>
                </c:pt>
                <c:pt idx="561">
                  <c:v>4.4999999999999998E-2</c:v>
                </c:pt>
                <c:pt idx="562">
                  <c:v>4.4999999999999998E-2</c:v>
                </c:pt>
                <c:pt idx="563">
                  <c:v>4.4999999999999998E-2</c:v>
                </c:pt>
                <c:pt idx="564">
                  <c:v>4.4999999999999998E-2</c:v>
                </c:pt>
                <c:pt idx="565">
                  <c:v>4.4999999999999998E-2</c:v>
                </c:pt>
                <c:pt idx="566">
                  <c:v>4.4999999999999998E-2</c:v>
                </c:pt>
                <c:pt idx="567">
                  <c:v>4.4999999999999998E-2</c:v>
                </c:pt>
                <c:pt idx="568">
                  <c:v>4.4999999999999998E-2</c:v>
                </c:pt>
                <c:pt idx="569">
                  <c:v>4.4999999999999998E-2</c:v>
                </c:pt>
                <c:pt idx="570">
                  <c:v>4.4999999999999998E-2</c:v>
                </c:pt>
                <c:pt idx="571">
                  <c:v>4.4999999999999998E-2</c:v>
                </c:pt>
                <c:pt idx="572">
                  <c:v>4.4999999999999998E-2</c:v>
                </c:pt>
                <c:pt idx="573">
                  <c:v>4.4999999999999998E-2</c:v>
                </c:pt>
                <c:pt idx="574">
                  <c:v>4.4999999999999998E-2</c:v>
                </c:pt>
                <c:pt idx="575">
                  <c:v>4.4999999999999998E-2</c:v>
                </c:pt>
                <c:pt idx="576">
                  <c:v>4.4999999999999998E-2</c:v>
                </c:pt>
                <c:pt idx="577">
                  <c:v>4.4999999999999998E-2</c:v>
                </c:pt>
                <c:pt idx="578">
                  <c:v>4.4999999999999998E-2</c:v>
                </c:pt>
                <c:pt idx="579">
                  <c:v>4.4999999999999998E-2</c:v>
                </c:pt>
                <c:pt idx="580">
                  <c:v>4.4999999999999998E-2</c:v>
                </c:pt>
                <c:pt idx="581">
                  <c:v>4.4999999999999998E-2</c:v>
                </c:pt>
                <c:pt idx="582">
                  <c:v>4.4999999999999998E-2</c:v>
                </c:pt>
                <c:pt idx="583">
                  <c:v>4.4999999999999998E-2</c:v>
                </c:pt>
                <c:pt idx="584">
                  <c:v>4.4999999999999998E-2</c:v>
                </c:pt>
                <c:pt idx="585">
                  <c:v>4.4999999999999998E-2</c:v>
                </c:pt>
                <c:pt idx="586">
                  <c:v>4.4999999999999998E-2</c:v>
                </c:pt>
                <c:pt idx="587">
                  <c:v>4.4999999999999998E-2</c:v>
                </c:pt>
                <c:pt idx="588">
                  <c:v>4.4999999999999998E-2</c:v>
                </c:pt>
                <c:pt idx="589">
                  <c:v>4.4999999999999998E-2</c:v>
                </c:pt>
                <c:pt idx="590">
                  <c:v>4.4999999999999998E-2</c:v>
                </c:pt>
                <c:pt idx="591">
                  <c:v>4.4999999999999998E-2</c:v>
                </c:pt>
                <c:pt idx="592">
                  <c:v>4.4999999999999998E-2</c:v>
                </c:pt>
                <c:pt idx="593">
                  <c:v>4.4999999999999998E-2</c:v>
                </c:pt>
                <c:pt idx="594">
                  <c:v>4.4999999999999998E-2</c:v>
                </c:pt>
                <c:pt idx="595">
                  <c:v>4.4999999999999998E-2</c:v>
                </c:pt>
                <c:pt idx="596">
                  <c:v>4.4999999999999998E-2</c:v>
                </c:pt>
                <c:pt idx="597">
                  <c:v>4.4999999999999998E-2</c:v>
                </c:pt>
                <c:pt idx="598">
                  <c:v>4.4999999999999998E-2</c:v>
                </c:pt>
                <c:pt idx="599">
                  <c:v>4.4999999999999998E-2</c:v>
                </c:pt>
                <c:pt idx="600">
                  <c:v>4.4999999999999998E-2</c:v>
                </c:pt>
                <c:pt idx="601">
                  <c:v>4.4999999999999998E-2</c:v>
                </c:pt>
                <c:pt idx="602">
                  <c:v>4.4999999999999998E-2</c:v>
                </c:pt>
                <c:pt idx="603">
                  <c:v>4.4999999999999998E-2</c:v>
                </c:pt>
                <c:pt idx="604">
                  <c:v>4.4999999999999998E-2</c:v>
                </c:pt>
                <c:pt idx="605">
                  <c:v>4.4999999999999998E-2</c:v>
                </c:pt>
                <c:pt idx="606">
                  <c:v>4.4999999999999998E-2</c:v>
                </c:pt>
                <c:pt idx="607">
                  <c:v>4.4999999999999998E-2</c:v>
                </c:pt>
                <c:pt idx="608">
                  <c:v>4.2500000000000003E-2</c:v>
                </c:pt>
                <c:pt idx="609">
                  <c:v>4.2500000000000003E-2</c:v>
                </c:pt>
                <c:pt idx="610">
                  <c:v>4.2500000000000003E-2</c:v>
                </c:pt>
                <c:pt idx="611">
                  <c:v>4.2500000000000003E-2</c:v>
                </c:pt>
                <c:pt idx="612">
                  <c:v>4.2500000000000003E-2</c:v>
                </c:pt>
                <c:pt idx="613">
                  <c:v>4.2500000000000003E-2</c:v>
                </c:pt>
                <c:pt idx="614">
                  <c:v>4.2500000000000003E-2</c:v>
                </c:pt>
                <c:pt idx="615">
                  <c:v>4.2500000000000003E-2</c:v>
                </c:pt>
                <c:pt idx="616">
                  <c:v>4.2500000000000003E-2</c:v>
                </c:pt>
                <c:pt idx="617">
                  <c:v>4.2500000000000003E-2</c:v>
                </c:pt>
                <c:pt idx="618">
                  <c:v>4.2500000000000003E-2</c:v>
                </c:pt>
                <c:pt idx="619">
                  <c:v>4.2500000000000003E-2</c:v>
                </c:pt>
                <c:pt idx="620">
                  <c:v>4.2500000000000003E-2</c:v>
                </c:pt>
                <c:pt idx="621">
                  <c:v>4.2500000000000003E-2</c:v>
                </c:pt>
                <c:pt idx="622">
                  <c:v>4.2500000000000003E-2</c:v>
                </c:pt>
                <c:pt idx="623">
                  <c:v>4.2500000000000003E-2</c:v>
                </c:pt>
                <c:pt idx="624">
                  <c:v>4.2500000000000003E-2</c:v>
                </c:pt>
                <c:pt idx="625">
                  <c:v>4.2500000000000003E-2</c:v>
                </c:pt>
                <c:pt idx="626">
                  <c:v>3.7499999999999999E-2</c:v>
                </c:pt>
                <c:pt idx="627">
                  <c:v>3.7499999999999999E-2</c:v>
                </c:pt>
                <c:pt idx="628">
                  <c:v>3.7499999999999999E-2</c:v>
                </c:pt>
                <c:pt idx="629">
                  <c:v>3.7499999999999999E-2</c:v>
                </c:pt>
                <c:pt idx="630">
                  <c:v>3.7499999999999999E-2</c:v>
                </c:pt>
                <c:pt idx="631">
                  <c:v>3.7499999999999999E-2</c:v>
                </c:pt>
                <c:pt idx="632">
                  <c:v>3.7499999999999999E-2</c:v>
                </c:pt>
                <c:pt idx="633">
                  <c:v>3.7499999999999999E-2</c:v>
                </c:pt>
                <c:pt idx="634">
                  <c:v>3.7499999999999999E-2</c:v>
                </c:pt>
                <c:pt idx="635">
                  <c:v>3.7499999999999999E-2</c:v>
                </c:pt>
                <c:pt idx="636">
                  <c:v>3.7499999999999999E-2</c:v>
                </c:pt>
                <c:pt idx="637">
                  <c:v>3.7499999999999999E-2</c:v>
                </c:pt>
                <c:pt idx="638">
                  <c:v>3.7499999999999999E-2</c:v>
                </c:pt>
                <c:pt idx="639">
                  <c:v>3.7499999999999999E-2</c:v>
                </c:pt>
                <c:pt idx="640">
                  <c:v>3.7499999999999999E-2</c:v>
                </c:pt>
                <c:pt idx="641">
                  <c:v>3.7499999999999999E-2</c:v>
                </c:pt>
                <c:pt idx="642">
                  <c:v>3.7499999999999999E-2</c:v>
                </c:pt>
                <c:pt idx="643">
                  <c:v>3.7499999999999999E-2</c:v>
                </c:pt>
                <c:pt idx="644">
                  <c:v>3.7499999999999999E-2</c:v>
                </c:pt>
                <c:pt idx="645">
                  <c:v>3.7499999999999999E-2</c:v>
                </c:pt>
                <c:pt idx="646">
                  <c:v>3.7499999999999999E-2</c:v>
                </c:pt>
                <c:pt idx="647">
                  <c:v>3.7499999999999999E-2</c:v>
                </c:pt>
                <c:pt idx="648">
                  <c:v>3.7499999999999999E-2</c:v>
                </c:pt>
                <c:pt idx="649">
                  <c:v>3.7499999999999999E-2</c:v>
                </c:pt>
                <c:pt idx="650">
                  <c:v>3.7499999999999999E-2</c:v>
                </c:pt>
                <c:pt idx="651">
                  <c:v>3.7499999999999999E-2</c:v>
                </c:pt>
                <c:pt idx="652">
                  <c:v>3.7499999999999999E-2</c:v>
                </c:pt>
                <c:pt idx="653">
                  <c:v>3.7499999999999999E-2</c:v>
                </c:pt>
                <c:pt idx="654">
                  <c:v>3.7499999999999999E-2</c:v>
                </c:pt>
                <c:pt idx="655">
                  <c:v>3.7499999999999999E-2</c:v>
                </c:pt>
                <c:pt idx="656">
                  <c:v>3.7499999999999999E-2</c:v>
                </c:pt>
                <c:pt idx="657">
                  <c:v>3.7499999999999999E-2</c:v>
                </c:pt>
                <c:pt idx="658">
                  <c:v>3.7499999999999999E-2</c:v>
                </c:pt>
                <c:pt idx="659">
                  <c:v>3.7499999999999999E-2</c:v>
                </c:pt>
                <c:pt idx="660">
                  <c:v>3.7499999999999999E-2</c:v>
                </c:pt>
                <c:pt idx="661">
                  <c:v>3.7499999999999999E-2</c:v>
                </c:pt>
                <c:pt idx="662">
                  <c:v>3.7499999999999999E-2</c:v>
                </c:pt>
                <c:pt idx="663">
                  <c:v>3.7499999999999999E-2</c:v>
                </c:pt>
                <c:pt idx="664">
                  <c:v>3.7499999999999999E-2</c:v>
                </c:pt>
                <c:pt idx="665">
                  <c:v>3.7499999999999999E-2</c:v>
                </c:pt>
                <c:pt idx="666">
                  <c:v>3.7499999999999999E-2</c:v>
                </c:pt>
                <c:pt idx="667">
                  <c:v>3.7499999999999999E-2</c:v>
                </c:pt>
                <c:pt idx="668">
                  <c:v>3.7499999999999999E-2</c:v>
                </c:pt>
                <c:pt idx="669">
                  <c:v>3.7499999999999999E-2</c:v>
                </c:pt>
                <c:pt idx="670">
                  <c:v>3.7499999999999999E-2</c:v>
                </c:pt>
                <c:pt idx="671">
                  <c:v>3.7499999999999999E-2</c:v>
                </c:pt>
                <c:pt idx="672">
                  <c:v>3.7499999999999999E-2</c:v>
                </c:pt>
                <c:pt idx="673">
                  <c:v>3.7499999999999999E-2</c:v>
                </c:pt>
                <c:pt idx="674">
                  <c:v>3.7499999999999999E-2</c:v>
                </c:pt>
                <c:pt idx="675">
                  <c:v>3.7499999999999999E-2</c:v>
                </c:pt>
                <c:pt idx="676">
                  <c:v>3.7499999999999999E-2</c:v>
                </c:pt>
                <c:pt idx="677">
                  <c:v>3.7499999999999999E-2</c:v>
                </c:pt>
                <c:pt idx="678">
                  <c:v>3.2500000000000001E-2</c:v>
                </c:pt>
                <c:pt idx="679">
                  <c:v>3.2500000000000001E-2</c:v>
                </c:pt>
                <c:pt idx="680">
                  <c:v>3.2500000000000001E-2</c:v>
                </c:pt>
                <c:pt idx="681">
                  <c:v>3.2500000000000001E-2</c:v>
                </c:pt>
                <c:pt idx="682">
                  <c:v>3.2500000000000001E-2</c:v>
                </c:pt>
                <c:pt idx="683">
                  <c:v>3.2500000000000001E-2</c:v>
                </c:pt>
                <c:pt idx="684">
                  <c:v>3.2500000000000001E-2</c:v>
                </c:pt>
                <c:pt idx="685">
                  <c:v>3.2500000000000001E-2</c:v>
                </c:pt>
                <c:pt idx="686">
                  <c:v>3.2500000000000001E-2</c:v>
                </c:pt>
                <c:pt idx="687">
                  <c:v>3.2500000000000001E-2</c:v>
                </c:pt>
                <c:pt idx="688">
                  <c:v>3.2500000000000001E-2</c:v>
                </c:pt>
                <c:pt idx="689">
                  <c:v>3.2500000000000001E-2</c:v>
                </c:pt>
                <c:pt idx="690">
                  <c:v>3.2500000000000001E-2</c:v>
                </c:pt>
                <c:pt idx="691">
                  <c:v>3.2500000000000001E-2</c:v>
                </c:pt>
                <c:pt idx="692">
                  <c:v>3.2500000000000001E-2</c:v>
                </c:pt>
                <c:pt idx="693">
                  <c:v>3.2500000000000001E-2</c:v>
                </c:pt>
                <c:pt idx="694">
                  <c:v>3.2500000000000001E-2</c:v>
                </c:pt>
                <c:pt idx="695">
                  <c:v>3.2500000000000001E-2</c:v>
                </c:pt>
                <c:pt idx="696">
                  <c:v>3.2500000000000001E-2</c:v>
                </c:pt>
                <c:pt idx="697">
                  <c:v>3.2500000000000001E-2</c:v>
                </c:pt>
                <c:pt idx="698">
                  <c:v>3.2500000000000001E-2</c:v>
                </c:pt>
                <c:pt idx="699">
                  <c:v>3.2500000000000001E-2</c:v>
                </c:pt>
                <c:pt idx="700">
                  <c:v>3.2500000000000001E-2</c:v>
                </c:pt>
                <c:pt idx="701">
                  <c:v>3.2500000000000001E-2</c:v>
                </c:pt>
                <c:pt idx="702">
                  <c:v>3.2500000000000001E-2</c:v>
                </c:pt>
                <c:pt idx="703">
                  <c:v>3.2500000000000001E-2</c:v>
                </c:pt>
                <c:pt idx="704">
                  <c:v>3.2500000000000001E-2</c:v>
                </c:pt>
                <c:pt idx="705">
                  <c:v>3.2500000000000001E-2</c:v>
                </c:pt>
                <c:pt idx="706">
                  <c:v>3.2500000000000001E-2</c:v>
                </c:pt>
                <c:pt idx="707">
                  <c:v>3.2500000000000001E-2</c:v>
                </c:pt>
                <c:pt idx="708">
                  <c:v>3.2500000000000001E-2</c:v>
                </c:pt>
                <c:pt idx="709">
                  <c:v>3.2500000000000001E-2</c:v>
                </c:pt>
                <c:pt idx="710">
                  <c:v>3.2500000000000001E-2</c:v>
                </c:pt>
                <c:pt idx="711">
                  <c:v>3.2500000000000001E-2</c:v>
                </c:pt>
                <c:pt idx="712">
                  <c:v>3.2500000000000001E-2</c:v>
                </c:pt>
                <c:pt idx="713">
                  <c:v>3.2500000000000001E-2</c:v>
                </c:pt>
                <c:pt idx="714">
                  <c:v>3.2500000000000001E-2</c:v>
                </c:pt>
                <c:pt idx="715">
                  <c:v>3.2500000000000001E-2</c:v>
                </c:pt>
                <c:pt idx="716">
                  <c:v>3.2500000000000001E-2</c:v>
                </c:pt>
                <c:pt idx="717">
                  <c:v>3.2500000000000001E-2</c:v>
                </c:pt>
                <c:pt idx="718">
                  <c:v>3.2500000000000001E-2</c:v>
                </c:pt>
                <c:pt idx="719">
                  <c:v>3.2500000000000001E-2</c:v>
                </c:pt>
                <c:pt idx="720">
                  <c:v>3.2500000000000001E-2</c:v>
                </c:pt>
                <c:pt idx="721">
                  <c:v>3.2500000000000001E-2</c:v>
                </c:pt>
                <c:pt idx="722">
                  <c:v>3.2500000000000001E-2</c:v>
                </c:pt>
                <c:pt idx="723">
                  <c:v>3.2500000000000001E-2</c:v>
                </c:pt>
                <c:pt idx="724">
                  <c:v>3.2500000000000001E-2</c:v>
                </c:pt>
                <c:pt idx="725">
                  <c:v>3.2500000000000001E-2</c:v>
                </c:pt>
                <c:pt idx="726">
                  <c:v>3.2500000000000001E-2</c:v>
                </c:pt>
                <c:pt idx="727">
                  <c:v>3.2500000000000001E-2</c:v>
                </c:pt>
                <c:pt idx="728">
                  <c:v>3.2500000000000001E-2</c:v>
                </c:pt>
                <c:pt idx="729">
                  <c:v>3.2500000000000001E-2</c:v>
                </c:pt>
                <c:pt idx="730">
                  <c:v>3.2500000000000001E-2</c:v>
                </c:pt>
                <c:pt idx="731">
                  <c:v>3.2500000000000001E-2</c:v>
                </c:pt>
                <c:pt idx="732">
                  <c:v>3.2500000000000001E-2</c:v>
                </c:pt>
                <c:pt idx="733">
                  <c:v>3.2500000000000001E-2</c:v>
                </c:pt>
                <c:pt idx="734">
                  <c:v>3.2500000000000001E-2</c:v>
                </c:pt>
                <c:pt idx="735">
                  <c:v>3.2500000000000001E-2</c:v>
                </c:pt>
                <c:pt idx="736">
                  <c:v>3.2500000000000001E-2</c:v>
                </c:pt>
                <c:pt idx="737">
                  <c:v>3.2500000000000001E-2</c:v>
                </c:pt>
                <c:pt idx="738">
                  <c:v>3.2500000000000001E-2</c:v>
                </c:pt>
                <c:pt idx="739">
                  <c:v>3.2500000000000001E-2</c:v>
                </c:pt>
                <c:pt idx="740">
                  <c:v>3.2500000000000001E-2</c:v>
                </c:pt>
                <c:pt idx="741">
                  <c:v>3.2500000000000001E-2</c:v>
                </c:pt>
                <c:pt idx="742">
                  <c:v>3.2500000000000001E-2</c:v>
                </c:pt>
                <c:pt idx="743">
                  <c:v>3.2500000000000001E-2</c:v>
                </c:pt>
                <c:pt idx="744">
                  <c:v>3.2500000000000001E-2</c:v>
                </c:pt>
                <c:pt idx="745">
                  <c:v>3.2500000000000001E-2</c:v>
                </c:pt>
                <c:pt idx="746">
                  <c:v>3.2500000000000001E-2</c:v>
                </c:pt>
                <c:pt idx="747">
                  <c:v>3.2500000000000001E-2</c:v>
                </c:pt>
                <c:pt idx="748">
                  <c:v>3.2500000000000001E-2</c:v>
                </c:pt>
                <c:pt idx="749">
                  <c:v>3.2500000000000001E-2</c:v>
                </c:pt>
                <c:pt idx="750">
                  <c:v>3.2500000000000001E-2</c:v>
                </c:pt>
                <c:pt idx="751">
                  <c:v>3.2500000000000001E-2</c:v>
                </c:pt>
                <c:pt idx="752">
                  <c:v>3.2500000000000001E-2</c:v>
                </c:pt>
                <c:pt idx="753">
                  <c:v>3.2500000000000001E-2</c:v>
                </c:pt>
                <c:pt idx="754">
                  <c:v>3.2500000000000001E-2</c:v>
                </c:pt>
                <c:pt idx="755">
                  <c:v>3.2500000000000001E-2</c:v>
                </c:pt>
                <c:pt idx="756">
                  <c:v>3.2500000000000001E-2</c:v>
                </c:pt>
                <c:pt idx="757">
                  <c:v>3.2500000000000001E-2</c:v>
                </c:pt>
                <c:pt idx="758">
                  <c:v>3.2500000000000001E-2</c:v>
                </c:pt>
                <c:pt idx="759">
                  <c:v>3.2500000000000001E-2</c:v>
                </c:pt>
                <c:pt idx="760">
                  <c:v>3.2500000000000001E-2</c:v>
                </c:pt>
                <c:pt idx="761">
                  <c:v>3.2500000000000001E-2</c:v>
                </c:pt>
                <c:pt idx="762">
                  <c:v>3.2500000000000001E-2</c:v>
                </c:pt>
                <c:pt idx="763">
                  <c:v>3.2500000000000001E-2</c:v>
                </c:pt>
                <c:pt idx="764">
                  <c:v>3.2500000000000001E-2</c:v>
                </c:pt>
                <c:pt idx="765">
                  <c:v>3.2500000000000001E-2</c:v>
                </c:pt>
                <c:pt idx="766">
                  <c:v>3.2500000000000001E-2</c:v>
                </c:pt>
                <c:pt idx="767">
                  <c:v>3.2500000000000001E-2</c:v>
                </c:pt>
                <c:pt idx="768">
                  <c:v>3.2500000000000001E-2</c:v>
                </c:pt>
                <c:pt idx="769">
                  <c:v>3.2500000000000001E-2</c:v>
                </c:pt>
                <c:pt idx="770">
                  <c:v>3.2500000000000001E-2</c:v>
                </c:pt>
                <c:pt idx="771">
                  <c:v>3.2500000000000001E-2</c:v>
                </c:pt>
                <c:pt idx="772">
                  <c:v>3.2500000000000001E-2</c:v>
                </c:pt>
                <c:pt idx="773">
                  <c:v>3.2500000000000001E-2</c:v>
                </c:pt>
                <c:pt idx="774">
                  <c:v>3.2500000000000001E-2</c:v>
                </c:pt>
                <c:pt idx="775">
                  <c:v>3.2500000000000001E-2</c:v>
                </c:pt>
                <c:pt idx="776">
                  <c:v>3.2500000000000001E-2</c:v>
                </c:pt>
                <c:pt idx="777">
                  <c:v>3.2500000000000001E-2</c:v>
                </c:pt>
                <c:pt idx="778">
                  <c:v>3.2500000000000001E-2</c:v>
                </c:pt>
                <c:pt idx="779">
                  <c:v>3.2500000000000001E-2</c:v>
                </c:pt>
                <c:pt idx="780">
                  <c:v>3.2500000000000001E-2</c:v>
                </c:pt>
                <c:pt idx="781">
                  <c:v>3.2500000000000001E-2</c:v>
                </c:pt>
                <c:pt idx="782">
                  <c:v>3.2500000000000001E-2</c:v>
                </c:pt>
                <c:pt idx="783">
                  <c:v>3.2500000000000001E-2</c:v>
                </c:pt>
                <c:pt idx="784">
                  <c:v>3.2500000000000001E-2</c:v>
                </c:pt>
                <c:pt idx="785">
                  <c:v>3.2500000000000001E-2</c:v>
                </c:pt>
                <c:pt idx="786">
                  <c:v>3.2500000000000001E-2</c:v>
                </c:pt>
                <c:pt idx="787">
                  <c:v>3.2500000000000001E-2</c:v>
                </c:pt>
                <c:pt idx="788">
                  <c:v>3.2500000000000001E-2</c:v>
                </c:pt>
                <c:pt idx="789">
                  <c:v>3.2500000000000001E-2</c:v>
                </c:pt>
                <c:pt idx="790">
                  <c:v>3.2500000000000001E-2</c:v>
                </c:pt>
                <c:pt idx="791">
                  <c:v>3.2500000000000001E-2</c:v>
                </c:pt>
                <c:pt idx="792">
                  <c:v>3.2500000000000001E-2</c:v>
                </c:pt>
                <c:pt idx="793">
                  <c:v>3.2500000000000001E-2</c:v>
                </c:pt>
                <c:pt idx="794">
                  <c:v>3.2500000000000001E-2</c:v>
                </c:pt>
                <c:pt idx="795">
                  <c:v>3.2500000000000001E-2</c:v>
                </c:pt>
                <c:pt idx="796">
                  <c:v>3.2500000000000001E-2</c:v>
                </c:pt>
                <c:pt idx="797">
                  <c:v>3.2500000000000001E-2</c:v>
                </c:pt>
                <c:pt idx="798">
                  <c:v>3.2500000000000001E-2</c:v>
                </c:pt>
                <c:pt idx="799">
                  <c:v>3.2500000000000001E-2</c:v>
                </c:pt>
                <c:pt idx="800">
                  <c:v>3.2500000000000001E-2</c:v>
                </c:pt>
                <c:pt idx="801">
                  <c:v>3.2500000000000001E-2</c:v>
                </c:pt>
                <c:pt idx="802">
                  <c:v>3.2500000000000001E-2</c:v>
                </c:pt>
                <c:pt idx="803">
                  <c:v>3.2500000000000001E-2</c:v>
                </c:pt>
                <c:pt idx="804">
                  <c:v>3.2500000000000001E-2</c:v>
                </c:pt>
                <c:pt idx="805">
                  <c:v>3.2500000000000001E-2</c:v>
                </c:pt>
                <c:pt idx="806">
                  <c:v>3.2500000000000001E-2</c:v>
                </c:pt>
                <c:pt idx="807">
                  <c:v>3.2500000000000001E-2</c:v>
                </c:pt>
                <c:pt idx="808">
                  <c:v>3.2500000000000001E-2</c:v>
                </c:pt>
                <c:pt idx="809">
                  <c:v>3.2500000000000001E-2</c:v>
                </c:pt>
                <c:pt idx="810">
                  <c:v>3.2500000000000001E-2</c:v>
                </c:pt>
                <c:pt idx="811">
                  <c:v>3.2500000000000001E-2</c:v>
                </c:pt>
                <c:pt idx="812">
                  <c:v>3.2500000000000001E-2</c:v>
                </c:pt>
                <c:pt idx="813">
                  <c:v>3.2500000000000001E-2</c:v>
                </c:pt>
                <c:pt idx="814">
                  <c:v>3.2500000000000001E-2</c:v>
                </c:pt>
                <c:pt idx="815">
                  <c:v>3.2500000000000001E-2</c:v>
                </c:pt>
                <c:pt idx="816">
                  <c:v>3.2500000000000001E-2</c:v>
                </c:pt>
                <c:pt idx="817">
                  <c:v>3.2500000000000001E-2</c:v>
                </c:pt>
                <c:pt idx="818">
                  <c:v>3.2500000000000001E-2</c:v>
                </c:pt>
                <c:pt idx="819">
                  <c:v>3.2500000000000001E-2</c:v>
                </c:pt>
                <c:pt idx="820">
                  <c:v>3.2500000000000001E-2</c:v>
                </c:pt>
                <c:pt idx="821">
                  <c:v>3.2500000000000001E-2</c:v>
                </c:pt>
                <c:pt idx="822">
                  <c:v>3.2500000000000001E-2</c:v>
                </c:pt>
                <c:pt idx="823">
                  <c:v>3.2500000000000001E-2</c:v>
                </c:pt>
                <c:pt idx="824">
                  <c:v>3.2500000000000001E-2</c:v>
                </c:pt>
                <c:pt idx="825">
                  <c:v>3.2500000000000001E-2</c:v>
                </c:pt>
                <c:pt idx="826">
                  <c:v>3.2500000000000001E-2</c:v>
                </c:pt>
                <c:pt idx="827">
                  <c:v>3.2500000000000001E-2</c:v>
                </c:pt>
                <c:pt idx="828">
                  <c:v>3.2500000000000001E-2</c:v>
                </c:pt>
                <c:pt idx="829">
                  <c:v>3.2500000000000001E-2</c:v>
                </c:pt>
                <c:pt idx="830">
                  <c:v>3.2500000000000001E-2</c:v>
                </c:pt>
                <c:pt idx="831">
                  <c:v>3.2500000000000001E-2</c:v>
                </c:pt>
                <c:pt idx="832">
                  <c:v>3.2500000000000001E-2</c:v>
                </c:pt>
                <c:pt idx="833">
                  <c:v>3.2500000000000001E-2</c:v>
                </c:pt>
                <c:pt idx="834">
                  <c:v>3.2500000000000001E-2</c:v>
                </c:pt>
                <c:pt idx="835">
                  <c:v>3.2500000000000001E-2</c:v>
                </c:pt>
                <c:pt idx="836">
                  <c:v>3.2500000000000001E-2</c:v>
                </c:pt>
                <c:pt idx="837">
                  <c:v>3.2500000000000001E-2</c:v>
                </c:pt>
                <c:pt idx="838">
                  <c:v>3.2500000000000001E-2</c:v>
                </c:pt>
                <c:pt idx="839">
                  <c:v>3.2500000000000001E-2</c:v>
                </c:pt>
                <c:pt idx="840">
                  <c:v>3.2500000000000001E-2</c:v>
                </c:pt>
                <c:pt idx="841">
                  <c:v>3.2500000000000001E-2</c:v>
                </c:pt>
                <c:pt idx="842">
                  <c:v>3.2500000000000001E-2</c:v>
                </c:pt>
                <c:pt idx="843">
                  <c:v>3.2500000000000001E-2</c:v>
                </c:pt>
                <c:pt idx="844">
                  <c:v>3.2500000000000001E-2</c:v>
                </c:pt>
                <c:pt idx="845">
                  <c:v>3.2500000000000001E-2</c:v>
                </c:pt>
                <c:pt idx="846">
                  <c:v>3.2500000000000001E-2</c:v>
                </c:pt>
                <c:pt idx="847">
                  <c:v>3.2500000000000001E-2</c:v>
                </c:pt>
                <c:pt idx="848">
                  <c:v>3.2500000000000001E-2</c:v>
                </c:pt>
                <c:pt idx="849">
                  <c:v>3.2500000000000001E-2</c:v>
                </c:pt>
                <c:pt idx="850">
                  <c:v>3.2500000000000001E-2</c:v>
                </c:pt>
                <c:pt idx="851">
                  <c:v>3.2500000000000001E-2</c:v>
                </c:pt>
                <c:pt idx="852">
                  <c:v>3.2500000000000001E-2</c:v>
                </c:pt>
                <c:pt idx="853">
                  <c:v>3.2500000000000001E-2</c:v>
                </c:pt>
                <c:pt idx="854">
                  <c:v>3.2500000000000001E-2</c:v>
                </c:pt>
                <c:pt idx="855">
                  <c:v>3.2500000000000001E-2</c:v>
                </c:pt>
                <c:pt idx="856">
                  <c:v>3.2500000000000001E-2</c:v>
                </c:pt>
                <c:pt idx="857">
                  <c:v>3.2500000000000001E-2</c:v>
                </c:pt>
                <c:pt idx="858">
                  <c:v>3.2500000000000001E-2</c:v>
                </c:pt>
                <c:pt idx="859">
                  <c:v>3.2500000000000001E-2</c:v>
                </c:pt>
                <c:pt idx="860">
                  <c:v>3.2500000000000001E-2</c:v>
                </c:pt>
                <c:pt idx="861">
                  <c:v>3.2500000000000001E-2</c:v>
                </c:pt>
                <c:pt idx="862">
                  <c:v>3.2500000000000001E-2</c:v>
                </c:pt>
                <c:pt idx="863">
                  <c:v>3.2500000000000001E-2</c:v>
                </c:pt>
                <c:pt idx="864">
                  <c:v>3.2500000000000001E-2</c:v>
                </c:pt>
                <c:pt idx="865">
                  <c:v>3.2500000000000001E-2</c:v>
                </c:pt>
                <c:pt idx="866">
                  <c:v>3.2500000000000001E-2</c:v>
                </c:pt>
                <c:pt idx="867">
                  <c:v>3.2500000000000001E-2</c:v>
                </c:pt>
                <c:pt idx="868">
                  <c:v>3.2500000000000001E-2</c:v>
                </c:pt>
                <c:pt idx="869">
                  <c:v>3.2500000000000001E-2</c:v>
                </c:pt>
                <c:pt idx="870">
                  <c:v>3.2500000000000001E-2</c:v>
                </c:pt>
                <c:pt idx="871">
                  <c:v>3.2500000000000001E-2</c:v>
                </c:pt>
                <c:pt idx="872">
                  <c:v>3.2500000000000001E-2</c:v>
                </c:pt>
                <c:pt idx="873">
                  <c:v>3.2500000000000001E-2</c:v>
                </c:pt>
                <c:pt idx="874">
                  <c:v>3.2500000000000001E-2</c:v>
                </c:pt>
                <c:pt idx="875">
                  <c:v>3.2500000000000001E-2</c:v>
                </c:pt>
                <c:pt idx="876">
                  <c:v>3.2500000000000001E-2</c:v>
                </c:pt>
                <c:pt idx="877">
                  <c:v>3.2500000000000001E-2</c:v>
                </c:pt>
                <c:pt idx="878">
                  <c:v>3.2500000000000001E-2</c:v>
                </c:pt>
                <c:pt idx="879">
                  <c:v>3.2500000000000001E-2</c:v>
                </c:pt>
                <c:pt idx="880">
                  <c:v>3.2500000000000001E-2</c:v>
                </c:pt>
                <c:pt idx="881">
                  <c:v>3.2500000000000001E-2</c:v>
                </c:pt>
                <c:pt idx="882">
                  <c:v>3.2500000000000001E-2</c:v>
                </c:pt>
                <c:pt idx="883">
                  <c:v>3.2500000000000001E-2</c:v>
                </c:pt>
                <c:pt idx="884">
                  <c:v>3.2500000000000001E-2</c:v>
                </c:pt>
                <c:pt idx="885">
                  <c:v>3.2500000000000001E-2</c:v>
                </c:pt>
                <c:pt idx="886">
                  <c:v>3.2500000000000001E-2</c:v>
                </c:pt>
                <c:pt idx="887">
                  <c:v>3.2500000000000001E-2</c:v>
                </c:pt>
                <c:pt idx="888">
                  <c:v>3.2500000000000001E-2</c:v>
                </c:pt>
                <c:pt idx="889">
                  <c:v>3.2500000000000001E-2</c:v>
                </c:pt>
                <c:pt idx="890">
                  <c:v>3.2500000000000001E-2</c:v>
                </c:pt>
                <c:pt idx="891">
                  <c:v>3.2500000000000001E-2</c:v>
                </c:pt>
                <c:pt idx="892">
                  <c:v>3.2500000000000001E-2</c:v>
                </c:pt>
                <c:pt idx="893">
                  <c:v>3.2500000000000001E-2</c:v>
                </c:pt>
                <c:pt idx="894">
                  <c:v>3.2500000000000001E-2</c:v>
                </c:pt>
                <c:pt idx="895">
                  <c:v>3.2500000000000001E-2</c:v>
                </c:pt>
                <c:pt idx="896">
                  <c:v>3.2500000000000001E-2</c:v>
                </c:pt>
                <c:pt idx="897">
                  <c:v>3.2500000000000001E-2</c:v>
                </c:pt>
                <c:pt idx="898">
                  <c:v>3.2500000000000001E-2</c:v>
                </c:pt>
                <c:pt idx="899">
                  <c:v>3.2500000000000001E-2</c:v>
                </c:pt>
                <c:pt idx="900">
                  <c:v>3.2500000000000001E-2</c:v>
                </c:pt>
                <c:pt idx="901">
                  <c:v>3.2500000000000001E-2</c:v>
                </c:pt>
                <c:pt idx="902">
                  <c:v>3.2500000000000001E-2</c:v>
                </c:pt>
                <c:pt idx="903">
                  <c:v>3.2500000000000001E-2</c:v>
                </c:pt>
                <c:pt idx="904">
                  <c:v>3.2500000000000001E-2</c:v>
                </c:pt>
                <c:pt idx="905">
                  <c:v>3.2500000000000001E-2</c:v>
                </c:pt>
                <c:pt idx="906">
                  <c:v>3.2500000000000001E-2</c:v>
                </c:pt>
                <c:pt idx="907">
                  <c:v>3.2500000000000001E-2</c:v>
                </c:pt>
                <c:pt idx="908">
                  <c:v>3.2500000000000001E-2</c:v>
                </c:pt>
                <c:pt idx="909">
                  <c:v>3.2500000000000001E-2</c:v>
                </c:pt>
                <c:pt idx="910">
                  <c:v>3.2500000000000001E-2</c:v>
                </c:pt>
                <c:pt idx="911">
                  <c:v>3.2500000000000001E-2</c:v>
                </c:pt>
                <c:pt idx="912">
                  <c:v>3.2500000000000001E-2</c:v>
                </c:pt>
                <c:pt idx="913">
                  <c:v>3.2500000000000001E-2</c:v>
                </c:pt>
                <c:pt idx="914">
                  <c:v>3.2500000000000001E-2</c:v>
                </c:pt>
                <c:pt idx="915">
                  <c:v>3.2500000000000001E-2</c:v>
                </c:pt>
                <c:pt idx="916">
                  <c:v>3.2500000000000001E-2</c:v>
                </c:pt>
                <c:pt idx="917">
                  <c:v>3.2500000000000001E-2</c:v>
                </c:pt>
                <c:pt idx="918">
                  <c:v>3.2500000000000001E-2</c:v>
                </c:pt>
                <c:pt idx="919">
                  <c:v>3.2500000000000001E-2</c:v>
                </c:pt>
                <c:pt idx="920">
                  <c:v>3.2500000000000001E-2</c:v>
                </c:pt>
                <c:pt idx="921">
                  <c:v>3.2500000000000001E-2</c:v>
                </c:pt>
                <c:pt idx="922">
                  <c:v>3.2500000000000001E-2</c:v>
                </c:pt>
                <c:pt idx="923">
                  <c:v>3.2500000000000001E-2</c:v>
                </c:pt>
                <c:pt idx="924">
                  <c:v>3.2500000000000001E-2</c:v>
                </c:pt>
                <c:pt idx="925">
                  <c:v>3.2500000000000001E-2</c:v>
                </c:pt>
                <c:pt idx="926">
                  <c:v>3.2500000000000001E-2</c:v>
                </c:pt>
                <c:pt idx="927">
                  <c:v>3.2500000000000001E-2</c:v>
                </c:pt>
                <c:pt idx="928">
                  <c:v>3.2500000000000001E-2</c:v>
                </c:pt>
                <c:pt idx="929">
                  <c:v>3.2500000000000001E-2</c:v>
                </c:pt>
                <c:pt idx="930">
                  <c:v>3.2500000000000001E-2</c:v>
                </c:pt>
                <c:pt idx="931">
                  <c:v>3.2500000000000001E-2</c:v>
                </c:pt>
                <c:pt idx="932">
                  <c:v>3.2500000000000001E-2</c:v>
                </c:pt>
                <c:pt idx="933">
                  <c:v>3.2500000000000001E-2</c:v>
                </c:pt>
                <c:pt idx="934">
                  <c:v>3.2500000000000001E-2</c:v>
                </c:pt>
                <c:pt idx="935">
                  <c:v>3.2500000000000001E-2</c:v>
                </c:pt>
                <c:pt idx="936">
                  <c:v>3.2500000000000001E-2</c:v>
                </c:pt>
                <c:pt idx="937">
                  <c:v>3.2500000000000001E-2</c:v>
                </c:pt>
                <c:pt idx="938">
                  <c:v>3.2500000000000001E-2</c:v>
                </c:pt>
                <c:pt idx="939">
                  <c:v>3.2500000000000001E-2</c:v>
                </c:pt>
                <c:pt idx="940">
                  <c:v>3.2500000000000001E-2</c:v>
                </c:pt>
                <c:pt idx="941">
                  <c:v>3.2500000000000001E-2</c:v>
                </c:pt>
                <c:pt idx="942">
                  <c:v>3.2500000000000001E-2</c:v>
                </c:pt>
                <c:pt idx="943">
                  <c:v>3.2500000000000001E-2</c:v>
                </c:pt>
                <c:pt idx="944">
                  <c:v>3.2500000000000001E-2</c:v>
                </c:pt>
                <c:pt idx="945">
                  <c:v>3.2500000000000001E-2</c:v>
                </c:pt>
                <c:pt idx="946">
                  <c:v>3.2500000000000001E-2</c:v>
                </c:pt>
                <c:pt idx="947">
                  <c:v>3.2500000000000001E-2</c:v>
                </c:pt>
                <c:pt idx="948">
                  <c:v>3.2500000000000001E-2</c:v>
                </c:pt>
                <c:pt idx="949">
                  <c:v>3.2500000000000001E-2</c:v>
                </c:pt>
                <c:pt idx="950">
                  <c:v>3.2500000000000001E-2</c:v>
                </c:pt>
                <c:pt idx="951">
                  <c:v>3.2500000000000001E-2</c:v>
                </c:pt>
                <c:pt idx="952">
                  <c:v>3.2500000000000001E-2</c:v>
                </c:pt>
                <c:pt idx="953">
                  <c:v>3.2500000000000001E-2</c:v>
                </c:pt>
                <c:pt idx="954">
                  <c:v>3.2500000000000001E-2</c:v>
                </c:pt>
                <c:pt idx="955">
                  <c:v>3.2500000000000001E-2</c:v>
                </c:pt>
                <c:pt idx="956">
                  <c:v>3.2500000000000001E-2</c:v>
                </c:pt>
                <c:pt idx="957">
                  <c:v>3.2500000000000001E-2</c:v>
                </c:pt>
                <c:pt idx="958">
                  <c:v>3.2500000000000001E-2</c:v>
                </c:pt>
                <c:pt idx="959">
                  <c:v>3.2500000000000001E-2</c:v>
                </c:pt>
                <c:pt idx="960">
                  <c:v>3.2500000000000001E-2</c:v>
                </c:pt>
                <c:pt idx="961">
                  <c:v>3.2500000000000001E-2</c:v>
                </c:pt>
                <c:pt idx="962">
                  <c:v>3.2500000000000001E-2</c:v>
                </c:pt>
                <c:pt idx="963">
                  <c:v>3.2500000000000001E-2</c:v>
                </c:pt>
                <c:pt idx="964">
                  <c:v>3.2500000000000001E-2</c:v>
                </c:pt>
                <c:pt idx="965">
                  <c:v>3.2500000000000001E-2</c:v>
                </c:pt>
                <c:pt idx="966">
                  <c:v>3.2500000000000001E-2</c:v>
                </c:pt>
                <c:pt idx="967">
                  <c:v>3.2500000000000001E-2</c:v>
                </c:pt>
                <c:pt idx="968">
                  <c:v>3.2500000000000001E-2</c:v>
                </c:pt>
                <c:pt idx="969">
                  <c:v>3.2500000000000001E-2</c:v>
                </c:pt>
                <c:pt idx="970">
                  <c:v>3.2500000000000001E-2</c:v>
                </c:pt>
                <c:pt idx="971">
                  <c:v>3.2500000000000001E-2</c:v>
                </c:pt>
                <c:pt idx="972">
                  <c:v>3.2500000000000001E-2</c:v>
                </c:pt>
                <c:pt idx="973">
                  <c:v>3.2500000000000001E-2</c:v>
                </c:pt>
                <c:pt idx="974">
                  <c:v>3.2500000000000001E-2</c:v>
                </c:pt>
                <c:pt idx="975">
                  <c:v>3.2500000000000001E-2</c:v>
                </c:pt>
                <c:pt idx="976">
                  <c:v>3.2500000000000001E-2</c:v>
                </c:pt>
                <c:pt idx="977">
                  <c:v>3.2500000000000001E-2</c:v>
                </c:pt>
                <c:pt idx="978">
                  <c:v>3.2500000000000001E-2</c:v>
                </c:pt>
                <c:pt idx="979">
                  <c:v>3.2500000000000001E-2</c:v>
                </c:pt>
                <c:pt idx="980">
                  <c:v>3.2500000000000001E-2</c:v>
                </c:pt>
                <c:pt idx="981">
                  <c:v>3.2500000000000001E-2</c:v>
                </c:pt>
                <c:pt idx="982">
                  <c:v>3.2500000000000001E-2</c:v>
                </c:pt>
                <c:pt idx="983">
                  <c:v>3.2500000000000001E-2</c:v>
                </c:pt>
                <c:pt idx="984">
                  <c:v>3.2500000000000001E-2</c:v>
                </c:pt>
                <c:pt idx="985">
                  <c:v>3.2500000000000001E-2</c:v>
                </c:pt>
                <c:pt idx="986">
                  <c:v>3.2500000000000001E-2</c:v>
                </c:pt>
                <c:pt idx="987">
                  <c:v>3.2500000000000001E-2</c:v>
                </c:pt>
                <c:pt idx="988">
                  <c:v>3.2500000000000001E-2</c:v>
                </c:pt>
                <c:pt idx="989">
                  <c:v>3.2500000000000001E-2</c:v>
                </c:pt>
                <c:pt idx="990">
                  <c:v>3.2500000000000001E-2</c:v>
                </c:pt>
                <c:pt idx="991">
                  <c:v>3.2500000000000001E-2</c:v>
                </c:pt>
                <c:pt idx="992">
                  <c:v>3.2500000000000001E-2</c:v>
                </c:pt>
                <c:pt idx="993">
                  <c:v>3.2500000000000001E-2</c:v>
                </c:pt>
                <c:pt idx="994">
                  <c:v>3.2500000000000001E-2</c:v>
                </c:pt>
                <c:pt idx="995">
                  <c:v>3.2500000000000001E-2</c:v>
                </c:pt>
                <c:pt idx="996">
                  <c:v>3.2500000000000001E-2</c:v>
                </c:pt>
                <c:pt idx="997">
                  <c:v>3.2500000000000001E-2</c:v>
                </c:pt>
                <c:pt idx="998">
                  <c:v>3.2500000000000001E-2</c:v>
                </c:pt>
                <c:pt idx="999">
                  <c:v>3.2500000000000001E-2</c:v>
                </c:pt>
                <c:pt idx="1000">
                  <c:v>3.2500000000000001E-2</c:v>
                </c:pt>
                <c:pt idx="1001">
                  <c:v>3.2500000000000001E-2</c:v>
                </c:pt>
                <c:pt idx="1002">
                  <c:v>3.2500000000000001E-2</c:v>
                </c:pt>
                <c:pt idx="1003">
                  <c:v>3.2500000000000001E-2</c:v>
                </c:pt>
                <c:pt idx="1004">
                  <c:v>3.2500000000000001E-2</c:v>
                </c:pt>
                <c:pt idx="1005">
                  <c:v>3.2500000000000001E-2</c:v>
                </c:pt>
                <c:pt idx="1006">
                  <c:v>3.2500000000000001E-2</c:v>
                </c:pt>
                <c:pt idx="1007">
                  <c:v>3.2500000000000001E-2</c:v>
                </c:pt>
                <c:pt idx="1008">
                  <c:v>3.2500000000000001E-2</c:v>
                </c:pt>
                <c:pt idx="1009">
                  <c:v>3.2500000000000001E-2</c:v>
                </c:pt>
                <c:pt idx="1010">
                  <c:v>3.2500000000000001E-2</c:v>
                </c:pt>
                <c:pt idx="1011">
                  <c:v>3.2500000000000001E-2</c:v>
                </c:pt>
                <c:pt idx="1012">
                  <c:v>3.2500000000000001E-2</c:v>
                </c:pt>
                <c:pt idx="1013">
                  <c:v>3.2500000000000001E-2</c:v>
                </c:pt>
                <c:pt idx="1014">
                  <c:v>3.2500000000000001E-2</c:v>
                </c:pt>
                <c:pt idx="1015">
                  <c:v>3.2500000000000001E-2</c:v>
                </c:pt>
                <c:pt idx="1016">
                  <c:v>3.2500000000000001E-2</c:v>
                </c:pt>
                <c:pt idx="1017">
                  <c:v>3.2500000000000001E-2</c:v>
                </c:pt>
                <c:pt idx="1018">
                  <c:v>3.2500000000000001E-2</c:v>
                </c:pt>
                <c:pt idx="1019">
                  <c:v>3.2500000000000001E-2</c:v>
                </c:pt>
                <c:pt idx="1020">
                  <c:v>3.2500000000000001E-2</c:v>
                </c:pt>
                <c:pt idx="1021">
                  <c:v>3.2500000000000001E-2</c:v>
                </c:pt>
                <c:pt idx="1022">
                  <c:v>3.2500000000000001E-2</c:v>
                </c:pt>
                <c:pt idx="1023">
                  <c:v>3.2500000000000001E-2</c:v>
                </c:pt>
                <c:pt idx="1024">
                  <c:v>3.2500000000000001E-2</c:v>
                </c:pt>
                <c:pt idx="1025">
                  <c:v>3.2500000000000001E-2</c:v>
                </c:pt>
                <c:pt idx="1026">
                  <c:v>3.2500000000000001E-2</c:v>
                </c:pt>
                <c:pt idx="1027">
                  <c:v>3.2500000000000001E-2</c:v>
                </c:pt>
                <c:pt idx="1028">
                  <c:v>3.2500000000000001E-2</c:v>
                </c:pt>
                <c:pt idx="1029">
                  <c:v>3.2500000000000001E-2</c:v>
                </c:pt>
                <c:pt idx="1030">
                  <c:v>3.2500000000000001E-2</c:v>
                </c:pt>
                <c:pt idx="1031">
                  <c:v>3.2500000000000001E-2</c:v>
                </c:pt>
                <c:pt idx="1032">
                  <c:v>3.2500000000000001E-2</c:v>
                </c:pt>
                <c:pt idx="1033">
                  <c:v>3.2500000000000001E-2</c:v>
                </c:pt>
                <c:pt idx="1034">
                  <c:v>3.2500000000000001E-2</c:v>
                </c:pt>
                <c:pt idx="1035">
                  <c:v>3.2500000000000001E-2</c:v>
                </c:pt>
                <c:pt idx="1036">
                  <c:v>3.2500000000000001E-2</c:v>
                </c:pt>
                <c:pt idx="1037">
                  <c:v>3.2500000000000001E-2</c:v>
                </c:pt>
                <c:pt idx="1038">
                  <c:v>3.2500000000000001E-2</c:v>
                </c:pt>
                <c:pt idx="1039">
                  <c:v>3.2500000000000001E-2</c:v>
                </c:pt>
                <c:pt idx="1040">
                  <c:v>3.2500000000000001E-2</c:v>
                </c:pt>
                <c:pt idx="1041">
                  <c:v>3.2500000000000001E-2</c:v>
                </c:pt>
                <c:pt idx="1042">
                  <c:v>3.2500000000000001E-2</c:v>
                </c:pt>
                <c:pt idx="1043">
                  <c:v>3.2500000000000001E-2</c:v>
                </c:pt>
                <c:pt idx="1044">
                  <c:v>3.2500000000000001E-2</c:v>
                </c:pt>
                <c:pt idx="1045">
                  <c:v>3.2500000000000001E-2</c:v>
                </c:pt>
                <c:pt idx="1046">
                  <c:v>3.2500000000000001E-2</c:v>
                </c:pt>
                <c:pt idx="1047">
                  <c:v>3.2500000000000001E-2</c:v>
                </c:pt>
                <c:pt idx="1048">
                  <c:v>3.2500000000000001E-2</c:v>
                </c:pt>
                <c:pt idx="1049">
                  <c:v>3.2500000000000001E-2</c:v>
                </c:pt>
                <c:pt idx="1050">
                  <c:v>3.2500000000000001E-2</c:v>
                </c:pt>
                <c:pt idx="1051">
                  <c:v>3.2500000000000001E-2</c:v>
                </c:pt>
                <c:pt idx="1052">
                  <c:v>3.2500000000000001E-2</c:v>
                </c:pt>
                <c:pt idx="1053">
                  <c:v>3.2500000000000001E-2</c:v>
                </c:pt>
                <c:pt idx="1054">
                  <c:v>3.2500000000000001E-2</c:v>
                </c:pt>
                <c:pt idx="1055">
                  <c:v>3.2500000000000001E-2</c:v>
                </c:pt>
                <c:pt idx="1056">
                  <c:v>3.2500000000000001E-2</c:v>
                </c:pt>
                <c:pt idx="1057">
                  <c:v>3.2500000000000001E-2</c:v>
                </c:pt>
                <c:pt idx="1058">
                  <c:v>3.2500000000000001E-2</c:v>
                </c:pt>
                <c:pt idx="1059">
                  <c:v>3.2500000000000001E-2</c:v>
                </c:pt>
                <c:pt idx="1060">
                  <c:v>3.2500000000000001E-2</c:v>
                </c:pt>
                <c:pt idx="1061">
                  <c:v>3.2500000000000001E-2</c:v>
                </c:pt>
                <c:pt idx="1062">
                  <c:v>3.2500000000000001E-2</c:v>
                </c:pt>
                <c:pt idx="1063">
                  <c:v>3.2500000000000001E-2</c:v>
                </c:pt>
                <c:pt idx="1064">
                  <c:v>3.2500000000000001E-2</c:v>
                </c:pt>
                <c:pt idx="1065">
                  <c:v>3.2500000000000001E-2</c:v>
                </c:pt>
                <c:pt idx="1066">
                  <c:v>3.2500000000000001E-2</c:v>
                </c:pt>
                <c:pt idx="1067">
                  <c:v>3.2500000000000001E-2</c:v>
                </c:pt>
                <c:pt idx="1068">
                  <c:v>3.2500000000000001E-2</c:v>
                </c:pt>
                <c:pt idx="1069">
                  <c:v>3.2500000000000001E-2</c:v>
                </c:pt>
                <c:pt idx="1070">
                  <c:v>2.75E-2</c:v>
                </c:pt>
                <c:pt idx="1071">
                  <c:v>2.75E-2</c:v>
                </c:pt>
                <c:pt idx="1072">
                  <c:v>2.75E-2</c:v>
                </c:pt>
                <c:pt idx="1073">
                  <c:v>2.75E-2</c:v>
                </c:pt>
                <c:pt idx="1074">
                  <c:v>2.75E-2</c:v>
                </c:pt>
                <c:pt idx="1075">
                  <c:v>2.75E-2</c:v>
                </c:pt>
                <c:pt idx="1076">
                  <c:v>2.75E-2</c:v>
                </c:pt>
                <c:pt idx="1077">
                  <c:v>2.75E-2</c:v>
                </c:pt>
                <c:pt idx="1078">
                  <c:v>2.75E-2</c:v>
                </c:pt>
                <c:pt idx="1079">
                  <c:v>2.75E-2</c:v>
                </c:pt>
                <c:pt idx="1080">
                  <c:v>2.75E-2</c:v>
                </c:pt>
                <c:pt idx="1081">
                  <c:v>2.75E-2</c:v>
                </c:pt>
                <c:pt idx="1082">
                  <c:v>2.75E-2</c:v>
                </c:pt>
                <c:pt idx="1083">
                  <c:v>2.75E-2</c:v>
                </c:pt>
                <c:pt idx="1084">
                  <c:v>2.75E-2</c:v>
                </c:pt>
                <c:pt idx="1085">
                  <c:v>2.75E-2</c:v>
                </c:pt>
                <c:pt idx="1086">
                  <c:v>2.75E-2</c:v>
                </c:pt>
                <c:pt idx="1087">
                  <c:v>2.75E-2</c:v>
                </c:pt>
                <c:pt idx="1088">
                  <c:v>2.75E-2</c:v>
                </c:pt>
                <c:pt idx="1089">
                  <c:v>2.75E-2</c:v>
                </c:pt>
                <c:pt idx="1090">
                  <c:v>2.75E-2</c:v>
                </c:pt>
                <c:pt idx="1091">
                  <c:v>2.75E-2</c:v>
                </c:pt>
                <c:pt idx="1092">
                  <c:v>2.75E-2</c:v>
                </c:pt>
                <c:pt idx="1093">
                  <c:v>2.75E-2</c:v>
                </c:pt>
                <c:pt idx="1094">
                  <c:v>2.75E-2</c:v>
                </c:pt>
                <c:pt idx="1095">
                  <c:v>2.75E-2</c:v>
                </c:pt>
                <c:pt idx="1096">
                  <c:v>2.75E-2</c:v>
                </c:pt>
                <c:pt idx="1097">
                  <c:v>2.75E-2</c:v>
                </c:pt>
                <c:pt idx="1098">
                  <c:v>2.75E-2</c:v>
                </c:pt>
                <c:pt idx="1099">
                  <c:v>2.75E-2</c:v>
                </c:pt>
                <c:pt idx="1100">
                  <c:v>2.75E-2</c:v>
                </c:pt>
                <c:pt idx="1101">
                  <c:v>2.75E-2</c:v>
                </c:pt>
                <c:pt idx="1102">
                  <c:v>2.75E-2</c:v>
                </c:pt>
                <c:pt idx="1103">
                  <c:v>2.75E-2</c:v>
                </c:pt>
                <c:pt idx="1104">
                  <c:v>2.75E-2</c:v>
                </c:pt>
                <c:pt idx="1105">
                  <c:v>2.75E-2</c:v>
                </c:pt>
                <c:pt idx="1106">
                  <c:v>2.75E-2</c:v>
                </c:pt>
                <c:pt idx="1107">
                  <c:v>2.75E-2</c:v>
                </c:pt>
                <c:pt idx="1108">
                  <c:v>2.75E-2</c:v>
                </c:pt>
                <c:pt idx="1109">
                  <c:v>2.75E-2</c:v>
                </c:pt>
                <c:pt idx="1110">
                  <c:v>2.75E-2</c:v>
                </c:pt>
                <c:pt idx="1111">
                  <c:v>2.75E-2</c:v>
                </c:pt>
                <c:pt idx="1112">
                  <c:v>2.75E-2</c:v>
                </c:pt>
                <c:pt idx="1113">
                  <c:v>2.75E-2</c:v>
                </c:pt>
                <c:pt idx="1114">
                  <c:v>2.75E-2</c:v>
                </c:pt>
                <c:pt idx="1115">
                  <c:v>2.75E-2</c:v>
                </c:pt>
                <c:pt idx="1116">
                  <c:v>2.75E-2</c:v>
                </c:pt>
                <c:pt idx="1117">
                  <c:v>2.75E-2</c:v>
                </c:pt>
                <c:pt idx="1118">
                  <c:v>2.75E-2</c:v>
                </c:pt>
                <c:pt idx="1119">
                  <c:v>2.75E-2</c:v>
                </c:pt>
                <c:pt idx="1120">
                  <c:v>2.75E-2</c:v>
                </c:pt>
                <c:pt idx="1121">
                  <c:v>2.75E-2</c:v>
                </c:pt>
                <c:pt idx="1122">
                  <c:v>2.75E-2</c:v>
                </c:pt>
                <c:pt idx="1123">
                  <c:v>2.75E-2</c:v>
                </c:pt>
                <c:pt idx="1124">
                  <c:v>2.75E-2</c:v>
                </c:pt>
                <c:pt idx="1125">
                  <c:v>2.75E-2</c:v>
                </c:pt>
                <c:pt idx="1126">
                  <c:v>2.75E-2</c:v>
                </c:pt>
                <c:pt idx="1127">
                  <c:v>2.75E-2</c:v>
                </c:pt>
                <c:pt idx="1128">
                  <c:v>2.75E-2</c:v>
                </c:pt>
                <c:pt idx="1129">
                  <c:v>2.75E-2</c:v>
                </c:pt>
                <c:pt idx="1130">
                  <c:v>2.75E-2</c:v>
                </c:pt>
                <c:pt idx="1131">
                  <c:v>2.75E-2</c:v>
                </c:pt>
                <c:pt idx="1132">
                  <c:v>2.75E-2</c:v>
                </c:pt>
                <c:pt idx="1133">
                  <c:v>2.75E-2</c:v>
                </c:pt>
                <c:pt idx="1134">
                  <c:v>2.75E-2</c:v>
                </c:pt>
                <c:pt idx="1135">
                  <c:v>2.75E-2</c:v>
                </c:pt>
                <c:pt idx="1136">
                  <c:v>2.75E-2</c:v>
                </c:pt>
                <c:pt idx="1137">
                  <c:v>2.75E-2</c:v>
                </c:pt>
                <c:pt idx="1138">
                  <c:v>2.75E-2</c:v>
                </c:pt>
                <c:pt idx="1139">
                  <c:v>2.75E-2</c:v>
                </c:pt>
                <c:pt idx="1140">
                  <c:v>2.75E-2</c:v>
                </c:pt>
                <c:pt idx="1141">
                  <c:v>2.75E-2</c:v>
                </c:pt>
                <c:pt idx="1142">
                  <c:v>2.75E-2</c:v>
                </c:pt>
                <c:pt idx="1143">
                  <c:v>2.75E-2</c:v>
                </c:pt>
                <c:pt idx="1144">
                  <c:v>2.75E-2</c:v>
                </c:pt>
                <c:pt idx="1145">
                  <c:v>2.75E-2</c:v>
                </c:pt>
                <c:pt idx="1146">
                  <c:v>2.75E-2</c:v>
                </c:pt>
                <c:pt idx="1147">
                  <c:v>2.75E-2</c:v>
                </c:pt>
                <c:pt idx="1148">
                  <c:v>2.75E-2</c:v>
                </c:pt>
                <c:pt idx="1149">
                  <c:v>2.75E-2</c:v>
                </c:pt>
                <c:pt idx="1150">
                  <c:v>2.75E-2</c:v>
                </c:pt>
                <c:pt idx="1151">
                  <c:v>2.75E-2</c:v>
                </c:pt>
                <c:pt idx="1152">
                  <c:v>2.75E-2</c:v>
                </c:pt>
                <c:pt idx="1153">
                  <c:v>2.75E-2</c:v>
                </c:pt>
                <c:pt idx="1154">
                  <c:v>2.75E-2</c:v>
                </c:pt>
                <c:pt idx="1155">
                  <c:v>2.75E-2</c:v>
                </c:pt>
                <c:pt idx="1156">
                  <c:v>2.75E-2</c:v>
                </c:pt>
                <c:pt idx="1157">
                  <c:v>2.75E-2</c:v>
                </c:pt>
                <c:pt idx="1158">
                  <c:v>2.75E-2</c:v>
                </c:pt>
                <c:pt idx="1159">
                  <c:v>2.75E-2</c:v>
                </c:pt>
                <c:pt idx="1160">
                  <c:v>2.75E-2</c:v>
                </c:pt>
                <c:pt idx="1161">
                  <c:v>2.5000000000000001E-2</c:v>
                </c:pt>
                <c:pt idx="1162">
                  <c:v>2.5000000000000001E-2</c:v>
                </c:pt>
                <c:pt idx="1163">
                  <c:v>2.5000000000000001E-2</c:v>
                </c:pt>
                <c:pt idx="1164">
                  <c:v>2.5000000000000001E-2</c:v>
                </c:pt>
                <c:pt idx="1165">
                  <c:v>2.5000000000000001E-2</c:v>
                </c:pt>
                <c:pt idx="1166">
                  <c:v>2.5000000000000001E-2</c:v>
                </c:pt>
                <c:pt idx="1167">
                  <c:v>2.5000000000000001E-2</c:v>
                </c:pt>
                <c:pt idx="1168">
                  <c:v>2.5000000000000001E-2</c:v>
                </c:pt>
                <c:pt idx="1169">
                  <c:v>2.5000000000000001E-2</c:v>
                </c:pt>
                <c:pt idx="1170">
                  <c:v>2.5000000000000001E-2</c:v>
                </c:pt>
                <c:pt idx="1171">
                  <c:v>2.5000000000000001E-2</c:v>
                </c:pt>
                <c:pt idx="1172">
                  <c:v>2.5000000000000001E-2</c:v>
                </c:pt>
                <c:pt idx="1173">
                  <c:v>2.5000000000000001E-2</c:v>
                </c:pt>
                <c:pt idx="1174">
                  <c:v>2.5000000000000001E-2</c:v>
                </c:pt>
                <c:pt idx="1175">
                  <c:v>2.5000000000000001E-2</c:v>
                </c:pt>
                <c:pt idx="1176">
                  <c:v>2.5000000000000001E-2</c:v>
                </c:pt>
                <c:pt idx="1177">
                  <c:v>2.5000000000000001E-2</c:v>
                </c:pt>
                <c:pt idx="1178">
                  <c:v>2.5000000000000001E-2</c:v>
                </c:pt>
                <c:pt idx="1179">
                  <c:v>2.5000000000000001E-2</c:v>
                </c:pt>
                <c:pt idx="1180">
                  <c:v>2.5000000000000001E-2</c:v>
                </c:pt>
                <c:pt idx="1181">
                  <c:v>2.5000000000000001E-2</c:v>
                </c:pt>
                <c:pt idx="1182">
                  <c:v>2.5000000000000001E-2</c:v>
                </c:pt>
                <c:pt idx="1183">
                  <c:v>2.5000000000000001E-2</c:v>
                </c:pt>
                <c:pt idx="1184">
                  <c:v>2.5000000000000001E-2</c:v>
                </c:pt>
                <c:pt idx="1185">
                  <c:v>2.5000000000000001E-2</c:v>
                </c:pt>
                <c:pt idx="1186">
                  <c:v>2.5000000000000001E-2</c:v>
                </c:pt>
                <c:pt idx="1187">
                  <c:v>2.5000000000000001E-2</c:v>
                </c:pt>
                <c:pt idx="1188">
                  <c:v>2.5000000000000001E-2</c:v>
                </c:pt>
                <c:pt idx="1189">
                  <c:v>2.5000000000000001E-2</c:v>
                </c:pt>
                <c:pt idx="1190">
                  <c:v>2.5000000000000001E-2</c:v>
                </c:pt>
                <c:pt idx="1191">
                  <c:v>2.5000000000000001E-2</c:v>
                </c:pt>
                <c:pt idx="1192">
                  <c:v>2.5000000000000001E-2</c:v>
                </c:pt>
                <c:pt idx="1193">
                  <c:v>2.5000000000000001E-2</c:v>
                </c:pt>
                <c:pt idx="1194">
                  <c:v>2.5000000000000001E-2</c:v>
                </c:pt>
                <c:pt idx="1195">
                  <c:v>2.5000000000000001E-2</c:v>
                </c:pt>
                <c:pt idx="1196">
                  <c:v>2.5000000000000001E-2</c:v>
                </c:pt>
                <c:pt idx="1197">
                  <c:v>2.5000000000000001E-2</c:v>
                </c:pt>
                <c:pt idx="1198">
                  <c:v>2.5000000000000001E-2</c:v>
                </c:pt>
                <c:pt idx="1199">
                  <c:v>2.5000000000000001E-2</c:v>
                </c:pt>
                <c:pt idx="1200">
                  <c:v>2.5000000000000001E-2</c:v>
                </c:pt>
                <c:pt idx="1201">
                  <c:v>2.5000000000000001E-2</c:v>
                </c:pt>
                <c:pt idx="1202">
                  <c:v>2.5000000000000001E-2</c:v>
                </c:pt>
                <c:pt idx="1203">
                  <c:v>2.5000000000000001E-2</c:v>
                </c:pt>
                <c:pt idx="1204">
                  <c:v>2.5000000000000001E-2</c:v>
                </c:pt>
                <c:pt idx="1205">
                  <c:v>2.5000000000000001E-2</c:v>
                </c:pt>
                <c:pt idx="1206">
                  <c:v>2.5000000000000001E-2</c:v>
                </c:pt>
                <c:pt idx="1207">
                  <c:v>2.5000000000000001E-2</c:v>
                </c:pt>
                <c:pt idx="1208">
                  <c:v>2.5000000000000001E-2</c:v>
                </c:pt>
                <c:pt idx="1209">
                  <c:v>2.5000000000000001E-2</c:v>
                </c:pt>
                <c:pt idx="1210">
                  <c:v>2.5000000000000001E-2</c:v>
                </c:pt>
                <c:pt idx="1211">
                  <c:v>2.5000000000000001E-2</c:v>
                </c:pt>
                <c:pt idx="1212">
                  <c:v>2.5000000000000001E-2</c:v>
                </c:pt>
                <c:pt idx="1213">
                  <c:v>2.5000000000000001E-2</c:v>
                </c:pt>
                <c:pt idx="1214">
                  <c:v>2.5000000000000001E-2</c:v>
                </c:pt>
                <c:pt idx="1215">
                  <c:v>2.5000000000000001E-2</c:v>
                </c:pt>
                <c:pt idx="1216">
                  <c:v>2.5000000000000001E-2</c:v>
                </c:pt>
                <c:pt idx="1217">
                  <c:v>2.5000000000000001E-2</c:v>
                </c:pt>
                <c:pt idx="1218">
                  <c:v>2.5000000000000001E-2</c:v>
                </c:pt>
                <c:pt idx="1219">
                  <c:v>2.5000000000000001E-2</c:v>
                </c:pt>
                <c:pt idx="1220">
                  <c:v>2.5000000000000001E-2</c:v>
                </c:pt>
                <c:pt idx="1221">
                  <c:v>2.5000000000000001E-2</c:v>
                </c:pt>
                <c:pt idx="1222">
                  <c:v>2.5000000000000001E-2</c:v>
                </c:pt>
                <c:pt idx="1223">
                  <c:v>2.5000000000000001E-2</c:v>
                </c:pt>
                <c:pt idx="1224">
                  <c:v>2.5000000000000001E-2</c:v>
                </c:pt>
                <c:pt idx="1225">
                  <c:v>2.5000000000000001E-2</c:v>
                </c:pt>
                <c:pt idx="1226">
                  <c:v>2.5000000000000001E-2</c:v>
                </c:pt>
                <c:pt idx="1227">
                  <c:v>2.5000000000000001E-2</c:v>
                </c:pt>
                <c:pt idx="1228">
                  <c:v>2.5000000000000001E-2</c:v>
                </c:pt>
                <c:pt idx="1229">
                  <c:v>2.5000000000000001E-2</c:v>
                </c:pt>
                <c:pt idx="1230">
                  <c:v>2.5000000000000001E-2</c:v>
                </c:pt>
                <c:pt idx="1231">
                  <c:v>2.5000000000000001E-2</c:v>
                </c:pt>
                <c:pt idx="1232">
                  <c:v>2.5000000000000001E-2</c:v>
                </c:pt>
                <c:pt idx="1233">
                  <c:v>2.5000000000000001E-2</c:v>
                </c:pt>
                <c:pt idx="1234">
                  <c:v>2.5000000000000001E-2</c:v>
                </c:pt>
                <c:pt idx="1235">
                  <c:v>2.5000000000000001E-2</c:v>
                </c:pt>
                <c:pt idx="1236">
                  <c:v>2.5000000000000001E-2</c:v>
                </c:pt>
                <c:pt idx="1237">
                  <c:v>2.5000000000000001E-2</c:v>
                </c:pt>
                <c:pt idx="1238">
                  <c:v>2.5000000000000001E-2</c:v>
                </c:pt>
                <c:pt idx="1239">
                  <c:v>2.5000000000000001E-2</c:v>
                </c:pt>
                <c:pt idx="1240">
                  <c:v>2.5000000000000001E-2</c:v>
                </c:pt>
                <c:pt idx="1241">
                  <c:v>2.5000000000000001E-2</c:v>
                </c:pt>
                <c:pt idx="1242">
                  <c:v>2.5000000000000001E-2</c:v>
                </c:pt>
                <c:pt idx="1243">
                  <c:v>2.5000000000000001E-2</c:v>
                </c:pt>
                <c:pt idx="1244">
                  <c:v>2.5000000000000001E-2</c:v>
                </c:pt>
                <c:pt idx="1245">
                  <c:v>2.5000000000000001E-2</c:v>
                </c:pt>
                <c:pt idx="1246">
                  <c:v>2.5000000000000001E-2</c:v>
                </c:pt>
                <c:pt idx="1247">
                  <c:v>2.5000000000000001E-2</c:v>
                </c:pt>
                <c:pt idx="1248">
                  <c:v>2.5000000000000001E-2</c:v>
                </c:pt>
                <c:pt idx="1249">
                  <c:v>2.5000000000000001E-2</c:v>
                </c:pt>
                <c:pt idx="1250">
                  <c:v>2.5000000000000001E-2</c:v>
                </c:pt>
                <c:pt idx="1251">
                  <c:v>2.5000000000000001E-2</c:v>
                </c:pt>
                <c:pt idx="1252">
                  <c:v>0.02</c:v>
                </c:pt>
                <c:pt idx="1253">
                  <c:v>0.02</c:v>
                </c:pt>
                <c:pt idx="1254">
                  <c:v>0.02</c:v>
                </c:pt>
                <c:pt idx="1255">
                  <c:v>0.02</c:v>
                </c:pt>
                <c:pt idx="1256">
                  <c:v>0.02</c:v>
                </c:pt>
                <c:pt idx="1257">
                  <c:v>0.02</c:v>
                </c:pt>
                <c:pt idx="1258">
                  <c:v>0.02</c:v>
                </c:pt>
                <c:pt idx="1259">
                  <c:v>0.02</c:v>
                </c:pt>
                <c:pt idx="1260">
                  <c:v>0.02</c:v>
                </c:pt>
                <c:pt idx="1261">
                  <c:v>0.02</c:v>
                </c:pt>
                <c:pt idx="1262">
                  <c:v>0.02</c:v>
                </c:pt>
                <c:pt idx="1263">
                  <c:v>0.02</c:v>
                </c:pt>
                <c:pt idx="1264">
                  <c:v>0.02</c:v>
                </c:pt>
                <c:pt idx="1265">
                  <c:v>0.02</c:v>
                </c:pt>
                <c:pt idx="1266">
                  <c:v>0.02</c:v>
                </c:pt>
                <c:pt idx="1267">
                  <c:v>0.02</c:v>
                </c:pt>
                <c:pt idx="1268">
                  <c:v>0.02</c:v>
                </c:pt>
                <c:pt idx="1269">
                  <c:v>0.02</c:v>
                </c:pt>
                <c:pt idx="1270">
                  <c:v>0.02</c:v>
                </c:pt>
                <c:pt idx="1271">
                  <c:v>0.02</c:v>
                </c:pt>
                <c:pt idx="1272">
                  <c:v>0.02</c:v>
                </c:pt>
                <c:pt idx="1273">
                  <c:v>0.02</c:v>
                </c:pt>
                <c:pt idx="1274">
                  <c:v>0.02</c:v>
                </c:pt>
                <c:pt idx="1275">
                  <c:v>0.02</c:v>
                </c:pt>
                <c:pt idx="1276">
                  <c:v>0.02</c:v>
                </c:pt>
                <c:pt idx="1277">
                  <c:v>0.02</c:v>
                </c:pt>
                <c:pt idx="1278">
                  <c:v>0.02</c:v>
                </c:pt>
                <c:pt idx="1279">
                  <c:v>0.02</c:v>
                </c:pt>
                <c:pt idx="1280">
                  <c:v>0.02</c:v>
                </c:pt>
                <c:pt idx="1281">
                  <c:v>0.02</c:v>
                </c:pt>
                <c:pt idx="1282">
                  <c:v>0.02</c:v>
                </c:pt>
                <c:pt idx="1283">
                  <c:v>0.02</c:v>
                </c:pt>
                <c:pt idx="1284">
                  <c:v>0.02</c:v>
                </c:pt>
                <c:pt idx="1285">
                  <c:v>0.02</c:v>
                </c:pt>
                <c:pt idx="1286">
                  <c:v>0.02</c:v>
                </c:pt>
                <c:pt idx="1287">
                  <c:v>0.02</c:v>
                </c:pt>
                <c:pt idx="1288">
                  <c:v>0.02</c:v>
                </c:pt>
                <c:pt idx="1289">
                  <c:v>0.02</c:v>
                </c:pt>
                <c:pt idx="1290">
                  <c:v>0.02</c:v>
                </c:pt>
                <c:pt idx="1291">
                  <c:v>0.02</c:v>
                </c:pt>
                <c:pt idx="1292">
                  <c:v>0.02</c:v>
                </c:pt>
                <c:pt idx="1293">
                  <c:v>0.02</c:v>
                </c:pt>
                <c:pt idx="1294">
                  <c:v>0.02</c:v>
                </c:pt>
                <c:pt idx="1295">
                  <c:v>0.02</c:v>
                </c:pt>
                <c:pt idx="1296">
                  <c:v>0.02</c:v>
                </c:pt>
                <c:pt idx="1297">
                  <c:v>0.02</c:v>
                </c:pt>
                <c:pt idx="1298">
                  <c:v>0.02</c:v>
                </c:pt>
                <c:pt idx="1299">
                  <c:v>0.02</c:v>
                </c:pt>
                <c:pt idx="1300">
                  <c:v>0.02</c:v>
                </c:pt>
                <c:pt idx="1301">
                  <c:v>0.02</c:v>
                </c:pt>
                <c:pt idx="1302">
                  <c:v>0.02</c:v>
                </c:pt>
                <c:pt idx="1303">
                  <c:v>0.02</c:v>
                </c:pt>
                <c:pt idx="1304">
                  <c:v>0.02</c:v>
                </c:pt>
                <c:pt idx="1305">
                  <c:v>0.02</c:v>
                </c:pt>
                <c:pt idx="1306">
                  <c:v>0.02</c:v>
                </c:pt>
                <c:pt idx="1307">
                  <c:v>0.02</c:v>
                </c:pt>
                <c:pt idx="1308">
                  <c:v>0.02</c:v>
                </c:pt>
                <c:pt idx="1309">
                  <c:v>0.02</c:v>
                </c:pt>
                <c:pt idx="1310">
                  <c:v>0.02</c:v>
                </c:pt>
                <c:pt idx="1311">
                  <c:v>0.02</c:v>
                </c:pt>
                <c:pt idx="1312">
                  <c:v>0.02</c:v>
                </c:pt>
                <c:pt idx="1313">
                  <c:v>0.02</c:v>
                </c:pt>
                <c:pt idx="1314">
                  <c:v>0.02</c:v>
                </c:pt>
                <c:pt idx="1315">
                  <c:v>0.02</c:v>
                </c:pt>
                <c:pt idx="1316">
                  <c:v>0.02</c:v>
                </c:pt>
                <c:pt idx="1317">
                  <c:v>0.02</c:v>
                </c:pt>
                <c:pt idx="1318">
                  <c:v>0.02</c:v>
                </c:pt>
                <c:pt idx="1319">
                  <c:v>0.02</c:v>
                </c:pt>
                <c:pt idx="1320">
                  <c:v>0.02</c:v>
                </c:pt>
                <c:pt idx="1321">
                  <c:v>0.02</c:v>
                </c:pt>
                <c:pt idx="1322">
                  <c:v>0.02</c:v>
                </c:pt>
                <c:pt idx="1323">
                  <c:v>0.02</c:v>
                </c:pt>
                <c:pt idx="1324">
                  <c:v>0.02</c:v>
                </c:pt>
                <c:pt idx="1325">
                  <c:v>0.02</c:v>
                </c:pt>
                <c:pt idx="1326">
                  <c:v>0.02</c:v>
                </c:pt>
                <c:pt idx="1327">
                  <c:v>0.02</c:v>
                </c:pt>
                <c:pt idx="1328">
                  <c:v>0.02</c:v>
                </c:pt>
                <c:pt idx="1329">
                  <c:v>0.02</c:v>
                </c:pt>
                <c:pt idx="1330">
                  <c:v>0.02</c:v>
                </c:pt>
                <c:pt idx="1331">
                  <c:v>0.02</c:v>
                </c:pt>
                <c:pt idx="1332">
                  <c:v>0.02</c:v>
                </c:pt>
                <c:pt idx="1333">
                  <c:v>0.02</c:v>
                </c:pt>
                <c:pt idx="1334">
                  <c:v>0.02</c:v>
                </c:pt>
                <c:pt idx="1335">
                  <c:v>0.02</c:v>
                </c:pt>
                <c:pt idx="1336">
                  <c:v>0.02</c:v>
                </c:pt>
                <c:pt idx="1337">
                  <c:v>0.02</c:v>
                </c:pt>
                <c:pt idx="1338">
                  <c:v>0.02</c:v>
                </c:pt>
                <c:pt idx="1339">
                  <c:v>0.02</c:v>
                </c:pt>
                <c:pt idx="1340">
                  <c:v>0.02</c:v>
                </c:pt>
                <c:pt idx="1341">
                  <c:v>0.02</c:v>
                </c:pt>
                <c:pt idx="1342">
                  <c:v>0.02</c:v>
                </c:pt>
                <c:pt idx="1343">
                  <c:v>0.02</c:v>
                </c:pt>
                <c:pt idx="1344">
                  <c:v>0.02</c:v>
                </c:pt>
                <c:pt idx="1345">
                  <c:v>0.02</c:v>
                </c:pt>
                <c:pt idx="1346">
                  <c:v>0.02</c:v>
                </c:pt>
                <c:pt idx="1347">
                  <c:v>0.02</c:v>
                </c:pt>
                <c:pt idx="1348">
                  <c:v>0.02</c:v>
                </c:pt>
                <c:pt idx="1349">
                  <c:v>0.02</c:v>
                </c:pt>
                <c:pt idx="1350">
                  <c:v>0.02</c:v>
                </c:pt>
                <c:pt idx="1351">
                  <c:v>0.02</c:v>
                </c:pt>
                <c:pt idx="1352">
                  <c:v>0.02</c:v>
                </c:pt>
                <c:pt idx="1353">
                  <c:v>0.02</c:v>
                </c:pt>
                <c:pt idx="1354">
                  <c:v>0.02</c:v>
                </c:pt>
                <c:pt idx="1355">
                  <c:v>0.02</c:v>
                </c:pt>
                <c:pt idx="1356">
                  <c:v>0.02</c:v>
                </c:pt>
                <c:pt idx="1357">
                  <c:v>0.02</c:v>
                </c:pt>
                <c:pt idx="1358">
                  <c:v>0.02</c:v>
                </c:pt>
                <c:pt idx="1359">
                  <c:v>0.02</c:v>
                </c:pt>
                <c:pt idx="1360">
                  <c:v>0.02</c:v>
                </c:pt>
                <c:pt idx="1361">
                  <c:v>0.02</c:v>
                </c:pt>
                <c:pt idx="1362">
                  <c:v>0.02</c:v>
                </c:pt>
                <c:pt idx="1363">
                  <c:v>0.02</c:v>
                </c:pt>
                <c:pt idx="1364">
                  <c:v>0.02</c:v>
                </c:pt>
                <c:pt idx="1365">
                  <c:v>0.02</c:v>
                </c:pt>
                <c:pt idx="1366">
                  <c:v>0.02</c:v>
                </c:pt>
                <c:pt idx="1367">
                  <c:v>0.02</c:v>
                </c:pt>
                <c:pt idx="1368">
                  <c:v>0.02</c:v>
                </c:pt>
                <c:pt idx="1369">
                  <c:v>0.02</c:v>
                </c:pt>
                <c:pt idx="1370">
                  <c:v>0.02</c:v>
                </c:pt>
                <c:pt idx="1371">
                  <c:v>0.02</c:v>
                </c:pt>
                <c:pt idx="1372">
                  <c:v>0.02</c:v>
                </c:pt>
                <c:pt idx="1373">
                  <c:v>0.02</c:v>
                </c:pt>
                <c:pt idx="1374">
                  <c:v>0.02</c:v>
                </c:pt>
                <c:pt idx="1375">
                  <c:v>0.02</c:v>
                </c:pt>
                <c:pt idx="1376">
                  <c:v>0.02</c:v>
                </c:pt>
                <c:pt idx="1377">
                  <c:v>0.02</c:v>
                </c:pt>
                <c:pt idx="1378">
                  <c:v>0.02</c:v>
                </c:pt>
                <c:pt idx="1379">
                  <c:v>0.02</c:v>
                </c:pt>
                <c:pt idx="1380">
                  <c:v>0.02</c:v>
                </c:pt>
                <c:pt idx="1381">
                  <c:v>0.02</c:v>
                </c:pt>
                <c:pt idx="1382">
                  <c:v>0.02</c:v>
                </c:pt>
                <c:pt idx="1383">
                  <c:v>0.02</c:v>
                </c:pt>
                <c:pt idx="1384">
                  <c:v>0.02</c:v>
                </c:pt>
                <c:pt idx="1385">
                  <c:v>0.02</c:v>
                </c:pt>
                <c:pt idx="1386">
                  <c:v>0.02</c:v>
                </c:pt>
                <c:pt idx="1387">
                  <c:v>0.02</c:v>
                </c:pt>
                <c:pt idx="1388">
                  <c:v>0.02</c:v>
                </c:pt>
                <c:pt idx="1389">
                  <c:v>0.02</c:v>
                </c:pt>
                <c:pt idx="1390">
                  <c:v>0.02</c:v>
                </c:pt>
                <c:pt idx="1391">
                  <c:v>0.02</c:v>
                </c:pt>
                <c:pt idx="1392">
                  <c:v>0.02</c:v>
                </c:pt>
                <c:pt idx="1393">
                  <c:v>0.02</c:v>
                </c:pt>
                <c:pt idx="1394">
                  <c:v>0.02</c:v>
                </c:pt>
                <c:pt idx="1395">
                  <c:v>0.02</c:v>
                </c:pt>
                <c:pt idx="1396">
                  <c:v>0.02</c:v>
                </c:pt>
                <c:pt idx="1397">
                  <c:v>0.02</c:v>
                </c:pt>
                <c:pt idx="1398">
                  <c:v>0.02</c:v>
                </c:pt>
                <c:pt idx="1399">
                  <c:v>0.02</c:v>
                </c:pt>
                <c:pt idx="1400">
                  <c:v>0.02</c:v>
                </c:pt>
                <c:pt idx="1401">
                  <c:v>0.02</c:v>
                </c:pt>
                <c:pt idx="1402">
                  <c:v>0.02</c:v>
                </c:pt>
                <c:pt idx="1403">
                  <c:v>0.02</c:v>
                </c:pt>
                <c:pt idx="1404">
                  <c:v>0.02</c:v>
                </c:pt>
                <c:pt idx="1405">
                  <c:v>0.02</c:v>
                </c:pt>
                <c:pt idx="1406">
                  <c:v>0.02</c:v>
                </c:pt>
                <c:pt idx="1407">
                  <c:v>0.02</c:v>
                </c:pt>
                <c:pt idx="1408">
                  <c:v>0.02</c:v>
                </c:pt>
                <c:pt idx="1409">
                  <c:v>0.02</c:v>
                </c:pt>
                <c:pt idx="1410">
                  <c:v>0.02</c:v>
                </c:pt>
                <c:pt idx="1411">
                  <c:v>0.02</c:v>
                </c:pt>
                <c:pt idx="1412">
                  <c:v>0.02</c:v>
                </c:pt>
                <c:pt idx="1413">
                  <c:v>0.02</c:v>
                </c:pt>
                <c:pt idx="1414">
                  <c:v>0.02</c:v>
                </c:pt>
                <c:pt idx="1415">
                  <c:v>0.02</c:v>
                </c:pt>
                <c:pt idx="1416">
                  <c:v>0.02</c:v>
                </c:pt>
                <c:pt idx="1417">
                  <c:v>0.02</c:v>
                </c:pt>
                <c:pt idx="1418">
                  <c:v>0.02</c:v>
                </c:pt>
                <c:pt idx="1419">
                  <c:v>0.02</c:v>
                </c:pt>
                <c:pt idx="1420">
                  <c:v>0.02</c:v>
                </c:pt>
                <c:pt idx="1421">
                  <c:v>0.02</c:v>
                </c:pt>
                <c:pt idx="1422">
                  <c:v>0.02</c:v>
                </c:pt>
                <c:pt idx="1423">
                  <c:v>0.02</c:v>
                </c:pt>
                <c:pt idx="1424">
                  <c:v>0.02</c:v>
                </c:pt>
                <c:pt idx="1425">
                  <c:v>0.02</c:v>
                </c:pt>
                <c:pt idx="1426">
                  <c:v>0.02</c:v>
                </c:pt>
                <c:pt idx="1427">
                  <c:v>0.02</c:v>
                </c:pt>
                <c:pt idx="1428">
                  <c:v>0.02</c:v>
                </c:pt>
                <c:pt idx="1429">
                  <c:v>0.02</c:v>
                </c:pt>
                <c:pt idx="1430">
                  <c:v>0.02</c:v>
                </c:pt>
                <c:pt idx="1431">
                  <c:v>0.02</c:v>
                </c:pt>
                <c:pt idx="1432">
                  <c:v>0.02</c:v>
                </c:pt>
                <c:pt idx="1433">
                  <c:v>0.02</c:v>
                </c:pt>
                <c:pt idx="1434">
                  <c:v>0.02</c:v>
                </c:pt>
                <c:pt idx="1435">
                  <c:v>0.02</c:v>
                </c:pt>
                <c:pt idx="1436">
                  <c:v>0.02</c:v>
                </c:pt>
                <c:pt idx="1437">
                  <c:v>0.02</c:v>
                </c:pt>
                <c:pt idx="1438">
                  <c:v>0.02</c:v>
                </c:pt>
                <c:pt idx="1439">
                  <c:v>0.02</c:v>
                </c:pt>
                <c:pt idx="1440">
                  <c:v>0.02</c:v>
                </c:pt>
                <c:pt idx="1441">
                  <c:v>0.02</c:v>
                </c:pt>
                <c:pt idx="1442">
                  <c:v>0.02</c:v>
                </c:pt>
                <c:pt idx="1443">
                  <c:v>0.02</c:v>
                </c:pt>
                <c:pt idx="1444">
                  <c:v>0.02</c:v>
                </c:pt>
                <c:pt idx="1445">
                  <c:v>0.02</c:v>
                </c:pt>
                <c:pt idx="1446">
                  <c:v>0.02</c:v>
                </c:pt>
                <c:pt idx="1447">
                  <c:v>0.02</c:v>
                </c:pt>
                <c:pt idx="1448">
                  <c:v>0.02</c:v>
                </c:pt>
                <c:pt idx="1449">
                  <c:v>0.02</c:v>
                </c:pt>
                <c:pt idx="1450">
                  <c:v>0.02</c:v>
                </c:pt>
                <c:pt idx="1451">
                  <c:v>0.02</c:v>
                </c:pt>
                <c:pt idx="1452">
                  <c:v>0.02</c:v>
                </c:pt>
                <c:pt idx="1453">
                  <c:v>0.02</c:v>
                </c:pt>
                <c:pt idx="1454">
                  <c:v>0.02</c:v>
                </c:pt>
                <c:pt idx="1455">
                  <c:v>0.02</c:v>
                </c:pt>
                <c:pt idx="1456">
                  <c:v>0.02</c:v>
                </c:pt>
                <c:pt idx="1457">
                  <c:v>0.02</c:v>
                </c:pt>
                <c:pt idx="1458">
                  <c:v>0.02</c:v>
                </c:pt>
                <c:pt idx="1459">
                  <c:v>0.02</c:v>
                </c:pt>
                <c:pt idx="1460">
                  <c:v>0.02</c:v>
                </c:pt>
                <c:pt idx="1461">
                  <c:v>0.02</c:v>
                </c:pt>
                <c:pt idx="1462">
                  <c:v>0.02</c:v>
                </c:pt>
                <c:pt idx="1463">
                  <c:v>0.02</c:v>
                </c:pt>
                <c:pt idx="1464">
                  <c:v>0.02</c:v>
                </c:pt>
                <c:pt idx="1465">
                  <c:v>0.02</c:v>
                </c:pt>
                <c:pt idx="1466">
                  <c:v>0.02</c:v>
                </c:pt>
                <c:pt idx="1467">
                  <c:v>0.02</c:v>
                </c:pt>
                <c:pt idx="1468">
                  <c:v>0.02</c:v>
                </c:pt>
                <c:pt idx="1469">
                  <c:v>0.02</c:v>
                </c:pt>
                <c:pt idx="1470">
                  <c:v>0.02</c:v>
                </c:pt>
                <c:pt idx="1471">
                  <c:v>0.02</c:v>
                </c:pt>
                <c:pt idx="1472">
                  <c:v>0.02</c:v>
                </c:pt>
                <c:pt idx="1473">
                  <c:v>0.02</c:v>
                </c:pt>
                <c:pt idx="1474">
                  <c:v>0.02</c:v>
                </c:pt>
                <c:pt idx="1475">
                  <c:v>0.02</c:v>
                </c:pt>
                <c:pt idx="1476">
                  <c:v>0.02</c:v>
                </c:pt>
                <c:pt idx="1477">
                  <c:v>0.02</c:v>
                </c:pt>
                <c:pt idx="1478">
                  <c:v>0.02</c:v>
                </c:pt>
                <c:pt idx="1479">
                  <c:v>0.02</c:v>
                </c:pt>
                <c:pt idx="1480">
                  <c:v>0.02</c:v>
                </c:pt>
                <c:pt idx="1481">
                  <c:v>0.02</c:v>
                </c:pt>
                <c:pt idx="1482">
                  <c:v>0.02</c:v>
                </c:pt>
                <c:pt idx="1483">
                  <c:v>0.02</c:v>
                </c:pt>
                <c:pt idx="1484">
                  <c:v>0.02</c:v>
                </c:pt>
                <c:pt idx="1485">
                  <c:v>0.02</c:v>
                </c:pt>
                <c:pt idx="1486">
                  <c:v>0.02</c:v>
                </c:pt>
                <c:pt idx="1487">
                  <c:v>0.02</c:v>
                </c:pt>
                <c:pt idx="1488">
                  <c:v>0.02</c:v>
                </c:pt>
                <c:pt idx="1489">
                  <c:v>0.02</c:v>
                </c:pt>
                <c:pt idx="1490">
                  <c:v>0.02</c:v>
                </c:pt>
                <c:pt idx="1491">
                  <c:v>0.02</c:v>
                </c:pt>
                <c:pt idx="1492">
                  <c:v>0.02</c:v>
                </c:pt>
                <c:pt idx="1493">
                  <c:v>0.02</c:v>
                </c:pt>
                <c:pt idx="1494">
                  <c:v>0.02</c:v>
                </c:pt>
                <c:pt idx="1495">
                  <c:v>0.02</c:v>
                </c:pt>
                <c:pt idx="1496">
                  <c:v>0.02</c:v>
                </c:pt>
                <c:pt idx="1497">
                  <c:v>0.02</c:v>
                </c:pt>
                <c:pt idx="1498">
                  <c:v>0.02</c:v>
                </c:pt>
                <c:pt idx="1499">
                  <c:v>0.02</c:v>
                </c:pt>
                <c:pt idx="1500">
                  <c:v>0.02</c:v>
                </c:pt>
                <c:pt idx="1501">
                  <c:v>0.02</c:v>
                </c:pt>
                <c:pt idx="1502">
                  <c:v>0.02</c:v>
                </c:pt>
                <c:pt idx="1503">
                  <c:v>0.02</c:v>
                </c:pt>
                <c:pt idx="1504">
                  <c:v>0.02</c:v>
                </c:pt>
                <c:pt idx="1505">
                  <c:v>0.02</c:v>
                </c:pt>
                <c:pt idx="1506">
                  <c:v>0.02</c:v>
                </c:pt>
                <c:pt idx="1507">
                  <c:v>0.02</c:v>
                </c:pt>
                <c:pt idx="1508">
                  <c:v>0.02</c:v>
                </c:pt>
                <c:pt idx="1509">
                  <c:v>0.02</c:v>
                </c:pt>
                <c:pt idx="1510">
                  <c:v>0.02</c:v>
                </c:pt>
                <c:pt idx="1511">
                  <c:v>0.02</c:v>
                </c:pt>
                <c:pt idx="1512">
                  <c:v>0.02</c:v>
                </c:pt>
                <c:pt idx="1513">
                  <c:v>0.02</c:v>
                </c:pt>
                <c:pt idx="1514">
                  <c:v>0.02</c:v>
                </c:pt>
                <c:pt idx="1515">
                  <c:v>0.02</c:v>
                </c:pt>
                <c:pt idx="1516">
                  <c:v>0.02</c:v>
                </c:pt>
                <c:pt idx="1517">
                  <c:v>0.02</c:v>
                </c:pt>
                <c:pt idx="1518">
                  <c:v>0.02</c:v>
                </c:pt>
                <c:pt idx="1519">
                  <c:v>0.02</c:v>
                </c:pt>
                <c:pt idx="1520">
                  <c:v>0.02</c:v>
                </c:pt>
                <c:pt idx="1521">
                  <c:v>0.02</c:v>
                </c:pt>
                <c:pt idx="1522">
                  <c:v>0.02</c:v>
                </c:pt>
                <c:pt idx="1523">
                  <c:v>0.02</c:v>
                </c:pt>
                <c:pt idx="1524">
                  <c:v>0.02</c:v>
                </c:pt>
                <c:pt idx="1525">
                  <c:v>0.02</c:v>
                </c:pt>
                <c:pt idx="1526">
                  <c:v>0.02</c:v>
                </c:pt>
                <c:pt idx="1527">
                  <c:v>0.02</c:v>
                </c:pt>
                <c:pt idx="1528">
                  <c:v>0.02</c:v>
                </c:pt>
                <c:pt idx="1529">
                  <c:v>0.02</c:v>
                </c:pt>
                <c:pt idx="1530">
                  <c:v>0.02</c:v>
                </c:pt>
                <c:pt idx="1531">
                  <c:v>0.02</c:v>
                </c:pt>
                <c:pt idx="1532">
                  <c:v>0.02</c:v>
                </c:pt>
                <c:pt idx="1533">
                  <c:v>0.02</c:v>
                </c:pt>
                <c:pt idx="1534">
                  <c:v>0.02</c:v>
                </c:pt>
                <c:pt idx="1535">
                  <c:v>0.02</c:v>
                </c:pt>
                <c:pt idx="1536">
                  <c:v>0.02</c:v>
                </c:pt>
                <c:pt idx="1537">
                  <c:v>0.02</c:v>
                </c:pt>
                <c:pt idx="1538">
                  <c:v>0.02</c:v>
                </c:pt>
                <c:pt idx="1539">
                  <c:v>0.02</c:v>
                </c:pt>
                <c:pt idx="1540">
                  <c:v>0.02</c:v>
                </c:pt>
                <c:pt idx="1541">
                  <c:v>0.02</c:v>
                </c:pt>
                <c:pt idx="1542">
                  <c:v>0.02</c:v>
                </c:pt>
                <c:pt idx="1543">
                  <c:v>0.02</c:v>
                </c:pt>
                <c:pt idx="1544">
                  <c:v>0.02</c:v>
                </c:pt>
                <c:pt idx="1545">
                  <c:v>0.02</c:v>
                </c:pt>
                <c:pt idx="1546">
                  <c:v>0.02</c:v>
                </c:pt>
                <c:pt idx="1547">
                  <c:v>0.02</c:v>
                </c:pt>
                <c:pt idx="1548">
                  <c:v>0.02</c:v>
                </c:pt>
                <c:pt idx="1549">
                  <c:v>0.02</c:v>
                </c:pt>
                <c:pt idx="1550">
                  <c:v>0.02</c:v>
                </c:pt>
                <c:pt idx="1551">
                  <c:v>0.02</c:v>
                </c:pt>
                <c:pt idx="1552">
                  <c:v>0.02</c:v>
                </c:pt>
                <c:pt idx="1553">
                  <c:v>0.02</c:v>
                </c:pt>
                <c:pt idx="1554">
                  <c:v>0.02</c:v>
                </c:pt>
                <c:pt idx="1555">
                  <c:v>0.02</c:v>
                </c:pt>
                <c:pt idx="1556">
                  <c:v>0.02</c:v>
                </c:pt>
                <c:pt idx="1557">
                  <c:v>0.02</c:v>
                </c:pt>
                <c:pt idx="1558">
                  <c:v>0.02</c:v>
                </c:pt>
                <c:pt idx="1559">
                  <c:v>0.02</c:v>
                </c:pt>
                <c:pt idx="1560">
                  <c:v>0.02</c:v>
                </c:pt>
                <c:pt idx="1561">
                  <c:v>0.02</c:v>
                </c:pt>
                <c:pt idx="1562">
                  <c:v>0.02</c:v>
                </c:pt>
                <c:pt idx="1563">
                  <c:v>0.02</c:v>
                </c:pt>
                <c:pt idx="1564">
                  <c:v>0.02</c:v>
                </c:pt>
                <c:pt idx="1565">
                  <c:v>0.02</c:v>
                </c:pt>
                <c:pt idx="1566">
                  <c:v>0.02</c:v>
                </c:pt>
                <c:pt idx="1567">
                  <c:v>0.02</c:v>
                </c:pt>
                <c:pt idx="1568">
                  <c:v>0.02</c:v>
                </c:pt>
                <c:pt idx="1569">
                  <c:v>0.02</c:v>
                </c:pt>
                <c:pt idx="1570">
                  <c:v>0.02</c:v>
                </c:pt>
                <c:pt idx="1571">
                  <c:v>0.02</c:v>
                </c:pt>
                <c:pt idx="1572">
                  <c:v>0.02</c:v>
                </c:pt>
                <c:pt idx="1573">
                  <c:v>0.02</c:v>
                </c:pt>
                <c:pt idx="1574">
                  <c:v>0.02</c:v>
                </c:pt>
                <c:pt idx="1575">
                  <c:v>0.02</c:v>
                </c:pt>
                <c:pt idx="1576">
                  <c:v>0.02</c:v>
                </c:pt>
                <c:pt idx="1577">
                  <c:v>0.02</c:v>
                </c:pt>
                <c:pt idx="1578">
                  <c:v>0.02</c:v>
                </c:pt>
                <c:pt idx="1579">
                  <c:v>0.02</c:v>
                </c:pt>
                <c:pt idx="1580">
                  <c:v>0.02</c:v>
                </c:pt>
                <c:pt idx="1581">
                  <c:v>0.02</c:v>
                </c:pt>
                <c:pt idx="1582">
                  <c:v>0.02</c:v>
                </c:pt>
                <c:pt idx="1583">
                  <c:v>0.02</c:v>
                </c:pt>
                <c:pt idx="1584">
                  <c:v>0.02</c:v>
                </c:pt>
                <c:pt idx="1585">
                  <c:v>0.02</c:v>
                </c:pt>
                <c:pt idx="1586">
                  <c:v>0.02</c:v>
                </c:pt>
                <c:pt idx="1587">
                  <c:v>0.02</c:v>
                </c:pt>
                <c:pt idx="1588">
                  <c:v>0.02</c:v>
                </c:pt>
                <c:pt idx="1589">
                  <c:v>0.02</c:v>
                </c:pt>
                <c:pt idx="1590">
                  <c:v>0.02</c:v>
                </c:pt>
                <c:pt idx="1591">
                  <c:v>0.02</c:v>
                </c:pt>
                <c:pt idx="1592">
                  <c:v>0.02</c:v>
                </c:pt>
                <c:pt idx="1593">
                  <c:v>0.02</c:v>
                </c:pt>
                <c:pt idx="1594">
                  <c:v>0.02</c:v>
                </c:pt>
                <c:pt idx="1595">
                  <c:v>0.02</c:v>
                </c:pt>
                <c:pt idx="1596">
                  <c:v>0.02</c:v>
                </c:pt>
                <c:pt idx="1597">
                  <c:v>0.02</c:v>
                </c:pt>
                <c:pt idx="1598">
                  <c:v>0.02</c:v>
                </c:pt>
                <c:pt idx="1599">
                  <c:v>0.02</c:v>
                </c:pt>
                <c:pt idx="1600">
                  <c:v>0.02</c:v>
                </c:pt>
                <c:pt idx="1601">
                  <c:v>0.02</c:v>
                </c:pt>
                <c:pt idx="1602">
                  <c:v>0.02</c:v>
                </c:pt>
                <c:pt idx="1603">
                  <c:v>0.02</c:v>
                </c:pt>
                <c:pt idx="1604">
                  <c:v>0.02</c:v>
                </c:pt>
                <c:pt idx="1605">
                  <c:v>0.02</c:v>
                </c:pt>
                <c:pt idx="1606">
                  <c:v>0.02</c:v>
                </c:pt>
                <c:pt idx="1607">
                  <c:v>0.02</c:v>
                </c:pt>
                <c:pt idx="1608">
                  <c:v>0.02</c:v>
                </c:pt>
                <c:pt idx="1609">
                  <c:v>0.02</c:v>
                </c:pt>
                <c:pt idx="1610">
                  <c:v>0.02</c:v>
                </c:pt>
                <c:pt idx="1611">
                  <c:v>0.02</c:v>
                </c:pt>
                <c:pt idx="1612">
                  <c:v>0.02</c:v>
                </c:pt>
                <c:pt idx="1613">
                  <c:v>0.02</c:v>
                </c:pt>
                <c:pt idx="1614">
                  <c:v>0.02</c:v>
                </c:pt>
                <c:pt idx="1615">
                  <c:v>0.02</c:v>
                </c:pt>
                <c:pt idx="1616">
                  <c:v>0.02</c:v>
                </c:pt>
                <c:pt idx="1617">
                  <c:v>0.02</c:v>
                </c:pt>
                <c:pt idx="1618">
                  <c:v>0.02</c:v>
                </c:pt>
                <c:pt idx="1619">
                  <c:v>0.02</c:v>
                </c:pt>
                <c:pt idx="1620">
                  <c:v>0.02</c:v>
                </c:pt>
                <c:pt idx="1621">
                  <c:v>0.02</c:v>
                </c:pt>
                <c:pt idx="1622">
                  <c:v>0.02</c:v>
                </c:pt>
                <c:pt idx="1623">
                  <c:v>0.02</c:v>
                </c:pt>
                <c:pt idx="1624">
                  <c:v>0.02</c:v>
                </c:pt>
                <c:pt idx="1625">
                  <c:v>0.02</c:v>
                </c:pt>
                <c:pt idx="1626">
                  <c:v>0.02</c:v>
                </c:pt>
                <c:pt idx="1627">
                  <c:v>0.02</c:v>
                </c:pt>
                <c:pt idx="1628">
                  <c:v>0.02</c:v>
                </c:pt>
                <c:pt idx="1629">
                  <c:v>0.02</c:v>
                </c:pt>
                <c:pt idx="1630">
                  <c:v>0.02</c:v>
                </c:pt>
                <c:pt idx="1631">
                  <c:v>0.02</c:v>
                </c:pt>
                <c:pt idx="1632">
                  <c:v>0.02</c:v>
                </c:pt>
                <c:pt idx="1633">
                  <c:v>0.02</c:v>
                </c:pt>
                <c:pt idx="1634">
                  <c:v>0.02</c:v>
                </c:pt>
                <c:pt idx="1635">
                  <c:v>0.02</c:v>
                </c:pt>
                <c:pt idx="1636">
                  <c:v>0.02</c:v>
                </c:pt>
                <c:pt idx="1637">
                  <c:v>0.02</c:v>
                </c:pt>
                <c:pt idx="1638">
                  <c:v>0.02</c:v>
                </c:pt>
                <c:pt idx="1639">
                  <c:v>0.02</c:v>
                </c:pt>
                <c:pt idx="1640">
                  <c:v>0.02</c:v>
                </c:pt>
                <c:pt idx="1641">
                  <c:v>0.02</c:v>
                </c:pt>
                <c:pt idx="1642">
                  <c:v>0.02</c:v>
                </c:pt>
                <c:pt idx="1643">
                  <c:v>0.02</c:v>
                </c:pt>
                <c:pt idx="1644">
                  <c:v>0.02</c:v>
                </c:pt>
                <c:pt idx="1645">
                  <c:v>0.02</c:v>
                </c:pt>
                <c:pt idx="1646">
                  <c:v>0.02</c:v>
                </c:pt>
                <c:pt idx="1647">
                  <c:v>0.02</c:v>
                </c:pt>
                <c:pt idx="1648">
                  <c:v>0.02</c:v>
                </c:pt>
                <c:pt idx="1649">
                  <c:v>0.02</c:v>
                </c:pt>
                <c:pt idx="1650">
                  <c:v>0.02</c:v>
                </c:pt>
                <c:pt idx="1651">
                  <c:v>0.02</c:v>
                </c:pt>
                <c:pt idx="1652">
                  <c:v>0.02</c:v>
                </c:pt>
                <c:pt idx="1653">
                  <c:v>0.02</c:v>
                </c:pt>
                <c:pt idx="1654">
                  <c:v>0.02</c:v>
                </c:pt>
                <c:pt idx="1655">
                  <c:v>0.02</c:v>
                </c:pt>
                <c:pt idx="1656">
                  <c:v>0.02</c:v>
                </c:pt>
                <c:pt idx="1657">
                  <c:v>0.02</c:v>
                </c:pt>
                <c:pt idx="1658">
                  <c:v>0.02</c:v>
                </c:pt>
                <c:pt idx="1659">
                  <c:v>0.02</c:v>
                </c:pt>
                <c:pt idx="1660">
                  <c:v>0.02</c:v>
                </c:pt>
                <c:pt idx="1661">
                  <c:v>0.02</c:v>
                </c:pt>
                <c:pt idx="1662">
                  <c:v>0.02</c:v>
                </c:pt>
                <c:pt idx="1663">
                  <c:v>0.02</c:v>
                </c:pt>
                <c:pt idx="1664">
                  <c:v>0.02</c:v>
                </c:pt>
                <c:pt idx="1665">
                  <c:v>0.02</c:v>
                </c:pt>
                <c:pt idx="1666">
                  <c:v>0.02</c:v>
                </c:pt>
                <c:pt idx="1667">
                  <c:v>0.02</c:v>
                </c:pt>
                <c:pt idx="1668">
                  <c:v>0.02</c:v>
                </c:pt>
                <c:pt idx="1669">
                  <c:v>0.02</c:v>
                </c:pt>
                <c:pt idx="1670">
                  <c:v>0.02</c:v>
                </c:pt>
                <c:pt idx="1671">
                  <c:v>0.02</c:v>
                </c:pt>
                <c:pt idx="1672">
                  <c:v>0.02</c:v>
                </c:pt>
                <c:pt idx="1673">
                  <c:v>0.02</c:v>
                </c:pt>
                <c:pt idx="1674">
                  <c:v>0.02</c:v>
                </c:pt>
                <c:pt idx="1675">
                  <c:v>0.02</c:v>
                </c:pt>
                <c:pt idx="1676">
                  <c:v>0.02</c:v>
                </c:pt>
                <c:pt idx="1677">
                  <c:v>0.02</c:v>
                </c:pt>
                <c:pt idx="1678">
                  <c:v>0.02</c:v>
                </c:pt>
                <c:pt idx="1679">
                  <c:v>0.02</c:v>
                </c:pt>
                <c:pt idx="1680">
                  <c:v>0.02</c:v>
                </c:pt>
                <c:pt idx="1681">
                  <c:v>0.02</c:v>
                </c:pt>
                <c:pt idx="1682">
                  <c:v>0.02</c:v>
                </c:pt>
                <c:pt idx="1683">
                  <c:v>0.02</c:v>
                </c:pt>
                <c:pt idx="1684">
                  <c:v>0.02</c:v>
                </c:pt>
                <c:pt idx="1685">
                  <c:v>0.02</c:v>
                </c:pt>
                <c:pt idx="1686">
                  <c:v>0.02</c:v>
                </c:pt>
                <c:pt idx="1687">
                  <c:v>0.02</c:v>
                </c:pt>
                <c:pt idx="1688">
                  <c:v>0.02</c:v>
                </c:pt>
                <c:pt idx="1689">
                  <c:v>0.02</c:v>
                </c:pt>
                <c:pt idx="1690">
                  <c:v>0.02</c:v>
                </c:pt>
                <c:pt idx="1691">
                  <c:v>0.02</c:v>
                </c:pt>
                <c:pt idx="1692">
                  <c:v>0.02</c:v>
                </c:pt>
                <c:pt idx="1693">
                  <c:v>0.02</c:v>
                </c:pt>
                <c:pt idx="1694">
                  <c:v>0.02</c:v>
                </c:pt>
                <c:pt idx="1695">
                  <c:v>0.02</c:v>
                </c:pt>
                <c:pt idx="1696">
                  <c:v>0.02</c:v>
                </c:pt>
                <c:pt idx="1697">
                  <c:v>0.02</c:v>
                </c:pt>
                <c:pt idx="1698">
                  <c:v>0.02</c:v>
                </c:pt>
                <c:pt idx="1699">
                  <c:v>0.02</c:v>
                </c:pt>
                <c:pt idx="1700">
                  <c:v>0.02</c:v>
                </c:pt>
                <c:pt idx="1701">
                  <c:v>0.02</c:v>
                </c:pt>
                <c:pt idx="1702">
                  <c:v>0.02</c:v>
                </c:pt>
                <c:pt idx="1703">
                  <c:v>0.02</c:v>
                </c:pt>
                <c:pt idx="1704">
                  <c:v>0.02</c:v>
                </c:pt>
                <c:pt idx="1705">
                  <c:v>0.02</c:v>
                </c:pt>
                <c:pt idx="1706">
                  <c:v>0.02</c:v>
                </c:pt>
                <c:pt idx="1707">
                  <c:v>0.02</c:v>
                </c:pt>
                <c:pt idx="1708">
                  <c:v>0.02</c:v>
                </c:pt>
                <c:pt idx="1709">
                  <c:v>0.02</c:v>
                </c:pt>
                <c:pt idx="1710">
                  <c:v>0.02</c:v>
                </c:pt>
                <c:pt idx="1711">
                  <c:v>0.02</c:v>
                </c:pt>
                <c:pt idx="1712">
                  <c:v>0.02</c:v>
                </c:pt>
                <c:pt idx="1713">
                  <c:v>0.02</c:v>
                </c:pt>
                <c:pt idx="1714">
                  <c:v>0.02</c:v>
                </c:pt>
                <c:pt idx="1715">
                  <c:v>0.02</c:v>
                </c:pt>
                <c:pt idx="1716">
                  <c:v>0.02</c:v>
                </c:pt>
                <c:pt idx="1717">
                  <c:v>0.02</c:v>
                </c:pt>
                <c:pt idx="1718">
                  <c:v>0.02</c:v>
                </c:pt>
                <c:pt idx="1719">
                  <c:v>0.02</c:v>
                </c:pt>
                <c:pt idx="1720">
                  <c:v>0.02</c:v>
                </c:pt>
                <c:pt idx="1721">
                  <c:v>0.02</c:v>
                </c:pt>
                <c:pt idx="1722">
                  <c:v>0.02</c:v>
                </c:pt>
                <c:pt idx="1723">
                  <c:v>0.02</c:v>
                </c:pt>
                <c:pt idx="1724">
                  <c:v>0.02</c:v>
                </c:pt>
                <c:pt idx="1725">
                  <c:v>0.02</c:v>
                </c:pt>
                <c:pt idx="1726">
                  <c:v>0.02</c:v>
                </c:pt>
                <c:pt idx="1727">
                  <c:v>0.02</c:v>
                </c:pt>
                <c:pt idx="1728">
                  <c:v>0.02</c:v>
                </c:pt>
                <c:pt idx="1729">
                  <c:v>0.02</c:v>
                </c:pt>
                <c:pt idx="1730">
                  <c:v>0.02</c:v>
                </c:pt>
                <c:pt idx="1731">
                  <c:v>0.02</c:v>
                </c:pt>
                <c:pt idx="1732">
                  <c:v>0.02</c:v>
                </c:pt>
                <c:pt idx="1733">
                  <c:v>0.02</c:v>
                </c:pt>
                <c:pt idx="1734">
                  <c:v>0.02</c:v>
                </c:pt>
                <c:pt idx="1735">
                  <c:v>0.02</c:v>
                </c:pt>
                <c:pt idx="1736">
                  <c:v>0.02</c:v>
                </c:pt>
                <c:pt idx="1737">
                  <c:v>0.02</c:v>
                </c:pt>
                <c:pt idx="1738">
                  <c:v>0.02</c:v>
                </c:pt>
                <c:pt idx="1739">
                  <c:v>0.02</c:v>
                </c:pt>
                <c:pt idx="1740">
                  <c:v>0.02</c:v>
                </c:pt>
                <c:pt idx="1741">
                  <c:v>0.02</c:v>
                </c:pt>
                <c:pt idx="1742">
                  <c:v>0.02</c:v>
                </c:pt>
                <c:pt idx="1743">
                  <c:v>0.02</c:v>
                </c:pt>
                <c:pt idx="1744">
                  <c:v>0.02</c:v>
                </c:pt>
                <c:pt idx="1745">
                  <c:v>0.02</c:v>
                </c:pt>
                <c:pt idx="1746">
                  <c:v>0.02</c:v>
                </c:pt>
                <c:pt idx="1747">
                  <c:v>0.02</c:v>
                </c:pt>
                <c:pt idx="1748">
                  <c:v>0.02</c:v>
                </c:pt>
                <c:pt idx="1749">
                  <c:v>0.02</c:v>
                </c:pt>
                <c:pt idx="1750">
                  <c:v>0.02</c:v>
                </c:pt>
                <c:pt idx="1751">
                  <c:v>0.02</c:v>
                </c:pt>
                <c:pt idx="1752">
                  <c:v>0.02</c:v>
                </c:pt>
                <c:pt idx="1753">
                  <c:v>0.02</c:v>
                </c:pt>
                <c:pt idx="1754">
                  <c:v>0.02</c:v>
                </c:pt>
                <c:pt idx="1755">
                  <c:v>0.02</c:v>
                </c:pt>
                <c:pt idx="1756">
                  <c:v>0.02</c:v>
                </c:pt>
                <c:pt idx="1757">
                  <c:v>0.02</c:v>
                </c:pt>
                <c:pt idx="1758">
                  <c:v>0.02</c:v>
                </c:pt>
                <c:pt idx="1759">
                  <c:v>0.02</c:v>
                </c:pt>
                <c:pt idx="1760">
                  <c:v>0.02</c:v>
                </c:pt>
                <c:pt idx="1761">
                  <c:v>0.02</c:v>
                </c:pt>
                <c:pt idx="1762">
                  <c:v>0.02</c:v>
                </c:pt>
                <c:pt idx="1763">
                  <c:v>0.02</c:v>
                </c:pt>
                <c:pt idx="1764">
                  <c:v>0.02</c:v>
                </c:pt>
                <c:pt idx="1765">
                  <c:v>0.02</c:v>
                </c:pt>
                <c:pt idx="1766">
                  <c:v>0.02</c:v>
                </c:pt>
                <c:pt idx="1767">
                  <c:v>0.02</c:v>
                </c:pt>
                <c:pt idx="1768">
                  <c:v>0.02</c:v>
                </c:pt>
                <c:pt idx="1769">
                  <c:v>0.02</c:v>
                </c:pt>
                <c:pt idx="1770">
                  <c:v>0.02</c:v>
                </c:pt>
                <c:pt idx="1771">
                  <c:v>0.02</c:v>
                </c:pt>
                <c:pt idx="1772">
                  <c:v>0.02</c:v>
                </c:pt>
                <c:pt idx="1773">
                  <c:v>0.02</c:v>
                </c:pt>
                <c:pt idx="1774">
                  <c:v>0.02</c:v>
                </c:pt>
                <c:pt idx="1775">
                  <c:v>0.02</c:v>
                </c:pt>
                <c:pt idx="1776">
                  <c:v>0.02</c:v>
                </c:pt>
                <c:pt idx="1777">
                  <c:v>0.02</c:v>
                </c:pt>
                <c:pt idx="1778">
                  <c:v>0.02</c:v>
                </c:pt>
                <c:pt idx="1779">
                  <c:v>0.02</c:v>
                </c:pt>
                <c:pt idx="1780">
                  <c:v>0.02</c:v>
                </c:pt>
                <c:pt idx="1781">
                  <c:v>0.02</c:v>
                </c:pt>
                <c:pt idx="1782">
                  <c:v>0.02</c:v>
                </c:pt>
                <c:pt idx="1783">
                  <c:v>0.02</c:v>
                </c:pt>
                <c:pt idx="1784">
                  <c:v>0.02</c:v>
                </c:pt>
                <c:pt idx="1785">
                  <c:v>0.02</c:v>
                </c:pt>
                <c:pt idx="1786">
                  <c:v>0.02</c:v>
                </c:pt>
                <c:pt idx="1787">
                  <c:v>0.02</c:v>
                </c:pt>
                <c:pt idx="1788">
                  <c:v>0.02</c:v>
                </c:pt>
                <c:pt idx="1789">
                  <c:v>0.02</c:v>
                </c:pt>
                <c:pt idx="1790">
                  <c:v>0.02</c:v>
                </c:pt>
                <c:pt idx="1791">
                  <c:v>0.02</c:v>
                </c:pt>
                <c:pt idx="1792">
                  <c:v>0.02</c:v>
                </c:pt>
                <c:pt idx="1793">
                  <c:v>0.02</c:v>
                </c:pt>
                <c:pt idx="1794">
                  <c:v>0.02</c:v>
                </c:pt>
                <c:pt idx="1795">
                  <c:v>0.02</c:v>
                </c:pt>
                <c:pt idx="1796">
                  <c:v>0.02</c:v>
                </c:pt>
                <c:pt idx="1797">
                  <c:v>0.02</c:v>
                </c:pt>
                <c:pt idx="1798">
                  <c:v>0.02</c:v>
                </c:pt>
                <c:pt idx="1799">
                  <c:v>0.02</c:v>
                </c:pt>
                <c:pt idx="1800">
                  <c:v>0.02</c:v>
                </c:pt>
                <c:pt idx="1801">
                  <c:v>0.02</c:v>
                </c:pt>
                <c:pt idx="1802">
                  <c:v>0.02</c:v>
                </c:pt>
                <c:pt idx="1803">
                  <c:v>0.02</c:v>
                </c:pt>
                <c:pt idx="1804">
                  <c:v>0.02</c:v>
                </c:pt>
                <c:pt idx="1805">
                  <c:v>0.02</c:v>
                </c:pt>
                <c:pt idx="1806">
                  <c:v>0.02</c:v>
                </c:pt>
                <c:pt idx="1807">
                  <c:v>0.02</c:v>
                </c:pt>
                <c:pt idx="1808">
                  <c:v>0.02</c:v>
                </c:pt>
                <c:pt idx="1809">
                  <c:v>0.02</c:v>
                </c:pt>
                <c:pt idx="1810">
                  <c:v>0.02</c:v>
                </c:pt>
                <c:pt idx="1811">
                  <c:v>0.02</c:v>
                </c:pt>
                <c:pt idx="1812">
                  <c:v>0.02</c:v>
                </c:pt>
                <c:pt idx="1813">
                  <c:v>0.02</c:v>
                </c:pt>
                <c:pt idx="1814">
                  <c:v>0.02</c:v>
                </c:pt>
                <c:pt idx="1815">
                  <c:v>0.02</c:v>
                </c:pt>
                <c:pt idx="1816">
                  <c:v>0.02</c:v>
                </c:pt>
                <c:pt idx="1817">
                  <c:v>0.02</c:v>
                </c:pt>
                <c:pt idx="1818">
                  <c:v>0.02</c:v>
                </c:pt>
                <c:pt idx="1819">
                  <c:v>0.02</c:v>
                </c:pt>
                <c:pt idx="1820">
                  <c:v>0.02</c:v>
                </c:pt>
                <c:pt idx="1821">
                  <c:v>0.02</c:v>
                </c:pt>
                <c:pt idx="1822">
                  <c:v>0.02</c:v>
                </c:pt>
                <c:pt idx="1823">
                  <c:v>0.02</c:v>
                </c:pt>
                <c:pt idx="1824">
                  <c:v>0.02</c:v>
                </c:pt>
                <c:pt idx="1825">
                  <c:v>0.02</c:v>
                </c:pt>
                <c:pt idx="1826">
                  <c:v>0.02</c:v>
                </c:pt>
                <c:pt idx="1827">
                  <c:v>0.02</c:v>
                </c:pt>
                <c:pt idx="1828">
                  <c:v>0.02</c:v>
                </c:pt>
                <c:pt idx="1829">
                  <c:v>0.02</c:v>
                </c:pt>
                <c:pt idx="1830">
                  <c:v>0.02</c:v>
                </c:pt>
                <c:pt idx="1831">
                  <c:v>0.02</c:v>
                </c:pt>
                <c:pt idx="1832">
                  <c:v>0.02</c:v>
                </c:pt>
                <c:pt idx="1833">
                  <c:v>0.02</c:v>
                </c:pt>
                <c:pt idx="1834">
                  <c:v>0.02</c:v>
                </c:pt>
                <c:pt idx="1835">
                  <c:v>0.02</c:v>
                </c:pt>
                <c:pt idx="1836">
                  <c:v>0.02</c:v>
                </c:pt>
                <c:pt idx="1837">
                  <c:v>0.02</c:v>
                </c:pt>
                <c:pt idx="1838">
                  <c:v>0.02</c:v>
                </c:pt>
                <c:pt idx="1839">
                  <c:v>0.02</c:v>
                </c:pt>
                <c:pt idx="1840">
                  <c:v>0.02</c:v>
                </c:pt>
                <c:pt idx="1841">
                  <c:v>0.02</c:v>
                </c:pt>
                <c:pt idx="1842">
                  <c:v>0.02</c:v>
                </c:pt>
                <c:pt idx="1843">
                  <c:v>0.02</c:v>
                </c:pt>
                <c:pt idx="1844">
                  <c:v>0.02</c:v>
                </c:pt>
                <c:pt idx="1845">
                  <c:v>0.02</c:v>
                </c:pt>
                <c:pt idx="1846">
                  <c:v>0.02</c:v>
                </c:pt>
                <c:pt idx="1847">
                  <c:v>0.02</c:v>
                </c:pt>
                <c:pt idx="1848">
                  <c:v>0.02</c:v>
                </c:pt>
                <c:pt idx="1849">
                  <c:v>0.02</c:v>
                </c:pt>
                <c:pt idx="1850">
                  <c:v>0.02</c:v>
                </c:pt>
                <c:pt idx="1851">
                  <c:v>0.02</c:v>
                </c:pt>
                <c:pt idx="1852">
                  <c:v>0.02</c:v>
                </c:pt>
                <c:pt idx="1853">
                  <c:v>0.02</c:v>
                </c:pt>
                <c:pt idx="1854">
                  <c:v>0.02</c:v>
                </c:pt>
                <c:pt idx="1855">
                  <c:v>0.02</c:v>
                </c:pt>
                <c:pt idx="1856">
                  <c:v>0.02</c:v>
                </c:pt>
                <c:pt idx="1857">
                  <c:v>0.02</c:v>
                </c:pt>
                <c:pt idx="1858">
                  <c:v>0.02</c:v>
                </c:pt>
                <c:pt idx="1859">
                  <c:v>0.02</c:v>
                </c:pt>
                <c:pt idx="1860">
                  <c:v>0.02</c:v>
                </c:pt>
                <c:pt idx="1861">
                  <c:v>0.02</c:v>
                </c:pt>
                <c:pt idx="1862">
                  <c:v>0.02</c:v>
                </c:pt>
                <c:pt idx="1863">
                  <c:v>0.02</c:v>
                </c:pt>
                <c:pt idx="1864">
                  <c:v>0.02</c:v>
                </c:pt>
                <c:pt idx="1865">
                  <c:v>0.02</c:v>
                </c:pt>
                <c:pt idx="1866">
                  <c:v>0.02</c:v>
                </c:pt>
                <c:pt idx="1867">
                  <c:v>0.02</c:v>
                </c:pt>
                <c:pt idx="1868">
                  <c:v>0.02</c:v>
                </c:pt>
                <c:pt idx="1869">
                  <c:v>0.02</c:v>
                </c:pt>
                <c:pt idx="1870">
                  <c:v>0.02</c:v>
                </c:pt>
                <c:pt idx="1871">
                  <c:v>0.02</c:v>
                </c:pt>
                <c:pt idx="1872">
                  <c:v>0.02</c:v>
                </c:pt>
                <c:pt idx="1873">
                  <c:v>0.02</c:v>
                </c:pt>
                <c:pt idx="1874">
                  <c:v>0.02</c:v>
                </c:pt>
                <c:pt idx="1875">
                  <c:v>0.02</c:v>
                </c:pt>
                <c:pt idx="1876">
                  <c:v>0.02</c:v>
                </c:pt>
                <c:pt idx="1877">
                  <c:v>0.02</c:v>
                </c:pt>
                <c:pt idx="1878">
                  <c:v>0.02</c:v>
                </c:pt>
                <c:pt idx="1879">
                  <c:v>0.02</c:v>
                </c:pt>
                <c:pt idx="1880">
                  <c:v>0.02</c:v>
                </c:pt>
                <c:pt idx="1881">
                  <c:v>0.02</c:v>
                </c:pt>
                <c:pt idx="1882">
                  <c:v>0.02</c:v>
                </c:pt>
                <c:pt idx="1883">
                  <c:v>0.02</c:v>
                </c:pt>
                <c:pt idx="1884">
                  <c:v>0.02</c:v>
                </c:pt>
                <c:pt idx="1885">
                  <c:v>0.02</c:v>
                </c:pt>
                <c:pt idx="1886">
                  <c:v>0.02</c:v>
                </c:pt>
                <c:pt idx="1887">
                  <c:v>0.02</c:v>
                </c:pt>
                <c:pt idx="1888">
                  <c:v>0.02</c:v>
                </c:pt>
                <c:pt idx="1889">
                  <c:v>0.02</c:v>
                </c:pt>
                <c:pt idx="1890">
                  <c:v>0.02</c:v>
                </c:pt>
                <c:pt idx="1891">
                  <c:v>0.02</c:v>
                </c:pt>
                <c:pt idx="1892">
                  <c:v>0.02</c:v>
                </c:pt>
                <c:pt idx="1893">
                  <c:v>0.02</c:v>
                </c:pt>
                <c:pt idx="1894">
                  <c:v>0.02</c:v>
                </c:pt>
                <c:pt idx="1895">
                  <c:v>0.02</c:v>
                </c:pt>
                <c:pt idx="1896">
                  <c:v>0.02</c:v>
                </c:pt>
                <c:pt idx="1897">
                  <c:v>0.02</c:v>
                </c:pt>
                <c:pt idx="1898">
                  <c:v>0.02</c:v>
                </c:pt>
                <c:pt idx="1899">
                  <c:v>0.02</c:v>
                </c:pt>
                <c:pt idx="1900">
                  <c:v>0.02</c:v>
                </c:pt>
                <c:pt idx="1901">
                  <c:v>0.02</c:v>
                </c:pt>
                <c:pt idx="1902">
                  <c:v>0.02</c:v>
                </c:pt>
                <c:pt idx="1903">
                  <c:v>0.02</c:v>
                </c:pt>
                <c:pt idx="1904">
                  <c:v>0.02</c:v>
                </c:pt>
                <c:pt idx="1905">
                  <c:v>0.02</c:v>
                </c:pt>
                <c:pt idx="1906">
                  <c:v>0.02</c:v>
                </c:pt>
                <c:pt idx="1907">
                  <c:v>0.02</c:v>
                </c:pt>
                <c:pt idx="1908">
                  <c:v>0.02</c:v>
                </c:pt>
                <c:pt idx="1909">
                  <c:v>0.02</c:v>
                </c:pt>
                <c:pt idx="1910">
                  <c:v>0.02</c:v>
                </c:pt>
                <c:pt idx="1911">
                  <c:v>0.02</c:v>
                </c:pt>
                <c:pt idx="1912">
                  <c:v>0.02</c:v>
                </c:pt>
                <c:pt idx="1913">
                  <c:v>0.02</c:v>
                </c:pt>
                <c:pt idx="1914">
                  <c:v>0.02</c:v>
                </c:pt>
                <c:pt idx="1915">
                  <c:v>0.02</c:v>
                </c:pt>
                <c:pt idx="1916">
                  <c:v>0.02</c:v>
                </c:pt>
                <c:pt idx="1917">
                  <c:v>0.02</c:v>
                </c:pt>
                <c:pt idx="1918">
                  <c:v>0.02</c:v>
                </c:pt>
                <c:pt idx="1919">
                  <c:v>0.02</c:v>
                </c:pt>
                <c:pt idx="1920">
                  <c:v>0.02</c:v>
                </c:pt>
                <c:pt idx="1921">
                  <c:v>0.02</c:v>
                </c:pt>
                <c:pt idx="1922">
                  <c:v>0.02</c:v>
                </c:pt>
                <c:pt idx="1923">
                  <c:v>0.02</c:v>
                </c:pt>
                <c:pt idx="1924">
                  <c:v>0.02</c:v>
                </c:pt>
                <c:pt idx="1925">
                  <c:v>0.02</c:v>
                </c:pt>
                <c:pt idx="1926">
                  <c:v>0.02</c:v>
                </c:pt>
                <c:pt idx="1927">
                  <c:v>0.02</c:v>
                </c:pt>
                <c:pt idx="1928">
                  <c:v>0.02</c:v>
                </c:pt>
                <c:pt idx="1929">
                  <c:v>0.02</c:v>
                </c:pt>
                <c:pt idx="1930">
                  <c:v>0.02</c:v>
                </c:pt>
                <c:pt idx="1931">
                  <c:v>0.02</c:v>
                </c:pt>
                <c:pt idx="1932">
                  <c:v>0.02</c:v>
                </c:pt>
                <c:pt idx="1933">
                  <c:v>0.02</c:v>
                </c:pt>
                <c:pt idx="1934">
                  <c:v>0.02</c:v>
                </c:pt>
                <c:pt idx="1935">
                  <c:v>0.02</c:v>
                </c:pt>
                <c:pt idx="1936">
                  <c:v>0.02</c:v>
                </c:pt>
                <c:pt idx="1937">
                  <c:v>0.02</c:v>
                </c:pt>
                <c:pt idx="1938">
                  <c:v>0.02</c:v>
                </c:pt>
                <c:pt idx="1939">
                  <c:v>0.02</c:v>
                </c:pt>
                <c:pt idx="1940">
                  <c:v>0.02</c:v>
                </c:pt>
                <c:pt idx="1941">
                  <c:v>0.02</c:v>
                </c:pt>
                <c:pt idx="1942">
                  <c:v>0.02</c:v>
                </c:pt>
                <c:pt idx="1943">
                  <c:v>0.02</c:v>
                </c:pt>
                <c:pt idx="1944">
                  <c:v>0.02</c:v>
                </c:pt>
                <c:pt idx="1945">
                  <c:v>0.02</c:v>
                </c:pt>
                <c:pt idx="1946">
                  <c:v>0.02</c:v>
                </c:pt>
                <c:pt idx="1947">
                  <c:v>0.02</c:v>
                </c:pt>
                <c:pt idx="1948">
                  <c:v>0.02</c:v>
                </c:pt>
                <c:pt idx="1949">
                  <c:v>0.02</c:v>
                </c:pt>
                <c:pt idx="1950">
                  <c:v>0.02</c:v>
                </c:pt>
                <c:pt idx="1951">
                  <c:v>0.02</c:v>
                </c:pt>
                <c:pt idx="1952">
                  <c:v>0.02</c:v>
                </c:pt>
                <c:pt idx="1953">
                  <c:v>0.02</c:v>
                </c:pt>
                <c:pt idx="1954">
                  <c:v>0.02</c:v>
                </c:pt>
                <c:pt idx="1955">
                  <c:v>0.02</c:v>
                </c:pt>
                <c:pt idx="1956">
                  <c:v>0.02</c:v>
                </c:pt>
                <c:pt idx="1957">
                  <c:v>0.02</c:v>
                </c:pt>
                <c:pt idx="1958">
                  <c:v>0.02</c:v>
                </c:pt>
                <c:pt idx="1959">
                  <c:v>0.02</c:v>
                </c:pt>
                <c:pt idx="1960">
                  <c:v>0.02</c:v>
                </c:pt>
                <c:pt idx="1961">
                  <c:v>0.02</c:v>
                </c:pt>
                <c:pt idx="1962">
                  <c:v>0.02</c:v>
                </c:pt>
                <c:pt idx="1963">
                  <c:v>0.02</c:v>
                </c:pt>
                <c:pt idx="1964">
                  <c:v>0.02</c:v>
                </c:pt>
                <c:pt idx="1965">
                  <c:v>0.02</c:v>
                </c:pt>
                <c:pt idx="1966">
                  <c:v>0.02</c:v>
                </c:pt>
                <c:pt idx="1967">
                  <c:v>0.02</c:v>
                </c:pt>
                <c:pt idx="1968">
                  <c:v>0.02</c:v>
                </c:pt>
                <c:pt idx="1969">
                  <c:v>0.02</c:v>
                </c:pt>
                <c:pt idx="1970">
                  <c:v>0.02</c:v>
                </c:pt>
                <c:pt idx="1971">
                  <c:v>0.02</c:v>
                </c:pt>
                <c:pt idx="1972">
                  <c:v>0.02</c:v>
                </c:pt>
                <c:pt idx="1973">
                  <c:v>0.02</c:v>
                </c:pt>
                <c:pt idx="1974">
                  <c:v>0.02</c:v>
                </c:pt>
                <c:pt idx="1975">
                  <c:v>0.02</c:v>
                </c:pt>
                <c:pt idx="1976">
                  <c:v>0.02</c:v>
                </c:pt>
                <c:pt idx="1977">
                  <c:v>0.02</c:v>
                </c:pt>
                <c:pt idx="1978">
                  <c:v>0.02</c:v>
                </c:pt>
                <c:pt idx="1979">
                  <c:v>0.02</c:v>
                </c:pt>
                <c:pt idx="1980">
                  <c:v>0.02</c:v>
                </c:pt>
                <c:pt idx="1981">
                  <c:v>0.02</c:v>
                </c:pt>
                <c:pt idx="1982">
                  <c:v>0.02</c:v>
                </c:pt>
                <c:pt idx="1983">
                  <c:v>0.02</c:v>
                </c:pt>
                <c:pt idx="1984">
                  <c:v>0.02</c:v>
                </c:pt>
                <c:pt idx="1985">
                  <c:v>0.02</c:v>
                </c:pt>
                <c:pt idx="1986">
                  <c:v>0.02</c:v>
                </c:pt>
                <c:pt idx="1987">
                  <c:v>0.02</c:v>
                </c:pt>
                <c:pt idx="1988">
                  <c:v>0.02</c:v>
                </c:pt>
                <c:pt idx="1989">
                  <c:v>0.02</c:v>
                </c:pt>
                <c:pt idx="1990">
                  <c:v>0.02</c:v>
                </c:pt>
                <c:pt idx="1991">
                  <c:v>0.02</c:v>
                </c:pt>
                <c:pt idx="1992">
                  <c:v>0.02</c:v>
                </c:pt>
                <c:pt idx="1993">
                  <c:v>0.02</c:v>
                </c:pt>
                <c:pt idx="1994">
                  <c:v>0.02</c:v>
                </c:pt>
                <c:pt idx="1995">
                  <c:v>0.02</c:v>
                </c:pt>
                <c:pt idx="1996">
                  <c:v>0.02</c:v>
                </c:pt>
                <c:pt idx="1997">
                  <c:v>0.02</c:v>
                </c:pt>
                <c:pt idx="1998">
                  <c:v>0.02</c:v>
                </c:pt>
                <c:pt idx="1999">
                  <c:v>0.02</c:v>
                </c:pt>
                <c:pt idx="2000">
                  <c:v>0.02</c:v>
                </c:pt>
                <c:pt idx="2001">
                  <c:v>0.02</c:v>
                </c:pt>
                <c:pt idx="2002">
                  <c:v>0.02</c:v>
                </c:pt>
                <c:pt idx="2003">
                  <c:v>0.02</c:v>
                </c:pt>
                <c:pt idx="2004">
                  <c:v>0.02</c:v>
                </c:pt>
                <c:pt idx="2005">
                  <c:v>0.02</c:v>
                </c:pt>
                <c:pt idx="2006">
                  <c:v>0.02</c:v>
                </c:pt>
                <c:pt idx="2007">
                  <c:v>0.02</c:v>
                </c:pt>
                <c:pt idx="2008">
                  <c:v>0.02</c:v>
                </c:pt>
                <c:pt idx="2009">
                  <c:v>0.02</c:v>
                </c:pt>
                <c:pt idx="2010">
                  <c:v>0.02</c:v>
                </c:pt>
                <c:pt idx="2011">
                  <c:v>0.02</c:v>
                </c:pt>
                <c:pt idx="2012">
                  <c:v>0.02</c:v>
                </c:pt>
                <c:pt idx="2013">
                  <c:v>0.02</c:v>
                </c:pt>
                <c:pt idx="2014">
                  <c:v>0.02</c:v>
                </c:pt>
                <c:pt idx="2015">
                  <c:v>0.02</c:v>
                </c:pt>
                <c:pt idx="2016">
                  <c:v>0.02</c:v>
                </c:pt>
                <c:pt idx="2017">
                  <c:v>0.02</c:v>
                </c:pt>
                <c:pt idx="2018">
                  <c:v>0.02</c:v>
                </c:pt>
                <c:pt idx="2019">
                  <c:v>0.02</c:v>
                </c:pt>
                <c:pt idx="2020">
                  <c:v>0.02</c:v>
                </c:pt>
                <c:pt idx="2021">
                  <c:v>0.02</c:v>
                </c:pt>
                <c:pt idx="2022">
                  <c:v>0.02</c:v>
                </c:pt>
                <c:pt idx="2023">
                  <c:v>0.02</c:v>
                </c:pt>
                <c:pt idx="2024">
                  <c:v>0.02</c:v>
                </c:pt>
                <c:pt idx="2025">
                  <c:v>0.02</c:v>
                </c:pt>
                <c:pt idx="2026">
                  <c:v>0.02</c:v>
                </c:pt>
                <c:pt idx="2027">
                  <c:v>0.02</c:v>
                </c:pt>
                <c:pt idx="2028">
                  <c:v>0.02</c:v>
                </c:pt>
                <c:pt idx="2029">
                  <c:v>0.02</c:v>
                </c:pt>
                <c:pt idx="2030">
                  <c:v>0.02</c:v>
                </c:pt>
                <c:pt idx="2031">
                  <c:v>0.02</c:v>
                </c:pt>
                <c:pt idx="2032">
                  <c:v>0.02</c:v>
                </c:pt>
                <c:pt idx="2033">
                  <c:v>0.02</c:v>
                </c:pt>
                <c:pt idx="2034">
                  <c:v>0.02</c:v>
                </c:pt>
                <c:pt idx="2035">
                  <c:v>0.02</c:v>
                </c:pt>
                <c:pt idx="2036">
                  <c:v>0.02</c:v>
                </c:pt>
                <c:pt idx="2037">
                  <c:v>0.02</c:v>
                </c:pt>
                <c:pt idx="2038">
                  <c:v>0.02</c:v>
                </c:pt>
                <c:pt idx="2039">
                  <c:v>0.02</c:v>
                </c:pt>
                <c:pt idx="2040">
                  <c:v>0.02</c:v>
                </c:pt>
                <c:pt idx="2041">
                  <c:v>0.02</c:v>
                </c:pt>
                <c:pt idx="2042">
                  <c:v>0.02</c:v>
                </c:pt>
                <c:pt idx="2043">
                  <c:v>0.02</c:v>
                </c:pt>
                <c:pt idx="2044">
                  <c:v>0.02</c:v>
                </c:pt>
                <c:pt idx="2045">
                  <c:v>0.02</c:v>
                </c:pt>
                <c:pt idx="2046">
                  <c:v>0.02</c:v>
                </c:pt>
                <c:pt idx="2047">
                  <c:v>0.02</c:v>
                </c:pt>
                <c:pt idx="2048">
                  <c:v>0.02</c:v>
                </c:pt>
                <c:pt idx="2049">
                  <c:v>0.02</c:v>
                </c:pt>
                <c:pt idx="2050">
                  <c:v>0.02</c:v>
                </c:pt>
                <c:pt idx="2051">
                  <c:v>0.02</c:v>
                </c:pt>
                <c:pt idx="2052">
                  <c:v>0.02</c:v>
                </c:pt>
                <c:pt idx="2053">
                  <c:v>0.02</c:v>
                </c:pt>
                <c:pt idx="2054">
                  <c:v>0.02</c:v>
                </c:pt>
                <c:pt idx="2055">
                  <c:v>0.02</c:v>
                </c:pt>
                <c:pt idx="2056">
                  <c:v>0.02</c:v>
                </c:pt>
                <c:pt idx="2057">
                  <c:v>0.02</c:v>
                </c:pt>
                <c:pt idx="2058">
                  <c:v>0.02</c:v>
                </c:pt>
                <c:pt idx="2059">
                  <c:v>0.02</c:v>
                </c:pt>
                <c:pt idx="2060">
                  <c:v>0.02</c:v>
                </c:pt>
                <c:pt idx="2061">
                  <c:v>0.02</c:v>
                </c:pt>
                <c:pt idx="2062">
                  <c:v>0.02</c:v>
                </c:pt>
                <c:pt idx="2063">
                  <c:v>0.02</c:v>
                </c:pt>
                <c:pt idx="2064">
                  <c:v>0.02</c:v>
                </c:pt>
                <c:pt idx="2065">
                  <c:v>0.02</c:v>
                </c:pt>
                <c:pt idx="2066">
                  <c:v>0.02</c:v>
                </c:pt>
                <c:pt idx="2067">
                  <c:v>0.02</c:v>
                </c:pt>
                <c:pt idx="2068">
                  <c:v>0.02</c:v>
                </c:pt>
                <c:pt idx="2069">
                  <c:v>0.02</c:v>
                </c:pt>
                <c:pt idx="2070">
                  <c:v>0.02</c:v>
                </c:pt>
                <c:pt idx="2071">
                  <c:v>0.02</c:v>
                </c:pt>
                <c:pt idx="2072">
                  <c:v>0.02</c:v>
                </c:pt>
                <c:pt idx="2073">
                  <c:v>0.02</c:v>
                </c:pt>
                <c:pt idx="2074">
                  <c:v>0.02</c:v>
                </c:pt>
                <c:pt idx="2075">
                  <c:v>0.02</c:v>
                </c:pt>
                <c:pt idx="2076">
                  <c:v>0.02</c:v>
                </c:pt>
                <c:pt idx="2077">
                  <c:v>0.02</c:v>
                </c:pt>
                <c:pt idx="2078">
                  <c:v>0.02</c:v>
                </c:pt>
                <c:pt idx="2079">
                  <c:v>0.02</c:v>
                </c:pt>
                <c:pt idx="2080">
                  <c:v>0.02</c:v>
                </c:pt>
                <c:pt idx="2081">
                  <c:v>0.02</c:v>
                </c:pt>
                <c:pt idx="2082">
                  <c:v>0.02</c:v>
                </c:pt>
                <c:pt idx="2083">
                  <c:v>0.02</c:v>
                </c:pt>
                <c:pt idx="2084">
                  <c:v>0.02</c:v>
                </c:pt>
                <c:pt idx="2085">
                  <c:v>0.02</c:v>
                </c:pt>
                <c:pt idx="2086">
                  <c:v>0.02</c:v>
                </c:pt>
                <c:pt idx="2087">
                  <c:v>0.02</c:v>
                </c:pt>
                <c:pt idx="2088">
                  <c:v>0.02</c:v>
                </c:pt>
                <c:pt idx="2089">
                  <c:v>0.02</c:v>
                </c:pt>
                <c:pt idx="2090">
                  <c:v>0.02</c:v>
                </c:pt>
                <c:pt idx="2091">
                  <c:v>0.02</c:v>
                </c:pt>
                <c:pt idx="2092">
                  <c:v>0.02</c:v>
                </c:pt>
                <c:pt idx="2093">
                  <c:v>0.02</c:v>
                </c:pt>
                <c:pt idx="2094">
                  <c:v>0.02</c:v>
                </c:pt>
                <c:pt idx="2095">
                  <c:v>0.02</c:v>
                </c:pt>
                <c:pt idx="2096">
                  <c:v>0.02</c:v>
                </c:pt>
                <c:pt idx="2097">
                  <c:v>0.02</c:v>
                </c:pt>
                <c:pt idx="2098">
                  <c:v>0.02</c:v>
                </c:pt>
                <c:pt idx="2099">
                  <c:v>0.02</c:v>
                </c:pt>
                <c:pt idx="2100">
                  <c:v>0.02</c:v>
                </c:pt>
                <c:pt idx="2101">
                  <c:v>0.02</c:v>
                </c:pt>
                <c:pt idx="2102">
                  <c:v>0.02</c:v>
                </c:pt>
                <c:pt idx="2103">
                  <c:v>0.02</c:v>
                </c:pt>
                <c:pt idx="2104">
                  <c:v>0.02</c:v>
                </c:pt>
                <c:pt idx="2105">
                  <c:v>0.02</c:v>
                </c:pt>
                <c:pt idx="2106">
                  <c:v>0.02</c:v>
                </c:pt>
                <c:pt idx="2107">
                  <c:v>0.02</c:v>
                </c:pt>
                <c:pt idx="2108">
                  <c:v>0.02</c:v>
                </c:pt>
                <c:pt idx="2109">
                  <c:v>0.02</c:v>
                </c:pt>
                <c:pt idx="2110">
                  <c:v>0.02</c:v>
                </c:pt>
                <c:pt idx="2111">
                  <c:v>0.02</c:v>
                </c:pt>
                <c:pt idx="2112">
                  <c:v>0.02</c:v>
                </c:pt>
                <c:pt idx="2113">
                  <c:v>0.02</c:v>
                </c:pt>
                <c:pt idx="2114">
                  <c:v>0.02</c:v>
                </c:pt>
                <c:pt idx="2115">
                  <c:v>0.02</c:v>
                </c:pt>
                <c:pt idx="2116">
                  <c:v>0.02</c:v>
                </c:pt>
                <c:pt idx="2117">
                  <c:v>0.02</c:v>
                </c:pt>
                <c:pt idx="2118">
                  <c:v>0.02</c:v>
                </c:pt>
                <c:pt idx="2119">
                  <c:v>0.02</c:v>
                </c:pt>
                <c:pt idx="2120">
                  <c:v>0.02</c:v>
                </c:pt>
                <c:pt idx="2121">
                  <c:v>0.02</c:v>
                </c:pt>
                <c:pt idx="2122">
                  <c:v>0.02</c:v>
                </c:pt>
                <c:pt idx="2123">
                  <c:v>0.02</c:v>
                </c:pt>
                <c:pt idx="2124">
                  <c:v>0.02</c:v>
                </c:pt>
                <c:pt idx="2125">
                  <c:v>0.02</c:v>
                </c:pt>
                <c:pt idx="2126">
                  <c:v>0.02</c:v>
                </c:pt>
                <c:pt idx="2127">
                  <c:v>0.02</c:v>
                </c:pt>
                <c:pt idx="2128">
                  <c:v>0.02</c:v>
                </c:pt>
                <c:pt idx="2129">
                  <c:v>0.02</c:v>
                </c:pt>
                <c:pt idx="2130">
                  <c:v>0.02</c:v>
                </c:pt>
                <c:pt idx="2131">
                  <c:v>0.02</c:v>
                </c:pt>
                <c:pt idx="2132">
                  <c:v>0.02</c:v>
                </c:pt>
                <c:pt idx="2133">
                  <c:v>0.02</c:v>
                </c:pt>
                <c:pt idx="2134">
                  <c:v>0.02</c:v>
                </c:pt>
                <c:pt idx="2135">
                  <c:v>0.02</c:v>
                </c:pt>
                <c:pt idx="2136">
                  <c:v>0.02</c:v>
                </c:pt>
                <c:pt idx="2137">
                  <c:v>0.02</c:v>
                </c:pt>
                <c:pt idx="2138">
                  <c:v>0.02</c:v>
                </c:pt>
                <c:pt idx="2139">
                  <c:v>0.02</c:v>
                </c:pt>
                <c:pt idx="2140">
                  <c:v>0.02</c:v>
                </c:pt>
                <c:pt idx="2141">
                  <c:v>0.02</c:v>
                </c:pt>
                <c:pt idx="2142">
                  <c:v>0.02</c:v>
                </c:pt>
                <c:pt idx="2143">
                  <c:v>0.02</c:v>
                </c:pt>
                <c:pt idx="2144">
                  <c:v>0.02</c:v>
                </c:pt>
                <c:pt idx="2145">
                  <c:v>0.02</c:v>
                </c:pt>
                <c:pt idx="2146">
                  <c:v>0.02</c:v>
                </c:pt>
                <c:pt idx="2147">
                  <c:v>0.02</c:v>
                </c:pt>
                <c:pt idx="2148">
                  <c:v>0.02</c:v>
                </c:pt>
                <c:pt idx="2149">
                  <c:v>0.02</c:v>
                </c:pt>
                <c:pt idx="2150">
                  <c:v>0.02</c:v>
                </c:pt>
                <c:pt idx="2151">
                  <c:v>0.02</c:v>
                </c:pt>
                <c:pt idx="2152">
                  <c:v>0.02</c:v>
                </c:pt>
                <c:pt idx="2153">
                  <c:v>0.02</c:v>
                </c:pt>
                <c:pt idx="2154">
                  <c:v>0.02</c:v>
                </c:pt>
                <c:pt idx="2155">
                  <c:v>0.02</c:v>
                </c:pt>
                <c:pt idx="2156">
                  <c:v>0.02</c:v>
                </c:pt>
                <c:pt idx="2157">
                  <c:v>0.02</c:v>
                </c:pt>
                <c:pt idx="2158">
                  <c:v>0.02</c:v>
                </c:pt>
                <c:pt idx="2159">
                  <c:v>0.02</c:v>
                </c:pt>
                <c:pt idx="2160">
                  <c:v>0.02</c:v>
                </c:pt>
                <c:pt idx="2161">
                  <c:v>0.02</c:v>
                </c:pt>
                <c:pt idx="2162">
                  <c:v>0.02</c:v>
                </c:pt>
                <c:pt idx="2163">
                  <c:v>0.02</c:v>
                </c:pt>
                <c:pt idx="2164">
                  <c:v>0.02</c:v>
                </c:pt>
                <c:pt idx="2165">
                  <c:v>0.02</c:v>
                </c:pt>
                <c:pt idx="2166">
                  <c:v>2.2499999999999999E-2</c:v>
                </c:pt>
                <c:pt idx="2167">
                  <c:v>2.2499999999999999E-2</c:v>
                </c:pt>
                <c:pt idx="2168">
                  <c:v>2.2499999999999999E-2</c:v>
                </c:pt>
                <c:pt idx="2169">
                  <c:v>2.2499999999999999E-2</c:v>
                </c:pt>
                <c:pt idx="2170">
                  <c:v>2.2499999999999999E-2</c:v>
                </c:pt>
                <c:pt idx="2171">
                  <c:v>2.2499999999999999E-2</c:v>
                </c:pt>
                <c:pt idx="2172">
                  <c:v>2.2499999999999999E-2</c:v>
                </c:pt>
                <c:pt idx="2173">
                  <c:v>2.2499999999999999E-2</c:v>
                </c:pt>
                <c:pt idx="2174">
                  <c:v>2.2499999999999999E-2</c:v>
                </c:pt>
                <c:pt idx="2175">
                  <c:v>2.2499999999999999E-2</c:v>
                </c:pt>
                <c:pt idx="2176">
                  <c:v>2.2499999999999999E-2</c:v>
                </c:pt>
                <c:pt idx="2177">
                  <c:v>2.2499999999999999E-2</c:v>
                </c:pt>
                <c:pt idx="2178">
                  <c:v>2.2499999999999999E-2</c:v>
                </c:pt>
                <c:pt idx="2179">
                  <c:v>2.2499999999999999E-2</c:v>
                </c:pt>
                <c:pt idx="2180">
                  <c:v>2.2499999999999999E-2</c:v>
                </c:pt>
                <c:pt idx="2181">
                  <c:v>2.2499999999999999E-2</c:v>
                </c:pt>
                <c:pt idx="2182">
                  <c:v>2.2499999999999999E-2</c:v>
                </c:pt>
                <c:pt idx="2183">
                  <c:v>2.2499999999999999E-2</c:v>
                </c:pt>
                <c:pt idx="2184">
                  <c:v>2.2499999999999999E-2</c:v>
                </c:pt>
                <c:pt idx="2185">
                  <c:v>2.2499999999999999E-2</c:v>
                </c:pt>
                <c:pt idx="2186">
                  <c:v>2.2499999999999999E-2</c:v>
                </c:pt>
                <c:pt idx="2187">
                  <c:v>2.2499999999999999E-2</c:v>
                </c:pt>
                <c:pt idx="2188">
                  <c:v>2.2499999999999999E-2</c:v>
                </c:pt>
                <c:pt idx="2189">
                  <c:v>2.2499999999999999E-2</c:v>
                </c:pt>
                <c:pt idx="2190">
                  <c:v>2.2499999999999999E-2</c:v>
                </c:pt>
                <c:pt idx="2191">
                  <c:v>2.2499999999999999E-2</c:v>
                </c:pt>
                <c:pt idx="2192">
                  <c:v>2.2499999999999999E-2</c:v>
                </c:pt>
                <c:pt idx="2193">
                  <c:v>2.2499999999999999E-2</c:v>
                </c:pt>
                <c:pt idx="2194">
                  <c:v>2.2499999999999999E-2</c:v>
                </c:pt>
                <c:pt idx="2195">
                  <c:v>2.2499999999999999E-2</c:v>
                </c:pt>
                <c:pt idx="2196">
                  <c:v>2.2499999999999999E-2</c:v>
                </c:pt>
                <c:pt idx="2197">
                  <c:v>2.2499999999999999E-2</c:v>
                </c:pt>
                <c:pt idx="2198">
                  <c:v>2.2499999999999999E-2</c:v>
                </c:pt>
                <c:pt idx="2199">
                  <c:v>2.2499999999999999E-2</c:v>
                </c:pt>
                <c:pt idx="2200">
                  <c:v>2.2499999999999999E-2</c:v>
                </c:pt>
                <c:pt idx="2201">
                  <c:v>2.2499999999999999E-2</c:v>
                </c:pt>
                <c:pt idx="2202">
                  <c:v>2.2499999999999999E-2</c:v>
                </c:pt>
                <c:pt idx="2203">
                  <c:v>2.2499999999999999E-2</c:v>
                </c:pt>
                <c:pt idx="2204">
                  <c:v>2.2499999999999999E-2</c:v>
                </c:pt>
                <c:pt idx="2205">
                  <c:v>2.2499999999999999E-2</c:v>
                </c:pt>
                <c:pt idx="2206">
                  <c:v>2.2499999999999999E-2</c:v>
                </c:pt>
                <c:pt idx="2207">
                  <c:v>2.2499999999999999E-2</c:v>
                </c:pt>
                <c:pt idx="2208">
                  <c:v>2.2499999999999999E-2</c:v>
                </c:pt>
                <c:pt idx="2209">
                  <c:v>2.2499999999999999E-2</c:v>
                </c:pt>
                <c:pt idx="2210">
                  <c:v>2.2499999999999999E-2</c:v>
                </c:pt>
                <c:pt idx="2211">
                  <c:v>2.2499999999999999E-2</c:v>
                </c:pt>
                <c:pt idx="2212">
                  <c:v>2.2499999999999999E-2</c:v>
                </c:pt>
                <c:pt idx="2213">
                  <c:v>2.2499999999999999E-2</c:v>
                </c:pt>
                <c:pt idx="2214">
                  <c:v>2.2499999999999999E-2</c:v>
                </c:pt>
                <c:pt idx="2215">
                  <c:v>2.2499999999999999E-2</c:v>
                </c:pt>
                <c:pt idx="2216">
                  <c:v>2.2499999999999999E-2</c:v>
                </c:pt>
                <c:pt idx="2217">
                  <c:v>2.2499999999999999E-2</c:v>
                </c:pt>
                <c:pt idx="2218">
                  <c:v>2.2499999999999999E-2</c:v>
                </c:pt>
                <c:pt idx="2219">
                  <c:v>2.2499999999999999E-2</c:v>
                </c:pt>
                <c:pt idx="2220">
                  <c:v>2.2499999999999999E-2</c:v>
                </c:pt>
                <c:pt idx="2221">
                  <c:v>2.2499999999999999E-2</c:v>
                </c:pt>
                <c:pt idx="2222">
                  <c:v>2.2499999999999999E-2</c:v>
                </c:pt>
                <c:pt idx="2223">
                  <c:v>2.2499999999999999E-2</c:v>
                </c:pt>
                <c:pt idx="2224">
                  <c:v>2.2499999999999999E-2</c:v>
                </c:pt>
                <c:pt idx="2225">
                  <c:v>2.2499999999999999E-2</c:v>
                </c:pt>
                <c:pt idx="2226">
                  <c:v>2.2499999999999999E-2</c:v>
                </c:pt>
                <c:pt idx="2227">
                  <c:v>2.2499999999999999E-2</c:v>
                </c:pt>
                <c:pt idx="2228">
                  <c:v>2.2499999999999999E-2</c:v>
                </c:pt>
                <c:pt idx="2229">
                  <c:v>2.2499999999999999E-2</c:v>
                </c:pt>
                <c:pt idx="2230">
                  <c:v>2.2499999999999999E-2</c:v>
                </c:pt>
                <c:pt idx="2231">
                  <c:v>2.2499999999999999E-2</c:v>
                </c:pt>
                <c:pt idx="2232">
                  <c:v>2.2499999999999999E-2</c:v>
                </c:pt>
                <c:pt idx="2233">
                  <c:v>2.2499999999999999E-2</c:v>
                </c:pt>
                <c:pt idx="2234">
                  <c:v>2.2499999999999999E-2</c:v>
                </c:pt>
                <c:pt idx="2235">
                  <c:v>2.2499999999999999E-2</c:v>
                </c:pt>
                <c:pt idx="2236">
                  <c:v>2.2499999999999999E-2</c:v>
                </c:pt>
                <c:pt idx="2237">
                  <c:v>2.2499999999999999E-2</c:v>
                </c:pt>
                <c:pt idx="2238">
                  <c:v>2.2499999999999999E-2</c:v>
                </c:pt>
                <c:pt idx="2239">
                  <c:v>2.2499999999999999E-2</c:v>
                </c:pt>
                <c:pt idx="2240">
                  <c:v>2.2499999999999999E-2</c:v>
                </c:pt>
                <c:pt idx="2241">
                  <c:v>2.2499999999999999E-2</c:v>
                </c:pt>
                <c:pt idx="2242">
                  <c:v>2.2499999999999999E-2</c:v>
                </c:pt>
                <c:pt idx="2243">
                  <c:v>2.2499999999999999E-2</c:v>
                </c:pt>
                <c:pt idx="2244">
                  <c:v>2.2499999999999999E-2</c:v>
                </c:pt>
                <c:pt idx="2245">
                  <c:v>2.2499999999999999E-2</c:v>
                </c:pt>
                <c:pt idx="2246">
                  <c:v>2.2499999999999999E-2</c:v>
                </c:pt>
                <c:pt idx="2247">
                  <c:v>2.2499999999999999E-2</c:v>
                </c:pt>
                <c:pt idx="2248">
                  <c:v>2.2499999999999999E-2</c:v>
                </c:pt>
                <c:pt idx="2249">
                  <c:v>2.2499999999999999E-2</c:v>
                </c:pt>
                <c:pt idx="2250">
                  <c:v>2.2499999999999999E-2</c:v>
                </c:pt>
                <c:pt idx="2251">
                  <c:v>2.2499999999999999E-2</c:v>
                </c:pt>
                <c:pt idx="2252">
                  <c:v>2.2499999999999999E-2</c:v>
                </c:pt>
                <c:pt idx="2253">
                  <c:v>2.2499999999999999E-2</c:v>
                </c:pt>
                <c:pt idx="2254">
                  <c:v>2.2499999999999999E-2</c:v>
                </c:pt>
                <c:pt idx="2255">
                  <c:v>2.2499999999999999E-2</c:v>
                </c:pt>
                <c:pt idx="2256">
                  <c:v>2.2499999999999999E-2</c:v>
                </c:pt>
                <c:pt idx="2257">
                  <c:v>2.2499999999999999E-2</c:v>
                </c:pt>
                <c:pt idx="2258">
                  <c:v>2.5000000000000001E-2</c:v>
                </c:pt>
                <c:pt idx="2259">
                  <c:v>2.5000000000000001E-2</c:v>
                </c:pt>
                <c:pt idx="2260">
                  <c:v>2.5000000000000001E-2</c:v>
                </c:pt>
                <c:pt idx="2261">
                  <c:v>2.5000000000000001E-2</c:v>
                </c:pt>
                <c:pt idx="2262">
                  <c:v>2.5000000000000001E-2</c:v>
                </c:pt>
                <c:pt idx="2263">
                  <c:v>2.5000000000000001E-2</c:v>
                </c:pt>
                <c:pt idx="2264">
                  <c:v>2.5000000000000001E-2</c:v>
                </c:pt>
                <c:pt idx="2265">
                  <c:v>2.5000000000000001E-2</c:v>
                </c:pt>
                <c:pt idx="2266">
                  <c:v>2.5000000000000001E-2</c:v>
                </c:pt>
                <c:pt idx="2267">
                  <c:v>2.5000000000000001E-2</c:v>
                </c:pt>
                <c:pt idx="2268">
                  <c:v>2.5000000000000001E-2</c:v>
                </c:pt>
                <c:pt idx="2269">
                  <c:v>2.5000000000000001E-2</c:v>
                </c:pt>
                <c:pt idx="2270">
                  <c:v>2.5000000000000001E-2</c:v>
                </c:pt>
                <c:pt idx="2271">
                  <c:v>2.5000000000000001E-2</c:v>
                </c:pt>
                <c:pt idx="2272">
                  <c:v>2.5000000000000001E-2</c:v>
                </c:pt>
                <c:pt idx="2273">
                  <c:v>2.5000000000000001E-2</c:v>
                </c:pt>
                <c:pt idx="2274">
                  <c:v>2.5000000000000001E-2</c:v>
                </c:pt>
                <c:pt idx="2275">
                  <c:v>2.5000000000000001E-2</c:v>
                </c:pt>
                <c:pt idx="2276">
                  <c:v>2.5000000000000001E-2</c:v>
                </c:pt>
                <c:pt idx="2277">
                  <c:v>2.5000000000000001E-2</c:v>
                </c:pt>
                <c:pt idx="2278">
                  <c:v>2.5000000000000001E-2</c:v>
                </c:pt>
                <c:pt idx="2279">
                  <c:v>2.5000000000000001E-2</c:v>
                </c:pt>
                <c:pt idx="2280">
                  <c:v>2.5000000000000001E-2</c:v>
                </c:pt>
                <c:pt idx="2281">
                  <c:v>2.5000000000000001E-2</c:v>
                </c:pt>
                <c:pt idx="2282">
                  <c:v>2.5000000000000001E-2</c:v>
                </c:pt>
                <c:pt idx="2283">
                  <c:v>2.5000000000000001E-2</c:v>
                </c:pt>
                <c:pt idx="2284">
                  <c:v>2.5000000000000001E-2</c:v>
                </c:pt>
                <c:pt idx="2285">
                  <c:v>2.5000000000000001E-2</c:v>
                </c:pt>
                <c:pt idx="2286">
                  <c:v>2.5000000000000001E-2</c:v>
                </c:pt>
                <c:pt idx="2287">
                  <c:v>2.5000000000000001E-2</c:v>
                </c:pt>
                <c:pt idx="2288">
                  <c:v>2.5000000000000001E-2</c:v>
                </c:pt>
                <c:pt idx="2289">
                  <c:v>2.5000000000000001E-2</c:v>
                </c:pt>
                <c:pt idx="2290">
                  <c:v>2.5000000000000001E-2</c:v>
                </c:pt>
                <c:pt idx="2291">
                  <c:v>2.5000000000000001E-2</c:v>
                </c:pt>
                <c:pt idx="2292">
                  <c:v>2.5000000000000001E-2</c:v>
                </c:pt>
                <c:pt idx="2293">
                  <c:v>2.5000000000000001E-2</c:v>
                </c:pt>
                <c:pt idx="2294">
                  <c:v>2.5000000000000001E-2</c:v>
                </c:pt>
                <c:pt idx="2295">
                  <c:v>2.5000000000000001E-2</c:v>
                </c:pt>
                <c:pt idx="2296">
                  <c:v>2.5000000000000001E-2</c:v>
                </c:pt>
                <c:pt idx="2297">
                  <c:v>2.5000000000000001E-2</c:v>
                </c:pt>
                <c:pt idx="2298">
                  <c:v>2.5000000000000001E-2</c:v>
                </c:pt>
                <c:pt idx="2299">
                  <c:v>2.5000000000000001E-2</c:v>
                </c:pt>
                <c:pt idx="2300">
                  <c:v>2.5000000000000001E-2</c:v>
                </c:pt>
                <c:pt idx="2301">
                  <c:v>2.5000000000000001E-2</c:v>
                </c:pt>
                <c:pt idx="2302">
                  <c:v>2.5000000000000001E-2</c:v>
                </c:pt>
                <c:pt idx="2303">
                  <c:v>2.5000000000000001E-2</c:v>
                </c:pt>
                <c:pt idx="2304">
                  <c:v>2.5000000000000001E-2</c:v>
                </c:pt>
                <c:pt idx="2305">
                  <c:v>2.5000000000000001E-2</c:v>
                </c:pt>
                <c:pt idx="2306">
                  <c:v>2.5000000000000001E-2</c:v>
                </c:pt>
                <c:pt idx="2307">
                  <c:v>2.5000000000000001E-2</c:v>
                </c:pt>
                <c:pt idx="2308">
                  <c:v>2.5000000000000001E-2</c:v>
                </c:pt>
                <c:pt idx="2309">
                  <c:v>2.5000000000000001E-2</c:v>
                </c:pt>
                <c:pt idx="2310">
                  <c:v>2.5000000000000001E-2</c:v>
                </c:pt>
                <c:pt idx="2311">
                  <c:v>2.5000000000000001E-2</c:v>
                </c:pt>
                <c:pt idx="2312">
                  <c:v>2.5000000000000001E-2</c:v>
                </c:pt>
                <c:pt idx="2313">
                  <c:v>2.5000000000000001E-2</c:v>
                </c:pt>
                <c:pt idx="2314">
                  <c:v>2.5000000000000001E-2</c:v>
                </c:pt>
                <c:pt idx="2315">
                  <c:v>2.5000000000000001E-2</c:v>
                </c:pt>
                <c:pt idx="2316">
                  <c:v>2.5000000000000001E-2</c:v>
                </c:pt>
                <c:pt idx="2317">
                  <c:v>2.5000000000000001E-2</c:v>
                </c:pt>
                <c:pt idx="2318">
                  <c:v>2.5000000000000001E-2</c:v>
                </c:pt>
                <c:pt idx="2319">
                  <c:v>2.5000000000000001E-2</c:v>
                </c:pt>
                <c:pt idx="2320">
                  <c:v>2.5000000000000001E-2</c:v>
                </c:pt>
                <c:pt idx="2321">
                  <c:v>2.5000000000000001E-2</c:v>
                </c:pt>
                <c:pt idx="2322">
                  <c:v>2.5000000000000001E-2</c:v>
                </c:pt>
                <c:pt idx="2323">
                  <c:v>2.5000000000000001E-2</c:v>
                </c:pt>
                <c:pt idx="2324">
                  <c:v>2.5000000000000001E-2</c:v>
                </c:pt>
                <c:pt idx="2325">
                  <c:v>2.5000000000000001E-2</c:v>
                </c:pt>
                <c:pt idx="2326">
                  <c:v>2.5000000000000001E-2</c:v>
                </c:pt>
                <c:pt idx="2327">
                  <c:v>2.5000000000000001E-2</c:v>
                </c:pt>
                <c:pt idx="2328">
                  <c:v>2.5000000000000001E-2</c:v>
                </c:pt>
                <c:pt idx="2329">
                  <c:v>2.5000000000000001E-2</c:v>
                </c:pt>
                <c:pt idx="2330">
                  <c:v>2.5000000000000001E-2</c:v>
                </c:pt>
                <c:pt idx="2331">
                  <c:v>2.5000000000000001E-2</c:v>
                </c:pt>
                <c:pt idx="2332">
                  <c:v>2.5000000000000001E-2</c:v>
                </c:pt>
                <c:pt idx="2333">
                  <c:v>2.5000000000000001E-2</c:v>
                </c:pt>
                <c:pt idx="2334">
                  <c:v>2.5000000000000001E-2</c:v>
                </c:pt>
                <c:pt idx="2335">
                  <c:v>2.5000000000000001E-2</c:v>
                </c:pt>
                <c:pt idx="2336">
                  <c:v>2.5000000000000001E-2</c:v>
                </c:pt>
                <c:pt idx="2337">
                  <c:v>2.5000000000000001E-2</c:v>
                </c:pt>
                <c:pt idx="2338">
                  <c:v>2.5000000000000001E-2</c:v>
                </c:pt>
                <c:pt idx="2339">
                  <c:v>2.5000000000000001E-2</c:v>
                </c:pt>
                <c:pt idx="2340">
                  <c:v>2.5000000000000001E-2</c:v>
                </c:pt>
                <c:pt idx="2341">
                  <c:v>2.5000000000000001E-2</c:v>
                </c:pt>
                <c:pt idx="2342">
                  <c:v>2.5000000000000001E-2</c:v>
                </c:pt>
                <c:pt idx="2343">
                  <c:v>2.5000000000000001E-2</c:v>
                </c:pt>
                <c:pt idx="2344">
                  <c:v>2.5000000000000001E-2</c:v>
                </c:pt>
                <c:pt idx="2345">
                  <c:v>2.5000000000000001E-2</c:v>
                </c:pt>
                <c:pt idx="2346">
                  <c:v>2.5000000000000001E-2</c:v>
                </c:pt>
                <c:pt idx="2347">
                  <c:v>2.5000000000000001E-2</c:v>
                </c:pt>
                <c:pt idx="2348">
                  <c:v>2.5000000000000001E-2</c:v>
                </c:pt>
                <c:pt idx="2349">
                  <c:v>2.5000000000000001E-2</c:v>
                </c:pt>
                <c:pt idx="2350">
                  <c:v>2.5000000000000001E-2</c:v>
                </c:pt>
                <c:pt idx="2351">
                  <c:v>2.5000000000000001E-2</c:v>
                </c:pt>
                <c:pt idx="2352">
                  <c:v>2.5000000000000001E-2</c:v>
                </c:pt>
                <c:pt idx="2353">
                  <c:v>2.5000000000000001E-2</c:v>
                </c:pt>
                <c:pt idx="2354">
                  <c:v>2.5000000000000001E-2</c:v>
                </c:pt>
                <c:pt idx="2355">
                  <c:v>2.5000000000000001E-2</c:v>
                </c:pt>
                <c:pt idx="2356">
                  <c:v>2.5000000000000001E-2</c:v>
                </c:pt>
                <c:pt idx="2357">
                  <c:v>2.75E-2</c:v>
                </c:pt>
                <c:pt idx="2358">
                  <c:v>2.75E-2</c:v>
                </c:pt>
                <c:pt idx="2359">
                  <c:v>2.75E-2</c:v>
                </c:pt>
                <c:pt idx="2360">
                  <c:v>2.75E-2</c:v>
                </c:pt>
                <c:pt idx="2361">
                  <c:v>2.75E-2</c:v>
                </c:pt>
                <c:pt idx="2362">
                  <c:v>2.75E-2</c:v>
                </c:pt>
                <c:pt idx="2363">
                  <c:v>2.75E-2</c:v>
                </c:pt>
                <c:pt idx="2364">
                  <c:v>2.75E-2</c:v>
                </c:pt>
                <c:pt idx="2365">
                  <c:v>2.75E-2</c:v>
                </c:pt>
                <c:pt idx="2366">
                  <c:v>2.75E-2</c:v>
                </c:pt>
                <c:pt idx="2367">
                  <c:v>2.75E-2</c:v>
                </c:pt>
                <c:pt idx="2368">
                  <c:v>2.75E-2</c:v>
                </c:pt>
                <c:pt idx="2369">
                  <c:v>2.75E-2</c:v>
                </c:pt>
                <c:pt idx="2370">
                  <c:v>2.75E-2</c:v>
                </c:pt>
                <c:pt idx="2371">
                  <c:v>2.75E-2</c:v>
                </c:pt>
                <c:pt idx="2372">
                  <c:v>2.75E-2</c:v>
                </c:pt>
                <c:pt idx="2373">
                  <c:v>2.75E-2</c:v>
                </c:pt>
                <c:pt idx="2374">
                  <c:v>2.75E-2</c:v>
                </c:pt>
                <c:pt idx="2375">
                  <c:v>2.75E-2</c:v>
                </c:pt>
                <c:pt idx="2376">
                  <c:v>2.75E-2</c:v>
                </c:pt>
                <c:pt idx="2377">
                  <c:v>2.75E-2</c:v>
                </c:pt>
                <c:pt idx="2378">
                  <c:v>2.75E-2</c:v>
                </c:pt>
                <c:pt idx="2379">
                  <c:v>2.75E-2</c:v>
                </c:pt>
                <c:pt idx="2380">
                  <c:v>2.75E-2</c:v>
                </c:pt>
                <c:pt idx="2381">
                  <c:v>2.75E-2</c:v>
                </c:pt>
                <c:pt idx="2382">
                  <c:v>2.75E-2</c:v>
                </c:pt>
                <c:pt idx="2383">
                  <c:v>2.75E-2</c:v>
                </c:pt>
                <c:pt idx="2384">
                  <c:v>2.75E-2</c:v>
                </c:pt>
                <c:pt idx="2385">
                  <c:v>2.75E-2</c:v>
                </c:pt>
                <c:pt idx="2386">
                  <c:v>2.75E-2</c:v>
                </c:pt>
                <c:pt idx="2387">
                  <c:v>2.75E-2</c:v>
                </c:pt>
                <c:pt idx="2388">
                  <c:v>2.75E-2</c:v>
                </c:pt>
                <c:pt idx="2389">
                  <c:v>2.75E-2</c:v>
                </c:pt>
                <c:pt idx="2390">
                  <c:v>2.75E-2</c:v>
                </c:pt>
                <c:pt idx="2391">
                  <c:v>2.75E-2</c:v>
                </c:pt>
                <c:pt idx="2392">
                  <c:v>2.75E-2</c:v>
                </c:pt>
                <c:pt idx="2393">
                  <c:v>2.75E-2</c:v>
                </c:pt>
                <c:pt idx="2394">
                  <c:v>2.75E-2</c:v>
                </c:pt>
                <c:pt idx="2395">
                  <c:v>2.75E-2</c:v>
                </c:pt>
                <c:pt idx="2396">
                  <c:v>2.75E-2</c:v>
                </c:pt>
                <c:pt idx="2397">
                  <c:v>2.75E-2</c:v>
                </c:pt>
                <c:pt idx="2398">
                  <c:v>2.75E-2</c:v>
                </c:pt>
                <c:pt idx="2399">
                  <c:v>2.75E-2</c:v>
                </c:pt>
                <c:pt idx="2400">
                  <c:v>2.75E-2</c:v>
                </c:pt>
                <c:pt idx="2401">
                  <c:v>2.75E-2</c:v>
                </c:pt>
                <c:pt idx="2402">
                  <c:v>2.75E-2</c:v>
                </c:pt>
                <c:pt idx="2403">
                  <c:v>2.75E-2</c:v>
                </c:pt>
                <c:pt idx="2404">
                  <c:v>2.75E-2</c:v>
                </c:pt>
                <c:pt idx="2405">
                  <c:v>2.75E-2</c:v>
                </c:pt>
                <c:pt idx="2406">
                  <c:v>2.75E-2</c:v>
                </c:pt>
                <c:pt idx="2407">
                  <c:v>2.75E-2</c:v>
                </c:pt>
                <c:pt idx="2408">
                  <c:v>2.75E-2</c:v>
                </c:pt>
                <c:pt idx="2409">
                  <c:v>2.75E-2</c:v>
                </c:pt>
                <c:pt idx="2410">
                  <c:v>2.75E-2</c:v>
                </c:pt>
                <c:pt idx="2411">
                  <c:v>2.75E-2</c:v>
                </c:pt>
                <c:pt idx="2412">
                  <c:v>0.03</c:v>
                </c:pt>
                <c:pt idx="2413">
                  <c:v>0.03</c:v>
                </c:pt>
                <c:pt idx="2414">
                  <c:v>0.03</c:v>
                </c:pt>
                <c:pt idx="2415">
                  <c:v>0.03</c:v>
                </c:pt>
                <c:pt idx="2416">
                  <c:v>0.03</c:v>
                </c:pt>
                <c:pt idx="2417">
                  <c:v>0.03</c:v>
                </c:pt>
                <c:pt idx="2418">
                  <c:v>0.03</c:v>
                </c:pt>
                <c:pt idx="2419">
                  <c:v>0.03</c:v>
                </c:pt>
                <c:pt idx="2420">
                  <c:v>0.03</c:v>
                </c:pt>
                <c:pt idx="2421">
                  <c:v>0.03</c:v>
                </c:pt>
                <c:pt idx="2422">
                  <c:v>0.03</c:v>
                </c:pt>
                <c:pt idx="2423">
                  <c:v>0.03</c:v>
                </c:pt>
                <c:pt idx="2424">
                  <c:v>0.03</c:v>
                </c:pt>
                <c:pt idx="2425">
                  <c:v>0.03</c:v>
                </c:pt>
                <c:pt idx="2426">
                  <c:v>0.03</c:v>
                </c:pt>
                <c:pt idx="2427">
                  <c:v>0.03</c:v>
                </c:pt>
                <c:pt idx="2428">
                  <c:v>0.03</c:v>
                </c:pt>
                <c:pt idx="2429">
                  <c:v>0.03</c:v>
                </c:pt>
                <c:pt idx="2430">
                  <c:v>0.03</c:v>
                </c:pt>
                <c:pt idx="2431">
                  <c:v>0.03</c:v>
                </c:pt>
                <c:pt idx="2432">
                  <c:v>0.03</c:v>
                </c:pt>
                <c:pt idx="2433">
                  <c:v>0.03</c:v>
                </c:pt>
                <c:pt idx="2434">
                  <c:v>0.03</c:v>
                </c:pt>
                <c:pt idx="2435">
                  <c:v>0.03</c:v>
                </c:pt>
                <c:pt idx="2436">
                  <c:v>0.03</c:v>
                </c:pt>
                <c:pt idx="2437">
                  <c:v>0.03</c:v>
                </c:pt>
                <c:pt idx="2438">
                  <c:v>0.03</c:v>
                </c:pt>
                <c:pt idx="2439">
                  <c:v>0.03</c:v>
                </c:pt>
                <c:pt idx="2440">
                  <c:v>0.03</c:v>
                </c:pt>
                <c:pt idx="2441">
                  <c:v>0.03</c:v>
                </c:pt>
                <c:pt idx="2442">
                  <c:v>0.03</c:v>
                </c:pt>
                <c:pt idx="2443">
                  <c:v>0.03</c:v>
                </c:pt>
                <c:pt idx="2444">
                  <c:v>0.03</c:v>
                </c:pt>
                <c:pt idx="2445">
                  <c:v>0.03</c:v>
                </c:pt>
                <c:pt idx="2446">
                  <c:v>0.03</c:v>
                </c:pt>
                <c:pt idx="2447">
                  <c:v>0.03</c:v>
                </c:pt>
                <c:pt idx="2448">
                  <c:v>0.03</c:v>
                </c:pt>
                <c:pt idx="2449">
                  <c:v>0.03</c:v>
                </c:pt>
                <c:pt idx="2450">
                  <c:v>0.03</c:v>
                </c:pt>
                <c:pt idx="2451">
                  <c:v>0.03</c:v>
                </c:pt>
                <c:pt idx="2452">
                  <c:v>0.03</c:v>
                </c:pt>
                <c:pt idx="2453">
                  <c:v>0.03</c:v>
                </c:pt>
                <c:pt idx="2454">
                  <c:v>0.03</c:v>
                </c:pt>
                <c:pt idx="2455">
                  <c:v>0.03</c:v>
                </c:pt>
                <c:pt idx="2456">
                  <c:v>0.03</c:v>
                </c:pt>
                <c:pt idx="2457">
                  <c:v>0.03</c:v>
                </c:pt>
                <c:pt idx="2458">
                  <c:v>0.03</c:v>
                </c:pt>
                <c:pt idx="2459">
                  <c:v>0.03</c:v>
                </c:pt>
                <c:pt idx="2460">
                  <c:v>0.03</c:v>
                </c:pt>
                <c:pt idx="2461">
                  <c:v>0.03</c:v>
                </c:pt>
                <c:pt idx="2462">
                  <c:v>0.03</c:v>
                </c:pt>
                <c:pt idx="2463">
                  <c:v>0.03</c:v>
                </c:pt>
                <c:pt idx="2464">
                  <c:v>0.03</c:v>
                </c:pt>
                <c:pt idx="2465">
                  <c:v>0.03</c:v>
                </c:pt>
                <c:pt idx="2466">
                  <c:v>0.03</c:v>
                </c:pt>
                <c:pt idx="2467">
                  <c:v>0.03</c:v>
                </c:pt>
                <c:pt idx="2468">
                  <c:v>0.03</c:v>
                </c:pt>
                <c:pt idx="2469">
                  <c:v>0.03</c:v>
                </c:pt>
                <c:pt idx="2470">
                  <c:v>0.03</c:v>
                </c:pt>
                <c:pt idx="2471">
                  <c:v>0.03</c:v>
                </c:pt>
                <c:pt idx="2472">
                  <c:v>0.03</c:v>
                </c:pt>
                <c:pt idx="2473">
                  <c:v>0.03</c:v>
                </c:pt>
                <c:pt idx="2474">
                  <c:v>0.03</c:v>
                </c:pt>
                <c:pt idx="2475">
                  <c:v>3.2500000000000001E-2</c:v>
                </c:pt>
                <c:pt idx="2476">
                  <c:v>3.2500000000000001E-2</c:v>
                </c:pt>
                <c:pt idx="2477">
                  <c:v>3.2500000000000001E-2</c:v>
                </c:pt>
                <c:pt idx="2478">
                  <c:v>3.2500000000000001E-2</c:v>
                </c:pt>
                <c:pt idx="2479">
                  <c:v>3.2500000000000001E-2</c:v>
                </c:pt>
                <c:pt idx="2480">
                  <c:v>3.2500000000000001E-2</c:v>
                </c:pt>
                <c:pt idx="2481">
                  <c:v>3.2500000000000001E-2</c:v>
                </c:pt>
                <c:pt idx="2482">
                  <c:v>3.2500000000000001E-2</c:v>
                </c:pt>
                <c:pt idx="2483">
                  <c:v>3.2500000000000001E-2</c:v>
                </c:pt>
                <c:pt idx="2484">
                  <c:v>3.2500000000000001E-2</c:v>
                </c:pt>
                <c:pt idx="2485">
                  <c:v>3.2500000000000001E-2</c:v>
                </c:pt>
                <c:pt idx="2486">
                  <c:v>3.2500000000000001E-2</c:v>
                </c:pt>
                <c:pt idx="2487">
                  <c:v>3.2500000000000001E-2</c:v>
                </c:pt>
                <c:pt idx="2488">
                  <c:v>3.2500000000000001E-2</c:v>
                </c:pt>
                <c:pt idx="2489">
                  <c:v>3.2500000000000001E-2</c:v>
                </c:pt>
                <c:pt idx="2490">
                  <c:v>3.2500000000000001E-2</c:v>
                </c:pt>
                <c:pt idx="2491">
                  <c:v>3.2500000000000001E-2</c:v>
                </c:pt>
                <c:pt idx="2492">
                  <c:v>3.2500000000000001E-2</c:v>
                </c:pt>
                <c:pt idx="2493">
                  <c:v>3.2500000000000001E-2</c:v>
                </c:pt>
                <c:pt idx="2494">
                  <c:v>3.2500000000000001E-2</c:v>
                </c:pt>
                <c:pt idx="2495">
                  <c:v>3.2500000000000001E-2</c:v>
                </c:pt>
                <c:pt idx="2496">
                  <c:v>3.2500000000000001E-2</c:v>
                </c:pt>
                <c:pt idx="2497">
                  <c:v>3.2500000000000001E-2</c:v>
                </c:pt>
                <c:pt idx="2498">
                  <c:v>3.2500000000000001E-2</c:v>
                </c:pt>
                <c:pt idx="2499">
                  <c:v>3.2500000000000001E-2</c:v>
                </c:pt>
                <c:pt idx="2500">
                  <c:v>3.2500000000000001E-2</c:v>
                </c:pt>
                <c:pt idx="2501">
                  <c:v>3.2500000000000001E-2</c:v>
                </c:pt>
                <c:pt idx="2502">
                  <c:v>3.2500000000000001E-2</c:v>
                </c:pt>
                <c:pt idx="2503">
                  <c:v>3.2500000000000001E-2</c:v>
                </c:pt>
                <c:pt idx="2504">
                  <c:v>3.2500000000000001E-2</c:v>
                </c:pt>
                <c:pt idx="2505">
                  <c:v>3.2500000000000001E-2</c:v>
                </c:pt>
                <c:pt idx="2506">
                  <c:v>3.2500000000000001E-2</c:v>
                </c:pt>
                <c:pt idx="2507">
                  <c:v>3.2500000000000001E-2</c:v>
                </c:pt>
                <c:pt idx="2508">
                  <c:v>3.2500000000000001E-2</c:v>
                </c:pt>
                <c:pt idx="2509">
                  <c:v>3.2500000000000001E-2</c:v>
                </c:pt>
                <c:pt idx="2510">
                  <c:v>3.2500000000000001E-2</c:v>
                </c:pt>
                <c:pt idx="2511">
                  <c:v>3.2500000000000001E-2</c:v>
                </c:pt>
                <c:pt idx="2512">
                  <c:v>3.2500000000000001E-2</c:v>
                </c:pt>
                <c:pt idx="2513">
                  <c:v>3.2500000000000001E-2</c:v>
                </c:pt>
                <c:pt idx="2514">
                  <c:v>3.2500000000000001E-2</c:v>
                </c:pt>
                <c:pt idx="2515">
                  <c:v>3.2500000000000001E-2</c:v>
                </c:pt>
                <c:pt idx="2516">
                  <c:v>3.2500000000000001E-2</c:v>
                </c:pt>
                <c:pt idx="2517">
                  <c:v>3.2500000000000001E-2</c:v>
                </c:pt>
                <c:pt idx="2518">
                  <c:v>3.2500000000000001E-2</c:v>
                </c:pt>
                <c:pt idx="2519">
                  <c:v>3.2500000000000001E-2</c:v>
                </c:pt>
                <c:pt idx="2520">
                  <c:v>3.2500000000000001E-2</c:v>
                </c:pt>
                <c:pt idx="2521">
                  <c:v>3.2500000000000001E-2</c:v>
                </c:pt>
                <c:pt idx="2522">
                  <c:v>3.2500000000000001E-2</c:v>
                </c:pt>
                <c:pt idx="2523">
                  <c:v>3.2500000000000001E-2</c:v>
                </c:pt>
                <c:pt idx="2524">
                  <c:v>3.2500000000000001E-2</c:v>
                </c:pt>
                <c:pt idx="2525">
                  <c:v>3.2500000000000001E-2</c:v>
                </c:pt>
                <c:pt idx="2526">
                  <c:v>3.2500000000000001E-2</c:v>
                </c:pt>
                <c:pt idx="2527">
                  <c:v>3.2500000000000001E-2</c:v>
                </c:pt>
                <c:pt idx="2528">
                  <c:v>3.2500000000000001E-2</c:v>
                </c:pt>
                <c:pt idx="2529">
                  <c:v>3.2500000000000001E-2</c:v>
                </c:pt>
                <c:pt idx="2530">
                  <c:v>3.2500000000000001E-2</c:v>
                </c:pt>
                <c:pt idx="2531">
                  <c:v>3.2500000000000001E-2</c:v>
                </c:pt>
                <c:pt idx="2532">
                  <c:v>3.2500000000000001E-2</c:v>
                </c:pt>
                <c:pt idx="2533">
                  <c:v>3.2500000000000001E-2</c:v>
                </c:pt>
                <c:pt idx="2534">
                  <c:v>3.2500000000000001E-2</c:v>
                </c:pt>
                <c:pt idx="2535">
                  <c:v>3.2500000000000001E-2</c:v>
                </c:pt>
                <c:pt idx="2536">
                  <c:v>3.2500000000000001E-2</c:v>
                </c:pt>
                <c:pt idx="2537">
                  <c:v>3.2500000000000001E-2</c:v>
                </c:pt>
                <c:pt idx="2538">
                  <c:v>3.5000000000000003E-2</c:v>
                </c:pt>
                <c:pt idx="2539">
                  <c:v>3.5000000000000003E-2</c:v>
                </c:pt>
                <c:pt idx="2540">
                  <c:v>3.5000000000000003E-2</c:v>
                </c:pt>
                <c:pt idx="2541">
                  <c:v>3.5000000000000003E-2</c:v>
                </c:pt>
                <c:pt idx="2542">
                  <c:v>3.5000000000000003E-2</c:v>
                </c:pt>
                <c:pt idx="2543">
                  <c:v>3.5000000000000003E-2</c:v>
                </c:pt>
                <c:pt idx="2544">
                  <c:v>3.5000000000000003E-2</c:v>
                </c:pt>
                <c:pt idx="2545">
                  <c:v>3.5000000000000003E-2</c:v>
                </c:pt>
                <c:pt idx="2546">
                  <c:v>3.5000000000000003E-2</c:v>
                </c:pt>
                <c:pt idx="2547">
                  <c:v>3.5000000000000003E-2</c:v>
                </c:pt>
                <c:pt idx="2548">
                  <c:v>3.5000000000000003E-2</c:v>
                </c:pt>
                <c:pt idx="2549">
                  <c:v>3.5000000000000003E-2</c:v>
                </c:pt>
                <c:pt idx="2550">
                  <c:v>3.5000000000000003E-2</c:v>
                </c:pt>
                <c:pt idx="2551">
                  <c:v>3.5000000000000003E-2</c:v>
                </c:pt>
                <c:pt idx="2552">
                  <c:v>3.5000000000000003E-2</c:v>
                </c:pt>
                <c:pt idx="2553">
                  <c:v>3.5000000000000003E-2</c:v>
                </c:pt>
                <c:pt idx="2554">
                  <c:v>3.5000000000000003E-2</c:v>
                </c:pt>
                <c:pt idx="2555">
                  <c:v>3.5000000000000003E-2</c:v>
                </c:pt>
                <c:pt idx="2556">
                  <c:v>3.5000000000000003E-2</c:v>
                </c:pt>
                <c:pt idx="2557">
                  <c:v>3.5000000000000003E-2</c:v>
                </c:pt>
                <c:pt idx="2558">
                  <c:v>3.5000000000000003E-2</c:v>
                </c:pt>
                <c:pt idx="2559">
                  <c:v>3.5000000000000003E-2</c:v>
                </c:pt>
                <c:pt idx="2560">
                  <c:v>3.5000000000000003E-2</c:v>
                </c:pt>
                <c:pt idx="2561">
                  <c:v>3.5000000000000003E-2</c:v>
                </c:pt>
                <c:pt idx="2562">
                  <c:v>3.5000000000000003E-2</c:v>
                </c:pt>
                <c:pt idx="2563">
                  <c:v>3.5000000000000003E-2</c:v>
                </c:pt>
                <c:pt idx="2564">
                  <c:v>3.5000000000000003E-2</c:v>
                </c:pt>
                <c:pt idx="2565">
                  <c:v>3.5000000000000003E-2</c:v>
                </c:pt>
                <c:pt idx="2566">
                  <c:v>3.5000000000000003E-2</c:v>
                </c:pt>
                <c:pt idx="2567">
                  <c:v>3.5000000000000003E-2</c:v>
                </c:pt>
                <c:pt idx="2568">
                  <c:v>3.5000000000000003E-2</c:v>
                </c:pt>
                <c:pt idx="2569">
                  <c:v>3.5000000000000003E-2</c:v>
                </c:pt>
                <c:pt idx="2570">
                  <c:v>3.5000000000000003E-2</c:v>
                </c:pt>
                <c:pt idx="2571">
                  <c:v>3.5000000000000003E-2</c:v>
                </c:pt>
                <c:pt idx="2572">
                  <c:v>3.5000000000000003E-2</c:v>
                </c:pt>
                <c:pt idx="2573">
                  <c:v>3.5000000000000003E-2</c:v>
                </c:pt>
                <c:pt idx="2574">
                  <c:v>3.5000000000000003E-2</c:v>
                </c:pt>
                <c:pt idx="2575">
                  <c:v>3.5000000000000003E-2</c:v>
                </c:pt>
                <c:pt idx="2576">
                  <c:v>3.5000000000000003E-2</c:v>
                </c:pt>
                <c:pt idx="2577">
                  <c:v>3.5000000000000003E-2</c:v>
                </c:pt>
                <c:pt idx="2578">
                  <c:v>3.5000000000000003E-2</c:v>
                </c:pt>
                <c:pt idx="2579">
                  <c:v>3.5000000000000003E-2</c:v>
                </c:pt>
                <c:pt idx="2580">
                  <c:v>3.5000000000000003E-2</c:v>
                </c:pt>
                <c:pt idx="2581">
                  <c:v>3.5000000000000003E-2</c:v>
                </c:pt>
                <c:pt idx="2582">
                  <c:v>3.5000000000000003E-2</c:v>
                </c:pt>
                <c:pt idx="2583">
                  <c:v>3.5000000000000003E-2</c:v>
                </c:pt>
                <c:pt idx="2584">
                  <c:v>3.5000000000000003E-2</c:v>
                </c:pt>
                <c:pt idx="2585">
                  <c:v>3.5000000000000003E-2</c:v>
                </c:pt>
                <c:pt idx="2586">
                  <c:v>3.5000000000000003E-2</c:v>
                </c:pt>
                <c:pt idx="2587">
                  <c:v>3.5000000000000003E-2</c:v>
                </c:pt>
                <c:pt idx="2588">
                  <c:v>3.5000000000000003E-2</c:v>
                </c:pt>
                <c:pt idx="2589">
                  <c:v>3.5000000000000003E-2</c:v>
                </c:pt>
                <c:pt idx="2590">
                  <c:v>3.5000000000000003E-2</c:v>
                </c:pt>
                <c:pt idx="2591">
                  <c:v>3.5000000000000003E-2</c:v>
                </c:pt>
                <c:pt idx="2592">
                  <c:v>3.5000000000000003E-2</c:v>
                </c:pt>
                <c:pt idx="2593">
                  <c:v>3.5000000000000003E-2</c:v>
                </c:pt>
                <c:pt idx="2594">
                  <c:v>3.5000000000000003E-2</c:v>
                </c:pt>
                <c:pt idx="2595">
                  <c:v>3.5000000000000003E-2</c:v>
                </c:pt>
                <c:pt idx="2596">
                  <c:v>3.5000000000000003E-2</c:v>
                </c:pt>
                <c:pt idx="2597">
                  <c:v>3.5000000000000003E-2</c:v>
                </c:pt>
                <c:pt idx="2598">
                  <c:v>3.5000000000000003E-2</c:v>
                </c:pt>
                <c:pt idx="2599">
                  <c:v>3.5000000000000003E-2</c:v>
                </c:pt>
                <c:pt idx="2600">
                  <c:v>3.5000000000000003E-2</c:v>
                </c:pt>
                <c:pt idx="2601">
                  <c:v>3.5000000000000003E-2</c:v>
                </c:pt>
                <c:pt idx="2602">
                  <c:v>3.5000000000000003E-2</c:v>
                </c:pt>
                <c:pt idx="2603">
                  <c:v>3.5000000000000003E-2</c:v>
                </c:pt>
                <c:pt idx="2604">
                  <c:v>3.5000000000000003E-2</c:v>
                </c:pt>
                <c:pt idx="2605">
                  <c:v>3.5000000000000003E-2</c:v>
                </c:pt>
                <c:pt idx="2606">
                  <c:v>3.5000000000000003E-2</c:v>
                </c:pt>
                <c:pt idx="2607">
                  <c:v>3.5000000000000003E-2</c:v>
                </c:pt>
                <c:pt idx="2608">
                  <c:v>3.5000000000000003E-2</c:v>
                </c:pt>
                <c:pt idx="2609">
                  <c:v>3.5000000000000003E-2</c:v>
                </c:pt>
                <c:pt idx="2610">
                  <c:v>3.5000000000000003E-2</c:v>
                </c:pt>
                <c:pt idx="2611">
                  <c:v>3.5000000000000003E-2</c:v>
                </c:pt>
                <c:pt idx="2612">
                  <c:v>3.5000000000000003E-2</c:v>
                </c:pt>
                <c:pt idx="2613">
                  <c:v>3.5000000000000003E-2</c:v>
                </c:pt>
                <c:pt idx="2614">
                  <c:v>3.5000000000000003E-2</c:v>
                </c:pt>
                <c:pt idx="2615">
                  <c:v>3.5000000000000003E-2</c:v>
                </c:pt>
                <c:pt idx="2616">
                  <c:v>3.5000000000000003E-2</c:v>
                </c:pt>
                <c:pt idx="2617">
                  <c:v>3.5000000000000003E-2</c:v>
                </c:pt>
                <c:pt idx="2618">
                  <c:v>3.5000000000000003E-2</c:v>
                </c:pt>
                <c:pt idx="2619">
                  <c:v>3.5000000000000003E-2</c:v>
                </c:pt>
                <c:pt idx="2620">
                  <c:v>3.5000000000000003E-2</c:v>
                </c:pt>
                <c:pt idx="2621">
                  <c:v>3.5000000000000003E-2</c:v>
                </c:pt>
                <c:pt idx="2622">
                  <c:v>3.5000000000000003E-2</c:v>
                </c:pt>
                <c:pt idx="2623">
                  <c:v>3.5000000000000003E-2</c:v>
                </c:pt>
                <c:pt idx="2624">
                  <c:v>3.5000000000000003E-2</c:v>
                </c:pt>
                <c:pt idx="2625">
                  <c:v>3.5000000000000003E-2</c:v>
                </c:pt>
                <c:pt idx="2626">
                  <c:v>3.5000000000000003E-2</c:v>
                </c:pt>
                <c:pt idx="2627">
                  <c:v>3.5000000000000003E-2</c:v>
                </c:pt>
                <c:pt idx="2628">
                  <c:v>3.5000000000000003E-2</c:v>
                </c:pt>
                <c:pt idx="2629">
                  <c:v>3.7499999999999999E-2</c:v>
                </c:pt>
                <c:pt idx="2630">
                  <c:v>3.7499999999999999E-2</c:v>
                </c:pt>
                <c:pt idx="2631">
                  <c:v>3.7499999999999999E-2</c:v>
                </c:pt>
                <c:pt idx="2632">
                  <c:v>3.7499999999999999E-2</c:v>
                </c:pt>
                <c:pt idx="2633">
                  <c:v>3.7499999999999999E-2</c:v>
                </c:pt>
                <c:pt idx="2634">
                  <c:v>3.7499999999999999E-2</c:v>
                </c:pt>
                <c:pt idx="2635">
                  <c:v>3.7499999999999999E-2</c:v>
                </c:pt>
                <c:pt idx="2636">
                  <c:v>3.7499999999999999E-2</c:v>
                </c:pt>
                <c:pt idx="2637">
                  <c:v>3.7499999999999999E-2</c:v>
                </c:pt>
                <c:pt idx="2638">
                  <c:v>3.7499999999999999E-2</c:v>
                </c:pt>
                <c:pt idx="2639">
                  <c:v>3.7499999999999999E-2</c:v>
                </c:pt>
                <c:pt idx="2640">
                  <c:v>3.7499999999999999E-2</c:v>
                </c:pt>
                <c:pt idx="2641">
                  <c:v>3.7499999999999999E-2</c:v>
                </c:pt>
                <c:pt idx="2642">
                  <c:v>3.7499999999999999E-2</c:v>
                </c:pt>
                <c:pt idx="2643">
                  <c:v>3.7499999999999999E-2</c:v>
                </c:pt>
                <c:pt idx="2644">
                  <c:v>3.7499999999999999E-2</c:v>
                </c:pt>
                <c:pt idx="2645">
                  <c:v>3.7499999999999999E-2</c:v>
                </c:pt>
                <c:pt idx="2646">
                  <c:v>3.7499999999999999E-2</c:v>
                </c:pt>
                <c:pt idx="2647">
                  <c:v>3.7499999999999999E-2</c:v>
                </c:pt>
                <c:pt idx="2648">
                  <c:v>3.7499999999999999E-2</c:v>
                </c:pt>
                <c:pt idx="2649">
                  <c:v>3.7499999999999999E-2</c:v>
                </c:pt>
                <c:pt idx="2650">
                  <c:v>3.7499999999999999E-2</c:v>
                </c:pt>
                <c:pt idx="2651">
                  <c:v>3.7499999999999999E-2</c:v>
                </c:pt>
                <c:pt idx="2652">
                  <c:v>3.7499999999999999E-2</c:v>
                </c:pt>
                <c:pt idx="2653">
                  <c:v>3.7499999999999999E-2</c:v>
                </c:pt>
                <c:pt idx="2654">
                  <c:v>3.7499999999999999E-2</c:v>
                </c:pt>
                <c:pt idx="2655">
                  <c:v>3.7499999999999999E-2</c:v>
                </c:pt>
                <c:pt idx="2656">
                  <c:v>3.7499999999999999E-2</c:v>
                </c:pt>
                <c:pt idx="2657">
                  <c:v>3.7499999999999999E-2</c:v>
                </c:pt>
                <c:pt idx="2658">
                  <c:v>3.7499999999999999E-2</c:v>
                </c:pt>
                <c:pt idx="2659">
                  <c:v>3.7499999999999999E-2</c:v>
                </c:pt>
                <c:pt idx="2660">
                  <c:v>3.7499999999999999E-2</c:v>
                </c:pt>
                <c:pt idx="2661">
                  <c:v>3.7499999999999999E-2</c:v>
                </c:pt>
                <c:pt idx="2662">
                  <c:v>3.7499999999999999E-2</c:v>
                </c:pt>
                <c:pt idx="2663">
                  <c:v>3.7499999999999999E-2</c:v>
                </c:pt>
                <c:pt idx="2664">
                  <c:v>3.7499999999999999E-2</c:v>
                </c:pt>
                <c:pt idx="2665">
                  <c:v>3.7499999999999999E-2</c:v>
                </c:pt>
                <c:pt idx="2666">
                  <c:v>3.7499999999999999E-2</c:v>
                </c:pt>
                <c:pt idx="2667">
                  <c:v>3.7499999999999999E-2</c:v>
                </c:pt>
                <c:pt idx="2668">
                  <c:v>3.7499999999999999E-2</c:v>
                </c:pt>
                <c:pt idx="2669">
                  <c:v>3.7499999999999999E-2</c:v>
                </c:pt>
                <c:pt idx="2670">
                  <c:v>3.7499999999999999E-2</c:v>
                </c:pt>
                <c:pt idx="2671">
                  <c:v>3.7499999999999999E-2</c:v>
                </c:pt>
                <c:pt idx="2672">
                  <c:v>3.7499999999999999E-2</c:v>
                </c:pt>
                <c:pt idx="2673">
                  <c:v>3.7499999999999999E-2</c:v>
                </c:pt>
                <c:pt idx="2674">
                  <c:v>3.7499999999999999E-2</c:v>
                </c:pt>
                <c:pt idx="2675">
                  <c:v>3.7499999999999999E-2</c:v>
                </c:pt>
                <c:pt idx="2676">
                  <c:v>3.7499999999999999E-2</c:v>
                </c:pt>
                <c:pt idx="2677">
                  <c:v>3.7499999999999999E-2</c:v>
                </c:pt>
                <c:pt idx="2678">
                  <c:v>3.7499999999999999E-2</c:v>
                </c:pt>
                <c:pt idx="2679">
                  <c:v>3.7499999999999999E-2</c:v>
                </c:pt>
                <c:pt idx="2680">
                  <c:v>3.7499999999999999E-2</c:v>
                </c:pt>
                <c:pt idx="2681">
                  <c:v>3.7499999999999999E-2</c:v>
                </c:pt>
                <c:pt idx="2682">
                  <c:v>3.7499999999999999E-2</c:v>
                </c:pt>
                <c:pt idx="2683">
                  <c:v>3.7499999999999999E-2</c:v>
                </c:pt>
                <c:pt idx="2684">
                  <c:v>3.7499999999999999E-2</c:v>
                </c:pt>
                <c:pt idx="2685">
                  <c:v>3.7499999999999999E-2</c:v>
                </c:pt>
                <c:pt idx="2686">
                  <c:v>3.7499999999999999E-2</c:v>
                </c:pt>
                <c:pt idx="2687">
                  <c:v>3.7499999999999999E-2</c:v>
                </c:pt>
                <c:pt idx="2688">
                  <c:v>3.7499999999999999E-2</c:v>
                </c:pt>
                <c:pt idx="2689">
                  <c:v>3.7499999999999999E-2</c:v>
                </c:pt>
                <c:pt idx="2690">
                  <c:v>3.7499999999999999E-2</c:v>
                </c:pt>
                <c:pt idx="2691">
                  <c:v>3.7499999999999999E-2</c:v>
                </c:pt>
                <c:pt idx="2692">
                  <c:v>3.7499999999999999E-2</c:v>
                </c:pt>
                <c:pt idx="2693">
                  <c:v>3.7499999999999999E-2</c:v>
                </c:pt>
                <c:pt idx="2694">
                  <c:v>3.7499999999999999E-2</c:v>
                </c:pt>
                <c:pt idx="2695">
                  <c:v>3.7499999999999999E-2</c:v>
                </c:pt>
                <c:pt idx="2696">
                  <c:v>3.7499999999999999E-2</c:v>
                </c:pt>
                <c:pt idx="2697">
                  <c:v>3.7499999999999999E-2</c:v>
                </c:pt>
                <c:pt idx="2698">
                  <c:v>3.7499999999999999E-2</c:v>
                </c:pt>
                <c:pt idx="2699">
                  <c:v>3.7499999999999999E-2</c:v>
                </c:pt>
                <c:pt idx="2700">
                  <c:v>3.7499999999999999E-2</c:v>
                </c:pt>
                <c:pt idx="2701">
                  <c:v>3.7499999999999999E-2</c:v>
                </c:pt>
                <c:pt idx="2702">
                  <c:v>3.7499999999999999E-2</c:v>
                </c:pt>
                <c:pt idx="2703">
                  <c:v>3.7499999999999999E-2</c:v>
                </c:pt>
                <c:pt idx="2704">
                  <c:v>3.7499999999999999E-2</c:v>
                </c:pt>
                <c:pt idx="2705">
                  <c:v>3.7499999999999999E-2</c:v>
                </c:pt>
                <c:pt idx="2706">
                  <c:v>3.7499999999999999E-2</c:v>
                </c:pt>
                <c:pt idx="2707">
                  <c:v>3.7499999999999999E-2</c:v>
                </c:pt>
                <c:pt idx="2708">
                  <c:v>3.7499999999999999E-2</c:v>
                </c:pt>
                <c:pt idx="2709">
                  <c:v>3.7499999999999999E-2</c:v>
                </c:pt>
                <c:pt idx="2710">
                  <c:v>3.7499999999999999E-2</c:v>
                </c:pt>
                <c:pt idx="2711">
                  <c:v>3.7499999999999999E-2</c:v>
                </c:pt>
                <c:pt idx="2712">
                  <c:v>3.7499999999999999E-2</c:v>
                </c:pt>
                <c:pt idx="2713">
                  <c:v>3.7499999999999999E-2</c:v>
                </c:pt>
                <c:pt idx="2714">
                  <c:v>3.7499999999999999E-2</c:v>
                </c:pt>
                <c:pt idx="2715">
                  <c:v>3.7499999999999999E-2</c:v>
                </c:pt>
                <c:pt idx="2716">
                  <c:v>3.7499999999999999E-2</c:v>
                </c:pt>
                <c:pt idx="2717">
                  <c:v>3.7499999999999999E-2</c:v>
                </c:pt>
                <c:pt idx="2718">
                  <c:v>3.7499999999999999E-2</c:v>
                </c:pt>
                <c:pt idx="2719">
                  <c:v>3.7499999999999999E-2</c:v>
                </c:pt>
                <c:pt idx="2720">
                  <c:v>0.04</c:v>
                </c:pt>
                <c:pt idx="2721">
                  <c:v>0.04</c:v>
                </c:pt>
                <c:pt idx="2722">
                  <c:v>0.04</c:v>
                </c:pt>
                <c:pt idx="2723">
                  <c:v>0.04</c:v>
                </c:pt>
                <c:pt idx="2724">
                  <c:v>0.04</c:v>
                </c:pt>
                <c:pt idx="2725">
                  <c:v>0.04</c:v>
                </c:pt>
                <c:pt idx="2726">
                  <c:v>0.04</c:v>
                </c:pt>
                <c:pt idx="2727">
                  <c:v>0.04</c:v>
                </c:pt>
                <c:pt idx="2728">
                  <c:v>0.04</c:v>
                </c:pt>
                <c:pt idx="2729">
                  <c:v>0.04</c:v>
                </c:pt>
                <c:pt idx="2730">
                  <c:v>0.04</c:v>
                </c:pt>
                <c:pt idx="2731">
                  <c:v>0.04</c:v>
                </c:pt>
                <c:pt idx="2732">
                  <c:v>0.04</c:v>
                </c:pt>
                <c:pt idx="2733">
                  <c:v>0.04</c:v>
                </c:pt>
                <c:pt idx="2734">
                  <c:v>0.04</c:v>
                </c:pt>
                <c:pt idx="2735">
                  <c:v>0.04</c:v>
                </c:pt>
                <c:pt idx="2736">
                  <c:v>0.04</c:v>
                </c:pt>
                <c:pt idx="2737">
                  <c:v>0.04</c:v>
                </c:pt>
                <c:pt idx="2738">
                  <c:v>0.04</c:v>
                </c:pt>
                <c:pt idx="2739">
                  <c:v>0.04</c:v>
                </c:pt>
                <c:pt idx="2740">
                  <c:v>0.04</c:v>
                </c:pt>
                <c:pt idx="2741">
                  <c:v>0.04</c:v>
                </c:pt>
                <c:pt idx="2742">
                  <c:v>0.04</c:v>
                </c:pt>
                <c:pt idx="2743">
                  <c:v>0.04</c:v>
                </c:pt>
                <c:pt idx="2744">
                  <c:v>0.04</c:v>
                </c:pt>
                <c:pt idx="2745">
                  <c:v>0.04</c:v>
                </c:pt>
                <c:pt idx="2746">
                  <c:v>0.04</c:v>
                </c:pt>
                <c:pt idx="2747">
                  <c:v>0.04</c:v>
                </c:pt>
                <c:pt idx="2748">
                  <c:v>0.04</c:v>
                </c:pt>
                <c:pt idx="2749">
                  <c:v>0.04</c:v>
                </c:pt>
                <c:pt idx="2750">
                  <c:v>0.04</c:v>
                </c:pt>
                <c:pt idx="2751">
                  <c:v>0.04</c:v>
                </c:pt>
                <c:pt idx="2752">
                  <c:v>0.04</c:v>
                </c:pt>
                <c:pt idx="2753">
                  <c:v>0.04</c:v>
                </c:pt>
                <c:pt idx="2754">
                  <c:v>0.04</c:v>
                </c:pt>
                <c:pt idx="2755">
                  <c:v>0.04</c:v>
                </c:pt>
                <c:pt idx="2756">
                  <c:v>0.04</c:v>
                </c:pt>
                <c:pt idx="2757">
                  <c:v>0.04</c:v>
                </c:pt>
                <c:pt idx="2758">
                  <c:v>0.04</c:v>
                </c:pt>
                <c:pt idx="2759">
                  <c:v>0.04</c:v>
                </c:pt>
                <c:pt idx="2760">
                  <c:v>0.04</c:v>
                </c:pt>
                <c:pt idx="2761">
                  <c:v>0.04</c:v>
                </c:pt>
                <c:pt idx="2762">
                  <c:v>0.04</c:v>
                </c:pt>
                <c:pt idx="2763">
                  <c:v>0.04</c:v>
                </c:pt>
                <c:pt idx="2764">
                  <c:v>0.04</c:v>
                </c:pt>
                <c:pt idx="2765">
                  <c:v>0.04</c:v>
                </c:pt>
                <c:pt idx="2766">
                  <c:v>0.04</c:v>
                </c:pt>
                <c:pt idx="2767">
                  <c:v>0.04</c:v>
                </c:pt>
                <c:pt idx="2768">
                  <c:v>0.04</c:v>
                </c:pt>
                <c:pt idx="2769">
                  <c:v>0.04</c:v>
                </c:pt>
                <c:pt idx="2770">
                  <c:v>0.04</c:v>
                </c:pt>
                <c:pt idx="2771">
                  <c:v>0.04</c:v>
                </c:pt>
                <c:pt idx="2772">
                  <c:v>0.04</c:v>
                </c:pt>
                <c:pt idx="2773">
                  <c:v>0.04</c:v>
                </c:pt>
                <c:pt idx="2774">
                  <c:v>0.04</c:v>
                </c:pt>
                <c:pt idx="2775">
                  <c:v>0.04</c:v>
                </c:pt>
                <c:pt idx="2776">
                  <c:v>0.04</c:v>
                </c:pt>
                <c:pt idx="2777">
                  <c:v>0.04</c:v>
                </c:pt>
                <c:pt idx="2778">
                  <c:v>0.04</c:v>
                </c:pt>
                <c:pt idx="2779">
                  <c:v>0.04</c:v>
                </c:pt>
                <c:pt idx="2780">
                  <c:v>0.04</c:v>
                </c:pt>
                <c:pt idx="2781">
                  <c:v>0.04</c:v>
                </c:pt>
                <c:pt idx="2782">
                  <c:v>0.04</c:v>
                </c:pt>
                <c:pt idx="2783">
                  <c:v>0.04</c:v>
                </c:pt>
                <c:pt idx="2784">
                  <c:v>0.04</c:v>
                </c:pt>
                <c:pt idx="2785">
                  <c:v>0.04</c:v>
                </c:pt>
                <c:pt idx="2786">
                  <c:v>0.04</c:v>
                </c:pt>
                <c:pt idx="2787">
                  <c:v>0.04</c:v>
                </c:pt>
                <c:pt idx="2788">
                  <c:v>0.04</c:v>
                </c:pt>
                <c:pt idx="2789">
                  <c:v>0.04</c:v>
                </c:pt>
                <c:pt idx="2790">
                  <c:v>0.04</c:v>
                </c:pt>
                <c:pt idx="2791">
                  <c:v>0.04</c:v>
                </c:pt>
                <c:pt idx="2792">
                  <c:v>0.04</c:v>
                </c:pt>
                <c:pt idx="2793">
                  <c:v>0.04</c:v>
                </c:pt>
                <c:pt idx="2794">
                  <c:v>0.04</c:v>
                </c:pt>
                <c:pt idx="2795">
                  <c:v>0.04</c:v>
                </c:pt>
                <c:pt idx="2796">
                  <c:v>0.04</c:v>
                </c:pt>
                <c:pt idx="2797">
                  <c:v>0.04</c:v>
                </c:pt>
                <c:pt idx="2798">
                  <c:v>0.04</c:v>
                </c:pt>
                <c:pt idx="2799">
                  <c:v>0.04</c:v>
                </c:pt>
                <c:pt idx="2800">
                  <c:v>0.04</c:v>
                </c:pt>
                <c:pt idx="2801">
                  <c:v>0.04</c:v>
                </c:pt>
                <c:pt idx="2802">
                  <c:v>0.04</c:v>
                </c:pt>
                <c:pt idx="2803">
                  <c:v>0.04</c:v>
                </c:pt>
                <c:pt idx="2804">
                  <c:v>0.04</c:v>
                </c:pt>
                <c:pt idx="2805">
                  <c:v>0.04</c:v>
                </c:pt>
                <c:pt idx="2806">
                  <c:v>0.04</c:v>
                </c:pt>
                <c:pt idx="2807">
                  <c:v>0.04</c:v>
                </c:pt>
                <c:pt idx="2808">
                  <c:v>0.04</c:v>
                </c:pt>
                <c:pt idx="2809">
                  <c:v>0.04</c:v>
                </c:pt>
                <c:pt idx="2810">
                  <c:v>0.04</c:v>
                </c:pt>
                <c:pt idx="2811">
                  <c:v>0.04</c:v>
                </c:pt>
                <c:pt idx="2812">
                  <c:v>0.04</c:v>
                </c:pt>
                <c:pt idx="2813">
                  <c:v>0.04</c:v>
                </c:pt>
                <c:pt idx="2814">
                  <c:v>0.04</c:v>
                </c:pt>
                <c:pt idx="2815">
                  <c:v>0.04</c:v>
                </c:pt>
                <c:pt idx="2816">
                  <c:v>0.04</c:v>
                </c:pt>
                <c:pt idx="2817">
                  <c:v>0.04</c:v>
                </c:pt>
                <c:pt idx="2818">
                  <c:v>0.04</c:v>
                </c:pt>
                <c:pt idx="2819">
                  <c:v>0.04</c:v>
                </c:pt>
                <c:pt idx="2820">
                  <c:v>0.04</c:v>
                </c:pt>
                <c:pt idx="2821">
                  <c:v>0.04</c:v>
                </c:pt>
                <c:pt idx="2822">
                  <c:v>0.04</c:v>
                </c:pt>
                <c:pt idx="2823">
                  <c:v>0.04</c:v>
                </c:pt>
                <c:pt idx="2824">
                  <c:v>0.04</c:v>
                </c:pt>
                <c:pt idx="2825">
                  <c:v>0.04</c:v>
                </c:pt>
                <c:pt idx="2826">
                  <c:v>0.04</c:v>
                </c:pt>
                <c:pt idx="2827">
                  <c:v>0.04</c:v>
                </c:pt>
                <c:pt idx="2828">
                  <c:v>0.04</c:v>
                </c:pt>
                <c:pt idx="2829">
                  <c:v>0.04</c:v>
                </c:pt>
                <c:pt idx="2830">
                  <c:v>0.04</c:v>
                </c:pt>
                <c:pt idx="2831">
                  <c:v>0.04</c:v>
                </c:pt>
                <c:pt idx="2832">
                  <c:v>0.04</c:v>
                </c:pt>
                <c:pt idx="2833">
                  <c:v>0.04</c:v>
                </c:pt>
                <c:pt idx="2834">
                  <c:v>0.04</c:v>
                </c:pt>
                <c:pt idx="2835">
                  <c:v>0.04</c:v>
                </c:pt>
                <c:pt idx="2836">
                  <c:v>0.04</c:v>
                </c:pt>
                <c:pt idx="2837">
                  <c:v>0.04</c:v>
                </c:pt>
                <c:pt idx="2838">
                  <c:v>0.04</c:v>
                </c:pt>
                <c:pt idx="2839">
                  <c:v>0.04</c:v>
                </c:pt>
                <c:pt idx="2840">
                  <c:v>0.04</c:v>
                </c:pt>
                <c:pt idx="2841">
                  <c:v>0.04</c:v>
                </c:pt>
                <c:pt idx="2842">
                  <c:v>0.04</c:v>
                </c:pt>
                <c:pt idx="2843">
                  <c:v>0.04</c:v>
                </c:pt>
                <c:pt idx="2844">
                  <c:v>0.04</c:v>
                </c:pt>
                <c:pt idx="2845">
                  <c:v>0.04</c:v>
                </c:pt>
                <c:pt idx="2846">
                  <c:v>0.04</c:v>
                </c:pt>
                <c:pt idx="2847">
                  <c:v>0.04</c:v>
                </c:pt>
                <c:pt idx="2848">
                  <c:v>0.04</c:v>
                </c:pt>
                <c:pt idx="2849">
                  <c:v>0.04</c:v>
                </c:pt>
                <c:pt idx="2850">
                  <c:v>0.04</c:v>
                </c:pt>
                <c:pt idx="2851">
                  <c:v>0.04</c:v>
                </c:pt>
                <c:pt idx="2852">
                  <c:v>0.04</c:v>
                </c:pt>
                <c:pt idx="2853">
                  <c:v>0.04</c:v>
                </c:pt>
                <c:pt idx="2854">
                  <c:v>0.04</c:v>
                </c:pt>
                <c:pt idx="2855">
                  <c:v>0.04</c:v>
                </c:pt>
                <c:pt idx="2856">
                  <c:v>0.04</c:v>
                </c:pt>
                <c:pt idx="2857">
                  <c:v>0.04</c:v>
                </c:pt>
                <c:pt idx="2858">
                  <c:v>0.04</c:v>
                </c:pt>
                <c:pt idx="2859">
                  <c:v>0.04</c:v>
                </c:pt>
                <c:pt idx="2860">
                  <c:v>0.04</c:v>
                </c:pt>
                <c:pt idx="2861">
                  <c:v>0.04</c:v>
                </c:pt>
                <c:pt idx="2862">
                  <c:v>0.04</c:v>
                </c:pt>
                <c:pt idx="2863">
                  <c:v>0.04</c:v>
                </c:pt>
                <c:pt idx="2864">
                  <c:v>0.04</c:v>
                </c:pt>
                <c:pt idx="2865">
                  <c:v>0.04</c:v>
                </c:pt>
                <c:pt idx="2866">
                  <c:v>0.04</c:v>
                </c:pt>
                <c:pt idx="2867">
                  <c:v>0.04</c:v>
                </c:pt>
                <c:pt idx="2868">
                  <c:v>0.04</c:v>
                </c:pt>
                <c:pt idx="2869">
                  <c:v>0.04</c:v>
                </c:pt>
                <c:pt idx="2870">
                  <c:v>0.04</c:v>
                </c:pt>
                <c:pt idx="2871">
                  <c:v>0.04</c:v>
                </c:pt>
                <c:pt idx="2872">
                  <c:v>0.04</c:v>
                </c:pt>
                <c:pt idx="2873">
                  <c:v>0.04</c:v>
                </c:pt>
                <c:pt idx="2874">
                  <c:v>0.04</c:v>
                </c:pt>
                <c:pt idx="2875">
                  <c:v>0.04</c:v>
                </c:pt>
                <c:pt idx="2876">
                  <c:v>0.04</c:v>
                </c:pt>
                <c:pt idx="2877">
                  <c:v>0.04</c:v>
                </c:pt>
                <c:pt idx="2878">
                  <c:v>0.04</c:v>
                </c:pt>
                <c:pt idx="2879">
                  <c:v>0.04</c:v>
                </c:pt>
                <c:pt idx="2880">
                  <c:v>0.04</c:v>
                </c:pt>
                <c:pt idx="2881">
                  <c:v>0.04</c:v>
                </c:pt>
                <c:pt idx="2882">
                  <c:v>0.04</c:v>
                </c:pt>
                <c:pt idx="2883">
                  <c:v>0.04</c:v>
                </c:pt>
                <c:pt idx="2884">
                  <c:v>0.04</c:v>
                </c:pt>
                <c:pt idx="2885">
                  <c:v>0.04</c:v>
                </c:pt>
                <c:pt idx="2886">
                  <c:v>0.04</c:v>
                </c:pt>
                <c:pt idx="2887">
                  <c:v>0.04</c:v>
                </c:pt>
                <c:pt idx="2888">
                  <c:v>0.04</c:v>
                </c:pt>
                <c:pt idx="2889">
                  <c:v>0.04</c:v>
                </c:pt>
                <c:pt idx="2890">
                  <c:v>0.04</c:v>
                </c:pt>
                <c:pt idx="2891">
                  <c:v>0.04</c:v>
                </c:pt>
                <c:pt idx="2892">
                  <c:v>0.04</c:v>
                </c:pt>
                <c:pt idx="2893">
                  <c:v>0.04</c:v>
                </c:pt>
                <c:pt idx="2894">
                  <c:v>0.04</c:v>
                </c:pt>
                <c:pt idx="2895">
                  <c:v>0.04</c:v>
                </c:pt>
                <c:pt idx="2896">
                  <c:v>0.04</c:v>
                </c:pt>
                <c:pt idx="2897">
                  <c:v>0.04</c:v>
                </c:pt>
                <c:pt idx="2898">
                  <c:v>0.04</c:v>
                </c:pt>
                <c:pt idx="2899">
                  <c:v>0.04</c:v>
                </c:pt>
                <c:pt idx="2900">
                  <c:v>0.04</c:v>
                </c:pt>
                <c:pt idx="2901">
                  <c:v>0.04</c:v>
                </c:pt>
                <c:pt idx="2902">
                  <c:v>0.04</c:v>
                </c:pt>
                <c:pt idx="2903">
                  <c:v>0.04</c:v>
                </c:pt>
                <c:pt idx="2904">
                  <c:v>0.04</c:v>
                </c:pt>
                <c:pt idx="2905">
                  <c:v>0.04</c:v>
                </c:pt>
                <c:pt idx="2906">
                  <c:v>0.04</c:v>
                </c:pt>
                <c:pt idx="2907">
                  <c:v>0.04</c:v>
                </c:pt>
                <c:pt idx="2908">
                  <c:v>0.04</c:v>
                </c:pt>
                <c:pt idx="2909">
                  <c:v>0.04</c:v>
                </c:pt>
                <c:pt idx="2910">
                  <c:v>0.04</c:v>
                </c:pt>
                <c:pt idx="2911">
                  <c:v>0.04</c:v>
                </c:pt>
                <c:pt idx="2912">
                  <c:v>0.04</c:v>
                </c:pt>
                <c:pt idx="2913">
                  <c:v>0.04</c:v>
                </c:pt>
                <c:pt idx="2914">
                  <c:v>0.04</c:v>
                </c:pt>
                <c:pt idx="2915">
                  <c:v>0.04</c:v>
                </c:pt>
                <c:pt idx="2916">
                  <c:v>0.04</c:v>
                </c:pt>
                <c:pt idx="2917">
                  <c:v>0.04</c:v>
                </c:pt>
                <c:pt idx="2918">
                  <c:v>0.04</c:v>
                </c:pt>
                <c:pt idx="2919">
                  <c:v>0.04</c:v>
                </c:pt>
                <c:pt idx="2920">
                  <c:v>0.04</c:v>
                </c:pt>
                <c:pt idx="2921">
                  <c:v>0.04</c:v>
                </c:pt>
                <c:pt idx="2922">
                  <c:v>0.04</c:v>
                </c:pt>
                <c:pt idx="2923">
                  <c:v>0.04</c:v>
                </c:pt>
                <c:pt idx="2924">
                  <c:v>0.04</c:v>
                </c:pt>
                <c:pt idx="2925">
                  <c:v>0.04</c:v>
                </c:pt>
                <c:pt idx="2926">
                  <c:v>0.04</c:v>
                </c:pt>
                <c:pt idx="2927">
                  <c:v>0.04</c:v>
                </c:pt>
                <c:pt idx="2928">
                  <c:v>0.04</c:v>
                </c:pt>
                <c:pt idx="2929">
                  <c:v>0.04</c:v>
                </c:pt>
                <c:pt idx="2930">
                  <c:v>0.04</c:v>
                </c:pt>
                <c:pt idx="2931">
                  <c:v>0.04</c:v>
                </c:pt>
                <c:pt idx="2932">
                  <c:v>0.04</c:v>
                </c:pt>
                <c:pt idx="2933">
                  <c:v>0.04</c:v>
                </c:pt>
                <c:pt idx="2934">
                  <c:v>0.04</c:v>
                </c:pt>
                <c:pt idx="2935">
                  <c:v>0.04</c:v>
                </c:pt>
                <c:pt idx="2936">
                  <c:v>0.04</c:v>
                </c:pt>
                <c:pt idx="2937">
                  <c:v>0.04</c:v>
                </c:pt>
                <c:pt idx="2938">
                  <c:v>0.04</c:v>
                </c:pt>
                <c:pt idx="2939">
                  <c:v>0.04</c:v>
                </c:pt>
                <c:pt idx="2940">
                  <c:v>0.04</c:v>
                </c:pt>
                <c:pt idx="2941">
                  <c:v>0.04</c:v>
                </c:pt>
                <c:pt idx="2942">
                  <c:v>0.04</c:v>
                </c:pt>
                <c:pt idx="2943">
                  <c:v>0.04</c:v>
                </c:pt>
                <c:pt idx="2944">
                  <c:v>0.04</c:v>
                </c:pt>
                <c:pt idx="2945">
                  <c:v>0.04</c:v>
                </c:pt>
                <c:pt idx="2946">
                  <c:v>0.04</c:v>
                </c:pt>
                <c:pt idx="2947">
                  <c:v>0.04</c:v>
                </c:pt>
                <c:pt idx="2948">
                  <c:v>0.04</c:v>
                </c:pt>
                <c:pt idx="2949">
                  <c:v>0.04</c:v>
                </c:pt>
                <c:pt idx="2950">
                  <c:v>0.04</c:v>
                </c:pt>
                <c:pt idx="2951">
                  <c:v>0.04</c:v>
                </c:pt>
                <c:pt idx="2952">
                  <c:v>0.04</c:v>
                </c:pt>
                <c:pt idx="2953">
                  <c:v>0.04</c:v>
                </c:pt>
                <c:pt idx="2954">
                  <c:v>0.04</c:v>
                </c:pt>
                <c:pt idx="2955">
                  <c:v>0.04</c:v>
                </c:pt>
                <c:pt idx="2956">
                  <c:v>0.04</c:v>
                </c:pt>
                <c:pt idx="2957">
                  <c:v>0.04</c:v>
                </c:pt>
                <c:pt idx="2958">
                  <c:v>0.04</c:v>
                </c:pt>
                <c:pt idx="2959">
                  <c:v>0.04</c:v>
                </c:pt>
                <c:pt idx="2960">
                  <c:v>0.04</c:v>
                </c:pt>
                <c:pt idx="2961">
                  <c:v>0.04</c:v>
                </c:pt>
                <c:pt idx="2962">
                  <c:v>0.04</c:v>
                </c:pt>
                <c:pt idx="2963">
                  <c:v>0.04</c:v>
                </c:pt>
                <c:pt idx="2964">
                  <c:v>0.04</c:v>
                </c:pt>
                <c:pt idx="2965">
                  <c:v>0.04</c:v>
                </c:pt>
                <c:pt idx="2966">
                  <c:v>0.04</c:v>
                </c:pt>
                <c:pt idx="2967">
                  <c:v>0.04</c:v>
                </c:pt>
                <c:pt idx="2968">
                  <c:v>0.04</c:v>
                </c:pt>
                <c:pt idx="2969">
                  <c:v>0.04</c:v>
                </c:pt>
                <c:pt idx="2970">
                  <c:v>0.04</c:v>
                </c:pt>
                <c:pt idx="2971">
                  <c:v>0.04</c:v>
                </c:pt>
                <c:pt idx="2972">
                  <c:v>0.04</c:v>
                </c:pt>
                <c:pt idx="2973">
                  <c:v>0.04</c:v>
                </c:pt>
                <c:pt idx="2974">
                  <c:v>0.04</c:v>
                </c:pt>
                <c:pt idx="2975">
                  <c:v>0.04</c:v>
                </c:pt>
                <c:pt idx="2976">
                  <c:v>0.04</c:v>
                </c:pt>
                <c:pt idx="2977">
                  <c:v>0.04</c:v>
                </c:pt>
                <c:pt idx="2978">
                  <c:v>0.04</c:v>
                </c:pt>
                <c:pt idx="2979">
                  <c:v>0.04</c:v>
                </c:pt>
                <c:pt idx="2980">
                  <c:v>0.04</c:v>
                </c:pt>
                <c:pt idx="2981">
                  <c:v>0.04</c:v>
                </c:pt>
                <c:pt idx="2982">
                  <c:v>0.04</c:v>
                </c:pt>
                <c:pt idx="2983">
                  <c:v>0.04</c:v>
                </c:pt>
                <c:pt idx="2984">
                  <c:v>0.04</c:v>
                </c:pt>
                <c:pt idx="2985">
                  <c:v>0.04</c:v>
                </c:pt>
                <c:pt idx="2986">
                  <c:v>0.04</c:v>
                </c:pt>
                <c:pt idx="2987">
                  <c:v>0.04</c:v>
                </c:pt>
                <c:pt idx="2988">
                  <c:v>0.04</c:v>
                </c:pt>
                <c:pt idx="2989">
                  <c:v>0.04</c:v>
                </c:pt>
                <c:pt idx="2990">
                  <c:v>0.04</c:v>
                </c:pt>
                <c:pt idx="2991">
                  <c:v>0.04</c:v>
                </c:pt>
                <c:pt idx="2992">
                  <c:v>0.04</c:v>
                </c:pt>
                <c:pt idx="2993">
                  <c:v>0.04</c:v>
                </c:pt>
                <c:pt idx="2994">
                  <c:v>0.04</c:v>
                </c:pt>
                <c:pt idx="2995">
                  <c:v>0.04</c:v>
                </c:pt>
                <c:pt idx="2996">
                  <c:v>0.04</c:v>
                </c:pt>
                <c:pt idx="2997">
                  <c:v>0.04</c:v>
                </c:pt>
                <c:pt idx="2998">
                  <c:v>0.04</c:v>
                </c:pt>
                <c:pt idx="2999">
                  <c:v>0.04</c:v>
                </c:pt>
                <c:pt idx="3000">
                  <c:v>0.04</c:v>
                </c:pt>
                <c:pt idx="3001">
                  <c:v>0.04</c:v>
                </c:pt>
                <c:pt idx="3002">
                  <c:v>0.04</c:v>
                </c:pt>
                <c:pt idx="3003">
                  <c:v>0.04</c:v>
                </c:pt>
                <c:pt idx="3004">
                  <c:v>0.04</c:v>
                </c:pt>
                <c:pt idx="3005">
                  <c:v>0.04</c:v>
                </c:pt>
                <c:pt idx="3006">
                  <c:v>0.04</c:v>
                </c:pt>
                <c:pt idx="3007">
                  <c:v>0.04</c:v>
                </c:pt>
                <c:pt idx="3008">
                  <c:v>0.04</c:v>
                </c:pt>
                <c:pt idx="3009">
                  <c:v>0.04</c:v>
                </c:pt>
                <c:pt idx="3010">
                  <c:v>0.04</c:v>
                </c:pt>
                <c:pt idx="3011">
                  <c:v>0.04</c:v>
                </c:pt>
                <c:pt idx="3012">
                  <c:v>0.04</c:v>
                </c:pt>
                <c:pt idx="3013">
                  <c:v>0.04</c:v>
                </c:pt>
                <c:pt idx="3014">
                  <c:v>0.04</c:v>
                </c:pt>
                <c:pt idx="3015">
                  <c:v>0.04</c:v>
                </c:pt>
                <c:pt idx="3016">
                  <c:v>0.04</c:v>
                </c:pt>
                <c:pt idx="3017">
                  <c:v>0.04</c:v>
                </c:pt>
                <c:pt idx="3018">
                  <c:v>0.04</c:v>
                </c:pt>
                <c:pt idx="3019">
                  <c:v>0.04</c:v>
                </c:pt>
                <c:pt idx="3020">
                  <c:v>0.04</c:v>
                </c:pt>
                <c:pt idx="3021">
                  <c:v>0.04</c:v>
                </c:pt>
                <c:pt idx="3022">
                  <c:v>0.04</c:v>
                </c:pt>
                <c:pt idx="3023">
                  <c:v>0.04</c:v>
                </c:pt>
                <c:pt idx="3024">
                  <c:v>0.04</c:v>
                </c:pt>
                <c:pt idx="3025">
                  <c:v>0.04</c:v>
                </c:pt>
                <c:pt idx="3026">
                  <c:v>0.04</c:v>
                </c:pt>
                <c:pt idx="3027">
                  <c:v>0.04</c:v>
                </c:pt>
                <c:pt idx="3028">
                  <c:v>0.04</c:v>
                </c:pt>
                <c:pt idx="3029">
                  <c:v>0.04</c:v>
                </c:pt>
                <c:pt idx="3030">
                  <c:v>0.04</c:v>
                </c:pt>
                <c:pt idx="3031">
                  <c:v>0.04</c:v>
                </c:pt>
                <c:pt idx="3032">
                  <c:v>0.04</c:v>
                </c:pt>
                <c:pt idx="3033">
                  <c:v>0.04</c:v>
                </c:pt>
                <c:pt idx="3034">
                  <c:v>0.04</c:v>
                </c:pt>
                <c:pt idx="3035">
                  <c:v>0.04</c:v>
                </c:pt>
                <c:pt idx="3036">
                  <c:v>0.04</c:v>
                </c:pt>
                <c:pt idx="3037">
                  <c:v>0.04</c:v>
                </c:pt>
                <c:pt idx="3038">
                  <c:v>0.04</c:v>
                </c:pt>
                <c:pt idx="3039">
                  <c:v>0.04</c:v>
                </c:pt>
                <c:pt idx="3040">
                  <c:v>0.04</c:v>
                </c:pt>
                <c:pt idx="3041">
                  <c:v>0.04</c:v>
                </c:pt>
                <c:pt idx="3042">
                  <c:v>0.04</c:v>
                </c:pt>
                <c:pt idx="3043">
                  <c:v>0.04</c:v>
                </c:pt>
                <c:pt idx="3044">
                  <c:v>0.04</c:v>
                </c:pt>
                <c:pt idx="3045">
                  <c:v>0.04</c:v>
                </c:pt>
                <c:pt idx="3046">
                  <c:v>0.04</c:v>
                </c:pt>
                <c:pt idx="3047">
                  <c:v>0.04</c:v>
                </c:pt>
                <c:pt idx="3048">
                  <c:v>0.04</c:v>
                </c:pt>
                <c:pt idx="3049">
                  <c:v>0.04</c:v>
                </c:pt>
                <c:pt idx="3050">
                  <c:v>0.04</c:v>
                </c:pt>
                <c:pt idx="3051">
                  <c:v>0.04</c:v>
                </c:pt>
                <c:pt idx="3052">
                  <c:v>0.04</c:v>
                </c:pt>
                <c:pt idx="3053">
                  <c:v>0.04</c:v>
                </c:pt>
                <c:pt idx="3054">
                  <c:v>0.04</c:v>
                </c:pt>
                <c:pt idx="3055">
                  <c:v>0.04</c:v>
                </c:pt>
                <c:pt idx="3056">
                  <c:v>0.04</c:v>
                </c:pt>
                <c:pt idx="3057">
                  <c:v>0.04</c:v>
                </c:pt>
                <c:pt idx="3058">
                  <c:v>0.04</c:v>
                </c:pt>
                <c:pt idx="3059">
                  <c:v>0.04</c:v>
                </c:pt>
                <c:pt idx="3060">
                  <c:v>0.04</c:v>
                </c:pt>
                <c:pt idx="3061">
                  <c:v>0.04</c:v>
                </c:pt>
                <c:pt idx="3062">
                  <c:v>0.04</c:v>
                </c:pt>
                <c:pt idx="3063">
                  <c:v>0.04</c:v>
                </c:pt>
                <c:pt idx="3064">
                  <c:v>0.04</c:v>
                </c:pt>
                <c:pt idx="3065">
                  <c:v>0.04</c:v>
                </c:pt>
                <c:pt idx="3066">
                  <c:v>0.04</c:v>
                </c:pt>
                <c:pt idx="3067">
                  <c:v>0.04</c:v>
                </c:pt>
                <c:pt idx="3068">
                  <c:v>0.04</c:v>
                </c:pt>
                <c:pt idx="3069">
                  <c:v>0.04</c:v>
                </c:pt>
                <c:pt idx="3070">
                  <c:v>0.04</c:v>
                </c:pt>
                <c:pt idx="3071">
                  <c:v>0.04</c:v>
                </c:pt>
                <c:pt idx="3072">
                  <c:v>0.04</c:v>
                </c:pt>
                <c:pt idx="3073">
                  <c:v>0.04</c:v>
                </c:pt>
                <c:pt idx="3074">
                  <c:v>0.04</c:v>
                </c:pt>
                <c:pt idx="3075">
                  <c:v>0.04</c:v>
                </c:pt>
                <c:pt idx="3076">
                  <c:v>0.04</c:v>
                </c:pt>
                <c:pt idx="3077">
                  <c:v>0.04</c:v>
                </c:pt>
                <c:pt idx="3078">
                  <c:v>0.04</c:v>
                </c:pt>
                <c:pt idx="3079">
                  <c:v>0.04</c:v>
                </c:pt>
                <c:pt idx="3080">
                  <c:v>0.04</c:v>
                </c:pt>
                <c:pt idx="3081">
                  <c:v>0.04</c:v>
                </c:pt>
                <c:pt idx="3082">
                  <c:v>0.04</c:v>
                </c:pt>
                <c:pt idx="3083">
                  <c:v>0.04</c:v>
                </c:pt>
                <c:pt idx="3084">
                  <c:v>0.04</c:v>
                </c:pt>
                <c:pt idx="3085">
                  <c:v>0.04</c:v>
                </c:pt>
                <c:pt idx="3086">
                  <c:v>0.04</c:v>
                </c:pt>
                <c:pt idx="3087">
                  <c:v>0.04</c:v>
                </c:pt>
                <c:pt idx="3088">
                  <c:v>0.04</c:v>
                </c:pt>
                <c:pt idx="3089">
                  <c:v>0.04</c:v>
                </c:pt>
                <c:pt idx="3090">
                  <c:v>0.04</c:v>
                </c:pt>
                <c:pt idx="3091">
                  <c:v>0.04</c:v>
                </c:pt>
                <c:pt idx="3092">
                  <c:v>0.04</c:v>
                </c:pt>
                <c:pt idx="3093">
                  <c:v>0.04</c:v>
                </c:pt>
                <c:pt idx="3094">
                  <c:v>0.04</c:v>
                </c:pt>
                <c:pt idx="3095">
                  <c:v>0.04</c:v>
                </c:pt>
                <c:pt idx="3096">
                  <c:v>0.04</c:v>
                </c:pt>
                <c:pt idx="3097">
                  <c:v>0.04</c:v>
                </c:pt>
                <c:pt idx="3098">
                  <c:v>0.04</c:v>
                </c:pt>
                <c:pt idx="3099">
                  <c:v>0.04</c:v>
                </c:pt>
                <c:pt idx="3100">
                  <c:v>0.04</c:v>
                </c:pt>
                <c:pt idx="3101">
                  <c:v>0.04</c:v>
                </c:pt>
                <c:pt idx="3102">
                  <c:v>0.04</c:v>
                </c:pt>
                <c:pt idx="3103">
                  <c:v>0.04</c:v>
                </c:pt>
                <c:pt idx="3104">
                  <c:v>0.04</c:v>
                </c:pt>
                <c:pt idx="3105">
                  <c:v>0.04</c:v>
                </c:pt>
                <c:pt idx="3106">
                  <c:v>0.04</c:v>
                </c:pt>
                <c:pt idx="3107">
                  <c:v>0.04</c:v>
                </c:pt>
                <c:pt idx="3108">
                  <c:v>0.04</c:v>
                </c:pt>
                <c:pt idx="3109">
                  <c:v>0.04</c:v>
                </c:pt>
                <c:pt idx="3110">
                  <c:v>0.04</c:v>
                </c:pt>
                <c:pt idx="3111">
                  <c:v>0.04</c:v>
                </c:pt>
                <c:pt idx="3112">
                  <c:v>4.2500000000000003E-2</c:v>
                </c:pt>
                <c:pt idx="3113">
                  <c:v>4.2500000000000003E-2</c:v>
                </c:pt>
                <c:pt idx="3114">
                  <c:v>4.2500000000000003E-2</c:v>
                </c:pt>
                <c:pt idx="3115">
                  <c:v>4.2500000000000003E-2</c:v>
                </c:pt>
                <c:pt idx="3116">
                  <c:v>4.2500000000000003E-2</c:v>
                </c:pt>
                <c:pt idx="3117">
                  <c:v>4.2500000000000003E-2</c:v>
                </c:pt>
                <c:pt idx="3118">
                  <c:v>4.2500000000000003E-2</c:v>
                </c:pt>
                <c:pt idx="3119">
                  <c:v>4.2500000000000003E-2</c:v>
                </c:pt>
                <c:pt idx="3120">
                  <c:v>4.2500000000000003E-2</c:v>
                </c:pt>
                <c:pt idx="3121">
                  <c:v>4.2500000000000003E-2</c:v>
                </c:pt>
                <c:pt idx="3122">
                  <c:v>4.2500000000000003E-2</c:v>
                </c:pt>
                <c:pt idx="3123">
                  <c:v>4.2500000000000003E-2</c:v>
                </c:pt>
                <c:pt idx="3124">
                  <c:v>4.2500000000000003E-2</c:v>
                </c:pt>
                <c:pt idx="3125">
                  <c:v>4.2500000000000003E-2</c:v>
                </c:pt>
                <c:pt idx="3126">
                  <c:v>4.2500000000000003E-2</c:v>
                </c:pt>
                <c:pt idx="3127">
                  <c:v>4.2500000000000003E-2</c:v>
                </c:pt>
                <c:pt idx="3128">
                  <c:v>4.2500000000000003E-2</c:v>
                </c:pt>
                <c:pt idx="3129">
                  <c:v>4.2500000000000003E-2</c:v>
                </c:pt>
                <c:pt idx="3130">
                  <c:v>4.2500000000000003E-2</c:v>
                </c:pt>
                <c:pt idx="3131">
                  <c:v>4.2500000000000003E-2</c:v>
                </c:pt>
                <c:pt idx="3132">
                  <c:v>4.2500000000000003E-2</c:v>
                </c:pt>
                <c:pt idx="3133">
                  <c:v>4.2500000000000003E-2</c:v>
                </c:pt>
                <c:pt idx="3134">
                  <c:v>4.2500000000000003E-2</c:v>
                </c:pt>
                <c:pt idx="3135">
                  <c:v>4.2500000000000003E-2</c:v>
                </c:pt>
                <c:pt idx="3136">
                  <c:v>4.2500000000000003E-2</c:v>
                </c:pt>
                <c:pt idx="3137">
                  <c:v>4.2500000000000003E-2</c:v>
                </c:pt>
                <c:pt idx="3138">
                  <c:v>4.2500000000000003E-2</c:v>
                </c:pt>
                <c:pt idx="3139">
                  <c:v>4.2500000000000003E-2</c:v>
                </c:pt>
                <c:pt idx="3140">
                  <c:v>4.2500000000000003E-2</c:v>
                </c:pt>
                <c:pt idx="3141">
                  <c:v>4.2500000000000003E-2</c:v>
                </c:pt>
                <c:pt idx="3142">
                  <c:v>4.2500000000000003E-2</c:v>
                </c:pt>
                <c:pt idx="3143">
                  <c:v>4.2500000000000003E-2</c:v>
                </c:pt>
                <c:pt idx="3144">
                  <c:v>4.2500000000000003E-2</c:v>
                </c:pt>
                <c:pt idx="3145">
                  <c:v>4.2500000000000003E-2</c:v>
                </c:pt>
                <c:pt idx="3146">
                  <c:v>4.2500000000000003E-2</c:v>
                </c:pt>
                <c:pt idx="3147">
                  <c:v>4.2500000000000003E-2</c:v>
                </c:pt>
                <c:pt idx="3148">
                  <c:v>4.2500000000000003E-2</c:v>
                </c:pt>
                <c:pt idx="3149">
                  <c:v>4.2500000000000003E-2</c:v>
                </c:pt>
                <c:pt idx="3150">
                  <c:v>4.2500000000000003E-2</c:v>
                </c:pt>
                <c:pt idx="3151">
                  <c:v>4.2500000000000003E-2</c:v>
                </c:pt>
                <c:pt idx="3152">
                  <c:v>4.2500000000000003E-2</c:v>
                </c:pt>
                <c:pt idx="3153">
                  <c:v>4.2500000000000003E-2</c:v>
                </c:pt>
                <c:pt idx="3154">
                  <c:v>4.2500000000000003E-2</c:v>
                </c:pt>
                <c:pt idx="3155">
                  <c:v>4.2500000000000003E-2</c:v>
                </c:pt>
                <c:pt idx="3156">
                  <c:v>4.2500000000000003E-2</c:v>
                </c:pt>
                <c:pt idx="3157">
                  <c:v>4.2500000000000003E-2</c:v>
                </c:pt>
                <c:pt idx="3158">
                  <c:v>4.2500000000000003E-2</c:v>
                </c:pt>
                <c:pt idx="3159">
                  <c:v>4.2500000000000003E-2</c:v>
                </c:pt>
                <c:pt idx="3160">
                  <c:v>4.2500000000000003E-2</c:v>
                </c:pt>
                <c:pt idx="3161">
                  <c:v>4.2500000000000003E-2</c:v>
                </c:pt>
                <c:pt idx="3162">
                  <c:v>4.2500000000000003E-2</c:v>
                </c:pt>
                <c:pt idx="3163">
                  <c:v>4.2500000000000003E-2</c:v>
                </c:pt>
                <c:pt idx="3164">
                  <c:v>4.2500000000000003E-2</c:v>
                </c:pt>
                <c:pt idx="3165">
                  <c:v>4.2500000000000003E-2</c:v>
                </c:pt>
                <c:pt idx="3166">
                  <c:v>4.2500000000000003E-2</c:v>
                </c:pt>
                <c:pt idx="3167">
                  <c:v>4.2500000000000003E-2</c:v>
                </c:pt>
                <c:pt idx="3168">
                  <c:v>4.2500000000000003E-2</c:v>
                </c:pt>
                <c:pt idx="3169">
                  <c:v>4.2500000000000003E-2</c:v>
                </c:pt>
                <c:pt idx="3170">
                  <c:v>4.2500000000000003E-2</c:v>
                </c:pt>
                <c:pt idx="3171">
                  <c:v>4.2500000000000003E-2</c:v>
                </c:pt>
                <c:pt idx="3172">
                  <c:v>4.2500000000000003E-2</c:v>
                </c:pt>
                <c:pt idx="3173">
                  <c:v>4.2500000000000003E-2</c:v>
                </c:pt>
                <c:pt idx="3174">
                  <c:v>4.2500000000000003E-2</c:v>
                </c:pt>
                <c:pt idx="3175">
                  <c:v>4.2500000000000003E-2</c:v>
                </c:pt>
                <c:pt idx="3176">
                  <c:v>4.2500000000000003E-2</c:v>
                </c:pt>
                <c:pt idx="3177">
                  <c:v>4.2500000000000003E-2</c:v>
                </c:pt>
                <c:pt idx="3178">
                  <c:v>4.2500000000000003E-2</c:v>
                </c:pt>
                <c:pt idx="3179">
                  <c:v>4.2500000000000003E-2</c:v>
                </c:pt>
                <c:pt idx="3180">
                  <c:v>4.2500000000000003E-2</c:v>
                </c:pt>
                <c:pt idx="3181">
                  <c:v>4.2500000000000003E-2</c:v>
                </c:pt>
                <c:pt idx="3182">
                  <c:v>4.2500000000000003E-2</c:v>
                </c:pt>
                <c:pt idx="3183">
                  <c:v>4.2500000000000003E-2</c:v>
                </c:pt>
                <c:pt idx="3184">
                  <c:v>4.2500000000000003E-2</c:v>
                </c:pt>
                <c:pt idx="3185">
                  <c:v>4.2500000000000003E-2</c:v>
                </c:pt>
                <c:pt idx="3186">
                  <c:v>4.2500000000000003E-2</c:v>
                </c:pt>
                <c:pt idx="3187">
                  <c:v>4.2500000000000003E-2</c:v>
                </c:pt>
                <c:pt idx="3188">
                  <c:v>4.2500000000000003E-2</c:v>
                </c:pt>
                <c:pt idx="3189">
                  <c:v>4.2500000000000003E-2</c:v>
                </c:pt>
                <c:pt idx="3190">
                  <c:v>4.2500000000000003E-2</c:v>
                </c:pt>
                <c:pt idx="3191">
                  <c:v>4.2500000000000003E-2</c:v>
                </c:pt>
                <c:pt idx="3192">
                  <c:v>4.2500000000000003E-2</c:v>
                </c:pt>
                <c:pt idx="3193">
                  <c:v>4.2500000000000003E-2</c:v>
                </c:pt>
                <c:pt idx="3194">
                  <c:v>4.2500000000000003E-2</c:v>
                </c:pt>
                <c:pt idx="3195">
                  <c:v>4.2500000000000003E-2</c:v>
                </c:pt>
                <c:pt idx="3196">
                  <c:v>4.2500000000000003E-2</c:v>
                </c:pt>
                <c:pt idx="3197">
                  <c:v>4.2500000000000003E-2</c:v>
                </c:pt>
                <c:pt idx="3198">
                  <c:v>4.2500000000000003E-2</c:v>
                </c:pt>
                <c:pt idx="3199">
                  <c:v>4.2500000000000003E-2</c:v>
                </c:pt>
                <c:pt idx="3200">
                  <c:v>4.2500000000000003E-2</c:v>
                </c:pt>
                <c:pt idx="3201">
                  <c:v>4.2500000000000003E-2</c:v>
                </c:pt>
                <c:pt idx="3202">
                  <c:v>4.2500000000000003E-2</c:v>
                </c:pt>
                <c:pt idx="3203">
                  <c:v>4.2500000000000003E-2</c:v>
                </c:pt>
                <c:pt idx="3204">
                  <c:v>4.2500000000000003E-2</c:v>
                </c:pt>
                <c:pt idx="3205">
                  <c:v>4.2500000000000003E-2</c:v>
                </c:pt>
                <c:pt idx="3206">
                  <c:v>4.2500000000000003E-2</c:v>
                </c:pt>
                <c:pt idx="3207">
                  <c:v>4.2500000000000003E-2</c:v>
                </c:pt>
                <c:pt idx="3208">
                  <c:v>4.2500000000000003E-2</c:v>
                </c:pt>
                <c:pt idx="3209">
                  <c:v>4.2500000000000003E-2</c:v>
                </c:pt>
                <c:pt idx="3210">
                  <c:v>3.7499999999999999E-2</c:v>
                </c:pt>
                <c:pt idx="3211">
                  <c:v>3.7499999999999999E-2</c:v>
                </c:pt>
                <c:pt idx="3212">
                  <c:v>3.7499999999999999E-2</c:v>
                </c:pt>
                <c:pt idx="3213">
                  <c:v>3.7499999999999999E-2</c:v>
                </c:pt>
                <c:pt idx="3214">
                  <c:v>3.7499999999999999E-2</c:v>
                </c:pt>
                <c:pt idx="3215">
                  <c:v>3.7499999999999999E-2</c:v>
                </c:pt>
                <c:pt idx="3216">
                  <c:v>3.7499999999999999E-2</c:v>
                </c:pt>
                <c:pt idx="3217">
                  <c:v>3.7499999999999999E-2</c:v>
                </c:pt>
                <c:pt idx="3218">
                  <c:v>3.7499999999999999E-2</c:v>
                </c:pt>
                <c:pt idx="3219">
                  <c:v>3.7499999999999999E-2</c:v>
                </c:pt>
                <c:pt idx="3220">
                  <c:v>3.7499999999999999E-2</c:v>
                </c:pt>
                <c:pt idx="3221">
                  <c:v>3.7499999999999999E-2</c:v>
                </c:pt>
                <c:pt idx="3222">
                  <c:v>3.7499999999999999E-2</c:v>
                </c:pt>
                <c:pt idx="3223">
                  <c:v>3.7499999999999999E-2</c:v>
                </c:pt>
                <c:pt idx="3224">
                  <c:v>3.7499999999999999E-2</c:v>
                </c:pt>
                <c:pt idx="3225">
                  <c:v>3.7499999999999999E-2</c:v>
                </c:pt>
                <c:pt idx="3226">
                  <c:v>3.7499999999999999E-2</c:v>
                </c:pt>
                <c:pt idx="3227">
                  <c:v>3.7499999999999999E-2</c:v>
                </c:pt>
                <c:pt idx="3228">
                  <c:v>3.7499999999999999E-2</c:v>
                </c:pt>
                <c:pt idx="3229">
                  <c:v>3.7499999999999999E-2</c:v>
                </c:pt>
                <c:pt idx="3230">
                  <c:v>3.7499999999999999E-2</c:v>
                </c:pt>
                <c:pt idx="3231">
                  <c:v>3.7499999999999999E-2</c:v>
                </c:pt>
                <c:pt idx="3232">
                  <c:v>3.7499999999999999E-2</c:v>
                </c:pt>
                <c:pt idx="3233">
                  <c:v>3.7499999999999999E-2</c:v>
                </c:pt>
                <c:pt idx="3234">
                  <c:v>3.7499999999999999E-2</c:v>
                </c:pt>
                <c:pt idx="3235">
                  <c:v>3.7499999999999999E-2</c:v>
                </c:pt>
                <c:pt idx="3236">
                  <c:v>3.7499999999999999E-2</c:v>
                </c:pt>
                <c:pt idx="3237">
                  <c:v>3.7499999999999999E-2</c:v>
                </c:pt>
                <c:pt idx="3238">
                  <c:v>3.2500000000000001E-2</c:v>
                </c:pt>
                <c:pt idx="3239">
                  <c:v>3.2500000000000001E-2</c:v>
                </c:pt>
                <c:pt idx="3240">
                  <c:v>3.2500000000000001E-2</c:v>
                </c:pt>
                <c:pt idx="3241">
                  <c:v>3.2500000000000001E-2</c:v>
                </c:pt>
                <c:pt idx="3242">
                  <c:v>3.2500000000000001E-2</c:v>
                </c:pt>
                <c:pt idx="3243">
                  <c:v>3.2500000000000001E-2</c:v>
                </c:pt>
                <c:pt idx="3244">
                  <c:v>3.2500000000000001E-2</c:v>
                </c:pt>
                <c:pt idx="3245">
                  <c:v>3.2500000000000001E-2</c:v>
                </c:pt>
                <c:pt idx="3246">
                  <c:v>3.2500000000000001E-2</c:v>
                </c:pt>
                <c:pt idx="3247">
                  <c:v>3.2500000000000001E-2</c:v>
                </c:pt>
                <c:pt idx="3248">
                  <c:v>3.2500000000000001E-2</c:v>
                </c:pt>
                <c:pt idx="3249">
                  <c:v>3.2500000000000001E-2</c:v>
                </c:pt>
                <c:pt idx="3250">
                  <c:v>3.2500000000000001E-2</c:v>
                </c:pt>
                <c:pt idx="3251">
                  <c:v>3.2500000000000001E-2</c:v>
                </c:pt>
                <c:pt idx="3252">
                  <c:v>3.2500000000000001E-2</c:v>
                </c:pt>
                <c:pt idx="3253">
                  <c:v>3.2500000000000001E-2</c:v>
                </c:pt>
                <c:pt idx="3254">
                  <c:v>3.2500000000000001E-2</c:v>
                </c:pt>
                <c:pt idx="3255">
                  <c:v>3.2500000000000001E-2</c:v>
                </c:pt>
                <c:pt idx="3256">
                  <c:v>3.2500000000000001E-2</c:v>
                </c:pt>
                <c:pt idx="3257">
                  <c:v>3.2500000000000001E-2</c:v>
                </c:pt>
                <c:pt idx="3258">
                  <c:v>3.2500000000000001E-2</c:v>
                </c:pt>
                <c:pt idx="3259">
                  <c:v>3.2500000000000001E-2</c:v>
                </c:pt>
                <c:pt idx="3260">
                  <c:v>3.2500000000000001E-2</c:v>
                </c:pt>
                <c:pt idx="3261">
                  <c:v>3.2500000000000001E-2</c:v>
                </c:pt>
                <c:pt idx="3262">
                  <c:v>3.2500000000000001E-2</c:v>
                </c:pt>
                <c:pt idx="3263">
                  <c:v>3.2500000000000001E-2</c:v>
                </c:pt>
                <c:pt idx="3264">
                  <c:v>3.2500000000000001E-2</c:v>
                </c:pt>
                <c:pt idx="3265">
                  <c:v>3.2500000000000001E-2</c:v>
                </c:pt>
                <c:pt idx="3266">
                  <c:v>2.5000000000000001E-2</c:v>
                </c:pt>
                <c:pt idx="3267">
                  <c:v>2.5000000000000001E-2</c:v>
                </c:pt>
                <c:pt idx="3268">
                  <c:v>2.5000000000000001E-2</c:v>
                </c:pt>
                <c:pt idx="3269">
                  <c:v>2.5000000000000001E-2</c:v>
                </c:pt>
                <c:pt idx="3270">
                  <c:v>2.5000000000000001E-2</c:v>
                </c:pt>
                <c:pt idx="3271">
                  <c:v>2.5000000000000001E-2</c:v>
                </c:pt>
                <c:pt idx="3272">
                  <c:v>2.5000000000000001E-2</c:v>
                </c:pt>
                <c:pt idx="3273">
                  <c:v>2.5000000000000001E-2</c:v>
                </c:pt>
                <c:pt idx="3274">
                  <c:v>2.5000000000000001E-2</c:v>
                </c:pt>
                <c:pt idx="3275">
                  <c:v>2.5000000000000001E-2</c:v>
                </c:pt>
                <c:pt idx="3276">
                  <c:v>2.5000000000000001E-2</c:v>
                </c:pt>
                <c:pt idx="3277">
                  <c:v>2.5000000000000001E-2</c:v>
                </c:pt>
                <c:pt idx="3278">
                  <c:v>2.5000000000000001E-2</c:v>
                </c:pt>
                <c:pt idx="3279">
                  <c:v>2.5000000000000001E-2</c:v>
                </c:pt>
                <c:pt idx="3280">
                  <c:v>2.5000000000000001E-2</c:v>
                </c:pt>
                <c:pt idx="3281">
                  <c:v>2.5000000000000001E-2</c:v>
                </c:pt>
                <c:pt idx="3282">
                  <c:v>2.5000000000000001E-2</c:v>
                </c:pt>
                <c:pt idx="3283">
                  <c:v>2.5000000000000001E-2</c:v>
                </c:pt>
                <c:pt idx="3284">
                  <c:v>2.5000000000000001E-2</c:v>
                </c:pt>
                <c:pt idx="3285">
                  <c:v>2.5000000000000001E-2</c:v>
                </c:pt>
                <c:pt idx="3286">
                  <c:v>2.5000000000000001E-2</c:v>
                </c:pt>
                <c:pt idx="3287">
                  <c:v>2.5000000000000001E-2</c:v>
                </c:pt>
                <c:pt idx="3288">
                  <c:v>2.5000000000000001E-2</c:v>
                </c:pt>
                <c:pt idx="3289">
                  <c:v>2.5000000000000001E-2</c:v>
                </c:pt>
                <c:pt idx="3290">
                  <c:v>2.5000000000000001E-2</c:v>
                </c:pt>
                <c:pt idx="3291">
                  <c:v>2.5000000000000001E-2</c:v>
                </c:pt>
                <c:pt idx="3292">
                  <c:v>2.5000000000000001E-2</c:v>
                </c:pt>
                <c:pt idx="3293">
                  <c:v>2.5000000000000001E-2</c:v>
                </c:pt>
                <c:pt idx="3294">
                  <c:v>2.5000000000000001E-2</c:v>
                </c:pt>
                <c:pt idx="3295">
                  <c:v>2.5000000000000001E-2</c:v>
                </c:pt>
                <c:pt idx="3296">
                  <c:v>2.5000000000000001E-2</c:v>
                </c:pt>
                <c:pt idx="3297">
                  <c:v>2.5000000000000001E-2</c:v>
                </c:pt>
                <c:pt idx="3298">
                  <c:v>2.5000000000000001E-2</c:v>
                </c:pt>
                <c:pt idx="3299">
                  <c:v>2.5000000000000001E-2</c:v>
                </c:pt>
                <c:pt idx="3300">
                  <c:v>2.5000000000000001E-2</c:v>
                </c:pt>
                <c:pt idx="3301">
                  <c:v>2.5000000000000001E-2</c:v>
                </c:pt>
                <c:pt idx="3302">
                  <c:v>2.5000000000000001E-2</c:v>
                </c:pt>
                <c:pt idx="3303">
                  <c:v>2.5000000000000001E-2</c:v>
                </c:pt>
                <c:pt idx="3304">
                  <c:v>2.5000000000000001E-2</c:v>
                </c:pt>
                <c:pt idx="3305">
                  <c:v>2.5000000000000001E-2</c:v>
                </c:pt>
                <c:pt idx="3306">
                  <c:v>2.5000000000000001E-2</c:v>
                </c:pt>
                <c:pt idx="3307">
                  <c:v>2.5000000000000001E-2</c:v>
                </c:pt>
                <c:pt idx="3308">
                  <c:v>0.02</c:v>
                </c:pt>
                <c:pt idx="3309">
                  <c:v>0.02</c:v>
                </c:pt>
                <c:pt idx="3310">
                  <c:v>0.02</c:v>
                </c:pt>
                <c:pt idx="3311">
                  <c:v>0.02</c:v>
                </c:pt>
                <c:pt idx="3312">
                  <c:v>0.02</c:v>
                </c:pt>
                <c:pt idx="3313">
                  <c:v>0.02</c:v>
                </c:pt>
                <c:pt idx="3314">
                  <c:v>0.02</c:v>
                </c:pt>
                <c:pt idx="3315">
                  <c:v>0.02</c:v>
                </c:pt>
                <c:pt idx="3316">
                  <c:v>0.02</c:v>
                </c:pt>
                <c:pt idx="3317">
                  <c:v>0.02</c:v>
                </c:pt>
                <c:pt idx="3318">
                  <c:v>0.02</c:v>
                </c:pt>
                <c:pt idx="3319">
                  <c:v>0.02</c:v>
                </c:pt>
                <c:pt idx="3320">
                  <c:v>0.02</c:v>
                </c:pt>
                <c:pt idx="3321">
                  <c:v>0.02</c:v>
                </c:pt>
                <c:pt idx="3322">
                  <c:v>0.02</c:v>
                </c:pt>
                <c:pt idx="3323">
                  <c:v>0.02</c:v>
                </c:pt>
                <c:pt idx="3324">
                  <c:v>0.02</c:v>
                </c:pt>
                <c:pt idx="3325">
                  <c:v>0.02</c:v>
                </c:pt>
                <c:pt idx="3326">
                  <c:v>0.02</c:v>
                </c:pt>
                <c:pt idx="3327">
                  <c:v>0.02</c:v>
                </c:pt>
                <c:pt idx="3328">
                  <c:v>0.02</c:v>
                </c:pt>
                <c:pt idx="3329">
                  <c:v>0.02</c:v>
                </c:pt>
                <c:pt idx="3330">
                  <c:v>0.02</c:v>
                </c:pt>
                <c:pt idx="3331">
                  <c:v>0.02</c:v>
                </c:pt>
                <c:pt idx="3332">
                  <c:v>0.02</c:v>
                </c:pt>
                <c:pt idx="3333">
                  <c:v>0.02</c:v>
                </c:pt>
                <c:pt idx="3334">
                  <c:v>0.02</c:v>
                </c:pt>
                <c:pt idx="3335">
                  <c:v>0.02</c:v>
                </c:pt>
                <c:pt idx="3336">
                  <c:v>0.02</c:v>
                </c:pt>
                <c:pt idx="3337">
                  <c:v>0.02</c:v>
                </c:pt>
                <c:pt idx="3338">
                  <c:v>0.02</c:v>
                </c:pt>
                <c:pt idx="3339">
                  <c:v>0.02</c:v>
                </c:pt>
                <c:pt idx="3340">
                  <c:v>0.02</c:v>
                </c:pt>
                <c:pt idx="3341">
                  <c:v>0.02</c:v>
                </c:pt>
                <c:pt idx="3342">
                  <c:v>0.02</c:v>
                </c:pt>
                <c:pt idx="3343">
                  <c:v>0.02</c:v>
                </c:pt>
                <c:pt idx="3344">
                  <c:v>0.02</c:v>
                </c:pt>
                <c:pt idx="3345">
                  <c:v>0.02</c:v>
                </c:pt>
                <c:pt idx="3346">
                  <c:v>0.02</c:v>
                </c:pt>
                <c:pt idx="3347">
                  <c:v>0.02</c:v>
                </c:pt>
                <c:pt idx="3348">
                  <c:v>0.02</c:v>
                </c:pt>
                <c:pt idx="3349">
                  <c:v>0.02</c:v>
                </c:pt>
                <c:pt idx="3350">
                  <c:v>0.02</c:v>
                </c:pt>
                <c:pt idx="3351">
                  <c:v>0.02</c:v>
                </c:pt>
                <c:pt idx="3352">
                  <c:v>0.02</c:v>
                </c:pt>
                <c:pt idx="3353">
                  <c:v>0.02</c:v>
                </c:pt>
                <c:pt idx="3354">
                  <c:v>0.02</c:v>
                </c:pt>
                <c:pt idx="3355">
                  <c:v>0.02</c:v>
                </c:pt>
                <c:pt idx="3356">
                  <c:v>0.02</c:v>
                </c:pt>
                <c:pt idx="3357">
                  <c:v>1.4999999999999999E-2</c:v>
                </c:pt>
                <c:pt idx="3358">
                  <c:v>1.4999999999999999E-2</c:v>
                </c:pt>
                <c:pt idx="3359">
                  <c:v>1.4999999999999999E-2</c:v>
                </c:pt>
                <c:pt idx="3360">
                  <c:v>1.4999999999999999E-2</c:v>
                </c:pt>
                <c:pt idx="3361">
                  <c:v>1.4999999999999999E-2</c:v>
                </c:pt>
                <c:pt idx="3362">
                  <c:v>1.4999999999999999E-2</c:v>
                </c:pt>
                <c:pt idx="3363">
                  <c:v>1.4999999999999999E-2</c:v>
                </c:pt>
                <c:pt idx="3364">
                  <c:v>1.4999999999999999E-2</c:v>
                </c:pt>
                <c:pt idx="3365">
                  <c:v>1.4999999999999999E-2</c:v>
                </c:pt>
                <c:pt idx="3366">
                  <c:v>1.4999999999999999E-2</c:v>
                </c:pt>
                <c:pt idx="3367">
                  <c:v>1.4999999999999999E-2</c:v>
                </c:pt>
                <c:pt idx="3368">
                  <c:v>1.4999999999999999E-2</c:v>
                </c:pt>
                <c:pt idx="3369">
                  <c:v>1.4999999999999999E-2</c:v>
                </c:pt>
                <c:pt idx="3370">
                  <c:v>1.4999999999999999E-2</c:v>
                </c:pt>
                <c:pt idx="3371">
                  <c:v>1.4999999999999999E-2</c:v>
                </c:pt>
                <c:pt idx="3372">
                  <c:v>1.4999999999999999E-2</c:v>
                </c:pt>
                <c:pt idx="3373">
                  <c:v>1.4999999999999999E-2</c:v>
                </c:pt>
                <c:pt idx="3374">
                  <c:v>1.4999999999999999E-2</c:v>
                </c:pt>
                <c:pt idx="3375">
                  <c:v>1.4999999999999999E-2</c:v>
                </c:pt>
                <c:pt idx="3376">
                  <c:v>1.4999999999999999E-2</c:v>
                </c:pt>
                <c:pt idx="3377">
                  <c:v>1.4999999999999999E-2</c:v>
                </c:pt>
                <c:pt idx="3378">
                  <c:v>1.4999999999999999E-2</c:v>
                </c:pt>
                <c:pt idx="3379">
                  <c:v>1.4999999999999999E-2</c:v>
                </c:pt>
                <c:pt idx="3380">
                  <c:v>1.4999999999999999E-2</c:v>
                </c:pt>
                <c:pt idx="3381">
                  <c:v>1.4999999999999999E-2</c:v>
                </c:pt>
                <c:pt idx="3382">
                  <c:v>1.4999999999999999E-2</c:v>
                </c:pt>
                <c:pt idx="3383">
                  <c:v>1.4999999999999999E-2</c:v>
                </c:pt>
                <c:pt idx="3384">
                  <c:v>1.4999999999999999E-2</c:v>
                </c:pt>
                <c:pt idx="3385">
                  <c:v>1.2500000000000001E-2</c:v>
                </c:pt>
                <c:pt idx="3386">
                  <c:v>1.2500000000000001E-2</c:v>
                </c:pt>
                <c:pt idx="3387">
                  <c:v>1.2500000000000001E-2</c:v>
                </c:pt>
                <c:pt idx="3388">
                  <c:v>1.2500000000000001E-2</c:v>
                </c:pt>
                <c:pt idx="3389">
                  <c:v>1.2500000000000001E-2</c:v>
                </c:pt>
                <c:pt idx="3390">
                  <c:v>1.2500000000000001E-2</c:v>
                </c:pt>
                <c:pt idx="3391">
                  <c:v>1.2500000000000001E-2</c:v>
                </c:pt>
                <c:pt idx="3392">
                  <c:v>1.2500000000000001E-2</c:v>
                </c:pt>
                <c:pt idx="3393">
                  <c:v>1.2500000000000001E-2</c:v>
                </c:pt>
                <c:pt idx="3394">
                  <c:v>1.2500000000000001E-2</c:v>
                </c:pt>
                <c:pt idx="3395">
                  <c:v>1.2500000000000001E-2</c:v>
                </c:pt>
                <c:pt idx="3396">
                  <c:v>1.2500000000000001E-2</c:v>
                </c:pt>
                <c:pt idx="3397">
                  <c:v>1.2500000000000001E-2</c:v>
                </c:pt>
                <c:pt idx="3398">
                  <c:v>1.2500000000000001E-2</c:v>
                </c:pt>
                <c:pt idx="3399">
                  <c:v>1.2500000000000001E-2</c:v>
                </c:pt>
                <c:pt idx="3400">
                  <c:v>1.2500000000000001E-2</c:v>
                </c:pt>
                <c:pt idx="3401">
                  <c:v>1.2500000000000001E-2</c:v>
                </c:pt>
                <c:pt idx="3402">
                  <c:v>1.2500000000000001E-2</c:v>
                </c:pt>
                <c:pt idx="3403">
                  <c:v>1.2500000000000001E-2</c:v>
                </c:pt>
                <c:pt idx="3404">
                  <c:v>1.2500000000000001E-2</c:v>
                </c:pt>
                <c:pt idx="3405">
                  <c:v>1.2500000000000001E-2</c:v>
                </c:pt>
                <c:pt idx="3406">
                  <c:v>1.2500000000000001E-2</c:v>
                </c:pt>
                <c:pt idx="3407">
                  <c:v>1.2500000000000001E-2</c:v>
                </c:pt>
                <c:pt idx="3408">
                  <c:v>1.2500000000000001E-2</c:v>
                </c:pt>
                <c:pt idx="3409">
                  <c:v>1.2500000000000001E-2</c:v>
                </c:pt>
                <c:pt idx="3410">
                  <c:v>1.2500000000000001E-2</c:v>
                </c:pt>
                <c:pt idx="3411">
                  <c:v>1.2500000000000001E-2</c:v>
                </c:pt>
                <c:pt idx="3412">
                  <c:v>1.2500000000000001E-2</c:v>
                </c:pt>
                <c:pt idx="3413">
                  <c:v>1.2500000000000001E-2</c:v>
                </c:pt>
                <c:pt idx="3414">
                  <c:v>1.2500000000000001E-2</c:v>
                </c:pt>
                <c:pt idx="3415">
                  <c:v>1.2500000000000001E-2</c:v>
                </c:pt>
                <c:pt idx="3416">
                  <c:v>1.2500000000000001E-2</c:v>
                </c:pt>
                <c:pt idx="3417">
                  <c:v>1.2500000000000001E-2</c:v>
                </c:pt>
                <c:pt idx="3418">
                  <c:v>1.2500000000000001E-2</c:v>
                </c:pt>
                <c:pt idx="3419">
                  <c:v>1.2500000000000001E-2</c:v>
                </c:pt>
                <c:pt idx="3420">
                  <c:v>0.01</c:v>
                </c:pt>
                <c:pt idx="3421">
                  <c:v>0.01</c:v>
                </c:pt>
                <c:pt idx="3422">
                  <c:v>0.01</c:v>
                </c:pt>
                <c:pt idx="3423">
                  <c:v>0.01</c:v>
                </c:pt>
                <c:pt idx="3424">
                  <c:v>0.01</c:v>
                </c:pt>
                <c:pt idx="3425">
                  <c:v>0.01</c:v>
                </c:pt>
                <c:pt idx="3426">
                  <c:v>0.01</c:v>
                </c:pt>
                <c:pt idx="3427">
                  <c:v>0.01</c:v>
                </c:pt>
                <c:pt idx="3428">
                  <c:v>0.01</c:v>
                </c:pt>
                <c:pt idx="3429">
                  <c:v>0.01</c:v>
                </c:pt>
                <c:pt idx="3430">
                  <c:v>0.01</c:v>
                </c:pt>
                <c:pt idx="3431">
                  <c:v>0.01</c:v>
                </c:pt>
                <c:pt idx="3432">
                  <c:v>0.01</c:v>
                </c:pt>
                <c:pt idx="3433">
                  <c:v>0.01</c:v>
                </c:pt>
                <c:pt idx="3434">
                  <c:v>0.01</c:v>
                </c:pt>
                <c:pt idx="3435">
                  <c:v>0.01</c:v>
                </c:pt>
                <c:pt idx="3436">
                  <c:v>0.01</c:v>
                </c:pt>
                <c:pt idx="3437">
                  <c:v>0.01</c:v>
                </c:pt>
                <c:pt idx="3438">
                  <c:v>0.01</c:v>
                </c:pt>
                <c:pt idx="3439">
                  <c:v>0.01</c:v>
                </c:pt>
                <c:pt idx="3440">
                  <c:v>0.01</c:v>
                </c:pt>
                <c:pt idx="3441">
                  <c:v>0.01</c:v>
                </c:pt>
                <c:pt idx="3442">
                  <c:v>0.01</c:v>
                </c:pt>
                <c:pt idx="3443">
                  <c:v>0.01</c:v>
                </c:pt>
                <c:pt idx="3444">
                  <c:v>0.01</c:v>
                </c:pt>
                <c:pt idx="3445">
                  <c:v>0.01</c:v>
                </c:pt>
                <c:pt idx="3446">
                  <c:v>0.01</c:v>
                </c:pt>
                <c:pt idx="3447">
                  <c:v>0.01</c:v>
                </c:pt>
                <c:pt idx="3448">
                  <c:v>0.01</c:v>
                </c:pt>
                <c:pt idx="3449">
                  <c:v>0.01</c:v>
                </c:pt>
                <c:pt idx="3450">
                  <c:v>0.01</c:v>
                </c:pt>
                <c:pt idx="3451">
                  <c:v>0.01</c:v>
                </c:pt>
                <c:pt idx="3452">
                  <c:v>0.01</c:v>
                </c:pt>
                <c:pt idx="3453">
                  <c:v>0.01</c:v>
                </c:pt>
                <c:pt idx="3454">
                  <c:v>0.01</c:v>
                </c:pt>
                <c:pt idx="3455">
                  <c:v>0.01</c:v>
                </c:pt>
                <c:pt idx="3456">
                  <c:v>0.01</c:v>
                </c:pt>
                <c:pt idx="3457">
                  <c:v>0.01</c:v>
                </c:pt>
                <c:pt idx="3458">
                  <c:v>0.01</c:v>
                </c:pt>
                <c:pt idx="3459">
                  <c:v>0.01</c:v>
                </c:pt>
                <c:pt idx="3460">
                  <c:v>0.01</c:v>
                </c:pt>
                <c:pt idx="3461">
                  <c:v>0.01</c:v>
                </c:pt>
                <c:pt idx="3462">
                  <c:v>0.01</c:v>
                </c:pt>
                <c:pt idx="3463">
                  <c:v>0.01</c:v>
                </c:pt>
                <c:pt idx="3464">
                  <c:v>0.01</c:v>
                </c:pt>
                <c:pt idx="3465">
                  <c:v>0.01</c:v>
                </c:pt>
                <c:pt idx="3466">
                  <c:v>0.01</c:v>
                </c:pt>
                <c:pt idx="3467">
                  <c:v>0.01</c:v>
                </c:pt>
                <c:pt idx="3468">
                  <c:v>0.01</c:v>
                </c:pt>
                <c:pt idx="3469">
                  <c:v>0.01</c:v>
                </c:pt>
                <c:pt idx="3470">
                  <c:v>0.01</c:v>
                </c:pt>
                <c:pt idx="3471">
                  <c:v>0.01</c:v>
                </c:pt>
                <c:pt idx="3472">
                  <c:v>0.01</c:v>
                </c:pt>
                <c:pt idx="3473">
                  <c:v>0.01</c:v>
                </c:pt>
                <c:pt idx="3474">
                  <c:v>0.01</c:v>
                </c:pt>
                <c:pt idx="3475">
                  <c:v>0.01</c:v>
                </c:pt>
                <c:pt idx="3476">
                  <c:v>0.01</c:v>
                </c:pt>
                <c:pt idx="3477">
                  <c:v>0.01</c:v>
                </c:pt>
                <c:pt idx="3478">
                  <c:v>0.01</c:v>
                </c:pt>
                <c:pt idx="3479">
                  <c:v>0.01</c:v>
                </c:pt>
                <c:pt idx="3480">
                  <c:v>0.01</c:v>
                </c:pt>
                <c:pt idx="3481">
                  <c:v>0.01</c:v>
                </c:pt>
                <c:pt idx="3482">
                  <c:v>0.01</c:v>
                </c:pt>
                <c:pt idx="3483">
                  <c:v>0.01</c:v>
                </c:pt>
                <c:pt idx="3484">
                  <c:v>0.01</c:v>
                </c:pt>
                <c:pt idx="3485">
                  <c:v>0.01</c:v>
                </c:pt>
                <c:pt idx="3486">
                  <c:v>0.01</c:v>
                </c:pt>
                <c:pt idx="3487">
                  <c:v>0.01</c:v>
                </c:pt>
                <c:pt idx="3488">
                  <c:v>0.01</c:v>
                </c:pt>
                <c:pt idx="3489">
                  <c:v>0.01</c:v>
                </c:pt>
                <c:pt idx="3490">
                  <c:v>0.01</c:v>
                </c:pt>
                <c:pt idx="3491">
                  <c:v>0.01</c:v>
                </c:pt>
                <c:pt idx="3492">
                  <c:v>0.01</c:v>
                </c:pt>
                <c:pt idx="3493">
                  <c:v>0.01</c:v>
                </c:pt>
                <c:pt idx="3494">
                  <c:v>0.01</c:v>
                </c:pt>
                <c:pt idx="3495">
                  <c:v>0.01</c:v>
                </c:pt>
                <c:pt idx="3496">
                  <c:v>0.01</c:v>
                </c:pt>
                <c:pt idx="3497">
                  <c:v>0.01</c:v>
                </c:pt>
                <c:pt idx="3498">
                  <c:v>0.01</c:v>
                </c:pt>
                <c:pt idx="3499">
                  <c:v>0.01</c:v>
                </c:pt>
                <c:pt idx="3500">
                  <c:v>0.01</c:v>
                </c:pt>
                <c:pt idx="3501">
                  <c:v>0.01</c:v>
                </c:pt>
                <c:pt idx="3502">
                  <c:v>0.01</c:v>
                </c:pt>
                <c:pt idx="3503">
                  <c:v>0.01</c:v>
                </c:pt>
                <c:pt idx="3504">
                  <c:v>0.01</c:v>
                </c:pt>
                <c:pt idx="3505">
                  <c:v>0.01</c:v>
                </c:pt>
                <c:pt idx="3506">
                  <c:v>0.01</c:v>
                </c:pt>
                <c:pt idx="3507">
                  <c:v>0.01</c:v>
                </c:pt>
                <c:pt idx="3508">
                  <c:v>0.01</c:v>
                </c:pt>
                <c:pt idx="3509">
                  <c:v>0.01</c:v>
                </c:pt>
                <c:pt idx="3510">
                  <c:v>0.01</c:v>
                </c:pt>
                <c:pt idx="3511">
                  <c:v>0.01</c:v>
                </c:pt>
                <c:pt idx="3512">
                  <c:v>0.01</c:v>
                </c:pt>
                <c:pt idx="3513">
                  <c:v>0.01</c:v>
                </c:pt>
                <c:pt idx="3514">
                  <c:v>0.01</c:v>
                </c:pt>
                <c:pt idx="3515">
                  <c:v>0.01</c:v>
                </c:pt>
                <c:pt idx="3516">
                  <c:v>0.01</c:v>
                </c:pt>
                <c:pt idx="3517">
                  <c:v>0.01</c:v>
                </c:pt>
                <c:pt idx="3518">
                  <c:v>0.01</c:v>
                </c:pt>
                <c:pt idx="3519">
                  <c:v>0.01</c:v>
                </c:pt>
                <c:pt idx="3520">
                  <c:v>0.01</c:v>
                </c:pt>
                <c:pt idx="3521">
                  <c:v>0.01</c:v>
                </c:pt>
                <c:pt idx="3522">
                  <c:v>0.01</c:v>
                </c:pt>
                <c:pt idx="3523">
                  <c:v>0.01</c:v>
                </c:pt>
                <c:pt idx="3524">
                  <c:v>0.01</c:v>
                </c:pt>
                <c:pt idx="3525">
                  <c:v>0.01</c:v>
                </c:pt>
                <c:pt idx="3526">
                  <c:v>0.01</c:v>
                </c:pt>
                <c:pt idx="3527">
                  <c:v>0.01</c:v>
                </c:pt>
                <c:pt idx="3528">
                  <c:v>0.01</c:v>
                </c:pt>
                <c:pt idx="3529">
                  <c:v>0.01</c:v>
                </c:pt>
                <c:pt idx="3530">
                  <c:v>0.01</c:v>
                </c:pt>
                <c:pt idx="3531">
                  <c:v>0.01</c:v>
                </c:pt>
                <c:pt idx="3532">
                  <c:v>0.01</c:v>
                </c:pt>
                <c:pt idx="3533">
                  <c:v>0.01</c:v>
                </c:pt>
                <c:pt idx="3534">
                  <c:v>0.01</c:v>
                </c:pt>
                <c:pt idx="3535">
                  <c:v>0.01</c:v>
                </c:pt>
                <c:pt idx="3536">
                  <c:v>0.01</c:v>
                </c:pt>
                <c:pt idx="3537">
                  <c:v>0.01</c:v>
                </c:pt>
                <c:pt idx="3538">
                  <c:v>0.01</c:v>
                </c:pt>
                <c:pt idx="3539">
                  <c:v>0.01</c:v>
                </c:pt>
                <c:pt idx="3540">
                  <c:v>0.01</c:v>
                </c:pt>
                <c:pt idx="3541">
                  <c:v>0.01</c:v>
                </c:pt>
                <c:pt idx="3542">
                  <c:v>0.01</c:v>
                </c:pt>
                <c:pt idx="3543">
                  <c:v>0.01</c:v>
                </c:pt>
                <c:pt idx="3544">
                  <c:v>0.01</c:v>
                </c:pt>
                <c:pt idx="3545">
                  <c:v>0.01</c:v>
                </c:pt>
                <c:pt idx="3546">
                  <c:v>0.01</c:v>
                </c:pt>
                <c:pt idx="3547">
                  <c:v>0.01</c:v>
                </c:pt>
                <c:pt idx="3548">
                  <c:v>0.01</c:v>
                </c:pt>
                <c:pt idx="3549">
                  <c:v>0.01</c:v>
                </c:pt>
                <c:pt idx="3550">
                  <c:v>0.01</c:v>
                </c:pt>
                <c:pt idx="3551">
                  <c:v>0.01</c:v>
                </c:pt>
                <c:pt idx="3552">
                  <c:v>0.01</c:v>
                </c:pt>
                <c:pt idx="3553">
                  <c:v>0.01</c:v>
                </c:pt>
                <c:pt idx="3554">
                  <c:v>0.01</c:v>
                </c:pt>
                <c:pt idx="3555">
                  <c:v>0.01</c:v>
                </c:pt>
                <c:pt idx="3556">
                  <c:v>0.01</c:v>
                </c:pt>
                <c:pt idx="3557">
                  <c:v>0.01</c:v>
                </c:pt>
                <c:pt idx="3558">
                  <c:v>0.01</c:v>
                </c:pt>
                <c:pt idx="3559">
                  <c:v>0.01</c:v>
                </c:pt>
                <c:pt idx="3560">
                  <c:v>0.01</c:v>
                </c:pt>
                <c:pt idx="3561">
                  <c:v>0.01</c:v>
                </c:pt>
                <c:pt idx="3562">
                  <c:v>0.01</c:v>
                </c:pt>
                <c:pt idx="3563">
                  <c:v>0.01</c:v>
                </c:pt>
                <c:pt idx="3564">
                  <c:v>0.01</c:v>
                </c:pt>
                <c:pt idx="3565">
                  <c:v>0.01</c:v>
                </c:pt>
                <c:pt idx="3566">
                  <c:v>0.01</c:v>
                </c:pt>
                <c:pt idx="3567">
                  <c:v>0.01</c:v>
                </c:pt>
                <c:pt idx="3568">
                  <c:v>0.01</c:v>
                </c:pt>
                <c:pt idx="3569">
                  <c:v>0.01</c:v>
                </c:pt>
                <c:pt idx="3570">
                  <c:v>0.01</c:v>
                </c:pt>
                <c:pt idx="3571">
                  <c:v>0.01</c:v>
                </c:pt>
                <c:pt idx="3572">
                  <c:v>0.01</c:v>
                </c:pt>
                <c:pt idx="3573">
                  <c:v>0.01</c:v>
                </c:pt>
                <c:pt idx="3574">
                  <c:v>0.01</c:v>
                </c:pt>
                <c:pt idx="3575">
                  <c:v>0.01</c:v>
                </c:pt>
                <c:pt idx="3576">
                  <c:v>0.01</c:v>
                </c:pt>
                <c:pt idx="3577">
                  <c:v>0.01</c:v>
                </c:pt>
                <c:pt idx="3578">
                  <c:v>0.01</c:v>
                </c:pt>
                <c:pt idx="3579">
                  <c:v>0.01</c:v>
                </c:pt>
                <c:pt idx="3580">
                  <c:v>0.01</c:v>
                </c:pt>
                <c:pt idx="3581">
                  <c:v>0.01</c:v>
                </c:pt>
                <c:pt idx="3582">
                  <c:v>0.01</c:v>
                </c:pt>
                <c:pt idx="3583">
                  <c:v>0.01</c:v>
                </c:pt>
                <c:pt idx="3584">
                  <c:v>0.01</c:v>
                </c:pt>
                <c:pt idx="3585">
                  <c:v>0.01</c:v>
                </c:pt>
                <c:pt idx="3586">
                  <c:v>0.01</c:v>
                </c:pt>
                <c:pt idx="3587">
                  <c:v>0.01</c:v>
                </c:pt>
                <c:pt idx="3588">
                  <c:v>0.01</c:v>
                </c:pt>
                <c:pt idx="3589">
                  <c:v>0.01</c:v>
                </c:pt>
                <c:pt idx="3590">
                  <c:v>0.01</c:v>
                </c:pt>
                <c:pt idx="3591">
                  <c:v>0.01</c:v>
                </c:pt>
                <c:pt idx="3592">
                  <c:v>0.01</c:v>
                </c:pt>
                <c:pt idx="3593">
                  <c:v>0.01</c:v>
                </c:pt>
                <c:pt idx="3594">
                  <c:v>0.01</c:v>
                </c:pt>
                <c:pt idx="3595">
                  <c:v>0.01</c:v>
                </c:pt>
                <c:pt idx="3596">
                  <c:v>0.01</c:v>
                </c:pt>
                <c:pt idx="3597">
                  <c:v>0.01</c:v>
                </c:pt>
                <c:pt idx="3598">
                  <c:v>0.01</c:v>
                </c:pt>
                <c:pt idx="3599">
                  <c:v>0.01</c:v>
                </c:pt>
                <c:pt idx="3600">
                  <c:v>0.01</c:v>
                </c:pt>
                <c:pt idx="3601">
                  <c:v>0.01</c:v>
                </c:pt>
                <c:pt idx="3602">
                  <c:v>0.01</c:v>
                </c:pt>
                <c:pt idx="3603">
                  <c:v>0.01</c:v>
                </c:pt>
                <c:pt idx="3604">
                  <c:v>0.01</c:v>
                </c:pt>
                <c:pt idx="3605">
                  <c:v>0.01</c:v>
                </c:pt>
                <c:pt idx="3606">
                  <c:v>0.01</c:v>
                </c:pt>
                <c:pt idx="3607">
                  <c:v>0.01</c:v>
                </c:pt>
                <c:pt idx="3608">
                  <c:v>0.01</c:v>
                </c:pt>
                <c:pt idx="3609">
                  <c:v>0.01</c:v>
                </c:pt>
                <c:pt idx="3610">
                  <c:v>0.01</c:v>
                </c:pt>
                <c:pt idx="3611">
                  <c:v>0.01</c:v>
                </c:pt>
                <c:pt idx="3612">
                  <c:v>0.01</c:v>
                </c:pt>
                <c:pt idx="3613">
                  <c:v>0.01</c:v>
                </c:pt>
                <c:pt idx="3614">
                  <c:v>0.01</c:v>
                </c:pt>
                <c:pt idx="3615">
                  <c:v>0.01</c:v>
                </c:pt>
                <c:pt idx="3616">
                  <c:v>0.01</c:v>
                </c:pt>
                <c:pt idx="3617">
                  <c:v>0.01</c:v>
                </c:pt>
                <c:pt idx="3618">
                  <c:v>0.01</c:v>
                </c:pt>
                <c:pt idx="3619">
                  <c:v>0.01</c:v>
                </c:pt>
                <c:pt idx="3620">
                  <c:v>0.01</c:v>
                </c:pt>
                <c:pt idx="3621">
                  <c:v>0.01</c:v>
                </c:pt>
                <c:pt idx="3622">
                  <c:v>0.01</c:v>
                </c:pt>
                <c:pt idx="3623">
                  <c:v>0.01</c:v>
                </c:pt>
                <c:pt idx="3624">
                  <c:v>0.01</c:v>
                </c:pt>
                <c:pt idx="3625">
                  <c:v>0.01</c:v>
                </c:pt>
                <c:pt idx="3626">
                  <c:v>0.01</c:v>
                </c:pt>
                <c:pt idx="3627">
                  <c:v>0.01</c:v>
                </c:pt>
                <c:pt idx="3628">
                  <c:v>0.01</c:v>
                </c:pt>
                <c:pt idx="3629">
                  <c:v>0.01</c:v>
                </c:pt>
                <c:pt idx="3630">
                  <c:v>0.01</c:v>
                </c:pt>
                <c:pt idx="3631">
                  <c:v>0.01</c:v>
                </c:pt>
                <c:pt idx="3632">
                  <c:v>0.01</c:v>
                </c:pt>
                <c:pt idx="3633">
                  <c:v>0.01</c:v>
                </c:pt>
                <c:pt idx="3634">
                  <c:v>0.01</c:v>
                </c:pt>
                <c:pt idx="3635">
                  <c:v>0.01</c:v>
                </c:pt>
                <c:pt idx="3636">
                  <c:v>0.01</c:v>
                </c:pt>
                <c:pt idx="3637">
                  <c:v>0.01</c:v>
                </c:pt>
                <c:pt idx="3638">
                  <c:v>0.01</c:v>
                </c:pt>
                <c:pt idx="3639">
                  <c:v>0.01</c:v>
                </c:pt>
                <c:pt idx="3640">
                  <c:v>0.01</c:v>
                </c:pt>
                <c:pt idx="3641">
                  <c:v>0.01</c:v>
                </c:pt>
                <c:pt idx="3642">
                  <c:v>0.01</c:v>
                </c:pt>
                <c:pt idx="3643">
                  <c:v>0.01</c:v>
                </c:pt>
                <c:pt idx="3644">
                  <c:v>0.01</c:v>
                </c:pt>
                <c:pt idx="3645">
                  <c:v>0.01</c:v>
                </c:pt>
                <c:pt idx="3646">
                  <c:v>0.01</c:v>
                </c:pt>
                <c:pt idx="3647">
                  <c:v>0.01</c:v>
                </c:pt>
                <c:pt idx="3648">
                  <c:v>0.01</c:v>
                </c:pt>
                <c:pt idx="3649">
                  <c:v>0.01</c:v>
                </c:pt>
                <c:pt idx="3650">
                  <c:v>0.01</c:v>
                </c:pt>
                <c:pt idx="3651">
                  <c:v>0.01</c:v>
                </c:pt>
                <c:pt idx="3652">
                  <c:v>0.01</c:v>
                </c:pt>
                <c:pt idx="3653">
                  <c:v>0.01</c:v>
                </c:pt>
                <c:pt idx="3654">
                  <c:v>0.01</c:v>
                </c:pt>
                <c:pt idx="3655">
                  <c:v>0.01</c:v>
                </c:pt>
                <c:pt idx="3656">
                  <c:v>0.01</c:v>
                </c:pt>
                <c:pt idx="3657">
                  <c:v>0.01</c:v>
                </c:pt>
                <c:pt idx="3658">
                  <c:v>0.01</c:v>
                </c:pt>
                <c:pt idx="3659">
                  <c:v>0.01</c:v>
                </c:pt>
                <c:pt idx="3660">
                  <c:v>0.01</c:v>
                </c:pt>
                <c:pt idx="3661">
                  <c:v>0.01</c:v>
                </c:pt>
                <c:pt idx="3662">
                  <c:v>0.01</c:v>
                </c:pt>
                <c:pt idx="3663">
                  <c:v>0.01</c:v>
                </c:pt>
                <c:pt idx="3664">
                  <c:v>0.01</c:v>
                </c:pt>
                <c:pt idx="3665">
                  <c:v>0.01</c:v>
                </c:pt>
                <c:pt idx="3666">
                  <c:v>0.01</c:v>
                </c:pt>
                <c:pt idx="3667">
                  <c:v>0.01</c:v>
                </c:pt>
                <c:pt idx="3668">
                  <c:v>0.01</c:v>
                </c:pt>
                <c:pt idx="3669">
                  <c:v>0.01</c:v>
                </c:pt>
                <c:pt idx="3670">
                  <c:v>0.01</c:v>
                </c:pt>
                <c:pt idx="3671">
                  <c:v>0.01</c:v>
                </c:pt>
                <c:pt idx="3672">
                  <c:v>0.01</c:v>
                </c:pt>
                <c:pt idx="3673">
                  <c:v>0.01</c:v>
                </c:pt>
                <c:pt idx="3674">
                  <c:v>0.01</c:v>
                </c:pt>
                <c:pt idx="3675">
                  <c:v>0.01</c:v>
                </c:pt>
                <c:pt idx="3676">
                  <c:v>0.01</c:v>
                </c:pt>
                <c:pt idx="3677">
                  <c:v>0.01</c:v>
                </c:pt>
                <c:pt idx="3678">
                  <c:v>0.01</c:v>
                </c:pt>
                <c:pt idx="3679">
                  <c:v>0.01</c:v>
                </c:pt>
                <c:pt idx="3680">
                  <c:v>0.01</c:v>
                </c:pt>
                <c:pt idx="3681">
                  <c:v>0.01</c:v>
                </c:pt>
                <c:pt idx="3682">
                  <c:v>0.01</c:v>
                </c:pt>
                <c:pt idx="3683">
                  <c:v>0.01</c:v>
                </c:pt>
                <c:pt idx="3684">
                  <c:v>0.01</c:v>
                </c:pt>
                <c:pt idx="3685">
                  <c:v>0.01</c:v>
                </c:pt>
                <c:pt idx="3686">
                  <c:v>0.01</c:v>
                </c:pt>
                <c:pt idx="3687">
                  <c:v>0.01</c:v>
                </c:pt>
                <c:pt idx="3688">
                  <c:v>0.01</c:v>
                </c:pt>
                <c:pt idx="3689">
                  <c:v>0.01</c:v>
                </c:pt>
                <c:pt idx="3690">
                  <c:v>0.01</c:v>
                </c:pt>
                <c:pt idx="3691">
                  <c:v>0.01</c:v>
                </c:pt>
                <c:pt idx="3692">
                  <c:v>0.01</c:v>
                </c:pt>
                <c:pt idx="3693">
                  <c:v>0.01</c:v>
                </c:pt>
                <c:pt idx="3694">
                  <c:v>0.01</c:v>
                </c:pt>
                <c:pt idx="3695">
                  <c:v>0.01</c:v>
                </c:pt>
                <c:pt idx="3696">
                  <c:v>0.01</c:v>
                </c:pt>
                <c:pt idx="3697">
                  <c:v>0.01</c:v>
                </c:pt>
                <c:pt idx="3698">
                  <c:v>0.01</c:v>
                </c:pt>
                <c:pt idx="3699">
                  <c:v>0.01</c:v>
                </c:pt>
                <c:pt idx="3700">
                  <c:v>0.01</c:v>
                </c:pt>
                <c:pt idx="3701">
                  <c:v>0.01</c:v>
                </c:pt>
                <c:pt idx="3702">
                  <c:v>0.01</c:v>
                </c:pt>
                <c:pt idx="3703">
                  <c:v>0.01</c:v>
                </c:pt>
                <c:pt idx="3704">
                  <c:v>0.01</c:v>
                </c:pt>
                <c:pt idx="3705">
                  <c:v>0.01</c:v>
                </c:pt>
                <c:pt idx="3706">
                  <c:v>0.01</c:v>
                </c:pt>
                <c:pt idx="3707">
                  <c:v>0.01</c:v>
                </c:pt>
                <c:pt idx="3708">
                  <c:v>0.01</c:v>
                </c:pt>
                <c:pt idx="3709">
                  <c:v>0.01</c:v>
                </c:pt>
                <c:pt idx="3710">
                  <c:v>0.01</c:v>
                </c:pt>
                <c:pt idx="3711">
                  <c:v>0.01</c:v>
                </c:pt>
                <c:pt idx="3712">
                  <c:v>0.01</c:v>
                </c:pt>
                <c:pt idx="3713">
                  <c:v>0.01</c:v>
                </c:pt>
                <c:pt idx="3714">
                  <c:v>0.01</c:v>
                </c:pt>
                <c:pt idx="3715">
                  <c:v>0.01</c:v>
                </c:pt>
                <c:pt idx="3716">
                  <c:v>0.01</c:v>
                </c:pt>
                <c:pt idx="3717">
                  <c:v>0.01</c:v>
                </c:pt>
                <c:pt idx="3718">
                  <c:v>0.01</c:v>
                </c:pt>
                <c:pt idx="3719">
                  <c:v>0.01</c:v>
                </c:pt>
                <c:pt idx="3720">
                  <c:v>0.01</c:v>
                </c:pt>
                <c:pt idx="3721">
                  <c:v>0.01</c:v>
                </c:pt>
                <c:pt idx="3722">
                  <c:v>0.01</c:v>
                </c:pt>
                <c:pt idx="3723">
                  <c:v>0.01</c:v>
                </c:pt>
                <c:pt idx="3724">
                  <c:v>0.01</c:v>
                </c:pt>
                <c:pt idx="3725">
                  <c:v>0.01</c:v>
                </c:pt>
                <c:pt idx="3726">
                  <c:v>0.01</c:v>
                </c:pt>
                <c:pt idx="3727">
                  <c:v>0.01</c:v>
                </c:pt>
                <c:pt idx="3728">
                  <c:v>0.01</c:v>
                </c:pt>
                <c:pt idx="3729">
                  <c:v>0.01</c:v>
                </c:pt>
                <c:pt idx="3730">
                  <c:v>0.01</c:v>
                </c:pt>
                <c:pt idx="3731">
                  <c:v>0.01</c:v>
                </c:pt>
                <c:pt idx="3732">
                  <c:v>0.01</c:v>
                </c:pt>
                <c:pt idx="3733">
                  <c:v>0.01</c:v>
                </c:pt>
                <c:pt idx="3734">
                  <c:v>0.01</c:v>
                </c:pt>
                <c:pt idx="3735">
                  <c:v>0.01</c:v>
                </c:pt>
                <c:pt idx="3736">
                  <c:v>0.01</c:v>
                </c:pt>
                <c:pt idx="3737">
                  <c:v>0.01</c:v>
                </c:pt>
                <c:pt idx="3738">
                  <c:v>0.01</c:v>
                </c:pt>
                <c:pt idx="3739">
                  <c:v>0.01</c:v>
                </c:pt>
                <c:pt idx="3740">
                  <c:v>0.01</c:v>
                </c:pt>
                <c:pt idx="3741">
                  <c:v>0.01</c:v>
                </c:pt>
                <c:pt idx="3742">
                  <c:v>0.01</c:v>
                </c:pt>
                <c:pt idx="3743">
                  <c:v>0.01</c:v>
                </c:pt>
                <c:pt idx="3744">
                  <c:v>0.01</c:v>
                </c:pt>
                <c:pt idx="3745">
                  <c:v>0.01</c:v>
                </c:pt>
                <c:pt idx="3746">
                  <c:v>0.01</c:v>
                </c:pt>
                <c:pt idx="3747">
                  <c:v>0.01</c:v>
                </c:pt>
                <c:pt idx="3748">
                  <c:v>0.01</c:v>
                </c:pt>
                <c:pt idx="3749">
                  <c:v>0.01</c:v>
                </c:pt>
                <c:pt idx="3750">
                  <c:v>0.01</c:v>
                </c:pt>
                <c:pt idx="3751">
                  <c:v>0.01</c:v>
                </c:pt>
                <c:pt idx="3752">
                  <c:v>0.01</c:v>
                </c:pt>
                <c:pt idx="3753">
                  <c:v>0.01</c:v>
                </c:pt>
                <c:pt idx="3754">
                  <c:v>0.01</c:v>
                </c:pt>
                <c:pt idx="3755">
                  <c:v>0.01</c:v>
                </c:pt>
                <c:pt idx="3756">
                  <c:v>0.01</c:v>
                </c:pt>
                <c:pt idx="3757">
                  <c:v>0.01</c:v>
                </c:pt>
                <c:pt idx="3758">
                  <c:v>0.01</c:v>
                </c:pt>
                <c:pt idx="3759">
                  <c:v>0.01</c:v>
                </c:pt>
                <c:pt idx="3760">
                  <c:v>0.01</c:v>
                </c:pt>
                <c:pt idx="3761">
                  <c:v>0.01</c:v>
                </c:pt>
                <c:pt idx="3762">
                  <c:v>0.01</c:v>
                </c:pt>
                <c:pt idx="3763">
                  <c:v>0.01</c:v>
                </c:pt>
                <c:pt idx="3764">
                  <c:v>0.01</c:v>
                </c:pt>
                <c:pt idx="3765">
                  <c:v>0.01</c:v>
                </c:pt>
                <c:pt idx="3766">
                  <c:v>0.01</c:v>
                </c:pt>
                <c:pt idx="3767">
                  <c:v>0.01</c:v>
                </c:pt>
                <c:pt idx="3768">
                  <c:v>0.01</c:v>
                </c:pt>
                <c:pt idx="3769">
                  <c:v>0.01</c:v>
                </c:pt>
                <c:pt idx="3770">
                  <c:v>0.01</c:v>
                </c:pt>
                <c:pt idx="3771">
                  <c:v>0.01</c:v>
                </c:pt>
                <c:pt idx="3772">
                  <c:v>0.01</c:v>
                </c:pt>
                <c:pt idx="3773">
                  <c:v>0.01</c:v>
                </c:pt>
                <c:pt idx="3774">
                  <c:v>0.01</c:v>
                </c:pt>
                <c:pt idx="3775">
                  <c:v>0.01</c:v>
                </c:pt>
                <c:pt idx="3776">
                  <c:v>0.01</c:v>
                </c:pt>
                <c:pt idx="3777">
                  <c:v>0.01</c:v>
                </c:pt>
                <c:pt idx="3778">
                  <c:v>0.01</c:v>
                </c:pt>
                <c:pt idx="3779">
                  <c:v>0.01</c:v>
                </c:pt>
                <c:pt idx="3780">
                  <c:v>0.01</c:v>
                </c:pt>
                <c:pt idx="3781">
                  <c:v>0.01</c:v>
                </c:pt>
                <c:pt idx="3782">
                  <c:v>0.01</c:v>
                </c:pt>
                <c:pt idx="3783">
                  <c:v>0.01</c:v>
                </c:pt>
                <c:pt idx="3784">
                  <c:v>0.01</c:v>
                </c:pt>
                <c:pt idx="3785">
                  <c:v>0.01</c:v>
                </c:pt>
                <c:pt idx="3786">
                  <c:v>0.01</c:v>
                </c:pt>
                <c:pt idx="3787">
                  <c:v>0.01</c:v>
                </c:pt>
                <c:pt idx="3788">
                  <c:v>0.01</c:v>
                </c:pt>
                <c:pt idx="3789">
                  <c:v>0.01</c:v>
                </c:pt>
                <c:pt idx="3790">
                  <c:v>0.01</c:v>
                </c:pt>
                <c:pt idx="3791">
                  <c:v>0.01</c:v>
                </c:pt>
                <c:pt idx="3792">
                  <c:v>0.01</c:v>
                </c:pt>
                <c:pt idx="3793">
                  <c:v>0.01</c:v>
                </c:pt>
                <c:pt idx="3794">
                  <c:v>0.01</c:v>
                </c:pt>
                <c:pt idx="3795">
                  <c:v>0.01</c:v>
                </c:pt>
                <c:pt idx="3796">
                  <c:v>0.01</c:v>
                </c:pt>
                <c:pt idx="3797">
                  <c:v>0.01</c:v>
                </c:pt>
                <c:pt idx="3798">
                  <c:v>0.01</c:v>
                </c:pt>
                <c:pt idx="3799">
                  <c:v>0.01</c:v>
                </c:pt>
                <c:pt idx="3800">
                  <c:v>0.01</c:v>
                </c:pt>
                <c:pt idx="3801">
                  <c:v>0.01</c:v>
                </c:pt>
                <c:pt idx="3802">
                  <c:v>0.01</c:v>
                </c:pt>
                <c:pt idx="3803">
                  <c:v>0.01</c:v>
                </c:pt>
                <c:pt idx="3804">
                  <c:v>0.01</c:v>
                </c:pt>
                <c:pt idx="3805">
                  <c:v>0.01</c:v>
                </c:pt>
                <c:pt idx="3806">
                  <c:v>0.01</c:v>
                </c:pt>
                <c:pt idx="3807">
                  <c:v>0.01</c:v>
                </c:pt>
                <c:pt idx="3808">
                  <c:v>0.01</c:v>
                </c:pt>
                <c:pt idx="3809">
                  <c:v>0.01</c:v>
                </c:pt>
                <c:pt idx="3810">
                  <c:v>0.01</c:v>
                </c:pt>
                <c:pt idx="3811">
                  <c:v>0.01</c:v>
                </c:pt>
                <c:pt idx="3812">
                  <c:v>0.01</c:v>
                </c:pt>
                <c:pt idx="3813">
                  <c:v>0.01</c:v>
                </c:pt>
                <c:pt idx="3814">
                  <c:v>0.01</c:v>
                </c:pt>
                <c:pt idx="3815">
                  <c:v>0.01</c:v>
                </c:pt>
                <c:pt idx="3816">
                  <c:v>0.01</c:v>
                </c:pt>
                <c:pt idx="3817">
                  <c:v>0.01</c:v>
                </c:pt>
                <c:pt idx="3818">
                  <c:v>0.01</c:v>
                </c:pt>
                <c:pt idx="3819">
                  <c:v>0.01</c:v>
                </c:pt>
                <c:pt idx="3820">
                  <c:v>0.01</c:v>
                </c:pt>
                <c:pt idx="3821">
                  <c:v>0.01</c:v>
                </c:pt>
                <c:pt idx="3822">
                  <c:v>0.01</c:v>
                </c:pt>
                <c:pt idx="3823">
                  <c:v>0.01</c:v>
                </c:pt>
                <c:pt idx="3824">
                  <c:v>0.01</c:v>
                </c:pt>
                <c:pt idx="3825">
                  <c:v>0.01</c:v>
                </c:pt>
                <c:pt idx="3826">
                  <c:v>0.01</c:v>
                </c:pt>
                <c:pt idx="3827">
                  <c:v>0.01</c:v>
                </c:pt>
                <c:pt idx="3828">
                  <c:v>0.01</c:v>
                </c:pt>
                <c:pt idx="3829">
                  <c:v>0.01</c:v>
                </c:pt>
                <c:pt idx="3830">
                  <c:v>0.01</c:v>
                </c:pt>
                <c:pt idx="3831">
                  <c:v>0.01</c:v>
                </c:pt>
                <c:pt idx="3832">
                  <c:v>0.01</c:v>
                </c:pt>
                <c:pt idx="3833">
                  <c:v>0.01</c:v>
                </c:pt>
                <c:pt idx="3834">
                  <c:v>0.01</c:v>
                </c:pt>
                <c:pt idx="3835">
                  <c:v>0.01</c:v>
                </c:pt>
                <c:pt idx="3836">
                  <c:v>0.01</c:v>
                </c:pt>
                <c:pt idx="3837">
                  <c:v>0.01</c:v>
                </c:pt>
                <c:pt idx="3838">
                  <c:v>0.01</c:v>
                </c:pt>
                <c:pt idx="3839">
                  <c:v>0.01</c:v>
                </c:pt>
                <c:pt idx="3840">
                  <c:v>0.01</c:v>
                </c:pt>
                <c:pt idx="3841">
                  <c:v>0.01</c:v>
                </c:pt>
                <c:pt idx="3842">
                  <c:v>0.01</c:v>
                </c:pt>
                <c:pt idx="3843">
                  <c:v>0.01</c:v>
                </c:pt>
                <c:pt idx="3844">
                  <c:v>0.01</c:v>
                </c:pt>
                <c:pt idx="3845">
                  <c:v>0.01</c:v>
                </c:pt>
                <c:pt idx="3846">
                  <c:v>0.01</c:v>
                </c:pt>
                <c:pt idx="3847">
                  <c:v>0.01</c:v>
                </c:pt>
                <c:pt idx="3848">
                  <c:v>0.01</c:v>
                </c:pt>
                <c:pt idx="3849">
                  <c:v>0.01</c:v>
                </c:pt>
                <c:pt idx="3850">
                  <c:v>0.01</c:v>
                </c:pt>
                <c:pt idx="3851">
                  <c:v>0.01</c:v>
                </c:pt>
                <c:pt idx="3852">
                  <c:v>0.01</c:v>
                </c:pt>
                <c:pt idx="3853">
                  <c:v>0.01</c:v>
                </c:pt>
                <c:pt idx="3854">
                  <c:v>0.01</c:v>
                </c:pt>
                <c:pt idx="3855">
                  <c:v>0.01</c:v>
                </c:pt>
                <c:pt idx="3856">
                  <c:v>0.01</c:v>
                </c:pt>
                <c:pt idx="3857">
                  <c:v>0.01</c:v>
                </c:pt>
                <c:pt idx="3858">
                  <c:v>0.01</c:v>
                </c:pt>
                <c:pt idx="3859">
                  <c:v>0.01</c:v>
                </c:pt>
                <c:pt idx="3860">
                  <c:v>0.01</c:v>
                </c:pt>
                <c:pt idx="3861">
                  <c:v>0.01</c:v>
                </c:pt>
                <c:pt idx="3862">
                  <c:v>0.01</c:v>
                </c:pt>
                <c:pt idx="3863">
                  <c:v>0.01</c:v>
                </c:pt>
                <c:pt idx="3864">
                  <c:v>0.01</c:v>
                </c:pt>
                <c:pt idx="3865">
                  <c:v>0.01</c:v>
                </c:pt>
                <c:pt idx="3866">
                  <c:v>0.01</c:v>
                </c:pt>
                <c:pt idx="3867">
                  <c:v>0.01</c:v>
                </c:pt>
                <c:pt idx="3868">
                  <c:v>0.01</c:v>
                </c:pt>
                <c:pt idx="3869">
                  <c:v>0.01</c:v>
                </c:pt>
                <c:pt idx="3870">
                  <c:v>0.01</c:v>
                </c:pt>
                <c:pt idx="3871">
                  <c:v>0.01</c:v>
                </c:pt>
                <c:pt idx="3872">
                  <c:v>0.01</c:v>
                </c:pt>
                <c:pt idx="3873">
                  <c:v>0.01</c:v>
                </c:pt>
                <c:pt idx="3874">
                  <c:v>0.01</c:v>
                </c:pt>
                <c:pt idx="3875">
                  <c:v>0.01</c:v>
                </c:pt>
                <c:pt idx="3876">
                  <c:v>0.01</c:v>
                </c:pt>
                <c:pt idx="3877">
                  <c:v>0.01</c:v>
                </c:pt>
                <c:pt idx="3878">
                  <c:v>0.01</c:v>
                </c:pt>
                <c:pt idx="3879">
                  <c:v>0.01</c:v>
                </c:pt>
                <c:pt idx="3880">
                  <c:v>0.01</c:v>
                </c:pt>
                <c:pt idx="3881">
                  <c:v>0.01</c:v>
                </c:pt>
                <c:pt idx="3882">
                  <c:v>0.01</c:v>
                </c:pt>
                <c:pt idx="3883">
                  <c:v>0.01</c:v>
                </c:pt>
                <c:pt idx="3884">
                  <c:v>0.01</c:v>
                </c:pt>
                <c:pt idx="3885">
                  <c:v>0.01</c:v>
                </c:pt>
                <c:pt idx="3886">
                  <c:v>0.01</c:v>
                </c:pt>
                <c:pt idx="3887">
                  <c:v>0.01</c:v>
                </c:pt>
                <c:pt idx="3888">
                  <c:v>0.01</c:v>
                </c:pt>
                <c:pt idx="3889">
                  <c:v>0.01</c:v>
                </c:pt>
                <c:pt idx="3890">
                  <c:v>0.01</c:v>
                </c:pt>
                <c:pt idx="3891">
                  <c:v>0.01</c:v>
                </c:pt>
                <c:pt idx="3892">
                  <c:v>0.01</c:v>
                </c:pt>
                <c:pt idx="3893">
                  <c:v>0.01</c:v>
                </c:pt>
                <c:pt idx="3894">
                  <c:v>0.01</c:v>
                </c:pt>
                <c:pt idx="3895">
                  <c:v>0.01</c:v>
                </c:pt>
                <c:pt idx="3896">
                  <c:v>0.01</c:v>
                </c:pt>
                <c:pt idx="3897">
                  <c:v>0.01</c:v>
                </c:pt>
                <c:pt idx="3898">
                  <c:v>0.01</c:v>
                </c:pt>
                <c:pt idx="3899">
                  <c:v>0.01</c:v>
                </c:pt>
                <c:pt idx="3900">
                  <c:v>0.01</c:v>
                </c:pt>
                <c:pt idx="3901">
                  <c:v>0.01</c:v>
                </c:pt>
                <c:pt idx="3902">
                  <c:v>0.01</c:v>
                </c:pt>
                <c:pt idx="3903">
                  <c:v>0.01</c:v>
                </c:pt>
                <c:pt idx="3904">
                  <c:v>0.01</c:v>
                </c:pt>
                <c:pt idx="3905">
                  <c:v>0.01</c:v>
                </c:pt>
                <c:pt idx="3906">
                  <c:v>0.01</c:v>
                </c:pt>
                <c:pt idx="3907">
                  <c:v>0.01</c:v>
                </c:pt>
                <c:pt idx="3908">
                  <c:v>0.01</c:v>
                </c:pt>
                <c:pt idx="3909">
                  <c:v>0.01</c:v>
                </c:pt>
                <c:pt idx="3910">
                  <c:v>0.01</c:v>
                </c:pt>
                <c:pt idx="3911">
                  <c:v>0.01</c:v>
                </c:pt>
                <c:pt idx="3912">
                  <c:v>0.01</c:v>
                </c:pt>
                <c:pt idx="3913">
                  <c:v>0.01</c:v>
                </c:pt>
                <c:pt idx="3914">
                  <c:v>0.01</c:v>
                </c:pt>
                <c:pt idx="3915">
                  <c:v>0.01</c:v>
                </c:pt>
                <c:pt idx="3916">
                  <c:v>0.01</c:v>
                </c:pt>
                <c:pt idx="3917">
                  <c:v>0.01</c:v>
                </c:pt>
                <c:pt idx="3918">
                  <c:v>0.01</c:v>
                </c:pt>
                <c:pt idx="3919">
                  <c:v>0.01</c:v>
                </c:pt>
                <c:pt idx="3920">
                  <c:v>0.01</c:v>
                </c:pt>
                <c:pt idx="3921">
                  <c:v>0.01</c:v>
                </c:pt>
                <c:pt idx="3922">
                  <c:v>0.01</c:v>
                </c:pt>
                <c:pt idx="3923">
                  <c:v>0.01</c:v>
                </c:pt>
                <c:pt idx="3924">
                  <c:v>0.01</c:v>
                </c:pt>
                <c:pt idx="3925">
                  <c:v>0.01</c:v>
                </c:pt>
                <c:pt idx="3926">
                  <c:v>0.01</c:v>
                </c:pt>
                <c:pt idx="3927">
                  <c:v>0.01</c:v>
                </c:pt>
                <c:pt idx="3928">
                  <c:v>0.01</c:v>
                </c:pt>
                <c:pt idx="3929">
                  <c:v>0.01</c:v>
                </c:pt>
                <c:pt idx="3930">
                  <c:v>0.01</c:v>
                </c:pt>
                <c:pt idx="3931">
                  <c:v>0.01</c:v>
                </c:pt>
                <c:pt idx="3932">
                  <c:v>0.01</c:v>
                </c:pt>
                <c:pt idx="3933">
                  <c:v>0.01</c:v>
                </c:pt>
                <c:pt idx="3934">
                  <c:v>0.01</c:v>
                </c:pt>
                <c:pt idx="3935">
                  <c:v>0.01</c:v>
                </c:pt>
                <c:pt idx="3936">
                  <c:v>0.01</c:v>
                </c:pt>
                <c:pt idx="3937">
                  <c:v>0.01</c:v>
                </c:pt>
                <c:pt idx="3938">
                  <c:v>0.01</c:v>
                </c:pt>
                <c:pt idx="3939">
                  <c:v>0.01</c:v>
                </c:pt>
                <c:pt idx="3940">
                  <c:v>0.01</c:v>
                </c:pt>
                <c:pt idx="3941">
                  <c:v>0.01</c:v>
                </c:pt>
                <c:pt idx="3942">
                  <c:v>0.01</c:v>
                </c:pt>
                <c:pt idx="3943">
                  <c:v>0.01</c:v>
                </c:pt>
                <c:pt idx="3944">
                  <c:v>0.01</c:v>
                </c:pt>
                <c:pt idx="3945">
                  <c:v>0.01</c:v>
                </c:pt>
                <c:pt idx="3946">
                  <c:v>0.01</c:v>
                </c:pt>
                <c:pt idx="3947">
                  <c:v>0.01</c:v>
                </c:pt>
                <c:pt idx="3948">
                  <c:v>0.01</c:v>
                </c:pt>
                <c:pt idx="3949">
                  <c:v>0.01</c:v>
                </c:pt>
                <c:pt idx="3950">
                  <c:v>0.01</c:v>
                </c:pt>
                <c:pt idx="3951">
                  <c:v>0.01</c:v>
                </c:pt>
                <c:pt idx="3952">
                  <c:v>0.01</c:v>
                </c:pt>
                <c:pt idx="3953">
                  <c:v>0.01</c:v>
                </c:pt>
                <c:pt idx="3954">
                  <c:v>0.01</c:v>
                </c:pt>
                <c:pt idx="3955">
                  <c:v>0.01</c:v>
                </c:pt>
                <c:pt idx="3956">
                  <c:v>0.01</c:v>
                </c:pt>
                <c:pt idx="3957">
                  <c:v>0.01</c:v>
                </c:pt>
                <c:pt idx="3958">
                  <c:v>0.01</c:v>
                </c:pt>
                <c:pt idx="3959">
                  <c:v>0.01</c:v>
                </c:pt>
                <c:pt idx="3960">
                  <c:v>0.01</c:v>
                </c:pt>
                <c:pt idx="3961">
                  <c:v>0.01</c:v>
                </c:pt>
                <c:pt idx="3962">
                  <c:v>0.01</c:v>
                </c:pt>
                <c:pt idx="3963">
                  <c:v>0.01</c:v>
                </c:pt>
                <c:pt idx="3964">
                  <c:v>0.01</c:v>
                </c:pt>
                <c:pt idx="3965">
                  <c:v>0.01</c:v>
                </c:pt>
                <c:pt idx="3966">
                  <c:v>0.01</c:v>
                </c:pt>
                <c:pt idx="3967">
                  <c:v>0.01</c:v>
                </c:pt>
                <c:pt idx="3968">
                  <c:v>0.01</c:v>
                </c:pt>
                <c:pt idx="3969">
                  <c:v>0.01</c:v>
                </c:pt>
                <c:pt idx="3970">
                  <c:v>0.01</c:v>
                </c:pt>
                <c:pt idx="3971">
                  <c:v>0.01</c:v>
                </c:pt>
                <c:pt idx="3972">
                  <c:v>0.01</c:v>
                </c:pt>
                <c:pt idx="3973">
                  <c:v>0.01</c:v>
                </c:pt>
                <c:pt idx="3974">
                  <c:v>0.01</c:v>
                </c:pt>
                <c:pt idx="3975">
                  <c:v>0.01</c:v>
                </c:pt>
                <c:pt idx="3976">
                  <c:v>0.01</c:v>
                </c:pt>
                <c:pt idx="3977">
                  <c:v>0.01</c:v>
                </c:pt>
                <c:pt idx="3978">
                  <c:v>0.01</c:v>
                </c:pt>
                <c:pt idx="3979">
                  <c:v>0.01</c:v>
                </c:pt>
                <c:pt idx="3980">
                  <c:v>0.01</c:v>
                </c:pt>
                <c:pt idx="3981">
                  <c:v>0.01</c:v>
                </c:pt>
                <c:pt idx="3982">
                  <c:v>0.01</c:v>
                </c:pt>
                <c:pt idx="3983">
                  <c:v>0.01</c:v>
                </c:pt>
                <c:pt idx="3984">
                  <c:v>0.01</c:v>
                </c:pt>
                <c:pt idx="3985">
                  <c:v>0.01</c:v>
                </c:pt>
                <c:pt idx="3986">
                  <c:v>0.01</c:v>
                </c:pt>
                <c:pt idx="3987">
                  <c:v>0.01</c:v>
                </c:pt>
                <c:pt idx="3988">
                  <c:v>0.01</c:v>
                </c:pt>
                <c:pt idx="3989">
                  <c:v>0.01</c:v>
                </c:pt>
                <c:pt idx="3990">
                  <c:v>0.01</c:v>
                </c:pt>
                <c:pt idx="3991">
                  <c:v>0.01</c:v>
                </c:pt>
                <c:pt idx="3992">
                  <c:v>0.01</c:v>
                </c:pt>
                <c:pt idx="3993">
                  <c:v>0.01</c:v>
                </c:pt>
                <c:pt idx="3994">
                  <c:v>0.01</c:v>
                </c:pt>
                <c:pt idx="3995">
                  <c:v>0.01</c:v>
                </c:pt>
                <c:pt idx="3996">
                  <c:v>0.01</c:v>
                </c:pt>
                <c:pt idx="3997">
                  <c:v>0.01</c:v>
                </c:pt>
                <c:pt idx="3998">
                  <c:v>0.01</c:v>
                </c:pt>
                <c:pt idx="3999">
                  <c:v>0.01</c:v>
                </c:pt>
                <c:pt idx="4000">
                  <c:v>0.01</c:v>
                </c:pt>
                <c:pt idx="4001">
                  <c:v>0.01</c:v>
                </c:pt>
                <c:pt idx="4002">
                  <c:v>0.01</c:v>
                </c:pt>
                <c:pt idx="4003">
                  <c:v>0.01</c:v>
                </c:pt>
                <c:pt idx="4004">
                  <c:v>0.01</c:v>
                </c:pt>
                <c:pt idx="4005">
                  <c:v>0.01</c:v>
                </c:pt>
                <c:pt idx="4006">
                  <c:v>0.01</c:v>
                </c:pt>
                <c:pt idx="4007">
                  <c:v>0.01</c:v>
                </c:pt>
                <c:pt idx="4008">
                  <c:v>0.01</c:v>
                </c:pt>
                <c:pt idx="4009">
                  <c:v>0.01</c:v>
                </c:pt>
                <c:pt idx="4010">
                  <c:v>0.01</c:v>
                </c:pt>
                <c:pt idx="4011">
                  <c:v>0.01</c:v>
                </c:pt>
                <c:pt idx="4012">
                  <c:v>0.01</c:v>
                </c:pt>
                <c:pt idx="4013">
                  <c:v>0.01</c:v>
                </c:pt>
                <c:pt idx="4014">
                  <c:v>0.01</c:v>
                </c:pt>
                <c:pt idx="4015">
                  <c:v>0.01</c:v>
                </c:pt>
                <c:pt idx="4016">
                  <c:v>0.01</c:v>
                </c:pt>
                <c:pt idx="4017">
                  <c:v>0.01</c:v>
                </c:pt>
                <c:pt idx="4018">
                  <c:v>0.01</c:v>
                </c:pt>
                <c:pt idx="4019">
                  <c:v>0.01</c:v>
                </c:pt>
                <c:pt idx="4020">
                  <c:v>0.01</c:v>
                </c:pt>
                <c:pt idx="4021">
                  <c:v>0.01</c:v>
                </c:pt>
                <c:pt idx="4022">
                  <c:v>0.01</c:v>
                </c:pt>
                <c:pt idx="4023">
                  <c:v>0.01</c:v>
                </c:pt>
                <c:pt idx="4024">
                  <c:v>0.01</c:v>
                </c:pt>
                <c:pt idx="4025">
                  <c:v>0.01</c:v>
                </c:pt>
                <c:pt idx="4026">
                  <c:v>0.01</c:v>
                </c:pt>
                <c:pt idx="4027">
                  <c:v>0.01</c:v>
                </c:pt>
                <c:pt idx="4028">
                  <c:v>0.01</c:v>
                </c:pt>
                <c:pt idx="4029">
                  <c:v>0.01</c:v>
                </c:pt>
                <c:pt idx="4030">
                  <c:v>0.01</c:v>
                </c:pt>
                <c:pt idx="4031">
                  <c:v>0.01</c:v>
                </c:pt>
                <c:pt idx="4032">
                  <c:v>0.01</c:v>
                </c:pt>
                <c:pt idx="4033">
                  <c:v>0.01</c:v>
                </c:pt>
                <c:pt idx="4034">
                  <c:v>0.01</c:v>
                </c:pt>
                <c:pt idx="4035">
                  <c:v>0.01</c:v>
                </c:pt>
                <c:pt idx="4036">
                  <c:v>0.01</c:v>
                </c:pt>
                <c:pt idx="4037">
                  <c:v>0.01</c:v>
                </c:pt>
                <c:pt idx="4038">
                  <c:v>0.01</c:v>
                </c:pt>
                <c:pt idx="4039">
                  <c:v>0.01</c:v>
                </c:pt>
                <c:pt idx="4040">
                  <c:v>0.01</c:v>
                </c:pt>
                <c:pt idx="4041">
                  <c:v>0.01</c:v>
                </c:pt>
                <c:pt idx="4042">
                  <c:v>0.01</c:v>
                </c:pt>
                <c:pt idx="4043">
                  <c:v>0.01</c:v>
                </c:pt>
                <c:pt idx="4044">
                  <c:v>0.01</c:v>
                </c:pt>
                <c:pt idx="4045">
                  <c:v>0.01</c:v>
                </c:pt>
                <c:pt idx="4046">
                  <c:v>0.01</c:v>
                </c:pt>
                <c:pt idx="4047">
                  <c:v>0.01</c:v>
                </c:pt>
                <c:pt idx="4048">
                  <c:v>0.01</c:v>
                </c:pt>
                <c:pt idx="4049">
                  <c:v>0.01</c:v>
                </c:pt>
                <c:pt idx="4050">
                  <c:v>0.01</c:v>
                </c:pt>
                <c:pt idx="4051">
                  <c:v>0.01</c:v>
                </c:pt>
                <c:pt idx="4052">
                  <c:v>0.01</c:v>
                </c:pt>
                <c:pt idx="4053">
                  <c:v>0.01</c:v>
                </c:pt>
                <c:pt idx="4054">
                  <c:v>0.01</c:v>
                </c:pt>
                <c:pt idx="4055">
                  <c:v>0.01</c:v>
                </c:pt>
                <c:pt idx="4056">
                  <c:v>0.01</c:v>
                </c:pt>
                <c:pt idx="4057">
                  <c:v>0.01</c:v>
                </c:pt>
                <c:pt idx="4058">
                  <c:v>0.01</c:v>
                </c:pt>
                <c:pt idx="4059">
                  <c:v>0.01</c:v>
                </c:pt>
                <c:pt idx="4060">
                  <c:v>0.01</c:v>
                </c:pt>
                <c:pt idx="4061">
                  <c:v>0.01</c:v>
                </c:pt>
                <c:pt idx="4062">
                  <c:v>0.01</c:v>
                </c:pt>
                <c:pt idx="4063">
                  <c:v>0.01</c:v>
                </c:pt>
                <c:pt idx="4064">
                  <c:v>0.01</c:v>
                </c:pt>
                <c:pt idx="4065">
                  <c:v>0.01</c:v>
                </c:pt>
                <c:pt idx="4066">
                  <c:v>0.01</c:v>
                </c:pt>
                <c:pt idx="4067">
                  <c:v>0.01</c:v>
                </c:pt>
                <c:pt idx="4068">
                  <c:v>0.01</c:v>
                </c:pt>
                <c:pt idx="4069">
                  <c:v>0.01</c:v>
                </c:pt>
                <c:pt idx="4070">
                  <c:v>0.01</c:v>
                </c:pt>
                <c:pt idx="4071">
                  <c:v>0.01</c:v>
                </c:pt>
                <c:pt idx="4072">
                  <c:v>0.01</c:v>
                </c:pt>
                <c:pt idx="4073">
                  <c:v>0.01</c:v>
                </c:pt>
                <c:pt idx="4074">
                  <c:v>0.01</c:v>
                </c:pt>
                <c:pt idx="4075">
                  <c:v>0.01</c:v>
                </c:pt>
                <c:pt idx="4076">
                  <c:v>0.01</c:v>
                </c:pt>
                <c:pt idx="4077">
                  <c:v>0.01</c:v>
                </c:pt>
                <c:pt idx="4078">
                  <c:v>0.01</c:v>
                </c:pt>
                <c:pt idx="4079">
                  <c:v>0.01</c:v>
                </c:pt>
                <c:pt idx="4080">
                  <c:v>0.01</c:v>
                </c:pt>
                <c:pt idx="4081">
                  <c:v>0.01</c:v>
                </c:pt>
                <c:pt idx="4082">
                  <c:v>0.01</c:v>
                </c:pt>
                <c:pt idx="4083">
                  <c:v>0.01</c:v>
                </c:pt>
                <c:pt idx="4084">
                  <c:v>0.01</c:v>
                </c:pt>
                <c:pt idx="4085">
                  <c:v>0.01</c:v>
                </c:pt>
                <c:pt idx="4086">
                  <c:v>0.01</c:v>
                </c:pt>
                <c:pt idx="4087">
                  <c:v>0.01</c:v>
                </c:pt>
                <c:pt idx="4088">
                  <c:v>0.01</c:v>
                </c:pt>
                <c:pt idx="4089">
                  <c:v>0.01</c:v>
                </c:pt>
                <c:pt idx="4090">
                  <c:v>0.01</c:v>
                </c:pt>
                <c:pt idx="4091">
                  <c:v>0.01</c:v>
                </c:pt>
                <c:pt idx="4092">
                  <c:v>0.01</c:v>
                </c:pt>
                <c:pt idx="4093">
                  <c:v>0.01</c:v>
                </c:pt>
                <c:pt idx="4094">
                  <c:v>0.01</c:v>
                </c:pt>
                <c:pt idx="4095">
                  <c:v>0.01</c:v>
                </c:pt>
                <c:pt idx="4096">
                  <c:v>0.01</c:v>
                </c:pt>
                <c:pt idx="4097">
                  <c:v>0.01</c:v>
                </c:pt>
                <c:pt idx="4098">
                  <c:v>0.01</c:v>
                </c:pt>
                <c:pt idx="4099">
                  <c:v>0.01</c:v>
                </c:pt>
                <c:pt idx="4100">
                  <c:v>0.01</c:v>
                </c:pt>
                <c:pt idx="4101">
                  <c:v>0.01</c:v>
                </c:pt>
                <c:pt idx="4102">
                  <c:v>0.01</c:v>
                </c:pt>
                <c:pt idx="4103">
                  <c:v>0.01</c:v>
                </c:pt>
                <c:pt idx="4104">
                  <c:v>0.01</c:v>
                </c:pt>
                <c:pt idx="4105">
                  <c:v>0.01</c:v>
                </c:pt>
                <c:pt idx="4106">
                  <c:v>0.01</c:v>
                </c:pt>
                <c:pt idx="4107">
                  <c:v>0.01</c:v>
                </c:pt>
                <c:pt idx="4108">
                  <c:v>0.01</c:v>
                </c:pt>
                <c:pt idx="4109">
                  <c:v>0.01</c:v>
                </c:pt>
                <c:pt idx="4110">
                  <c:v>0.01</c:v>
                </c:pt>
                <c:pt idx="4111">
                  <c:v>0.01</c:v>
                </c:pt>
                <c:pt idx="4112">
                  <c:v>0.01</c:v>
                </c:pt>
                <c:pt idx="4113">
                  <c:v>0.01</c:v>
                </c:pt>
                <c:pt idx="4114">
                  <c:v>0.01</c:v>
                </c:pt>
                <c:pt idx="4115">
                  <c:v>0.01</c:v>
                </c:pt>
                <c:pt idx="4116">
                  <c:v>0.01</c:v>
                </c:pt>
                <c:pt idx="4117">
                  <c:v>0.01</c:v>
                </c:pt>
                <c:pt idx="4118">
                  <c:v>0.01</c:v>
                </c:pt>
                <c:pt idx="4119">
                  <c:v>0.01</c:v>
                </c:pt>
                <c:pt idx="4120">
                  <c:v>1.2500000000000001E-2</c:v>
                </c:pt>
                <c:pt idx="4121">
                  <c:v>1.2500000000000001E-2</c:v>
                </c:pt>
                <c:pt idx="4122">
                  <c:v>1.2500000000000001E-2</c:v>
                </c:pt>
                <c:pt idx="4123">
                  <c:v>1.2500000000000001E-2</c:v>
                </c:pt>
                <c:pt idx="4124">
                  <c:v>1.2500000000000001E-2</c:v>
                </c:pt>
                <c:pt idx="4125">
                  <c:v>1.2500000000000001E-2</c:v>
                </c:pt>
                <c:pt idx="4126">
                  <c:v>1.2500000000000001E-2</c:v>
                </c:pt>
                <c:pt idx="4127">
                  <c:v>1.2500000000000001E-2</c:v>
                </c:pt>
                <c:pt idx="4128">
                  <c:v>1.2500000000000001E-2</c:v>
                </c:pt>
                <c:pt idx="4129">
                  <c:v>1.2500000000000001E-2</c:v>
                </c:pt>
                <c:pt idx="4130">
                  <c:v>1.2500000000000001E-2</c:v>
                </c:pt>
                <c:pt idx="4131">
                  <c:v>1.2500000000000001E-2</c:v>
                </c:pt>
                <c:pt idx="4132">
                  <c:v>1.2500000000000001E-2</c:v>
                </c:pt>
                <c:pt idx="4133">
                  <c:v>1.2500000000000001E-2</c:v>
                </c:pt>
                <c:pt idx="4134">
                  <c:v>1.2500000000000001E-2</c:v>
                </c:pt>
                <c:pt idx="4135">
                  <c:v>1.2500000000000001E-2</c:v>
                </c:pt>
                <c:pt idx="4136">
                  <c:v>1.2500000000000001E-2</c:v>
                </c:pt>
                <c:pt idx="4137">
                  <c:v>1.2500000000000001E-2</c:v>
                </c:pt>
                <c:pt idx="4138">
                  <c:v>1.2500000000000001E-2</c:v>
                </c:pt>
                <c:pt idx="4139">
                  <c:v>1.2500000000000001E-2</c:v>
                </c:pt>
                <c:pt idx="4140">
                  <c:v>1.2500000000000001E-2</c:v>
                </c:pt>
                <c:pt idx="4141">
                  <c:v>1.2500000000000001E-2</c:v>
                </c:pt>
                <c:pt idx="4142">
                  <c:v>1.2500000000000001E-2</c:v>
                </c:pt>
                <c:pt idx="4143">
                  <c:v>1.2500000000000001E-2</c:v>
                </c:pt>
                <c:pt idx="4144">
                  <c:v>1.2500000000000001E-2</c:v>
                </c:pt>
                <c:pt idx="4145">
                  <c:v>1.2500000000000001E-2</c:v>
                </c:pt>
                <c:pt idx="4146">
                  <c:v>1.2500000000000001E-2</c:v>
                </c:pt>
                <c:pt idx="4147">
                  <c:v>1.2500000000000001E-2</c:v>
                </c:pt>
                <c:pt idx="4148">
                  <c:v>1.2500000000000001E-2</c:v>
                </c:pt>
                <c:pt idx="4149">
                  <c:v>1.2500000000000001E-2</c:v>
                </c:pt>
                <c:pt idx="4150">
                  <c:v>1.2500000000000001E-2</c:v>
                </c:pt>
                <c:pt idx="4151">
                  <c:v>1.2500000000000001E-2</c:v>
                </c:pt>
                <c:pt idx="4152">
                  <c:v>1.2500000000000001E-2</c:v>
                </c:pt>
                <c:pt idx="4153">
                  <c:v>1.2500000000000001E-2</c:v>
                </c:pt>
                <c:pt idx="4154">
                  <c:v>1.2500000000000001E-2</c:v>
                </c:pt>
                <c:pt idx="4155">
                  <c:v>1.2500000000000001E-2</c:v>
                </c:pt>
                <c:pt idx="4156">
                  <c:v>1.2500000000000001E-2</c:v>
                </c:pt>
                <c:pt idx="4157">
                  <c:v>1.2500000000000001E-2</c:v>
                </c:pt>
                <c:pt idx="4158">
                  <c:v>1.2500000000000001E-2</c:v>
                </c:pt>
                <c:pt idx="4159">
                  <c:v>1.2500000000000001E-2</c:v>
                </c:pt>
                <c:pt idx="4160">
                  <c:v>1.2500000000000001E-2</c:v>
                </c:pt>
                <c:pt idx="4161">
                  <c:v>1.2500000000000001E-2</c:v>
                </c:pt>
                <c:pt idx="4162">
                  <c:v>1.2500000000000001E-2</c:v>
                </c:pt>
                <c:pt idx="4163">
                  <c:v>1.2500000000000001E-2</c:v>
                </c:pt>
                <c:pt idx="4164">
                  <c:v>1.2500000000000001E-2</c:v>
                </c:pt>
                <c:pt idx="4165">
                  <c:v>1.2500000000000001E-2</c:v>
                </c:pt>
                <c:pt idx="4166">
                  <c:v>1.2500000000000001E-2</c:v>
                </c:pt>
                <c:pt idx="4167">
                  <c:v>1.2500000000000001E-2</c:v>
                </c:pt>
                <c:pt idx="4168">
                  <c:v>1.2500000000000001E-2</c:v>
                </c:pt>
                <c:pt idx="4169">
                  <c:v>1.2500000000000001E-2</c:v>
                </c:pt>
                <c:pt idx="4170">
                  <c:v>1.2500000000000001E-2</c:v>
                </c:pt>
                <c:pt idx="4171">
                  <c:v>1.2500000000000001E-2</c:v>
                </c:pt>
                <c:pt idx="4172">
                  <c:v>1.2500000000000001E-2</c:v>
                </c:pt>
                <c:pt idx="4173">
                  <c:v>1.2500000000000001E-2</c:v>
                </c:pt>
                <c:pt idx="4174">
                  <c:v>1.2500000000000001E-2</c:v>
                </c:pt>
                <c:pt idx="4175">
                  <c:v>1.2500000000000001E-2</c:v>
                </c:pt>
                <c:pt idx="4176">
                  <c:v>1.2500000000000001E-2</c:v>
                </c:pt>
                <c:pt idx="4177">
                  <c:v>1.2500000000000001E-2</c:v>
                </c:pt>
                <c:pt idx="4178">
                  <c:v>1.2500000000000001E-2</c:v>
                </c:pt>
                <c:pt idx="4179">
                  <c:v>1.2500000000000001E-2</c:v>
                </c:pt>
                <c:pt idx="4180">
                  <c:v>1.2500000000000001E-2</c:v>
                </c:pt>
                <c:pt idx="4181">
                  <c:v>1.2500000000000001E-2</c:v>
                </c:pt>
                <c:pt idx="4182">
                  <c:v>1.2500000000000001E-2</c:v>
                </c:pt>
                <c:pt idx="4183">
                  <c:v>1.2500000000000001E-2</c:v>
                </c:pt>
                <c:pt idx="4184">
                  <c:v>1.2500000000000001E-2</c:v>
                </c:pt>
                <c:pt idx="4185">
                  <c:v>1.2500000000000001E-2</c:v>
                </c:pt>
                <c:pt idx="4186">
                  <c:v>1.2500000000000001E-2</c:v>
                </c:pt>
                <c:pt idx="4187">
                  <c:v>1.2500000000000001E-2</c:v>
                </c:pt>
                <c:pt idx="4188">
                  <c:v>1.2500000000000001E-2</c:v>
                </c:pt>
                <c:pt idx="4189">
                  <c:v>1.2500000000000001E-2</c:v>
                </c:pt>
                <c:pt idx="4190">
                  <c:v>1.2500000000000001E-2</c:v>
                </c:pt>
                <c:pt idx="4191">
                  <c:v>1.2500000000000001E-2</c:v>
                </c:pt>
                <c:pt idx="4192">
                  <c:v>1.2500000000000001E-2</c:v>
                </c:pt>
                <c:pt idx="4193">
                  <c:v>1.2500000000000001E-2</c:v>
                </c:pt>
                <c:pt idx="4194">
                  <c:v>1.2500000000000001E-2</c:v>
                </c:pt>
                <c:pt idx="4195">
                  <c:v>1.2500000000000001E-2</c:v>
                </c:pt>
                <c:pt idx="4196">
                  <c:v>1.2500000000000001E-2</c:v>
                </c:pt>
                <c:pt idx="4197">
                  <c:v>1.2500000000000001E-2</c:v>
                </c:pt>
                <c:pt idx="4198">
                  <c:v>1.2500000000000001E-2</c:v>
                </c:pt>
                <c:pt idx="4199">
                  <c:v>1.2500000000000001E-2</c:v>
                </c:pt>
                <c:pt idx="4200">
                  <c:v>1.2500000000000001E-2</c:v>
                </c:pt>
                <c:pt idx="4201">
                  <c:v>1.2500000000000001E-2</c:v>
                </c:pt>
                <c:pt idx="4202">
                  <c:v>1.2500000000000001E-2</c:v>
                </c:pt>
                <c:pt idx="4203">
                  <c:v>1.2500000000000001E-2</c:v>
                </c:pt>
                <c:pt idx="4204">
                  <c:v>1.2500000000000001E-2</c:v>
                </c:pt>
                <c:pt idx="4205">
                  <c:v>1.2500000000000001E-2</c:v>
                </c:pt>
                <c:pt idx="4206">
                  <c:v>1.2500000000000001E-2</c:v>
                </c:pt>
                <c:pt idx="4207">
                  <c:v>1.2500000000000001E-2</c:v>
                </c:pt>
                <c:pt idx="4208">
                  <c:v>1.2500000000000001E-2</c:v>
                </c:pt>
                <c:pt idx="4209">
                  <c:v>1.2500000000000001E-2</c:v>
                </c:pt>
                <c:pt idx="4210">
                  <c:v>1.2500000000000001E-2</c:v>
                </c:pt>
                <c:pt idx="4211">
                  <c:v>1.4999999999999999E-2</c:v>
                </c:pt>
                <c:pt idx="4212">
                  <c:v>1.4999999999999999E-2</c:v>
                </c:pt>
                <c:pt idx="4213">
                  <c:v>1.4999999999999999E-2</c:v>
                </c:pt>
                <c:pt idx="4214">
                  <c:v>1.4999999999999999E-2</c:v>
                </c:pt>
                <c:pt idx="4215">
                  <c:v>1.4999999999999999E-2</c:v>
                </c:pt>
                <c:pt idx="4216">
                  <c:v>1.4999999999999999E-2</c:v>
                </c:pt>
                <c:pt idx="4217">
                  <c:v>1.4999999999999999E-2</c:v>
                </c:pt>
                <c:pt idx="4218">
                  <c:v>1.4999999999999999E-2</c:v>
                </c:pt>
                <c:pt idx="4219">
                  <c:v>1.4999999999999999E-2</c:v>
                </c:pt>
                <c:pt idx="4220">
                  <c:v>1.4999999999999999E-2</c:v>
                </c:pt>
                <c:pt idx="4221">
                  <c:v>1.4999999999999999E-2</c:v>
                </c:pt>
                <c:pt idx="4222">
                  <c:v>1.4999999999999999E-2</c:v>
                </c:pt>
                <c:pt idx="4223">
                  <c:v>1.4999999999999999E-2</c:v>
                </c:pt>
                <c:pt idx="4224">
                  <c:v>1.4999999999999999E-2</c:v>
                </c:pt>
                <c:pt idx="4225">
                  <c:v>1.4999999999999999E-2</c:v>
                </c:pt>
                <c:pt idx="4226">
                  <c:v>1.4999999999999999E-2</c:v>
                </c:pt>
                <c:pt idx="4227">
                  <c:v>1.4999999999999999E-2</c:v>
                </c:pt>
                <c:pt idx="4228">
                  <c:v>1.4999999999999999E-2</c:v>
                </c:pt>
                <c:pt idx="4229">
                  <c:v>1.4999999999999999E-2</c:v>
                </c:pt>
                <c:pt idx="4230">
                  <c:v>1.4999999999999999E-2</c:v>
                </c:pt>
                <c:pt idx="4231">
                  <c:v>1.4999999999999999E-2</c:v>
                </c:pt>
                <c:pt idx="4232">
                  <c:v>1.4999999999999999E-2</c:v>
                </c:pt>
                <c:pt idx="4233">
                  <c:v>1.4999999999999999E-2</c:v>
                </c:pt>
                <c:pt idx="4234">
                  <c:v>1.4999999999999999E-2</c:v>
                </c:pt>
                <c:pt idx="4235">
                  <c:v>1.4999999999999999E-2</c:v>
                </c:pt>
                <c:pt idx="4236">
                  <c:v>1.4999999999999999E-2</c:v>
                </c:pt>
                <c:pt idx="4237">
                  <c:v>1.4999999999999999E-2</c:v>
                </c:pt>
                <c:pt idx="4238">
                  <c:v>1.4999999999999999E-2</c:v>
                </c:pt>
                <c:pt idx="4239">
                  <c:v>1.4999999999999999E-2</c:v>
                </c:pt>
                <c:pt idx="4240">
                  <c:v>1.4999999999999999E-2</c:v>
                </c:pt>
                <c:pt idx="4241">
                  <c:v>1.4999999999999999E-2</c:v>
                </c:pt>
                <c:pt idx="4242">
                  <c:v>1.4999999999999999E-2</c:v>
                </c:pt>
                <c:pt idx="4243">
                  <c:v>1.4999999999999999E-2</c:v>
                </c:pt>
                <c:pt idx="4244">
                  <c:v>1.4999999999999999E-2</c:v>
                </c:pt>
                <c:pt idx="4245">
                  <c:v>1.4999999999999999E-2</c:v>
                </c:pt>
                <c:pt idx="4246">
                  <c:v>1.4999999999999999E-2</c:v>
                </c:pt>
                <c:pt idx="4247">
                  <c:v>1.4999999999999999E-2</c:v>
                </c:pt>
                <c:pt idx="4248">
                  <c:v>1.4999999999999999E-2</c:v>
                </c:pt>
                <c:pt idx="4249">
                  <c:v>1.4999999999999999E-2</c:v>
                </c:pt>
                <c:pt idx="4250">
                  <c:v>1.4999999999999999E-2</c:v>
                </c:pt>
                <c:pt idx="4251">
                  <c:v>1.4999999999999999E-2</c:v>
                </c:pt>
                <c:pt idx="4252">
                  <c:v>1.4999999999999999E-2</c:v>
                </c:pt>
                <c:pt idx="4253">
                  <c:v>1.4999999999999999E-2</c:v>
                </c:pt>
                <c:pt idx="4254">
                  <c:v>1.4999999999999999E-2</c:v>
                </c:pt>
                <c:pt idx="4255">
                  <c:v>1.4999999999999999E-2</c:v>
                </c:pt>
                <c:pt idx="4256">
                  <c:v>1.4999999999999999E-2</c:v>
                </c:pt>
                <c:pt idx="4257">
                  <c:v>1.4999999999999999E-2</c:v>
                </c:pt>
                <c:pt idx="4258">
                  <c:v>1.4999999999999999E-2</c:v>
                </c:pt>
                <c:pt idx="4259">
                  <c:v>1.4999999999999999E-2</c:v>
                </c:pt>
                <c:pt idx="4260">
                  <c:v>1.4999999999999999E-2</c:v>
                </c:pt>
                <c:pt idx="4261">
                  <c:v>1.4999999999999999E-2</c:v>
                </c:pt>
                <c:pt idx="4262">
                  <c:v>1.4999999999999999E-2</c:v>
                </c:pt>
                <c:pt idx="4263">
                  <c:v>1.4999999999999999E-2</c:v>
                </c:pt>
                <c:pt idx="4264">
                  <c:v>1.4999999999999999E-2</c:v>
                </c:pt>
                <c:pt idx="4265">
                  <c:v>1.4999999999999999E-2</c:v>
                </c:pt>
                <c:pt idx="4266">
                  <c:v>1.4999999999999999E-2</c:v>
                </c:pt>
                <c:pt idx="4267">
                  <c:v>1.4999999999999999E-2</c:v>
                </c:pt>
                <c:pt idx="4268">
                  <c:v>1.4999999999999999E-2</c:v>
                </c:pt>
                <c:pt idx="4269">
                  <c:v>1.4999999999999999E-2</c:v>
                </c:pt>
                <c:pt idx="4270">
                  <c:v>1.4999999999999999E-2</c:v>
                </c:pt>
                <c:pt idx="4271">
                  <c:v>1.4999999999999999E-2</c:v>
                </c:pt>
                <c:pt idx="4272">
                  <c:v>1.4999999999999999E-2</c:v>
                </c:pt>
                <c:pt idx="4273">
                  <c:v>1.4999999999999999E-2</c:v>
                </c:pt>
                <c:pt idx="4274">
                  <c:v>1.4999999999999999E-2</c:v>
                </c:pt>
                <c:pt idx="4275">
                  <c:v>1.4999999999999999E-2</c:v>
                </c:pt>
                <c:pt idx="4276">
                  <c:v>1.4999999999999999E-2</c:v>
                </c:pt>
                <c:pt idx="4277">
                  <c:v>1.4999999999999999E-2</c:v>
                </c:pt>
                <c:pt idx="4278">
                  <c:v>1.4999999999999999E-2</c:v>
                </c:pt>
                <c:pt idx="4279">
                  <c:v>1.4999999999999999E-2</c:v>
                </c:pt>
                <c:pt idx="4280">
                  <c:v>1.4999999999999999E-2</c:v>
                </c:pt>
                <c:pt idx="4281">
                  <c:v>1.4999999999999999E-2</c:v>
                </c:pt>
                <c:pt idx="4282">
                  <c:v>1.4999999999999999E-2</c:v>
                </c:pt>
                <c:pt idx="4283">
                  <c:v>1.4999999999999999E-2</c:v>
                </c:pt>
                <c:pt idx="4284">
                  <c:v>1.4999999999999999E-2</c:v>
                </c:pt>
                <c:pt idx="4285">
                  <c:v>1.4999999999999999E-2</c:v>
                </c:pt>
                <c:pt idx="4286">
                  <c:v>1.4999999999999999E-2</c:v>
                </c:pt>
                <c:pt idx="4287">
                  <c:v>1.4999999999999999E-2</c:v>
                </c:pt>
                <c:pt idx="4288">
                  <c:v>1.4999999999999999E-2</c:v>
                </c:pt>
                <c:pt idx="4289">
                  <c:v>1.4999999999999999E-2</c:v>
                </c:pt>
                <c:pt idx="4290">
                  <c:v>1.4999999999999999E-2</c:v>
                </c:pt>
                <c:pt idx="4291">
                  <c:v>1.4999999999999999E-2</c:v>
                </c:pt>
                <c:pt idx="4292">
                  <c:v>1.4999999999999999E-2</c:v>
                </c:pt>
                <c:pt idx="4293">
                  <c:v>1.4999999999999999E-2</c:v>
                </c:pt>
                <c:pt idx="4294">
                  <c:v>1.4999999999999999E-2</c:v>
                </c:pt>
                <c:pt idx="4295">
                  <c:v>1.4999999999999999E-2</c:v>
                </c:pt>
                <c:pt idx="4296">
                  <c:v>1.4999999999999999E-2</c:v>
                </c:pt>
                <c:pt idx="4297">
                  <c:v>1.4999999999999999E-2</c:v>
                </c:pt>
                <c:pt idx="4298">
                  <c:v>1.4999999999999999E-2</c:v>
                </c:pt>
                <c:pt idx="4299">
                  <c:v>1.4999999999999999E-2</c:v>
                </c:pt>
                <c:pt idx="4300">
                  <c:v>1.4999999999999999E-2</c:v>
                </c:pt>
                <c:pt idx="4301">
                  <c:v>1.4999999999999999E-2</c:v>
                </c:pt>
                <c:pt idx="4302">
                  <c:v>1.4999999999999999E-2</c:v>
                </c:pt>
                <c:pt idx="4303">
                  <c:v>1.4999999999999999E-2</c:v>
                </c:pt>
                <c:pt idx="4304">
                  <c:v>1.4999999999999999E-2</c:v>
                </c:pt>
                <c:pt idx="4305">
                  <c:v>1.4999999999999999E-2</c:v>
                </c:pt>
                <c:pt idx="4306">
                  <c:v>1.4999999999999999E-2</c:v>
                </c:pt>
                <c:pt idx="4307">
                  <c:v>1.4999999999999999E-2</c:v>
                </c:pt>
                <c:pt idx="4308">
                  <c:v>1.4999999999999999E-2</c:v>
                </c:pt>
                <c:pt idx="4309">
                  <c:v>1.4999999999999999E-2</c:v>
                </c:pt>
                <c:pt idx="4310">
                  <c:v>1.4999999999999999E-2</c:v>
                </c:pt>
                <c:pt idx="4311">
                  <c:v>1.4999999999999999E-2</c:v>
                </c:pt>
                <c:pt idx="4312">
                  <c:v>1.4999999999999999E-2</c:v>
                </c:pt>
                <c:pt idx="4313">
                  <c:v>1.4999999999999999E-2</c:v>
                </c:pt>
                <c:pt idx="4314">
                  <c:v>1.4999999999999999E-2</c:v>
                </c:pt>
                <c:pt idx="4315">
                  <c:v>1.4999999999999999E-2</c:v>
                </c:pt>
                <c:pt idx="4316">
                  <c:v>1.4999999999999999E-2</c:v>
                </c:pt>
                <c:pt idx="4317">
                  <c:v>1.4999999999999999E-2</c:v>
                </c:pt>
                <c:pt idx="4318">
                  <c:v>1.4999999999999999E-2</c:v>
                </c:pt>
                <c:pt idx="4319">
                  <c:v>1.4999999999999999E-2</c:v>
                </c:pt>
                <c:pt idx="4320">
                  <c:v>1.4999999999999999E-2</c:v>
                </c:pt>
                <c:pt idx="4321">
                  <c:v>1.4999999999999999E-2</c:v>
                </c:pt>
                <c:pt idx="4322">
                  <c:v>1.4999999999999999E-2</c:v>
                </c:pt>
                <c:pt idx="4323">
                  <c:v>1.4999999999999999E-2</c:v>
                </c:pt>
                <c:pt idx="4324">
                  <c:v>1.4999999999999999E-2</c:v>
                </c:pt>
                <c:pt idx="4325">
                  <c:v>1.4999999999999999E-2</c:v>
                </c:pt>
                <c:pt idx="4326">
                  <c:v>1.4999999999999999E-2</c:v>
                </c:pt>
                <c:pt idx="4327">
                  <c:v>1.4999999999999999E-2</c:v>
                </c:pt>
                <c:pt idx="4328">
                  <c:v>1.4999999999999999E-2</c:v>
                </c:pt>
                <c:pt idx="4329">
                  <c:v>1.4999999999999999E-2</c:v>
                </c:pt>
                <c:pt idx="4330">
                  <c:v>1.2500000000000001E-2</c:v>
                </c:pt>
                <c:pt idx="4331">
                  <c:v>1.2500000000000001E-2</c:v>
                </c:pt>
                <c:pt idx="4332">
                  <c:v>1.2500000000000001E-2</c:v>
                </c:pt>
                <c:pt idx="4333">
                  <c:v>1.2500000000000001E-2</c:v>
                </c:pt>
                <c:pt idx="4334">
                  <c:v>1.2500000000000001E-2</c:v>
                </c:pt>
                <c:pt idx="4335">
                  <c:v>1.2500000000000001E-2</c:v>
                </c:pt>
                <c:pt idx="4336">
                  <c:v>1.2500000000000001E-2</c:v>
                </c:pt>
                <c:pt idx="4337">
                  <c:v>1.2500000000000001E-2</c:v>
                </c:pt>
                <c:pt idx="4338">
                  <c:v>1.2500000000000001E-2</c:v>
                </c:pt>
                <c:pt idx="4339">
                  <c:v>1.2500000000000001E-2</c:v>
                </c:pt>
                <c:pt idx="4340">
                  <c:v>1.2500000000000001E-2</c:v>
                </c:pt>
                <c:pt idx="4341">
                  <c:v>1.2500000000000001E-2</c:v>
                </c:pt>
                <c:pt idx="4342">
                  <c:v>1.2500000000000001E-2</c:v>
                </c:pt>
                <c:pt idx="4343">
                  <c:v>1.2500000000000001E-2</c:v>
                </c:pt>
                <c:pt idx="4344">
                  <c:v>1.2500000000000001E-2</c:v>
                </c:pt>
                <c:pt idx="4345">
                  <c:v>1.2500000000000001E-2</c:v>
                </c:pt>
                <c:pt idx="4346">
                  <c:v>1.2500000000000001E-2</c:v>
                </c:pt>
                <c:pt idx="4347">
                  <c:v>1.2500000000000001E-2</c:v>
                </c:pt>
                <c:pt idx="4348">
                  <c:v>1.2500000000000001E-2</c:v>
                </c:pt>
                <c:pt idx="4349">
                  <c:v>1.2500000000000001E-2</c:v>
                </c:pt>
                <c:pt idx="4350">
                  <c:v>1.2500000000000001E-2</c:v>
                </c:pt>
                <c:pt idx="4351">
                  <c:v>1.2500000000000001E-2</c:v>
                </c:pt>
                <c:pt idx="4352">
                  <c:v>1.2500000000000001E-2</c:v>
                </c:pt>
                <c:pt idx="4353">
                  <c:v>1.2500000000000001E-2</c:v>
                </c:pt>
                <c:pt idx="4354">
                  <c:v>1.2500000000000001E-2</c:v>
                </c:pt>
                <c:pt idx="4355">
                  <c:v>1.2500000000000001E-2</c:v>
                </c:pt>
                <c:pt idx="4356">
                  <c:v>1.2500000000000001E-2</c:v>
                </c:pt>
                <c:pt idx="4357">
                  <c:v>1.2500000000000001E-2</c:v>
                </c:pt>
                <c:pt idx="4358">
                  <c:v>1.2500000000000001E-2</c:v>
                </c:pt>
                <c:pt idx="4359">
                  <c:v>1.2500000000000001E-2</c:v>
                </c:pt>
                <c:pt idx="4360">
                  <c:v>1.2500000000000001E-2</c:v>
                </c:pt>
                <c:pt idx="4361">
                  <c:v>1.2500000000000001E-2</c:v>
                </c:pt>
                <c:pt idx="4362">
                  <c:v>1.2500000000000001E-2</c:v>
                </c:pt>
                <c:pt idx="4363">
                  <c:v>1.2500000000000001E-2</c:v>
                </c:pt>
                <c:pt idx="4364">
                  <c:v>1.2500000000000001E-2</c:v>
                </c:pt>
                <c:pt idx="4365">
                  <c:v>0.01</c:v>
                </c:pt>
                <c:pt idx="4366">
                  <c:v>0.01</c:v>
                </c:pt>
                <c:pt idx="4367">
                  <c:v>0.01</c:v>
                </c:pt>
                <c:pt idx="4368">
                  <c:v>0.01</c:v>
                </c:pt>
                <c:pt idx="4369">
                  <c:v>0.01</c:v>
                </c:pt>
                <c:pt idx="4370">
                  <c:v>0.01</c:v>
                </c:pt>
                <c:pt idx="4371">
                  <c:v>0.01</c:v>
                </c:pt>
                <c:pt idx="4372">
                  <c:v>0.01</c:v>
                </c:pt>
                <c:pt idx="4373">
                  <c:v>0.01</c:v>
                </c:pt>
                <c:pt idx="4374">
                  <c:v>0.01</c:v>
                </c:pt>
                <c:pt idx="4375">
                  <c:v>0.01</c:v>
                </c:pt>
                <c:pt idx="4376">
                  <c:v>0.01</c:v>
                </c:pt>
                <c:pt idx="4377">
                  <c:v>0.01</c:v>
                </c:pt>
                <c:pt idx="4378">
                  <c:v>0.01</c:v>
                </c:pt>
                <c:pt idx="4379">
                  <c:v>0.01</c:v>
                </c:pt>
                <c:pt idx="4380">
                  <c:v>0.01</c:v>
                </c:pt>
                <c:pt idx="4381">
                  <c:v>0.01</c:v>
                </c:pt>
                <c:pt idx="4382">
                  <c:v>0.01</c:v>
                </c:pt>
                <c:pt idx="4383">
                  <c:v>0.01</c:v>
                </c:pt>
                <c:pt idx="4384">
                  <c:v>0.01</c:v>
                </c:pt>
                <c:pt idx="4385">
                  <c:v>0.01</c:v>
                </c:pt>
                <c:pt idx="4386">
                  <c:v>0.01</c:v>
                </c:pt>
                <c:pt idx="4387">
                  <c:v>0.01</c:v>
                </c:pt>
                <c:pt idx="4388">
                  <c:v>0.01</c:v>
                </c:pt>
                <c:pt idx="4389">
                  <c:v>0.01</c:v>
                </c:pt>
                <c:pt idx="4390">
                  <c:v>0.01</c:v>
                </c:pt>
                <c:pt idx="4391">
                  <c:v>0.01</c:v>
                </c:pt>
                <c:pt idx="4392">
                  <c:v>0.01</c:v>
                </c:pt>
                <c:pt idx="4393">
                  <c:v>0.01</c:v>
                </c:pt>
                <c:pt idx="4394">
                  <c:v>0.01</c:v>
                </c:pt>
                <c:pt idx="4395">
                  <c:v>0.01</c:v>
                </c:pt>
                <c:pt idx="4396">
                  <c:v>0.01</c:v>
                </c:pt>
                <c:pt idx="4397">
                  <c:v>0.01</c:v>
                </c:pt>
                <c:pt idx="4398">
                  <c:v>0.01</c:v>
                </c:pt>
                <c:pt idx="4399">
                  <c:v>0.01</c:v>
                </c:pt>
                <c:pt idx="4400">
                  <c:v>0.01</c:v>
                </c:pt>
                <c:pt idx="4401">
                  <c:v>0.01</c:v>
                </c:pt>
                <c:pt idx="4402">
                  <c:v>0.01</c:v>
                </c:pt>
                <c:pt idx="4403">
                  <c:v>0.01</c:v>
                </c:pt>
                <c:pt idx="4404">
                  <c:v>0.01</c:v>
                </c:pt>
                <c:pt idx="4405">
                  <c:v>0.01</c:v>
                </c:pt>
                <c:pt idx="4406">
                  <c:v>0.01</c:v>
                </c:pt>
                <c:pt idx="4407">
                  <c:v>0.01</c:v>
                </c:pt>
                <c:pt idx="4408">
                  <c:v>0.01</c:v>
                </c:pt>
                <c:pt idx="4409">
                  <c:v>0.01</c:v>
                </c:pt>
                <c:pt idx="4410">
                  <c:v>0.01</c:v>
                </c:pt>
                <c:pt idx="4411">
                  <c:v>0.01</c:v>
                </c:pt>
                <c:pt idx="4412">
                  <c:v>0.01</c:v>
                </c:pt>
                <c:pt idx="4413">
                  <c:v>0.01</c:v>
                </c:pt>
                <c:pt idx="4414">
                  <c:v>0.01</c:v>
                </c:pt>
                <c:pt idx="4415">
                  <c:v>0.01</c:v>
                </c:pt>
                <c:pt idx="4416">
                  <c:v>0.01</c:v>
                </c:pt>
                <c:pt idx="4417">
                  <c:v>0.01</c:v>
                </c:pt>
                <c:pt idx="4418">
                  <c:v>0.01</c:v>
                </c:pt>
                <c:pt idx="4419">
                  <c:v>0.01</c:v>
                </c:pt>
                <c:pt idx="4420">
                  <c:v>0.01</c:v>
                </c:pt>
                <c:pt idx="4421">
                  <c:v>0.01</c:v>
                </c:pt>
                <c:pt idx="4422">
                  <c:v>0.01</c:v>
                </c:pt>
                <c:pt idx="4423">
                  <c:v>0.01</c:v>
                </c:pt>
                <c:pt idx="4424">
                  <c:v>0.01</c:v>
                </c:pt>
                <c:pt idx="4425">
                  <c:v>0.01</c:v>
                </c:pt>
                <c:pt idx="4426">
                  <c:v>0.01</c:v>
                </c:pt>
                <c:pt idx="4427">
                  <c:v>0.01</c:v>
                </c:pt>
                <c:pt idx="4428">
                  <c:v>0.01</c:v>
                </c:pt>
                <c:pt idx="4429">
                  <c:v>0.01</c:v>
                </c:pt>
                <c:pt idx="4430">
                  <c:v>0.01</c:v>
                </c:pt>
                <c:pt idx="4431">
                  <c:v>0.01</c:v>
                </c:pt>
                <c:pt idx="4432">
                  <c:v>0.01</c:v>
                </c:pt>
                <c:pt idx="4433">
                  <c:v>0.01</c:v>
                </c:pt>
                <c:pt idx="4434">
                  <c:v>0.01</c:v>
                </c:pt>
                <c:pt idx="4435">
                  <c:v>0.01</c:v>
                </c:pt>
                <c:pt idx="4436">
                  <c:v>0.01</c:v>
                </c:pt>
                <c:pt idx="4437">
                  <c:v>0.01</c:v>
                </c:pt>
                <c:pt idx="4438">
                  <c:v>0.01</c:v>
                </c:pt>
                <c:pt idx="4439">
                  <c:v>0.01</c:v>
                </c:pt>
                <c:pt idx="4440">
                  <c:v>0.01</c:v>
                </c:pt>
                <c:pt idx="4441">
                  <c:v>0.01</c:v>
                </c:pt>
                <c:pt idx="4442">
                  <c:v>0.01</c:v>
                </c:pt>
                <c:pt idx="4443">
                  <c:v>0.01</c:v>
                </c:pt>
                <c:pt idx="4444">
                  <c:v>0.01</c:v>
                </c:pt>
                <c:pt idx="4445">
                  <c:v>0.01</c:v>
                </c:pt>
                <c:pt idx="4446">
                  <c:v>0.01</c:v>
                </c:pt>
                <c:pt idx="4447">
                  <c:v>0.01</c:v>
                </c:pt>
                <c:pt idx="4448">
                  <c:v>0.01</c:v>
                </c:pt>
                <c:pt idx="4449">
                  <c:v>0.01</c:v>
                </c:pt>
                <c:pt idx="4450">
                  <c:v>0.01</c:v>
                </c:pt>
                <c:pt idx="4451">
                  <c:v>0.01</c:v>
                </c:pt>
                <c:pt idx="4452">
                  <c:v>0.01</c:v>
                </c:pt>
                <c:pt idx="4453">
                  <c:v>0.01</c:v>
                </c:pt>
                <c:pt idx="4454">
                  <c:v>0.01</c:v>
                </c:pt>
                <c:pt idx="4455">
                  <c:v>0.01</c:v>
                </c:pt>
                <c:pt idx="4456">
                  <c:v>0.01</c:v>
                </c:pt>
                <c:pt idx="4457">
                  <c:v>0.01</c:v>
                </c:pt>
                <c:pt idx="4458">
                  <c:v>0.01</c:v>
                </c:pt>
                <c:pt idx="4459">
                  <c:v>0.01</c:v>
                </c:pt>
                <c:pt idx="4460">
                  <c:v>0.01</c:v>
                </c:pt>
                <c:pt idx="4461">
                  <c:v>0.01</c:v>
                </c:pt>
                <c:pt idx="4462">
                  <c:v>0.01</c:v>
                </c:pt>
                <c:pt idx="4463">
                  <c:v>0.01</c:v>
                </c:pt>
                <c:pt idx="4464">
                  <c:v>0.01</c:v>
                </c:pt>
                <c:pt idx="4465">
                  <c:v>0.01</c:v>
                </c:pt>
                <c:pt idx="4466">
                  <c:v>0.01</c:v>
                </c:pt>
                <c:pt idx="4467">
                  <c:v>0.01</c:v>
                </c:pt>
                <c:pt idx="4468">
                  <c:v>0.01</c:v>
                </c:pt>
                <c:pt idx="4469">
                  <c:v>0.01</c:v>
                </c:pt>
                <c:pt idx="4470">
                  <c:v>0.01</c:v>
                </c:pt>
                <c:pt idx="4471">
                  <c:v>0.01</c:v>
                </c:pt>
                <c:pt idx="4472">
                  <c:v>0.01</c:v>
                </c:pt>
                <c:pt idx="4473">
                  <c:v>0.01</c:v>
                </c:pt>
                <c:pt idx="4474">
                  <c:v>0.01</c:v>
                </c:pt>
                <c:pt idx="4475">
                  <c:v>0.01</c:v>
                </c:pt>
                <c:pt idx="4476">
                  <c:v>0.01</c:v>
                </c:pt>
                <c:pt idx="4477">
                  <c:v>0.01</c:v>
                </c:pt>
                <c:pt idx="4478">
                  <c:v>0.01</c:v>
                </c:pt>
                <c:pt idx="4479">
                  <c:v>0.01</c:v>
                </c:pt>
                <c:pt idx="4480">
                  <c:v>0.01</c:v>
                </c:pt>
                <c:pt idx="4481">
                  <c:v>0.01</c:v>
                </c:pt>
                <c:pt idx="4482">
                  <c:v>0.01</c:v>
                </c:pt>
                <c:pt idx="4483">
                  <c:v>0.01</c:v>
                </c:pt>
                <c:pt idx="4484">
                  <c:v>0.01</c:v>
                </c:pt>
                <c:pt idx="4485">
                  <c:v>0.01</c:v>
                </c:pt>
                <c:pt idx="4486">
                  <c:v>0.01</c:v>
                </c:pt>
                <c:pt idx="4487">
                  <c:v>0.01</c:v>
                </c:pt>
                <c:pt idx="4488">
                  <c:v>0.01</c:v>
                </c:pt>
                <c:pt idx="4489">
                  <c:v>0.01</c:v>
                </c:pt>
                <c:pt idx="4490">
                  <c:v>0.01</c:v>
                </c:pt>
                <c:pt idx="4491">
                  <c:v>0.01</c:v>
                </c:pt>
                <c:pt idx="4492">
                  <c:v>0.01</c:v>
                </c:pt>
                <c:pt idx="4493">
                  <c:v>0.01</c:v>
                </c:pt>
                <c:pt idx="4494">
                  <c:v>0.01</c:v>
                </c:pt>
                <c:pt idx="4495">
                  <c:v>0.01</c:v>
                </c:pt>
                <c:pt idx="4496">
                  <c:v>0.01</c:v>
                </c:pt>
                <c:pt idx="4497">
                  <c:v>0.01</c:v>
                </c:pt>
                <c:pt idx="4498">
                  <c:v>0.01</c:v>
                </c:pt>
                <c:pt idx="4499">
                  <c:v>0.01</c:v>
                </c:pt>
                <c:pt idx="4500">
                  <c:v>0.01</c:v>
                </c:pt>
                <c:pt idx="4501">
                  <c:v>0.01</c:v>
                </c:pt>
                <c:pt idx="4502">
                  <c:v>0.01</c:v>
                </c:pt>
                <c:pt idx="4503">
                  <c:v>0.01</c:v>
                </c:pt>
                <c:pt idx="4504">
                  <c:v>0.01</c:v>
                </c:pt>
                <c:pt idx="4505">
                  <c:v>0.01</c:v>
                </c:pt>
                <c:pt idx="4506">
                  <c:v>0.01</c:v>
                </c:pt>
                <c:pt idx="4507">
                  <c:v>0.01</c:v>
                </c:pt>
                <c:pt idx="4508">
                  <c:v>0.01</c:v>
                </c:pt>
                <c:pt idx="4509">
                  <c:v>0.01</c:v>
                </c:pt>
                <c:pt idx="4510">
                  <c:v>0.01</c:v>
                </c:pt>
                <c:pt idx="4511">
                  <c:v>0.01</c:v>
                </c:pt>
                <c:pt idx="4512">
                  <c:v>0.01</c:v>
                </c:pt>
                <c:pt idx="4513">
                  <c:v>0.01</c:v>
                </c:pt>
                <c:pt idx="4514">
                  <c:v>0.01</c:v>
                </c:pt>
                <c:pt idx="4515">
                  <c:v>0.01</c:v>
                </c:pt>
                <c:pt idx="4516">
                  <c:v>0.01</c:v>
                </c:pt>
                <c:pt idx="4517">
                  <c:v>0.01</c:v>
                </c:pt>
                <c:pt idx="4518">
                  <c:v>0.01</c:v>
                </c:pt>
                <c:pt idx="4519">
                  <c:v>0.01</c:v>
                </c:pt>
                <c:pt idx="4520">
                  <c:v>0.01</c:v>
                </c:pt>
                <c:pt idx="4521">
                  <c:v>0.01</c:v>
                </c:pt>
                <c:pt idx="4522">
                  <c:v>0.01</c:v>
                </c:pt>
                <c:pt idx="4523">
                  <c:v>0.01</c:v>
                </c:pt>
                <c:pt idx="4524">
                  <c:v>0.01</c:v>
                </c:pt>
                <c:pt idx="4525">
                  <c:v>0.01</c:v>
                </c:pt>
                <c:pt idx="4526">
                  <c:v>0.01</c:v>
                </c:pt>
                <c:pt idx="4527">
                  <c:v>0.01</c:v>
                </c:pt>
                <c:pt idx="4528">
                  <c:v>0.01</c:v>
                </c:pt>
                <c:pt idx="4529">
                  <c:v>0.01</c:v>
                </c:pt>
                <c:pt idx="4530">
                  <c:v>0.01</c:v>
                </c:pt>
                <c:pt idx="4531">
                  <c:v>0.01</c:v>
                </c:pt>
                <c:pt idx="4532">
                  <c:v>0.01</c:v>
                </c:pt>
                <c:pt idx="4533">
                  <c:v>0.01</c:v>
                </c:pt>
                <c:pt idx="4534">
                  <c:v>0.01</c:v>
                </c:pt>
                <c:pt idx="4535">
                  <c:v>0.01</c:v>
                </c:pt>
                <c:pt idx="4536">
                  <c:v>0.01</c:v>
                </c:pt>
                <c:pt idx="4537">
                  <c:v>0.01</c:v>
                </c:pt>
                <c:pt idx="4538">
                  <c:v>0.01</c:v>
                </c:pt>
                <c:pt idx="4539">
                  <c:v>0.01</c:v>
                </c:pt>
                <c:pt idx="4540">
                  <c:v>0.01</c:v>
                </c:pt>
                <c:pt idx="4541">
                  <c:v>0.01</c:v>
                </c:pt>
                <c:pt idx="4542">
                  <c:v>0.01</c:v>
                </c:pt>
                <c:pt idx="4543">
                  <c:v>0.01</c:v>
                </c:pt>
                <c:pt idx="4544">
                  <c:v>0.01</c:v>
                </c:pt>
                <c:pt idx="4545">
                  <c:v>0.01</c:v>
                </c:pt>
                <c:pt idx="4546">
                  <c:v>0.01</c:v>
                </c:pt>
                <c:pt idx="4547">
                  <c:v>0.01</c:v>
                </c:pt>
                <c:pt idx="4548">
                  <c:v>0.01</c:v>
                </c:pt>
                <c:pt idx="4549">
                  <c:v>0.01</c:v>
                </c:pt>
                <c:pt idx="4550">
                  <c:v>0.01</c:v>
                </c:pt>
                <c:pt idx="4551">
                  <c:v>0.01</c:v>
                </c:pt>
                <c:pt idx="4552">
                  <c:v>0.01</c:v>
                </c:pt>
                <c:pt idx="4553">
                  <c:v>0.01</c:v>
                </c:pt>
                <c:pt idx="4554">
                  <c:v>0.01</c:v>
                </c:pt>
                <c:pt idx="4555">
                  <c:v>0.01</c:v>
                </c:pt>
                <c:pt idx="4556">
                  <c:v>0.01</c:v>
                </c:pt>
                <c:pt idx="4557">
                  <c:v>0.01</c:v>
                </c:pt>
                <c:pt idx="4558">
                  <c:v>0.01</c:v>
                </c:pt>
                <c:pt idx="4559">
                  <c:v>0.01</c:v>
                </c:pt>
                <c:pt idx="4560">
                  <c:v>0.01</c:v>
                </c:pt>
                <c:pt idx="4561">
                  <c:v>0.01</c:v>
                </c:pt>
                <c:pt idx="4562">
                  <c:v>0.01</c:v>
                </c:pt>
                <c:pt idx="4563">
                  <c:v>0.01</c:v>
                </c:pt>
                <c:pt idx="4564">
                  <c:v>0.01</c:v>
                </c:pt>
                <c:pt idx="4565">
                  <c:v>0.01</c:v>
                </c:pt>
                <c:pt idx="4566">
                  <c:v>0.01</c:v>
                </c:pt>
                <c:pt idx="4567">
                  <c:v>0.01</c:v>
                </c:pt>
                <c:pt idx="4568">
                  <c:v>0.01</c:v>
                </c:pt>
                <c:pt idx="4569">
                  <c:v>0.01</c:v>
                </c:pt>
                <c:pt idx="4570">
                  <c:v>0.01</c:v>
                </c:pt>
                <c:pt idx="4571">
                  <c:v>0.01</c:v>
                </c:pt>
                <c:pt idx="4572">
                  <c:v>0.01</c:v>
                </c:pt>
                <c:pt idx="4573">
                  <c:v>0.01</c:v>
                </c:pt>
                <c:pt idx="4574">
                  <c:v>0.01</c:v>
                </c:pt>
                <c:pt idx="4575">
                  <c:v>7.4999999999999997E-3</c:v>
                </c:pt>
                <c:pt idx="4576">
                  <c:v>7.4999999999999997E-3</c:v>
                </c:pt>
                <c:pt idx="4577">
                  <c:v>7.4999999999999997E-3</c:v>
                </c:pt>
                <c:pt idx="4578">
                  <c:v>7.4999999999999997E-3</c:v>
                </c:pt>
                <c:pt idx="4579">
                  <c:v>7.4999999999999997E-3</c:v>
                </c:pt>
                <c:pt idx="4580">
                  <c:v>7.4999999999999997E-3</c:v>
                </c:pt>
                <c:pt idx="4581">
                  <c:v>7.4999999999999997E-3</c:v>
                </c:pt>
                <c:pt idx="4582">
                  <c:v>7.4999999999999997E-3</c:v>
                </c:pt>
                <c:pt idx="4583">
                  <c:v>7.4999999999999997E-3</c:v>
                </c:pt>
                <c:pt idx="4584">
                  <c:v>7.4999999999999997E-3</c:v>
                </c:pt>
                <c:pt idx="4585">
                  <c:v>7.4999999999999997E-3</c:v>
                </c:pt>
                <c:pt idx="4586">
                  <c:v>7.4999999999999997E-3</c:v>
                </c:pt>
                <c:pt idx="4587">
                  <c:v>7.4999999999999997E-3</c:v>
                </c:pt>
                <c:pt idx="4588">
                  <c:v>7.4999999999999997E-3</c:v>
                </c:pt>
                <c:pt idx="4589">
                  <c:v>7.4999999999999997E-3</c:v>
                </c:pt>
                <c:pt idx="4590">
                  <c:v>7.4999999999999997E-3</c:v>
                </c:pt>
                <c:pt idx="4591">
                  <c:v>7.4999999999999997E-3</c:v>
                </c:pt>
                <c:pt idx="4592">
                  <c:v>7.4999999999999997E-3</c:v>
                </c:pt>
                <c:pt idx="4593">
                  <c:v>7.4999999999999997E-3</c:v>
                </c:pt>
                <c:pt idx="4594">
                  <c:v>7.4999999999999997E-3</c:v>
                </c:pt>
                <c:pt idx="4595">
                  <c:v>7.4999999999999997E-3</c:v>
                </c:pt>
                <c:pt idx="4596">
                  <c:v>7.4999999999999997E-3</c:v>
                </c:pt>
                <c:pt idx="4597">
                  <c:v>7.4999999999999997E-3</c:v>
                </c:pt>
                <c:pt idx="4598">
                  <c:v>7.4999999999999997E-3</c:v>
                </c:pt>
                <c:pt idx="4599">
                  <c:v>7.4999999999999997E-3</c:v>
                </c:pt>
                <c:pt idx="4600">
                  <c:v>7.4999999999999997E-3</c:v>
                </c:pt>
                <c:pt idx="4601">
                  <c:v>7.4999999999999997E-3</c:v>
                </c:pt>
                <c:pt idx="4602">
                  <c:v>7.4999999999999997E-3</c:v>
                </c:pt>
                <c:pt idx="4603">
                  <c:v>7.4999999999999997E-3</c:v>
                </c:pt>
                <c:pt idx="4604">
                  <c:v>7.4999999999999997E-3</c:v>
                </c:pt>
                <c:pt idx="4605">
                  <c:v>7.4999999999999997E-3</c:v>
                </c:pt>
                <c:pt idx="4606">
                  <c:v>7.4999999999999997E-3</c:v>
                </c:pt>
                <c:pt idx="4607">
                  <c:v>7.4999999999999997E-3</c:v>
                </c:pt>
                <c:pt idx="4608">
                  <c:v>7.4999999999999997E-3</c:v>
                </c:pt>
                <c:pt idx="4609">
                  <c:v>7.4999999999999997E-3</c:v>
                </c:pt>
                <c:pt idx="4610">
                  <c:v>7.4999999999999997E-3</c:v>
                </c:pt>
                <c:pt idx="4611">
                  <c:v>7.4999999999999997E-3</c:v>
                </c:pt>
                <c:pt idx="4612">
                  <c:v>7.4999999999999997E-3</c:v>
                </c:pt>
                <c:pt idx="4613">
                  <c:v>7.4999999999999997E-3</c:v>
                </c:pt>
                <c:pt idx="4614">
                  <c:v>7.4999999999999997E-3</c:v>
                </c:pt>
                <c:pt idx="4615">
                  <c:v>7.4999999999999997E-3</c:v>
                </c:pt>
                <c:pt idx="4616">
                  <c:v>7.4999999999999997E-3</c:v>
                </c:pt>
                <c:pt idx="4617">
                  <c:v>7.4999999999999997E-3</c:v>
                </c:pt>
                <c:pt idx="4618">
                  <c:v>7.4999999999999997E-3</c:v>
                </c:pt>
                <c:pt idx="4619">
                  <c:v>7.4999999999999997E-3</c:v>
                </c:pt>
                <c:pt idx="4620">
                  <c:v>7.4999999999999997E-3</c:v>
                </c:pt>
                <c:pt idx="4621">
                  <c:v>7.4999999999999997E-3</c:v>
                </c:pt>
                <c:pt idx="4622">
                  <c:v>7.4999999999999997E-3</c:v>
                </c:pt>
                <c:pt idx="4623">
                  <c:v>7.4999999999999997E-3</c:v>
                </c:pt>
                <c:pt idx="4624">
                  <c:v>7.4999999999999997E-3</c:v>
                </c:pt>
                <c:pt idx="4625">
                  <c:v>7.4999999999999997E-3</c:v>
                </c:pt>
                <c:pt idx="4626">
                  <c:v>7.4999999999999997E-3</c:v>
                </c:pt>
                <c:pt idx="4627">
                  <c:v>7.4999999999999997E-3</c:v>
                </c:pt>
                <c:pt idx="4628">
                  <c:v>7.4999999999999997E-3</c:v>
                </c:pt>
                <c:pt idx="4629">
                  <c:v>7.4999999999999997E-3</c:v>
                </c:pt>
                <c:pt idx="4630">
                  <c:v>7.4999999999999997E-3</c:v>
                </c:pt>
                <c:pt idx="4631">
                  <c:v>7.4999999999999997E-3</c:v>
                </c:pt>
                <c:pt idx="4632">
                  <c:v>7.4999999999999997E-3</c:v>
                </c:pt>
                <c:pt idx="4633">
                  <c:v>7.4999999999999997E-3</c:v>
                </c:pt>
                <c:pt idx="4634">
                  <c:v>7.4999999999999997E-3</c:v>
                </c:pt>
                <c:pt idx="4635">
                  <c:v>7.4999999999999997E-3</c:v>
                </c:pt>
                <c:pt idx="4636">
                  <c:v>7.4999999999999997E-3</c:v>
                </c:pt>
                <c:pt idx="4637">
                  <c:v>7.4999999999999997E-3</c:v>
                </c:pt>
                <c:pt idx="4638">
                  <c:v>7.4999999999999997E-3</c:v>
                </c:pt>
                <c:pt idx="4639">
                  <c:v>7.4999999999999997E-3</c:v>
                </c:pt>
                <c:pt idx="4640">
                  <c:v>7.4999999999999997E-3</c:v>
                </c:pt>
                <c:pt idx="4641">
                  <c:v>7.4999999999999997E-3</c:v>
                </c:pt>
                <c:pt idx="4642">
                  <c:v>7.4999999999999997E-3</c:v>
                </c:pt>
                <c:pt idx="4643">
                  <c:v>7.4999999999999997E-3</c:v>
                </c:pt>
                <c:pt idx="4644">
                  <c:v>7.4999999999999997E-3</c:v>
                </c:pt>
                <c:pt idx="4645">
                  <c:v>7.4999999999999997E-3</c:v>
                </c:pt>
                <c:pt idx="4646">
                  <c:v>7.4999999999999997E-3</c:v>
                </c:pt>
                <c:pt idx="4647">
                  <c:v>7.4999999999999997E-3</c:v>
                </c:pt>
                <c:pt idx="4648">
                  <c:v>7.4999999999999997E-3</c:v>
                </c:pt>
                <c:pt idx="4649">
                  <c:v>7.4999999999999997E-3</c:v>
                </c:pt>
                <c:pt idx="4650">
                  <c:v>7.4999999999999997E-3</c:v>
                </c:pt>
                <c:pt idx="4651">
                  <c:v>7.4999999999999997E-3</c:v>
                </c:pt>
                <c:pt idx="4652">
                  <c:v>7.4999999999999997E-3</c:v>
                </c:pt>
                <c:pt idx="4653">
                  <c:v>7.4999999999999997E-3</c:v>
                </c:pt>
                <c:pt idx="4654">
                  <c:v>7.4999999999999997E-3</c:v>
                </c:pt>
                <c:pt idx="4655">
                  <c:v>7.4999999999999997E-3</c:v>
                </c:pt>
                <c:pt idx="4656">
                  <c:v>7.4999999999999997E-3</c:v>
                </c:pt>
                <c:pt idx="4657">
                  <c:v>7.4999999999999997E-3</c:v>
                </c:pt>
                <c:pt idx="4658">
                  <c:v>7.4999999999999997E-3</c:v>
                </c:pt>
                <c:pt idx="4659">
                  <c:v>7.4999999999999997E-3</c:v>
                </c:pt>
                <c:pt idx="4660">
                  <c:v>7.4999999999999997E-3</c:v>
                </c:pt>
                <c:pt idx="4661">
                  <c:v>7.4999999999999997E-3</c:v>
                </c:pt>
                <c:pt idx="4662">
                  <c:v>7.4999999999999997E-3</c:v>
                </c:pt>
                <c:pt idx="4663">
                  <c:v>7.4999999999999997E-3</c:v>
                </c:pt>
                <c:pt idx="4664">
                  <c:v>7.4999999999999997E-3</c:v>
                </c:pt>
                <c:pt idx="4665">
                  <c:v>7.4999999999999997E-3</c:v>
                </c:pt>
                <c:pt idx="4666">
                  <c:v>7.4999999999999997E-3</c:v>
                </c:pt>
                <c:pt idx="4667">
                  <c:v>7.4999999999999997E-3</c:v>
                </c:pt>
                <c:pt idx="4668">
                  <c:v>7.4999999999999997E-3</c:v>
                </c:pt>
                <c:pt idx="4669">
                  <c:v>7.4999999999999997E-3</c:v>
                </c:pt>
                <c:pt idx="4670">
                  <c:v>7.4999999999999997E-3</c:v>
                </c:pt>
                <c:pt idx="4671">
                  <c:v>7.4999999999999997E-3</c:v>
                </c:pt>
                <c:pt idx="4672">
                  <c:v>7.4999999999999997E-3</c:v>
                </c:pt>
                <c:pt idx="4673">
                  <c:v>7.4999999999999997E-3</c:v>
                </c:pt>
                <c:pt idx="4674">
                  <c:v>7.4999999999999997E-3</c:v>
                </c:pt>
                <c:pt idx="4675">
                  <c:v>7.4999999999999997E-3</c:v>
                </c:pt>
                <c:pt idx="4676">
                  <c:v>7.4999999999999997E-3</c:v>
                </c:pt>
                <c:pt idx="4677">
                  <c:v>7.4999999999999997E-3</c:v>
                </c:pt>
                <c:pt idx="4678">
                  <c:v>7.4999999999999997E-3</c:v>
                </c:pt>
                <c:pt idx="4679">
                  <c:v>7.4999999999999997E-3</c:v>
                </c:pt>
                <c:pt idx="4680">
                  <c:v>7.4999999999999997E-3</c:v>
                </c:pt>
                <c:pt idx="4681">
                  <c:v>7.4999999999999997E-3</c:v>
                </c:pt>
                <c:pt idx="4682">
                  <c:v>7.4999999999999997E-3</c:v>
                </c:pt>
                <c:pt idx="4683">
                  <c:v>7.4999999999999997E-3</c:v>
                </c:pt>
                <c:pt idx="4684">
                  <c:v>7.4999999999999997E-3</c:v>
                </c:pt>
                <c:pt idx="4685">
                  <c:v>7.4999999999999997E-3</c:v>
                </c:pt>
                <c:pt idx="4686">
                  <c:v>7.4999999999999997E-3</c:v>
                </c:pt>
                <c:pt idx="4687">
                  <c:v>7.4999999999999997E-3</c:v>
                </c:pt>
                <c:pt idx="4688">
                  <c:v>7.4999999999999997E-3</c:v>
                </c:pt>
                <c:pt idx="4689">
                  <c:v>7.4999999999999997E-3</c:v>
                </c:pt>
                <c:pt idx="4690">
                  <c:v>7.4999999999999997E-3</c:v>
                </c:pt>
                <c:pt idx="4691">
                  <c:v>7.4999999999999997E-3</c:v>
                </c:pt>
                <c:pt idx="4692">
                  <c:v>7.4999999999999997E-3</c:v>
                </c:pt>
                <c:pt idx="4693">
                  <c:v>7.4999999999999997E-3</c:v>
                </c:pt>
                <c:pt idx="4694">
                  <c:v>7.4999999999999997E-3</c:v>
                </c:pt>
                <c:pt idx="4695">
                  <c:v>7.4999999999999997E-3</c:v>
                </c:pt>
                <c:pt idx="4696">
                  <c:v>7.4999999999999997E-3</c:v>
                </c:pt>
                <c:pt idx="4697">
                  <c:v>7.4999999999999997E-3</c:v>
                </c:pt>
                <c:pt idx="4698">
                  <c:v>7.4999999999999997E-3</c:v>
                </c:pt>
                <c:pt idx="4699">
                  <c:v>7.4999999999999997E-3</c:v>
                </c:pt>
                <c:pt idx="4700">
                  <c:v>7.4999999999999997E-3</c:v>
                </c:pt>
                <c:pt idx="4701">
                  <c:v>7.4999999999999997E-3</c:v>
                </c:pt>
                <c:pt idx="4702">
                  <c:v>7.4999999999999997E-3</c:v>
                </c:pt>
                <c:pt idx="4703">
                  <c:v>7.4999999999999997E-3</c:v>
                </c:pt>
                <c:pt idx="4704">
                  <c:v>7.4999999999999997E-3</c:v>
                </c:pt>
                <c:pt idx="4705">
                  <c:v>7.4999999999999997E-3</c:v>
                </c:pt>
                <c:pt idx="4706">
                  <c:v>7.4999999999999997E-3</c:v>
                </c:pt>
                <c:pt idx="4707">
                  <c:v>7.4999999999999997E-3</c:v>
                </c:pt>
                <c:pt idx="4708">
                  <c:v>7.4999999999999997E-3</c:v>
                </c:pt>
                <c:pt idx="4709">
                  <c:v>7.4999999999999997E-3</c:v>
                </c:pt>
                <c:pt idx="4710">
                  <c:v>7.4999999999999997E-3</c:v>
                </c:pt>
                <c:pt idx="4711">
                  <c:v>7.4999999999999997E-3</c:v>
                </c:pt>
                <c:pt idx="4712">
                  <c:v>7.4999999999999997E-3</c:v>
                </c:pt>
                <c:pt idx="4713">
                  <c:v>7.4999999999999997E-3</c:v>
                </c:pt>
                <c:pt idx="4714">
                  <c:v>7.4999999999999997E-3</c:v>
                </c:pt>
                <c:pt idx="4715">
                  <c:v>7.4999999999999997E-3</c:v>
                </c:pt>
                <c:pt idx="4716">
                  <c:v>7.4999999999999997E-3</c:v>
                </c:pt>
                <c:pt idx="4717">
                  <c:v>7.4999999999999997E-3</c:v>
                </c:pt>
                <c:pt idx="4718">
                  <c:v>7.4999999999999997E-3</c:v>
                </c:pt>
                <c:pt idx="4719">
                  <c:v>7.4999999999999997E-3</c:v>
                </c:pt>
                <c:pt idx="4720">
                  <c:v>7.4999999999999997E-3</c:v>
                </c:pt>
                <c:pt idx="4721">
                  <c:v>7.4999999999999997E-3</c:v>
                </c:pt>
                <c:pt idx="4722">
                  <c:v>7.4999999999999997E-3</c:v>
                </c:pt>
                <c:pt idx="4723">
                  <c:v>7.4999999999999997E-3</c:v>
                </c:pt>
                <c:pt idx="4724">
                  <c:v>7.4999999999999997E-3</c:v>
                </c:pt>
                <c:pt idx="4725">
                  <c:v>7.4999999999999997E-3</c:v>
                </c:pt>
                <c:pt idx="4726">
                  <c:v>7.4999999999999997E-3</c:v>
                </c:pt>
                <c:pt idx="4727">
                  <c:v>7.4999999999999997E-3</c:v>
                </c:pt>
                <c:pt idx="4728">
                  <c:v>7.4999999999999997E-3</c:v>
                </c:pt>
                <c:pt idx="4729">
                  <c:v>7.4999999999999997E-3</c:v>
                </c:pt>
                <c:pt idx="4730">
                  <c:v>7.4999999999999997E-3</c:v>
                </c:pt>
                <c:pt idx="4731">
                  <c:v>7.4999999999999997E-3</c:v>
                </c:pt>
                <c:pt idx="4732">
                  <c:v>7.4999999999999997E-3</c:v>
                </c:pt>
                <c:pt idx="4733">
                  <c:v>7.4999999999999997E-3</c:v>
                </c:pt>
                <c:pt idx="4734">
                  <c:v>7.4999999999999997E-3</c:v>
                </c:pt>
                <c:pt idx="4735">
                  <c:v>7.4999999999999997E-3</c:v>
                </c:pt>
                <c:pt idx="4736">
                  <c:v>7.4999999999999997E-3</c:v>
                </c:pt>
                <c:pt idx="4737">
                  <c:v>7.4999999999999997E-3</c:v>
                </c:pt>
                <c:pt idx="4738">
                  <c:v>7.4999999999999997E-3</c:v>
                </c:pt>
                <c:pt idx="4739">
                  <c:v>7.4999999999999997E-3</c:v>
                </c:pt>
                <c:pt idx="4740">
                  <c:v>7.4999999999999997E-3</c:v>
                </c:pt>
                <c:pt idx="4741">
                  <c:v>7.4999999999999997E-3</c:v>
                </c:pt>
                <c:pt idx="4742">
                  <c:v>7.4999999999999997E-3</c:v>
                </c:pt>
                <c:pt idx="4743">
                  <c:v>7.4999999999999997E-3</c:v>
                </c:pt>
                <c:pt idx="4744">
                  <c:v>7.4999999999999997E-3</c:v>
                </c:pt>
                <c:pt idx="4745">
                  <c:v>7.4999999999999997E-3</c:v>
                </c:pt>
                <c:pt idx="4746">
                  <c:v>7.4999999999999997E-3</c:v>
                </c:pt>
                <c:pt idx="4747">
                  <c:v>7.4999999999999997E-3</c:v>
                </c:pt>
                <c:pt idx="4748">
                  <c:v>7.4999999999999997E-3</c:v>
                </c:pt>
                <c:pt idx="4749">
                  <c:v>7.4999999999999997E-3</c:v>
                </c:pt>
                <c:pt idx="4750">
                  <c:v>7.4999999999999997E-3</c:v>
                </c:pt>
                <c:pt idx="4751">
                  <c:v>7.4999999999999997E-3</c:v>
                </c:pt>
                <c:pt idx="4752">
                  <c:v>7.4999999999999997E-3</c:v>
                </c:pt>
                <c:pt idx="4753">
                  <c:v>7.4999999999999997E-3</c:v>
                </c:pt>
                <c:pt idx="4754">
                  <c:v>7.4999999999999997E-3</c:v>
                </c:pt>
                <c:pt idx="4755">
                  <c:v>7.4999999999999997E-3</c:v>
                </c:pt>
                <c:pt idx="4756">
                  <c:v>7.4999999999999997E-3</c:v>
                </c:pt>
                <c:pt idx="4757">
                  <c:v>7.4999999999999997E-3</c:v>
                </c:pt>
                <c:pt idx="4758">
                  <c:v>7.4999999999999997E-3</c:v>
                </c:pt>
                <c:pt idx="4759">
                  <c:v>7.4999999999999997E-3</c:v>
                </c:pt>
                <c:pt idx="4760">
                  <c:v>7.4999999999999997E-3</c:v>
                </c:pt>
                <c:pt idx="4761">
                  <c:v>7.4999999999999997E-3</c:v>
                </c:pt>
                <c:pt idx="4762">
                  <c:v>7.4999999999999997E-3</c:v>
                </c:pt>
                <c:pt idx="4763">
                  <c:v>7.4999999999999997E-3</c:v>
                </c:pt>
                <c:pt idx="4764">
                  <c:v>7.4999999999999997E-3</c:v>
                </c:pt>
                <c:pt idx="4765">
                  <c:v>7.4999999999999997E-3</c:v>
                </c:pt>
                <c:pt idx="4766">
                  <c:v>7.4999999999999997E-3</c:v>
                </c:pt>
                <c:pt idx="4767">
                  <c:v>7.4999999999999997E-3</c:v>
                </c:pt>
                <c:pt idx="4768">
                  <c:v>7.4999999999999997E-3</c:v>
                </c:pt>
                <c:pt idx="4769">
                  <c:v>7.4999999999999997E-3</c:v>
                </c:pt>
                <c:pt idx="4770">
                  <c:v>7.4999999999999997E-3</c:v>
                </c:pt>
                <c:pt idx="4771">
                  <c:v>7.4999999999999997E-3</c:v>
                </c:pt>
                <c:pt idx="4772">
                  <c:v>7.4999999999999997E-3</c:v>
                </c:pt>
                <c:pt idx="4773">
                  <c:v>7.4999999999999997E-3</c:v>
                </c:pt>
                <c:pt idx="4774">
                  <c:v>7.4999999999999997E-3</c:v>
                </c:pt>
                <c:pt idx="4775">
                  <c:v>7.4999999999999997E-3</c:v>
                </c:pt>
                <c:pt idx="4776">
                  <c:v>7.4999999999999997E-3</c:v>
                </c:pt>
                <c:pt idx="4777">
                  <c:v>7.4999999999999997E-3</c:v>
                </c:pt>
                <c:pt idx="4778">
                  <c:v>7.4999999999999997E-3</c:v>
                </c:pt>
                <c:pt idx="4779">
                  <c:v>7.4999999999999997E-3</c:v>
                </c:pt>
                <c:pt idx="4780">
                  <c:v>7.4999999999999997E-3</c:v>
                </c:pt>
                <c:pt idx="4781">
                  <c:v>7.4999999999999997E-3</c:v>
                </c:pt>
                <c:pt idx="4782">
                  <c:v>7.4999999999999997E-3</c:v>
                </c:pt>
                <c:pt idx="4783">
                  <c:v>7.4999999999999997E-3</c:v>
                </c:pt>
                <c:pt idx="4784">
                  <c:v>7.4999999999999997E-3</c:v>
                </c:pt>
                <c:pt idx="4785">
                  <c:v>7.4999999999999997E-3</c:v>
                </c:pt>
                <c:pt idx="4786">
                  <c:v>7.4999999999999997E-3</c:v>
                </c:pt>
                <c:pt idx="4787">
                  <c:v>7.4999999999999997E-3</c:v>
                </c:pt>
                <c:pt idx="4788">
                  <c:v>7.4999999999999997E-3</c:v>
                </c:pt>
                <c:pt idx="4789">
                  <c:v>7.4999999999999997E-3</c:v>
                </c:pt>
                <c:pt idx="4790">
                  <c:v>7.4999999999999997E-3</c:v>
                </c:pt>
                <c:pt idx="4791">
                  <c:v>7.4999999999999997E-3</c:v>
                </c:pt>
                <c:pt idx="4792">
                  <c:v>7.4999999999999997E-3</c:v>
                </c:pt>
                <c:pt idx="4793">
                  <c:v>7.4999999999999997E-3</c:v>
                </c:pt>
                <c:pt idx="4794">
                  <c:v>7.4999999999999997E-3</c:v>
                </c:pt>
                <c:pt idx="4795">
                  <c:v>7.4999999999999997E-3</c:v>
                </c:pt>
                <c:pt idx="4796">
                  <c:v>7.4999999999999997E-3</c:v>
                </c:pt>
                <c:pt idx="4797">
                  <c:v>7.4999999999999997E-3</c:v>
                </c:pt>
                <c:pt idx="4798">
                  <c:v>7.4999999999999997E-3</c:v>
                </c:pt>
                <c:pt idx="4799">
                  <c:v>7.4999999999999997E-3</c:v>
                </c:pt>
                <c:pt idx="4800">
                  <c:v>7.4999999999999997E-3</c:v>
                </c:pt>
                <c:pt idx="4801">
                  <c:v>7.4999999999999997E-3</c:v>
                </c:pt>
                <c:pt idx="4802">
                  <c:v>7.4999999999999997E-3</c:v>
                </c:pt>
                <c:pt idx="4803">
                  <c:v>7.4999999999999997E-3</c:v>
                </c:pt>
                <c:pt idx="4804">
                  <c:v>7.4999999999999997E-3</c:v>
                </c:pt>
                <c:pt idx="4805">
                  <c:v>7.4999999999999997E-3</c:v>
                </c:pt>
                <c:pt idx="4806">
                  <c:v>7.4999999999999997E-3</c:v>
                </c:pt>
                <c:pt idx="4807">
                  <c:v>7.4999999999999997E-3</c:v>
                </c:pt>
                <c:pt idx="4808">
                  <c:v>7.4999999999999997E-3</c:v>
                </c:pt>
                <c:pt idx="4809">
                  <c:v>7.4999999999999997E-3</c:v>
                </c:pt>
                <c:pt idx="4810">
                  <c:v>7.4999999999999997E-3</c:v>
                </c:pt>
                <c:pt idx="4811">
                  <c:v>7.4999999999999997E-3</c:v>
                </c:pt>
                <c:pt idx="4812">
                  <c:v>7.4999999999999997E-3</c:v>
                </c:pt>
                <c:pt idx="4813">
                  <c:v>7.4999999999999997E-3</c:v>
                </c:pt>
                <c:pt idx="4814">
                  <c:v>7.4999999999999997E-3</c:v>
                </c:pt>
                <c:pt idx="4815">
                  <c:v>7.4999999999999997E-3</c:v>
                </c:pt>
                <c:pt idx="4816">
                  <c:v>7.4999999999999997E-3</c:v>
                </c:pt>
                <c:pt idx="4817">
                  <c:v>7.4999999999999997E-3</c:v>
                </c:pt>
                <c:pt idx="4818">
                  <c:v>7.4999999999999997E-3</c:v>
                </c:pt>
                <c:pt idx="4819">
                  <c:v>7.4999999999999997E-3</c:v>
                </c:pt>
                <c:pt idx="4820">
                  <c:v>7.4999999999999997E-3</c:v>
                </c:pt>
                <c:pt idx="4821">
                  <c:v>7.4999999999999997E-3</c:v>
                </c:pt>
                <c:pt idx="4822">
                  <c:v>7.4999999999999997E-3</c:v>
                </c:pt>
                <c:pt idx="4823">
                  <c:v>7.4999999999999997E-3</c:v>
                </c:pt>
                <c:pt idx="4824">
                  <c:v>7.4999999999999997E-3</c:v>
                </c:pt>
                <c:pt idx="4825">
                  <c:v>7.4999999999999997E-3</c:v>
                </c:pt>
                <c:pt idx="4826">
                  <c:v>7.4999999999999997E-3</c:v>
                </c:pt>
                <c:pt idx="4827">
                  <c:v>7.4999999999999997E-3</c:v>
                </c:pt>
                <c:pt idx="4828">
                  <c:v>7.4999999999999997E-3</c:v>
                </c:pt>
                <c:pt idx="4829">
                  <c:v>7.4999999999999997E-3</c:v>
                </c:pt>
                <c:pt idx="4830">
                  <c:v>7.4999999999999997E-3</c:v>
                </c:pt>
                <c:pt idx="4831">
                  <c:v>7.4999999999999997E-3</c:v>
                </c:pt>
                <c:pt idx="4832">
                  <c:v>7.4999999999999997E-3</c:v>
                </c:pt>
                <c:pt idx="4833">
                  <c:v>7.4999999999999997E-3</c:v>
                </c:pt>
                <c:pt idx="4834">
                  <c:v>7.4999999999999997E-3</c:v>
                </c:pt>
                <c:pt idx="4835">
                  <c:v>7.4999999999999997E-3</c:v>
                </c:pt>
                <c:pt idx="4836">
                  <c:v>7.4999999999999997E-3</c:v>
                </c:pt>
                <c:pt idx="4837">
                  <c:v>7.4999999999999997E-3</c:v>
                </c:pt>
                <c:pt idx="4838">
                  <c:v>7.4999999999999997E-3</c:v>
                </c:pt>
                <c:pt idx="4839">
                  <c:v>7.4999999999999997E-3</c:v>
                </c:pt>
                <c:pt idx="4840">
                  <c:v>7.4999999999999997E-3</c:v>
                </c:pt>
                <c:pt idx="4841">
                  <c:v>7.4999999999999997E-3</c:v>
                </c:pt>
                <c:pt idx="4842">
                  <c:v>7.4999999999999997E-3</c:v>
                </c:pt>
                <c:pt idx="4843">
                  <c:v>7.4999999999999997E-3</c:v>
                </c:pt>
                <c:pt idx="4844">
                  <c:v>7.4999999999999997E-3</c:v>
                </c:pt>
                <c:pt idx="4845">
                  <c:v>7.4999999999999997E-3</c:v>
                </c:pt>
                <c:pt idx="4846">
                  <c:v>7.4999999999999997E-3</c:v>
                </c:pt>
                <c:pt idx="4847">
                  <c:v>7.4999999999999997E-3</c:v>
                </c:pt>
                <c:pt idx="4848">
                  <c:v>7.4999999999999997E-3</c:v>
                </c:pt>
                <c:pt idx="4849">
                  <c:v>7.4999999999999997E-3</c:v>
                </c:pt>
                <c:pt idx="4850">
                  <c:v>7.4999999999999997E-3</c:v>
                </c:pt>
                <c:pt idx="4851">
                  <c:v>7.4999999999999997E-3</c:v>
                </c:pt>
                <c:pt idx="4852">
                  <c:v>7.4999999999999997E-3</c:v>
                </c:pt>
                <c:pt idx="4853">
                  <c:v>7.4999999999999997E-3</c:v>
                </c:pt>
                <c:pt idx="4854">
                  <c:v>7.4999999999999997E-3</c:v>
                </c:pt>
                <c:pt idx="4855">
                  <c:v>7.4999999999999997E-3</c:v>
                </c:pt>
                <c:pt idx="4856">
                  <c:v>7.4999999999999997E-3</c:v>
                </c:pt>
                <c:pt idx="4857">
                  <c:v>7.4999999999999997E-3</c:v>
                </c:pt>
                <c:pt idx="4858">
                  <c:v>7.4999999999999997E-3</c:v>
                </c:pt>
                <c:pt idx="4859">
                  <c:v>7.4999999999999997E-3</c:v>
                </c:pt>
                <c:pt idx="4860">
                  <c:v>7.4999999999999997E-3</c:v>
                </c:pt>
                <c:pt idx="4861">
                  <c:v>7.4999999999999997E-3</c:v>
                </c:pt>
                <c:pt idx="4862">
                  <c:v>7.4999999999999997E-3</c:v>
                </c:pt>
                <c:pt idx="4863">
                  <c:v>7.4999999999999997E-3</c:v>
                </c:pt>
                <c:pt idx="4864">
                  <c:v>7.4999999999999997E-3</c:v>
                </c:pt>
                <c:pt idx="4865">
                  <c:v>7.4999999999999997E-3</c:v>
                </c:pt>
                <c:pt idx="4866">
                  <c:v>7.4999999999999997E-3</c:v>
                </c:pt>
                <c:pt idx="4867">
                  <c:v>7.4999999999999997E-3</c:v>
                </c:pt>
                <c:pt idx="4868">
                  <c:v>7.4999999999999997E-3</c:v>
                </c:pt>
                <c:pt idx="4869">
                  <c:v>7.4999999999999997E-3</c:v>
                </c:pt>
                <c:pt idx="4870">
                  <c:v>7.4999999999999997E-3</c:v>
                </c:pt>
                <c:pt idx="4871">
                  <c:v>7.4999999999999997E-3</c:v>
                </c:pt>
                <c:pt idx="4872">
                  <c:v>7.4999999999999997E-3</c:v>
                </c:pt>
                <c:pt idx="4873">
                  <c:v>7.4999999999999997E-3</c:v>
                </c:pt>
                <c:pt idx="4874">
                  <c:v>7.4999999999999997E-3</c:v>
                </c:pt>
                <c:pt idx="4875">
                  <c:v>7.4999999999999997E-3</c:v>
                </c:pt>
                <c:pt idx="4876">
                  <c:v>5.0000000000000001E-3</c:v>
                </c:pt>
                <c:pt idx="4877">
                  <c:v>5.0000000000000001E-3</c:v>
                </c:pt>
                <c:pt idx="4878">
                  <c:v>5.0000000000000001E-3</c:v>
                </c:pt>
                <c:pt idx="4879">
                  <c:v>5.0000000000000001E-3</c:v>
                </c:pt>
                <c:pt idx="4880">
                  <c:v>5.0000000000000001E-3</c:v>
                </c:pt>
                <c:pt idx="4881">
                  <c:v>5.0000000000000001E-3</c:v>
                </c:pt>
                <c:pt idx="4882">
                  <c:v>5.0000000000000001E-3</c:v>
                </c:pt>
                <c:pt idx="4883">
                  <c:v>5.0000000000000001E-3</c:v>
                </c:pt>
                <c:pt idx="4884">
                  <c:v>5.0000000000000001E-3</c:v>
                </c:pt>
                <c:pt idx="4885">
                  <c:v>5.0000000000000001E-3</c:v>
                </c:pt>
                <c:pt idx="4886">
                  <c:v>5.0000000000000001E-3</c:v>
                </c:pt>
                <c:pt idx="4887">
                  <c:v>5.0000000000000001E-3</c:v>
                </c:pt>
                <c:pt idx="4888">
                  <c:v>5.0000000000000001E-3</c:v>
                </c:pt>
                <c:pt idx="4889">
                  <c:v>5.0000000000000001E-3</c:v>
                </c:pt>
                <c:pt idx="4890">
                  <c:v>5.0000000000000001E-3</c:v>
                </c:pt>
                <c:pt idx="4891">
                  <c:v>5.0000000000000001E-3</c:v>
                </c:pt>
                <c:pt idx="4892">
                  <c:v>5.0000000000000001E-3</c:v>
                </c:pt>
                <c:pt idx="4893">
                  <c:v>5.0000000000000001E-3</c:v>
                </c:pt>
                <c:pt idx="4894">
                  <c:v>5.0000000000000001E-3</c:v>
                </c:pt>
                <c:pt idx="4895">
                  <c:v>5.0000000000000001E-3</c:v>
                </c:pt>
                <c:pt idx="4896">
                  <c:v>5.0000000000000001E-3</c:v>
                </c:pt>
                <c:pt idx="4897">
                  <c:v>5.0000000000000001E-3</c:v>
                </c:pt>
                <c:pt idx="4898">
                  <c:v>5.0000000000000001E-3</c:v>
                </c:pt>
                <c:pt idx="4899">
                  <c:v>5.0000000000000001E-3</c:v>
                </c:pt>
                <c:pt idx="4900">
                  <c:v>5.0000000000000001E-3</c:v>
                </c:pt>
                <c:pt idx="4901">
                  <c:v>5.0000000000000001E-3</c:v>
                </c:pt>
                <c:pt idx="4902">
                  <c:v>5.0000000000000001E-3</c:v>
                </c:pt>
                <c:pt idx="4903">
                  <c:v>5.0000000000000001E-3</c:v>
                </c:pt>
                <c:pt idx="4904">
                  <c:v>5.0000000000000001E-3</c:v>
                </c:pt>
                <c:pt idx="4905">
                  <c:v>5.0000000000000001E-3</c:v>
                </c:pt>
                <c:pt idx="4906">
                  <c:v>5.0000000000000001E-3</c:v>
                </c:pt>
                <c:pt idx="4907">
                  <c:v>5.0000000000000001E-3</c:v>
                </c:pt>
                <c:pt idx="4908">
                  <c:v>5.0000000000000001E-3</c:v>
                </c:pt>
                <c:pt idx="4909">
                  <c:v>5.0000000000000001E-3</c:v>
                </c:pt>
                <c:pt idx="4910">
                  <c:v>5.0000000000000001E-3</c:v>
                </c:pt>
                <c:pt idx="4911">
                  <c:v>5.0000000000000001E-3</c:v>
                </c:pt>
                <c:pt idx="4912">
                  <c:v>5.0000000000000001E-3</c:v>
                </c:pt>
                <c:pt idx="4913">
                  <c:v>5.0000000000000001E-3</c:v>
                </c:pt>
                <c:pt idx="4914">
                  <c:v>5.0000000000000001E-3</c:v>
                </c:pt>
                <c:pt idx="4915">
                  <c:v>5.0000000000000001E-3</c:v>
                </c:pt>
                <c:pt idx="4916">
                  <c:v>5.0000000000000001E-3</c:v>
                </c:pt>
                <c:pt idx="4917">
                  <c:v>5.0000000000000001E-3</c:v>
                </c:pt>
                <c:pt idx="4918">
                  <c:v>5.0000000000000001E-3</c:v>
                </c:pt>
                <c:pt idx="4919">
                  <c:v>5.0000000000000001E-3</c:v>
                </c:pt>
                <c:pt idx="4920">
                  <c:v>5.0000000000000001E-3</c:v>
                </c:pt>
                <c:pt idx="4921">
                  <c:v>5.0000000000000001E-3</c:v>
                </c:pt>
                <c:pt idx="4922">
                  <c:v>5.0000000000000001E-3</c:v>
                </c:pt>
                <c:pt idx="4923">
                  <c:v>5.0000000000000001E-3</c:v>
                </c:pt>
                <c:pt idx="4924">
                  <c:v>5.0000000000000001E-3</c:v>
                </c:pt>
                <c:pt idx="4925">
                  <c:v>5.0000000000000001E-3</c:v>
                </c:pt>
                <c:pt idx="4926">
                  <c:v>5.0000000000000001E-3</c:v>
                </c:pt>
                <c:pt idx="4927">
                  <c:v>5.0000000000000001E-3</c:v>
                </c:pt>
                <c:pt idx="4928">
                  <c:v>5.0000000000000001E-3</c:v>
                </c:pt>
                <c:pt idx="4929">
                  <c:v>5.0000000000000001E-3</c:v>
                </c:pt>
                <c:pt idx="4930">
                  <c:v>5.0000000000000001E-3</c:v>
                </c:pt>
                <c:pt idx="4931">
                  <c:v>5.0000000000000001E-3</c:v>
                </c:pt>
                <c:pt idx="4932">
                  <c:v>5.0000000000000001E-3</c:v>
                </c:pt>
                <c:pt idx="4933">
                  <c:v>5.0000000000000001E-3</c:v>
                </c:pt>
                <c:pt idx="4934">
                  <c:v>5.0000000000000001E-3</c:v>
                </c:pt>
                <c:pt idx="4935">
                  <c:v>5.0000000000000001E-3</c:v>
                </c:pt>
                <c:pt idx="4936">
                  <c:v>5.0000000000000001E-3</c:v>
                </c:pt>
                <c:pt idx="4937">
                  <c:v>5.0000000000000001E-3</c:v>
                </c:pt>
                <c:pt idx="4938">
                  <c:v>5.0000000000000001E-3</c:v>
                </c:pt>
                <c:pt idx="4939">
                  <c:v>5.0000000000000001E-3</c:v>
                </c:pt>
                <c:pt idx="4940">
                  <c:v>5.0000000000000001E-3</c:v>
                </c:pt>
                <c:pt idx="4941">
                  <c:v>5.0000000000000001E-3</c:v>
                </c:pt>
                <c:pt idx="4942">
                  <c:v>5.0000000000000001E-3</c:v>
                </c:pt>
                <c:pt idx="4943">
                  <c:v>5.0000000000000001E-3</c:v>
                </c:pt>
                <c:pt idx="4944">
                  <c:v>5.0000000000000001E-3</c:v>
                </c:pt>
                <c:pt idx="4945">
                  <c:v>5.0000000000000001E-3</c:v>
                </c:pt>
                <c:pt idx="4946">
                  <c:v>5.0000000000000001E-3</c:v>
                </c:pt>
                <c:pt idx="4947">
                  <c:v>5.0000000000000001E-3</c:v>
                </c:pt>
                <c:pt idx="4948">
                  <c:v>5.0000000000000001E-3</c:v>
                </c:pt>
                <c:pt idx="4949">
                  <c:v>5.0000000000000001E-3</c:v>
                </c:pt>
                <c:pt idx="4950">
                  <c:v>5.0000000000000001E-3</c:v>
                </c:pt>
                <c:pt idx="4951">
                  <c:v>5.0000000000000001E-3</c:v>
                </c:pt>
                <c:pt idx="4952">
                  <c:v>5.0000000000000001E-3</c:v>
                </c:pt>
                <c:pt idx="4953">
                  <c:v>5.0000000000000001E-3</c:v>
                </c:pt>
                <c:pt idx="4954">
                  <c:v>5.0000000000000001E-3</c:v>
                </c:pt>
                <c:pt idx="4955">
                  <c:v>5.0000000000000001E-3</c:v>
                </c:pt>
                <c:pt idx="4956">
                  <c:v>5.0000000000000001E-3</c:v>
                </c:pt>
                <c:pt idx="4957">
                  <c:v>5.0000000000000001E-3</c:v>
                </c:pt>
                <c:pt idx="4958">
                  <c:v>5.0000000000000001E-3</c:v>
                </c:pt>
                <c:pt idx="4959">
                  <c:v>5.0000000000000001E-3</c:v>
                </c:pt>
                <c:pt idx="4960">
                  <c:v>5.0000000000000001E-3</c:v>
                </c:pt>
                <c:pt idx="4961">
                  <c:v>5.0000000000000001E-3</c:v>
                </c:pt>
                <c:pt idx="4962">
                  <c:v>5.0000000000000001E-3</c:v>
                </c:pt>
                <c:pt idx="4963">
                  <c:v>5.0000000000000001E-3</c:v>
                </c:pt>
                <c:pt idx="4964">
                  <c:v>5.0000000000000001E-3</c:v>
                </c:pt>
                <c:pt idx="4965">
                  <c:v>5.0000000000000001E-3</c:v>
                </c:pt>
                <c:pt idx="4966">
                  <c:v>5.0000000000000001E-3</c:v>
                </c:pt>
                <c:pt idx="4967">
                  <c:v>5.0000000000000001E-3</c:v>
                </c:pt>
                <c:pt idx="4968">
                  <c:v>5.0000000000000001E-3</c:v>
                </c:pt>
                <c:pt idx="4969">
                  <c:v>5.0000000000000001E-3</c:v>
                </c:pt>
                <c:pt idx="4970">
                  <c:v>5.0000000000000001E-3</c:v>
                </c:pt>
                <c:pt idx="4971">
                  <c:v>5.0000000000000001E-3</c:v>
                </c:pt>
                <c:pt idx="4972">
                  <c:v>5.0000000000000001E-3</c:v>
                </c:pt>
                <c:pt idx="4973">
                  <c:v>5.0000000000000001E-3</c:v>
                </c:pt>
                <c:pt idx="4974">
                  <c:v>5.0000000000000001E-3</c:v>
                </c:pt>
                <c:pt idx="4975">
                  <c:v>5.0000000000000001E-3</c:v>
                </c:pt>
                <c:pt idx="4976">
                  <c:v>5.0000000000000001E-3</c:v>
                </c:pt>
                <c:pt idx="4977">
                  <c:v>5.0000000000000001E-3</c:v>
                </c:pt>
                <c:pt idx="4978">
                  <c:v>5.0000000000000001E-3</c:v>
                </c:pt>
                <c:pt idx="4979">
                  <c:v>5.0000000000000001E-3</c:v>
                </c:pt>
                <c:pt idx="4980">
                  <c:v>5.0000000000000001E-3</c:v>
                </c:pt>
                <c:pt idx="4981">
                  <c:v>5.0000000000000001E-3</c:v>
                </c:pt>
                <c:pt idx="4982">
                  <c:v>5.0000000000000001E-3</c:v>
                </c:pt>
                <c:pt idx="4983">
                  <c:v>5.0000000000000001E-3</c:v>
                </c:pt>
                <c:pt idx="4984">
                  <c:v>5.0000000000000001E-3</c:v>
                </c:pt>
                <c:pt idx="4985">
                  <c:v>5.0000000000000001E-3</c:v>
                </c:pt>
                <c:pt idx="4986">
                  <c:v>5.0000000000000001E-3</c:v>
                </c:pt>
                <c:pt idx="4987">
                  <c:v>5.0000000000000001E-3</c:v>
                </c:pt>
                <c:pt idx="4988">
                  <c:v>5.0000000000000001E-3</c:v>
                </c:pt>
                <c:pt idx="4989">
                  <c:v>5.0000000000000001E-3</c:v>
                </c:pt>
                <c:pt idx="4990">
                  <c:v>5.0000000000000001E-3</c:v>
                </c:pt>
                <c:pt idx="4991">
                  <c:v>5.0000000000000001E-3</c:v>
                </c:pt>
                <c:pt idx="4992">
                  <c:v>5.0000000000000001E-3</c:v>
                </c:pt>
                <c:pt idx="4993">
                  <c:v>5.0000000000000001E-3</c:v>
                </c:pt>
                <c:pt idx="4994">
                  <c:v>5.0000000000000001E-3</c:v>
                </c:pt>
                <c:pt idx="4995">
                  <c:v>5.0000000000000001E-3</c:v>
                </c:pt>
                <c:pt idx="4996">
                  <c:v>5.0000000000000001E-3</c:v>
                </c:pt>
                <c:pt idx="4997">
                  <c:v>5.0000000000000001E-3</c:v>
                </c:pt>
                <c:pt idx="4998">
                  <c:v>5.0000000000000001E-3</c:v>
                </c:pt>
                <c:pt idx="4999">
                  <c:v>5.0000000000000001E-3</c:v>
                </c:pt>
                <c:pt idx="5000">
                  <c:v>5.0000000000000001E-3</c:v>
                </c:pt>
                <c:pt idx="5001">
                  <c:v>5.0000000000000001E-3</c:v>
                </c:pt>
                <c:pt idx="5002">
                  <c:v>5.0000000000000001E-3</c:v>
                </c:pt>
                <c:pt idx="5003">
                  <c:v>5.0000000000000001E-3</c:v>
                </c:pt>
                <c:pt idx="5004">
                  <c:v>5.0000000000000001E-3</c:v>
                </c:pt>
                <c:pt idx="5005">
                  <c:v>5.0000000000000001E-3</c:v>
                </c:pt>
                <c:pt idx="5006">
                  <c:v>5.0000000000000001E-3</c:v>
                </c:pt>
                <c:pt idx="5007">
                  <c:v>5.0000000000000001E-3</c:v>
                </c:pt>
                <c:pt idx="5008">
                  <c:v>5.0000000000000001E-3</c:v>
                </c:pt>
                <c:pt idx="5009">
                  <c:v>5.0000000000000001E-3</c:v>
                </c:pt>
                <c:pt idx="5010">
                  <c:v>5.0000000000000001E-3</c:v>
                </c:pt>
                <c:pt idx="5011">
                  <c:v>5.0000000000000001E-3</c:v>
                </c:pt>
                <c:pt idx="5012">
                  <c:v>5.0000000000000001E-3</c:v>
                </c:pt>
                <c:pt idx="5013">
                  <c:v>5.0000000000000001E-3</c:v>
                </c:pt>
                <c:pt idx="5014">
                  <c:v>5.0000000000000001E-3</c:v>
                </c:pt>
                <c:pt idx="5015">
                  <c:v>5.0000000000000001E-3</c:v>
                </c:pt>
                <c:pt idx="5016">
                  <c:v>5.0000000000000001E-3</c:v>
                </c:pt>
                <c:pt idx="5017">
                  <c:v>5.0000000000000001E-3</c:v>
                </c:pt>
                <c:pt idx="5018">
                  <c:v>5.0000000000000001E-3</c:v>
                </c:pt>
                <c:pt idx="5019">
                  <c:v>5.0000000000000001E-3</c:v>
                </c:pt>
                <c:pt idx="5020">
                  <c:v>5.0000000000000001E-3</c:v>
                </c:pt>
                <c:pt idx="5021">
                  <c:v>5.0000000000000001E-3</c:v>
                </c:pt>
                <c:pt idx="5022">
                  <c:v>5.0000000000000001E-3</c:v>
                </c:pt>
                <c:pt idx="5023">
                  <c:v>5.0000000000000001E-3</c:v>
                </c:pt>
                <c:pt idx="5024">
                  <c:v>5.0000000000000001E-3</c:v>
                </c:pt>
                <c:pt idx="5025">
                  <c:v>5.0000000000000001E-3</c:v>
                </c:pt>
                <c:pt idx="5026">
                  <c:v>5.0000000000000001E-3</c:v>
                </c:pt>
                <c:pt idx="5027">
                  <c:v>5.0000000000000001E-3</c:v>
                </c:pt>
                <c:pt idx="5028">
                  <c:v>5.0000000000000001E-3</c:v>
                </c:pt>
                <c:pt idx="5029">
                  <c:v>5.0000000000000001E-3</c:v>
                </c:pt>
                <c:pt idx="5030">
                  <c:v>5.0000000000000001E-3</c:v>
                </c:pt>
                <c:pt idx="5031">
                  <c:v>5.0000000000000001E-3</c:v>
                </c:pt>
                <c:pt idx="5032">
                  <c:v>5.0000000000000001E-3</c:v>
                </c:pt>
                <c:pt idx="5033">
                  <c:v>5.0000000000000001E-3</c:v>
                </c:pt>
                <c:pt idx="5034">
                  <c:v>5.0000000000000001E-3</c:v>
                </c:pt>
                <c:pt idx="5035">
                  <c:v>5.0000000000000001E-3</c:v>
                </c:pt>
                <c:pt idx="5036">
                  <c:v>5.0000000000000001E-3</c:v>
                </c:pt>
                <c:pt idx="5037">
                  <c:v>5.0000000000000001E-3</c:v>
                </c:pt>
                <c:pt idx="5038">
                  <c:v>5.0000000000000001E-3</c:v>
                </c:pt>
                <c:pt idx="5039">
                  <c:v>5.0000000000000001E-3</c:v>
                </c:pt>
                <c:pt idx="5040">
                  <c:v>5.0000000000000001E-3</c:v>
                </c:pt>
                <c:pt idx="5041">
                  <c:v>5.0000000000000001E-3</c:v>
                </c:pt>
                <c:pt idx="5042">
                  <c:v>5.0000000000000001E-3</c:v>
                </c:pt>
                <c:pt idx="5043">
                  <c:v>5.0000000000000001E-3</c:v>
                </c:pt>
                <c:pt idx="5044">
                  <c:v>5.0000000000000001E-3</c:v>
                </c:pt>
                <c:pt idx="5045">
                  <c:v>5.0000000000000001E-3</c:v>
                </c:pt>
                <c:pt idx="5046">
                  <c:v>5.0000000000000001E-3</c:v>
                </c:pt>
                <c:pt idx="5047">
                  <c:v>5.0000000000000001E-3</c:v>
                </c:pt>
                <c:pt idx="5048">
                  <c:v>5.0000000000000001E-3</c:v>
                </c:pt>
                <c:pt idx="5049">
                  <c:v>5.0000000000000001E-3</c:v>
                </c:pt>
                <c:pt idx="5050">
                  <c:v>5.0000000000000001E-3</c:v>
                </c:pt>
                <c:pt idx="5051">
                  <c:v>5.0000000000000001E-3</c:v>
                </c:pt>
                <c:pt idx="5052">
                  <c:v>5.0000000000000001E-3</c:v>
                </c:pt>
                <c:pt idx="5053">
                  <c:v>5.0000000000000001E-3</c:v>
                </c:pt>
                <c:pt idx="5054">
                  <c:v>5.0000000000000001E-3</c:v>
                </c:pt>
                <c:pt idx="5055">
                  <c:v>5.0000000000000001E-3</c:v>
                </c:pt>
                <c:pt idx="5056">
                  <c:v>5.0000000000000001E-3</c:v>
                </c:pt>
                <c:pt idx="5057">
                  <c:v>5.0000000000000001E-3</c:v>
                </c:pt>
                <c:pt idx="5058">
                  <c:v>5.0000000000000001E-3</c:v>
                </c:pt>
                <c:pt idx="5059">
                  <c:v>5.0000000000000001E-3</c:v>
                </c:pt>
                <c:pt idx="5060">
                  <c:v>5.0000000000000001E-3</c:v>
                </c:pt>
                <c:pt idx="5061">
                  <c:v>5.0000000000000001E-3</c:v>
                </c:pt>
                <c:pt idx="5062">
                  <c:v>5.0000000000000001E-3</c:v>
                </c:pt>
                <c:pt idx="5063">
                  <c:v>5.0000000000000001E-3</c:v>
                </c:pt>
                <c:pt idx="5064">
                  <c:v>5.0000000000000001E-3</c:v>
                </c:pt>
                <c:pt idx="5065">
                  <c:v>2.5000000000000001E-3</c:v>
                </c:pt>
                <c:pt idx="5066">
                  <c:v>2.5000000000000001E-3</c:v>
                </c:pt>
                <c:pt idx="5067">
                  <c:v>2.5000000000000001E-3</c:v>
                </c:pt>
                <c:pt idx="5068">
                  <c:v>2.5000000000000001E-3</c:v>
                </c:pt>
                <c:pt idx="5069">
                  <c:v>2.5000000000000001E-3</c:v>
                </c:pt>
                <c:pt idx="5070">
                  <c:v>2.5000000000000001E-3</c:v>
                </c:pt>
                <c:pt idx="5071">
                  <c:v>2.5000000000000001E-3</c:v>
                </c:pt>
                <c:pt idx="5072">
                  <c:v>2.5000000000000001E-3</c:v>
                </c:pt>
                <c:pt idx="5073">
                  <c:v>2.5000000000000001E-3</c:v>
                </c:pt>
                <c:pt idx="5074">
                  <c:v>2.5000000000000001E-3</c:v>
                </c:pt>
                <c:pt idx="5075">
                  <c:v>2.5000000000000001E-3</c:v>
                </c:pt>
                <c:pt idx="5076">
                  <c:v>2.5000000000000001E-3</c:v>
                </c:pt>
                <c:pt idx="5077">
                  <c:v>2.5000000000000001E-3</c:v>
                </c:pt>
                <c:pt idx="5078">
                  <c:v>2.5000000000000001E-3</c:v>
                </c:pt>
                <c:pt idx="5079">
                  <c:v>2.5000000000000001E-3</c:v>
                </c:pt>
                <c:pt idx="5080">
                  <c:v>2.5000000000000001E-3</c:v>
                </c:pt>
                <c:pt idx="5081">
                  <c:v>2.5000000000000001E-3</c:v>
                </c:pt>
                <c:pt idx="5082">
                  <c:v>2.5000000000000001E-3</c:v>
                </c:pt>
                <c:pt idx="5083">
                  <c:v>2.5000000000000001E-3</c:v>
                </c:pt>
                <c:pt idx="5084">
                  <c:v>2.5000000000000001E-3</c:v>
                </c:pt>
                <c:pt idx="5085">
                  <c:v>2.5000000000000001E-3</c:v>
                </c:pt>
                <c:pt idx="5086">
                  <c:v>2.5000000000000001E-3</c:v>
                </c:pt>
                <c:pt idx="5087">
                  <c:v>2.5000000000000001E-3</c:v>
                </c:pt>
                <c:pt idx="5088">
                  <c:v>2.5000000000000001E-3</c:v>
                </c:pt>
                <c:pt idx="5089">
                  <c:v>2.5000000000000001E-3</c:v>
                </c:pt>
                <c:pt idx="5090">
                  <c:v>2.5000000000000001E-3</c:v>
                </c:pt>
                <c:pt idx="5091">
                  <c:v>2.5000000000000001E-3</c:v>
                </c:pt>
                <c:pt idx="5092">
                  <c:v>2.5000000000000001E-3</c:v>
                </c:pt>
                <c:pt idx="5093">
                  <c:v>2.5000000000000001E-3</c:v>
                </c:pt>
                <c:pt idx="5094">
                  <c:v>2.5000000000000001E-3</c:v>
                </c:pt>
                <c:pt idx="5095">
                  <c:v>2.5000000000000001E-3</c:v>
                </c:pt>
                <c:pt idx="5096">
                  <c:v>2.5000000000000001E-3</c:v>
                </c:pt>
                <c:pt idx="5097">
                  <c:v>2.5000000000000001E-3</c:v>
                </c:pt>
                <c:pt idx="5098">
                  <c:v>2.5000000000000001E-3</c:v>
                </c:pt>
                <c:pt idx="5099">
                  <c:v>2.5000000000000001E-3</c:v>
                </c:pt>
                <c:pt idx="5100">
                  <c:v>2.5000000000000001E-3</c:v>
                </c:pt>
                <c:pt idx="5101">
                  <c:v>2.5000000000000001E-3</c:v>
                </c:pt>
                <c:pt idx="5102">
                  <c:v>2.5000000000000001E-3</c:v>
                </c:pt>
                <c:pt idx="5103">
                  <c:v>2.5000000000000001E-3</c:v>
                </c:pt>
                <c:pt idx="5104">
                  <c:v>2.5000000000000001E-3</c:v>
                </c:pt>
                <c:pt idx="5105">
                  <c:v>2.5000000000000001E-3</c:v>
                </c:pt>
                <c:pt idx="5106">
                  <c:v>2.5000000000000001E-3</c:v>
                </c:pt>
                <c:pt idx="5107">
                  <c:v>2.5000000000000001E-3</c:v>
                </c:pt>
                <c:pt idx="5108">
                  <c:v>2.5000000000000001E-3</c:v>
                </c:pt>
                <c:pt idx="5109">
                  <c:v>2.5000000000000001E-3</c:v>
                </c:pt>
                <c:pt idx="5110">
                  <c:v>2.5000000000000001E-3</c:v>
                </c:pt>
                <c:pt idx="5111">
                  <c:v>2.5000000000000001E-3</c:v>
                </c:pt>
                <c:pt idx="5112">
                  <c:v>2.5000000000000001E-3</c:v>
                </c:pt>
                <c:pt idx="5113">
                  <c:v>2.5000000000000001E-3</c:v>
                </c:pt>
                <c:pt idx="5114">
                  <c:v>2.5000000000000001E-3</c:v>
                </c:pt>
                <c:pt idx="5115">
                  <c:v>2.5000000000000001E-3</c:v>
                </c:pt>
                <c:pt idx="5116">
                  <c:v>2.5000000000000001E-3</c:v>
                </c:pt>
                <c:pt idx="5117">
                  <c:v>2.5000000000000001E-3</c:v>
                </c:pt>
                <c:pt idx="5118">
                  <c:v>2.5000000000000001E-3</c:v>
                </c:pt>
                <c:pt idx="5119">
                  <c:v>2.5000000000000001E-3</c:v>
                </c:pt>
                <c:pt idx="5120">
                  <c:v>2.5000000000000001E-3</c:v>
                </c:pt>
                <c:pt idx="5121">
                  <c:v>2.5000000000000001E-3</c:v>
                </c:pt>
                <c:pt idx="5122">
                  <c:v>2.5000000000000001E-3</c:v>
                </c:pt>
                <c:pt idx="5123">
                  <c:v>2.5000000000000001E-3</c:v>
                </c:pt>
                <c:pt idx="5124">
                  <c:v>2.5000000000000001E-3</c:v>
                </c:pt>
                <c:pt idx="5125">
                  <c:v>2.5000000000000001E-3</c:v>
                </c:pt>
                <c:pt idx="5126">
                  <c:v>2.5000000000000001E-3</c:v>
                </c:pt>
                <c:pt idx="5127">
                  <c:v>2.5000000000000001E-3</c:v>
                </c:pt>
                <c:pt idx="5128">
                  <c:v>2.5000000000000001E-3</c:v>
                </c:pt>
                <c:pt idx="5129">
                  <c:v>2.5000000000000001E-3</c:v>
                </c:pt>
                <c:pt idx="5130">
                  <c:v>2.5000000000000001E-3</c:v>
                </c:pt>
                <c:pt idx="5131">
                  <c:v>2.5000000000000001E-3</c:v>
                </c:pt>
                <c:pt idx="5132">
                  <c:v>2.5000000000000001E-3</c:v>
                </c:pt>
                <c:pt idx="5133">
                  <c:v>2.5000000000000001E-3</c:v>
                </c:pt>
                <c:pt idx="5134">
                  <c:v>2.5000000000000001E-3</c:v>
                </c:pt>
                <c:pt idx="5135">
                  <c:v>2.5000000000000001E-3</c:v>
                </c:pt>
                <c:pt idx="5136">
                  <c:v>2.5000000000000001E-3</c:v>
                </c:pt>
                <c:pt idx="5137">
                  <c:v>2.5000000000000001E-3</c:v>
                </c:pt>
                <c:pt idx="5138">
                  <c:v>2.5000000000000001E-3</c:v>
                </c:pt>
                <c:pt idx="5139">
                  <c:v>2.5000000000000001E-3</c:v>
                </c:pt>
                <c:pt idx="5140">
                  <c:v>2.5000000000000001E-3</c:v>
                </c:pt>
                <c:pt idx="5141">
                  <c:v>2.5000000000000001E-3</c:v>
                </c:pt>
                <c:pt idx="5142">
                  <c:v>2.5000000000000001E-3</c:v>
                </c:pt>
                <c:pt idx="5143">
                  <c:v>2.5000000000000001E-3</c:v>
                </c:pt>
                <c:pt idx="5144">
                  <c:v>2.5000000000000001E-3</c:v>
                </c:pt>
                <c:pt idx="5145">
                  <c:v>2.5000000000000001E-3</c:v>
                </c:pt>
                <c:pt idx="5146">
                  <c:v>2.5000000000000001E-3</c:v>
                </c:pt>
                <c:pt idx="5147">
                  <c:v>2.5000000000000001E-3</c:v>
                </c:pt>
                <c:pt idx="5148">
                  <c:v>2.5000000000000001E-3</c:v>
                </c:pt>
                <c:pt idx="5149">
                  <c:v>2.5000000000000001E-3</c:v>
                </c:pt>
                <c:pt idx="5150">
                  <c:v>2.5000000000000001E-3</c:v>
                </c:pt>
                <c:pt idx="5151">
                  <c:v>2.5000000000000001E-3</c:v>
                </c:pt>
                <c:pt idx="5152">
                  <c:v>2.5000000000000001E-3</c:v>
                </c:pt>
                <c:pt idx="5153">
                  <c:v>2.5000000000000001E-3</c:v>
                </c:pt>
                <c:pt idx="5154">
                  <c:v>2.5000000000000001E-3</c:v>
                </c:pt>
                <c:pt idx="5155">
                  <c:v>2.5000000000000001E-3</c:v>
                </c:pt>
                <c:pt idx="5156">
                  <c:v>2.5000000000000001E-3</c:v>
                </c:pt>
                <c:pt idx="5157">
                  <c:v>2.5000000000000001E-3</c:v>
                </c:pt>
                <c:pt idx="5158">
                  <c:v>2.5000000000000001E-3</c:v>
                </c:pt>
                <c:pt idx="5159">
                  <c:v>2.5000000000000001E-3</c:v>
                </c:pt>
                <c:pt idx="5160">
                  <c:v>2.5000000000000001E-3</c:v>
                </c:pt>
                <c:pt idx="5161">
                  <c:v>2.5000000000000001E-3</c:v>
                </c:pt>
                <c:pt idx="5162">
                  <c:v>2.5000000000000001E-3</c:v>
                </c:pt>
                <c:pt idx="5163">
                  <c:v>2.5000000000000001E-3</c:v>
                </c:pt>
                <c:pt idx="5164">
                  <c:v>2.5000000000000001E-3</c:v>
                </c:pt>
                <c:pt idx="5165">
                  <c:v>2.5000000000000001E-3</c:v>
                </c:pt>
                <c:pt idx="5166">
                  <c:v>2.5000000000000001E-3</c:v>
                </c:pt>
                <c:pt idx="5167">
                  <c:v>2.5000000000000001E-3</c:v>
                </c:pt>
                <c:pt idx="5168">
                  <c:v>2.5000000000000001E-3</c:v>
                </c:pt>
                <c:pt idx="5169">
                  <c:v>2.5000000000000001E-3</c:v>
                </c:pt>
                <c:pt idx="5170">
                  <c:v>2.5000000000000001E-3</c:v>
                </c:pt>
                <c:pt idx="5171">
                  <c:v>2.5000000000000001E-3</c:v>
                </c:pt>
                <c:pt idx="5172">
                  <c:v>2.5000000000000001E-3</c:v>
                </c:pt>
                <c:pt idx="5173">
                  <c:v>2.5000000000000001E-3</c:v>
                </c:pt>
                <c:pt idx="5174">
                  <c:v>2.5000000000000001E-3</c:v>
                </c:pt>
                <c:pt idx="5175">
                  <c:v>2.5000000000000001E-3</c:v>
                </c:pt>
                <c:pt idx="5176">
                  <c:v>2.5000000000000001E-3</c:v>
                </c:pt>
                <c:pt idx="5177">
                  <c:v>2.5000000000000001E-3</c:v>
                </c:pt>
                <c:pt idx="5178">
                  <c:v>2.5000000000000001E-3</c:v>
                </c:pt>
                <c:pt idx="5179">
                  <c:v>2.5000000000000001E-3</c:v>
                </c:pt>
                <c:pt idx="5180">
                  <c:v>2.5000000000000001E-3</c:v>
                </c:pt>
                <c:pt idx="5181">
                  <c:v>2.5000000000000001E-3</c:v>
                </c:pt>
                <c:pt idx="5182">
                  <c:v>2.5000000000000001E-3</c:v>
                </c:pt>
                <c:pt idx="5183">
                  <c:v>2.5000000000000001E-3</c:v>
                </c:pt>
                <c:pt idx="5184">
                  <c:v>2.5000000000000001E-3</c:v>
                </c:pt>
                <c:pt idx="5185">
                  <c:v>2.5000000000000001E-3</c:v>
                </c:pt>
                <c:pt idx="5186">
                  <c:v>2.5000000000000001E-3</c:v>
                </c:pt>
                <c:pt idx="5187">
                  <c:v>2.5000000000000001E-3</c:v>
                </c:pt>
                <c:pt idx="5188">
                  <c:v>2.5000000000000001E-3</c:v>
                </c:pt>
                <c:pt idx="5189">
                  <c:v>2.5000000000000001E-3</c:v>
                </c:pt>
                <c:pt idx="5190">
                  <c:v>2.5000000000000001E-3</c:v>
                </c:pt>
                <c:pt idx="5191">
                  <c:v>2.5000000000000001E-3</c:v>
                </c:pt>
                <c:pt idx="5192">
                  <c:v>2.5000000000000001E-3</c:v>
                </c:pt>
                <c:pt idx="5193">
                  <c:v>2.5000000000000001E-3</c:v>
                </c:pt>
                <c:pt idx="5194">
                  <c:v>2.5000000000000001E-3</c:v>
                </c:pt>
                <c:pt idx="5195">
                  <c:v>2.5000000000000001E-3</c:v>
                </c:pt>
                <c:pt idx="5196">
                  <c:v>2.5000000000000001E-3</c:v>
                </c:pt>
                <c:pt idx="5197">
                  <c:v>2.5000000000000001E-3</c:v>
                </c:pt>
                <c:pt idx="5198">
                  <c:v>2.5000000000000001E-3</c:v>
                </c:pt>
                <c:pt idx="5199">
                  <c:v>2.5000000000000001E-3</c:v>
                </c:pt>
                <c:pt idx="5200">
                  <c:v>2.5000000000000001E-3</c:v>
                </c:pt>
                <c:pt idx="5201">
                  <c:v>2.5000000000000001E-3</c:v>
                </c:pt>
                <c:pt idx="5202">
                  <c:v>2.5000000000000001E-3</c:v>
                </c:pt>
                <c:pt idx="5203">
                  <c:v>2.5000000000000001E-3</c:v>
                </c:pt>
                <c:pt idx="5204">
                  <c:v>2.5000000000000001E-3</c:v>
                </c:pt>
                <c:pt idx="5205">
                  <c:v>2.5000000000000001E-3</c:v>
                </c:pt>
                <c:pt idx="5206">
                  <c:v>2.5000000000000001E-3</c:v>
                </c:pt>
                <c:pt idx="5207">
                  <c:v>2.5000000000000001E-3</c:v>
                </c:pt>
                <c:pt idx="5208">
                  <c:v>2.5000000000000001E-3</c:v>
                </c:pt>
                <c:pt idx="5209">
                  <c:v>2.5000000000000001E-3</c:v>
                </c:pt>
                <c:pt idx="5210">
                  <c:v>2.5000000000000001E-3</c:v>
                </c:pt>
                <c:pt idx="5211">
                  <c:v>2.5000000000000001E-3</c:v>
                </c:pt>
                <c:pt idx="5212">
                  <c:v>2.5000000000000001E-3</c:v>
                </c:pt>
                <c:pt idx="5213">
                  <c:v>2.5000000000000001E-3</c:v>
                </c:pt>
                <c:pt idx="5214">
                  <c:v>2.5000000000000001E-3</c:v>
                </c:pt>
                <c:pt idx="5215">
                  <c:v>2.5000000000000001E-3</c:v>
                </c:pt>
                <c:pt idx="5216">
                  <c:v>2.5000000000000001E-3</c:v>
                </c:pt>
                <c:pt idx="5217">
                  <c:v>2.5000000000000001E-3</c:v>
                </c:pt>
                <c:pt idx="5218">
                  <c:v>2.5000000000000001E-3</c:v>
                </c:pt>
                <c:pt idx="5219">
                  <c:v>2.5000000000000001E-3</c:v>
                </c:pt>
                <c:pt idx="5220">
                  <c:v>2.5000000000000001E-3</c:v>
                </c:pt>
                <c:pt idx="5221">
                  <c:v>2.5000000000000001E-3</c:v>
                </c:pt>
                <c:pt idx="5222">
                  <c:v>2.5000000000000001E-3</c:v>
                </c:pt>
                <c:pt idx="5223">
                  <c:v>2.5000000000000001E-3</c:v>
                </c:pt>
                <c:pt idx="5224">
                  <c:v>2.5000000000000001E-3</c:v>
                </c:pt>
                <c:pt idx="5225">
                  <c:v>2.5000000000000001E-3</c:v>
                </c:pt>
                <c:pt idx="5226">
                  <c:v>2.5000000000000001E-3</c:v>
                </c:pt>
                <c:pt idx="5227">
                  <c:v>2.5000000000000001E-3</c:v>
                </c:pt>
                <c:pt idx="5228">
                  <c:v>2.5000000000000001E-3</c:v>
                </c:pt>
                <c:pt idx="5229">
                  <c:v>2.5000000000000001E-3</c:v>
                </c:pt>
                <c:pt idx="5230">
                  <c:v>2.5000000000000001E-3</c:v>
                </c:pt>
                <c:pt idx="5231">
                  <c:v>2.5000000000000001E-3</c:v>
                </c:pt>
                <c:pt idx="5232">
                  <c:v>2.5000000000000001E-3</c:v>
                </c:pt>
                <c:pt idx="5233">
                  <c:v>2.5000000000000001E-3</c:v>
                </c:pt>
                <c:pt idx="5234">
                  <c:v>2.5000000000000001E-3</c:v>
                </c:pt>
                <c:pt idx="5235">
                  <c:v>2.5000000000000001E-3</c:v>
                </c:pt>
                <c:pt idx="5236">
                  <c:v>2.5000000000000001E-3</c:v>
                </c:pt>
                <c:pt idx="5237">
                  <c:v>2.5000000000000001E-3</c:v>
                </c:pt>
                <c:pt idx="5238">
                  <c:v>2.5000000000000001E-3</c:v>
                </c:pt>
                <c:pt idx="5239">
                  <c:v>2.5000000000000001E-3</c:v>
                </c:pt>
                <c:pt idx="5240">
                  <c:v>2.5000000000000001E-3</c:v>
                </c:pt>
                <c:pt idx="5241">
                  <c:v>2.5000000000000001E-3</c:v>
                </c:pt>
                <c:pt idx="5242">
                  <c:v>2.5000000000000001E-3</c:v>
                </c:pt>
                <c:pt idx="5243">
                  <c:v>2.5000000000000001E-3</c:v>
                </c:pt>
                <c:pt idx="5244">
                  <c:v>2.5000000000000001E-3</c:v>
                </c:pt>
                <c:pt idx="5245">
                  <c:v>2.5000000000000001E-3</c:v>
                </c:pt>
                <c:pt idx="5246">
                  <c:v>2.5000000000000001E-3</c:v>
                </c:pt>
                <c:pt idx="5247">
                  <c:v>2.5000000000000001E-3</c:v>
                </c:pt>
                <c:pt idx="5248">
                  <c:v>2.5000000000000001E-3</c:v>
                </c:pt>
                <c:pt idx="5249">
                  <c:v>2.5000000000000001E-3</c:v>
                </c:pt>
                <c:pt idx="5250">
                  <c:v>2.5000000000000001E-3</c:v>
                </c:pt>
                <c:pt idx="5251">
                  <c:v>2.5000000000000001E-3</c:v>
                </c:pt>
                <c:pt idx="5252">
                  <c:v>2.5000000000000001E-3</c:v>
                </c:pt>
                <c:pt idx="5253">
                  <c:v>2.5000000000000001E-3</c:v>
                </c:pt>
                <c:pt idx="5254">
                  <c:v>2.5000000000000001E-3</c:v>
                </c:pt>
                <c:pt idx="5255">
                  <c:v>2.5000000000000001E-3</c:v>
                </c:pt>
                <c:pt idx="5256">
                  <c:v>2.5000000000000001E-3</c:v>
                </c:pt>
                <c:pt idx="5257">
                  <c:v>2.5000000000000001E-3</c:v>
                </c:pt>
                <c:pt idx="5258">
                  <c:v>2.5000000000000001E-3</c:v>
                </c:pt>
                <c:pt idx="5259">
                  <c:v>2.5000000000000001E-3</c:v>
                </c:pt>
                <c:pt idx="5260">
                  <c:v>2.5000000000000001E-3</c:v>
                </c:pt>
                <c:pt idx="5261">
                  <c:v>2.5000000000000001E-3</c:v>
                </c:pt>
                <c:pt idx="5262">
                  <c:v>2.5000000000000001E-3</c:v>
                </c:pt>
                <c:pt idx="5263">
                  <c:v>2.5000000000000001E-3</c:v>
                </c:pt>
                <c:pt idx="5264">
                  <c:v>2.5000000000000001E-3</c:v>
                </c:pt>
                <c:pt idx="5265">
                  <c:v>2.5000000000000001E-3</c:v>
                </c:pt>
                <c:pt idx="5266">
                  <c:v>2.5000000000000001E-3</c:v>
                </c:pt>
                <c:pt idx="5267">
                  <c:v>2.5000000000000001E-3</c:v>
                </c:pt>
                <c:pt idx="5268">
                  <c:v>2.5000000000000001E-3</c:v>
                </c:pt>
                <c:pt idx="5269">
                  <c:v>2.5000000000000001E-3</c:v>
                </c:pt>
                <c:pt idx="5270">
                  <c:v>2.5000000000000001E-3</c:v>
                </c:pt>
                <c:pt idx="5271">
                  <c:v>2.5000000000000001E-3</c:v>
                </c:pt>
                <c:pt idx="5272">
                  <c:v>2.5000000000000001E-3</c:v>
                </c:pt>
                <c:pt idx="5273">
                  <c:v>2.5000000000000001E-3</c:v>
                </c:pt>
                <c:pt idx="5274">
                  <c:v>2.5000000000000001E-3</c:v>
                </c:pt>
                <c:pt idx="5275">
                  <c:v>1.5E-3</c:v>
                </c:pt>
                <c:pt idx="5276">
                  <c:v>1.5E-3</c:v>
                </c:pt>
                <c:pt idx="5277">
                  <c:v>1.5E-3</c:v>
                </c:pt>
                <c:pt idx="5278">
                  <c:v>1.5E-3</c:v>
                </c:pt>
                <c:pt idx="5279">
                  <c:v>1.5E-3</c:v>
                </c:pt>
                <c:pt idx="5280">
                  <c:v>1.5E-3</c:v>
                </c:pt>
                <c:pt idx="5281">
                  <c:v>1.5E-3</c:v>
                </c:pt>
                <c:pt idx="5282">
                  <c:v>1.5E-3</c:v>
                </c:pt>
                <c:pt idx="5283">
                  <c:v>1.5E-3</c:v>
                </c:pt>
                <c:pt idx="5284">
                  <c:v>1.5E-3</c:v>
                </c:pt>
                <c:pt idx="5285">
                  <c:v>1.5E-3</c:v>
                </c:pt>
                <c:pt idx="5286">
                  <c:v>1.5E-3</c:v>
                </c:pt>
                <c:pt idx="5287">
                  <c:v>1.5E-3</c:v>
                </c:pt>
                <c:pt idx="5288">
                  <c:v>1.5E-3</c:v>
                </c:pt>
                <c:pt idx="5289">
                  <c:v>1.5E-3</c:v>
                </c:pt>
                <c:pt idx="5290">
                  <c:v>1.5E-3</c:v>
                </c:pt>
                <c:pt idx="5291">
                  <c:v>1.5E-3</c:v>
                </c:pt>
                <c:pt idx="5292">
                  <c:v>1.5E-3</c:v>
                </c:pt>
                <c:pt idx="5293">
                  <c:v>1.5E-3</c:v>
                </c:pt>
                <c:pt idx="5294">
                  <c:v>1.5E-3</c:v>
                </c:pt>
                <c:pt idx="5295">
                  <c:v>1.5E-3</c:v>
                </c:pt>
                <c:pt idx="5296">
                  <c:v>1.5E-3</c:v>
                </c:pt>
                <c:pt idx="5297">
                  <c:v>1.5E-3</c:v>
                </c:pt>
                <c:pt idx="5298">
                  <c:v>1.5E-3</c:v>
                </c:pt>
                <c:pt idx="5299">
                  <c:v>1.5E-3</c:v>
                </c:pt>
                <c:pt idx="5300">
                  <c:v>1.5E-3</c:v>
                </c:pt>
                <c:pt idx="5301">
                  <c:v>1.5E-3</c:v>
                </c:pt>
                <c:pt idx="5302">
                  <c:v>1.5E-3</c:v>
                </c:pt>
                <c:pt idx="5303">
                  <c:v>1.5E-3</c:v>
                </c:pt>
                <c:pt idx="5304">
                  <c:v>1.5E-3</c:v>
                </c:pt>
                <c:pt idx="5305">
                  <c:v>1.5E-3</c:v>
                </c:pt>
                <c:pt idx="5306">
                  <c:v>1.5E-3</c:v>
                </c:pt>
                <c:pt idx="5307">
                  <c:v>1.5E-3</c:v>
                </c:pt>
                <c:pt idx="5308">
                  <c:v>1.5E-3</c:v>
                </c:pt>
                <c:pt idx="5309">
                  <c:v>1.5E-3</c:v>
                </c:pt>
                <c:pt idx="5310">
                  <c:v>1.5E-3</c:v>
                </c:pt>
                <c:pt idx="5311">
                  <c:v>1.5E-3</c:v>
                </c:pt>
                <c:pt idx="5312">
                  <c:v>1.5E-3</c:v>
                </c:pt>
                <c:pt idx="5313">
                  <c:v>1.5E-3</c:v>
                </c:pt>
                <c:pt idx="5314">
                  <c:v>1.5E-3</c:v>
                </c:pt>
                <c:pt idx="5315">
                  <c:v>1.5E-3</c:v>
                </c:pt>
                <c:pt idx="5316">
                  <c:v>1.5E-3</c:v>
                </c:pt>
                <c:pt idx="5317">
                  <c:v>1.5E-3</c:v>
                </c:pt>
                <c:pt idx="5318">
                  <c:v>1.5E-3</c:v>
                </c:pt>
                <c:pt idx="5319">
                  <c:v>1.5E-3</c:v>
                </c:pt>
                <c:pt idx="5320">
                  <c:v>1.5E-3</c:v>
                </c:pt>
                <c:pt idx="5321">
                  <c:v>1.5E-3</c:v>
                </c:pt>
                <c:pt idx="5322">
                  <c:v>1.5E-3</c:v>
                </c:pt>
                <c:pt idx="5323">
                  <c:v>1.5E-3</c:v>
                </c:pt>
                <c:pt idx="5324">
                  <c:v>1.5E-3</c:v>
                </c:pt>
                <c:pt idx="5325">
                  <c:v>1.5E-3</c:v>
                </c:pt>
                <c:pt idx="5326">
                  <c:v>1.5E-3</c:v>
                </c:pt>
                <c:pt idx="5327">
                  <c:v>1.5E-3</c:v>
                </c:pt>
                <c:pt idx="5328">
                  <c:v>1.5E-3</c:v>
                </c:pt>
                <c:pt idx="5329">
                  <c:v>1.5E-3</c:v>
                </c:pt>
                <c:pt idx="5330">
                  <c:v>1.5E-3</c:v>
                </c:pt>
                <c:pt idx="5331">
                  <c:v>1.5E-3</c:v>
                </c:pt>
                <c:pt idx="5332">
                  <c:v>1.5E-3</c:v>
                </c:pt>
                <c:pt idx="5333">
                  <c:v>1.5E-3</c:v>
                </c:pt>
                <c:pt idx="5334">
                  <c:v>1.5E-3</c:v>
                </c:pt>
                <c:pt idx="5335">
                  <c:v>1.5E-3</c:v>
                </c:pt>
                <c:pt idx="5336">
                  <c:v>1.5E-3</c:v>
                </c:pt>
                <c:pt idx="5337">
                  <c:v>1.5E-3</c:v>
                </c:pt>
                <c:pt idx="5338">
                  <c:v>1.5E-3</c:v>
                </c:pt>
                <c:pt idx="5339">
                  <c:v>1.5E-3</c:v>
                </c:pt>
                <c:pt idx="5340">
                  <c:v>1.5E-3</c:v>
                </c:pt>
                <c:pt idx="5341">
                  <c:v>1.5E-3</c:v>
                </c:pt>
                <c:pt idx="5342">
                  <c:v>1.5E-3</c:v>
                </c:pt>
                <c:pt idx="5343">
                  <c:v>1.5E-3</c:v>
                </c:pt>
                <c:pt idx="5344">
                  <c:v>1.5E-3</c:v>
                </c:pt>
                <c:pt idx="5345">
                  <c:v>1.5E-3</c:v>
                </c:pt>
                <c:pt idx="5346">
                  <c:v>1.5E-3</c:v>
                </c:pt>
                <c:pt idx="5347">
                  <c:v>1.5E-3</c:v>
                </c:pt>
                <c:pt idx="5348">
                  <c:v>1.5E-3</c:v>
                </c:pt>
                <c:pt idx="5349">
                  <c:v>1.5E-3</c:v>
                </c:pt>
                <c:pt idx="5350">
                  <c:v>1.5E-3</c:v>
                </c:pt>
                <c:pt idx="5351">
                  <c:v>1.5E-3</c:v>
                </c:pt>
                <c:pt idx="5352">
                  <c:v>1.5E-3</c:v>
                </c:pt>
                <c:pt idx="5353">
                  <c:v>1.5E-3</c:v>
                </c:pt>
                <c:pt idx="5354">
                  <c:v>1.5E-3</c:v>
                </c:pt>
                <c:pt idx="5355">
                  <c:v>1.5E-3</c:v>
                </c:pt>
                <c:pt idx="5356">
                  <c:v>1.5E-3</c:v>
                </c:pt>
                <c:pt idx="5357">
                  <c:v>1.5E-3</c:v>
                </c:pt>
                <c:pt idx="5358">
                  <c:v>1.5E-3</c:v>
                </c:pt>
                <c:pt idx="5359">
                  <c:v>1.5E-3</c:v>
                </c:pt>
                <c:pt idx="5360">
                  <c:v>1.5E-3</c:v>
                </c:pt>
                <c:pt idx="5361">
                  <c:v>1.5E-3</c:v>
                </c:pt>
                <c:pt idx="5362">
                  <c:v>1.5E-3</c:v>
                </c:pt>
                <c:pt idx="5363">
                  <c:v>1.5E-3</c:v>
                </c:pt>
                <c:pt idx="5364">
                  <c:v>1.5E-3</c:v>
                </c:pt>
                <c:pt idx="5365">
                  <c:v>1.5E-3</c:v>
                </c:pt>
                <c:pt idx="5366">
                  <c:v>5.0000000000000001E-4</c:v>
                </c:pt>
                <c:pt idx="5367">
                  <c:v>5.0000000000000001E-4</c:v>
                </c:pt>
                <c:pt idx="5368">
                  <c:v>5.0000000000000001E-4</c:v>
                </c:pt>
                <c:pt idx="5369">
                  <c:v>5.0000000000000001E-4</c:v>
                </c:pt>
                <c:pt idx="5370">
                  <c:v>5.0000000000000001E-4</c:v>
                </c:pt>
                <c:pt idx="5371">
                  <c:v>5.0000000000000001E-4</c:v>
                </c:pt>
                <c:pt idx="5372">
                  <c:v>5.0000000000000001E-4</c:v>
                </c:pt>
                <c:pt idx="5373">
                  <c:v>5.0000000000000001E-4</c:v>
                </c:pt>
                <c:pt idx="5374">
                  <c:v>5.0000000000000001E-4</c:v>
                </c:pt>
                <c:pt idx="5375">
                  <c:v>5.0000000000000001E-4</c:v>
                </c:pt>
                <c:pt idx="5376">
                  <c:v>5.0000000000000001E-4</c:v>
                </c:pt>
                <c:pt idx="5377">
                  <c:v>5.0000000000000001E-4</c:v>
                </c:pt>
                <c:pt idx="5378">
                  <c:v>5.0000000000000001E-4</c:v>
                </c:pt>
                <c:pt idx="5379">
                  <c:v>5.0000000000000001E-4</c:v>
                </c:pt>
                <c:pt idx="5380">
                  <c:v>5.0000000000000001E-4</c:v>
                </c:pt>
                <c:pt idx="5381">
                  <c:v>5.0000000000000001E-4</c:v>
                </c:pt>
                <c:pt idx="5382">
                  <c:v>5.0000000000000001E-4</c:v>
                </c:pt>
                <c:pt idx="5383">
                  <c:v>5.0000000000000001E-4</c:v>
                </c:pt>
                <c:pt idx="5384">
                  <c:v>5.0000000000000001E-4</c:v>
                </c:pt>
                <c:pt idx="5385">
                  <c:v>5.0000000000000001E-4</c:v>
                </c:pt>
                <c:pt idx="5386">
                  <c:v>5.0000000000000001E-4</c:v>
                </c:pt>
                <c:pt idx="5387">
                  <c:v>5.0000000000000001E-4</c:v>
                </c:pt>
                <c:pt idx="5388">
                  <c:v>5.0000000000000001E-4</c:v>
                </c:pt>
                <c:pt idx="5389">
                  <c:v>5.0000000000000001E-4</c:v>
                </c:pt>
                <c:pt idx="5390">
                  <c:v>5.0000000000000001E-4</c:v>
                </c:pt>
                <c:pt idx="5391">
                  <c:v>5.0000000000000001E-4</c:v>
                </c:pt>
                <c:pt idx="5392">
                  <c:v>5.0000000000000001E-4</c:v>
                </c:pt>
                <c:pt idx="5393">
                  <c:v>5.0000000000000001E-4</c:v>
                </c:pt>
                <c:pt idx="5394">
                  <c:v>5.0000000000000001E-4</c:v>
                </c:pt>
                <c:pt idx="5395">
                  <c:v>5.0000000000000001E-4</c:v>
                </c:pt>
                <c:pt idx="5396">
                  <c:v>5.0000000000000001E-4</c:v>
                </c:pt>
                <c:pt idx="5397">
                  <c:v>5.0000000000000001E-4</c:v>
                </c:pt>
                <c:pt idx="5398">
                  <c:v>5.0000000000000001E-4</c:v>
                </c:pt>
                <c:pt idx="5399">
                  <c:v>5.0000000000000001E-4</c:v>
                </c:pt>
                <c:pt idx="5400">
                  <c:v>5.0000000000000001E-4</c:v>
                </c:pt>
                <c:pt idx="5401">
                  <c:v>5.0000000000000001E-4</c:v>
                </c:pt>
                <c:pt idx="5402">
                  <c:v>5.0000000000000001E-4</c:v>
                </c:pt>
                <c:pt idx="5403">
                  <c:v>5.0000000000000001E-4</c:v>
                </c:pt>
                <c:pt idx="5404">
                  <c:v>5.0000000000000001E-4</c:v>
                </c:pt>
                <c:pt idx="5405">
                  <c:v>5.0000000000000001E-4</c:v>
                </c:pt>
                <c:pt idx="5406">
                  <c:v>5.0000000000000001E-4</c:v>
                </c:pt>
                <c:pt idx="5407">
                  <c:v>5.0000000000000001E-4</c:v>
                </c:pt>
                <c:pt idx="5408">
                  <c:v>5.0000000000000001E-4</c:v>
                </c:pt>
                <c:pt idx="5409">
                  <c:v>5.0000000000000001E-4</c:v>
                </c:pt>
                <c:pt idx="5410">
                  <c:v>5.0000000000000001E-4</c:v>
                </c:pt>
                <c:pt idx="5411">
                  <c:v>5.0000000000000001E-4</c:v>
                </c:pt>
                <c:pt idx="5412">
                  <c:v>5.0000000000000001E-4</c:v>
                </c:pt>
                <c:pt idx="5413">
                  <c:v>5.0000000000000001E-4</c:v>
                </c:pt>
                <c:pt idx="5414">
                  <c:v>5.0000000000000001E-4</c:v>
                </c:pt>
                <c:pt idx="5415">
                  <c:v>5.0000000000000001E-4</c:v>
                </c:pt>
                <c:pt idx="5416">
                  <c:v>5.0000000000000001E-4</c:v>
                </c:pt>
                <c:pt idx="5417">
                  <c:v>5.0000000000000001E-4</c:v>
                </c:pt>
                <c:pt idx="5418">
                  <c:v>5.0000000000000001E-4</c:v>
                </c:pt>
                <c:pt idx="5419">
                  <c:v>5.0000000000000001E-4</c:v>
                </c:pt>
                <c:pt idx="5420">
                  <c:v>5.0000000000000001E-4</c:v>
                </c:pt>
                <c:pt idx="5421">
                  <c:v>5.0000000000000001E-4</c:v>
                </c:pt>
                <c:pt idx="5422">
                  <c:v>5.0000000000000001E-4</c:v>
                </c:pt>
                <c:pt idx="5423">
                  <c:v>5.0000000000000001E-4</c:v>
                </c:pt>
                <c:pt idx="5424">
                  <c:v>5.0000000000000001E-4</c:v>
                </c:pt>
                <c:pt idx="5425">
                  <c:v>5.0000000000000001E-4</c:v>
                </c:pt>
                <c:pt idx="5426">
                  <c:v>5.0000000000000001E-4</c:v>
                </c:pt>
                <c:pt idx="5427">
                  <c:v>5.0000000000000001E-4</c:v>
                </c:pt>
                <c:pt idx="5428">
                  <c:v>5.0000000000000001E-4</c:v>
                </c:pt>
                <c:pt idx="5429">
                  <c:v>5.0000000000000001E-4</c:v>
                </c:pt>
                <c:pt idx="5430">
                  <c:v>5.0000000000000001E-4</c:v>
                </c:pt>
                <c:pt idx="5431">
                  <c:v>5.0000000000000001E-4</c:v>
                </c:pt>
                <c:pt idx="5432">
                  <c:v>5.0000000000000001E-4</c:v>
                </c:pt>
                <c:pt idx="5433">
                  <c:v>5.0000000000000001E-4</c:v>
                </c:pt>
                <c:pt idx="5434">
                  <c:v>5.0000000000000001E-4</c:v>
                </c:pt>
                <c:pt idx="5435">
                  <c:v>5.0000000000000001E-4</c:v>
                </c:pt>
                <c:pt idx="5436">
                  <c:v>5.0000000000000001E-4</c:v>
                </c:pt>
                <c:pt idx="5437">
                  <c:v>5.0000000000000001E-4</c:v>
                </c:pt>
                <c:pt idx="5438">
                  <c:v>5.0000000000000001E-4</c:v>
                </c:pt>
                <c:pt idx="5439">
                  <c:v>5.0000000000000001E-4</c:v>
                </c:pt>
                <c:pt idx="5440">
                  <c:v>5.0000000000000001E-4</c:v>
                </c:pt>
                <c:pt idx="5441">
                  <c:v>5.0000000000000001E-4</c:v>
                </c:pt>
                <c:pt idx="5442">
                  <c:v>5.0000000000000001E-4</c:v>
                </c:pt>
                <c:pt idx="5443">
                  <c:v>5.0000000000000001E-4</c:v>
                </c:pt>
                <c:pt idx="5444">
                  <c:v>5.0000000000000001E-4</c:v>
                </c:pt>
                <c:pt idx="5445">
                  <c:v>5.0000000000000001E-4</c:v>
                </c:pt>
                <c:pt idx="5446">
                  <c:v>5.0000000000000001E-4</c:v>
                </c:pt>
                <c:pt idx="5447">
                  <c:v>5.0000000000000001E-4</c:v>
                </c:pt>
                <c:pt idx="5448">
                  <c:v>5.0000000000000001E-4</c:v>
                </c:pt>
                <c:pt idx="5449">
                  <c:v>5.0000000000000001E-4</c:v>
                </c:pt>
                <c:pt idx="5450">
                  <c:v>5.0000000000000001E-4</c:v>
                </c:pt>
                <c:pt idx="5451">
                  <c:v>5.0000000000000001E-4</c:v>
                </c:pt>
                <c:pt idx="5452">
                  <c:v>5.0000000000000001E-4</c:v>
                </c:pt>
                <c:pt idx="5453">
                  <c:v>5.0000000000000001E-4</c:v>
                </c:pt>
                <c:pt idx="5454">
                  <c:v>5.0000000000000001E-4</c:v>
                </c:pt>
                <c:pt idx="5455">
                  <c:v>5.0000000000000001E-4</c:v>
                </c:pt>
                <c:pt idx="5456">
                  <c:v>5.0000000000000001E-4</c:v>
                </c:pt>
                <c:pt idx="5457">
                  <c:v>5.0000000000000001E-4</c:v>
                </c:pt>
                <c:pt idx="5458">
                  <c:v>5.0000000000000001E-4</c:v>
                </c:pt>
                <c:pt idx="5459">
                  <c:v>5.0000000000000001E-4</c:v>
                </c:pt>
                <c:pt idx="5460">
                  <c:v>5.0000000000000001E-4</c:v>
                </c:pt>
                <c:pt idx="5461">
                  <c:v>5.0000000000000001E-4</c:v>
                </c:pt>
                <c:pt idx="5462">
                  <c:v>5.0000000000000001E-4</c:v>
                </c:pt>
                <c:pt idx="5463">
                  <c:v>5.0000000000000001E-4</c:v>
                </c:pt>
                <c:pt idx="5464">
                  <c:v>5.0000000000000001E-4</c:v>
                </c:pt>
                <c:pt idx="5465">
                  <c:v>5.0000000000000001E-4</c:v>
                </c:pt>
                <c:pt idx="5466">
                  <c:v>5.0000000000000001E-4</c:v>
                </c:pt>
                <c:pt idx="5467">
                  <c:v>5.0000000000000001E-4</c:v>
                </c:pt>
                <c:pt idx="5468">
                  <c:v>5.0000000000000001E-4</c:v>
                </c:pt>
                <c:pt idx="5469">
                  <c:v>5.0000000000000001E-4</c:v>
                </c:pt>
                <c:pt idx="5470">
                  <c:v>5.0000000000000001E-4</c:v>
                </c:pt>
                <c:pt idx="5471">
                  <c:v>5.0000000000000001E-4</c:v>
                </c:pt>
                <c:pt idx="5472">
                  <c:v>5.0000000000000001E-4</c:v>
                </c:pt>
                <c:pt idx="5473">
                  <c:v>5.0000000000000001E-4</c:v>
                </c:pt>
                <c:pt idx="5474">
                  <c:v>5.0000000000000001E-4</c:v>
                </c:pt>
                <c:pt idx="5475">
                  <c:v>5.0000000000000001E-4</c:v>
                </c:pt>
                <c:pt idx="5476">
                  <c:v>5.0000000000000001E-4</c:v>
                </c:pt>
                <c:pt idx="5477">
                  <c:v>5.0000000000000001E-4</c:v>
                </c:pt>
                <c:pt idx="5478">
                  <c:v>5.0000000000000001E-4</c:v>
                </c:pt>
                <c:pt idx="5479">
                  <c:v>5.0000000000000001E-4</c:v>
                </c:pt>
                <c:pt idx="5480">
                  <c:v>5.0000000000000001E-4</c:v>
                </c:pt>
                <c:pt idx="5481">
                  <c:v>5.0000000000000001E-4</c:v>
                </c:pt>
                <c:pt idx="5482">
                  <c:v>5.0000000000000001E-4</c:v>
                </c:pt>
                <c:pt idx="5483">
                  <c:v>5.0000000000000001E-4</c:v>
                </c:pt>
                <c:pt idx="5484">
                  <c:v>5.0000000000000001E-4</c:v>
                </c:pt>
                <c:pt idx="5485">
                  <c:v>5.0000000000000001E-4</c:v>
                </c:pt>
                <c:pt idx="5486">
                  <c:v>5.0000000000000001E-4</c:v>
                </c:pt>
                <c:pt idx="5487">
                  <c:v>5.0000000000000001E-4</c:v>
                </c:pt>
                <c:pt idx="5488">
                  <c:v>5.0000000000000001E-4</c:v>
                </c:pt>
                <c:pt idx="5489">
                  <c:v>5.0000000000000001E-4</c:v>
                </c:pt>
                <c:pt idx="5490">
                  <c:v>5.0000000000000001E-4</c:v>
                </c:pt>
                <c:pt idx="5491">
                  <c:v>5.0000000000000001E-4</c:v>
                </c:pt>
                <c:pt idx="5492">
                  <c:v>5.0000000000000001E-4</c:v>
                </c:pt>
                <c:pt idx="5493">
                  <c:v>5.0000000000000001E-4</c:v>
                </c:pt>
                <c:pt idx="5494">
                  <c:v>5.0000000000000001E-4</c:v>
                </c:pt>
                <c:pt idx="5495">
                  <c:v>5.0000000000000001E-4</c:v>
                </c:pt>
                <c:pt idx="5496">
                  <c:v>5.0000000000000001E-4</c:v>
                </c:pt>
                <c:pt idx="5497">
                  <c:v>5.0000000000000001E-4</c:v>
                </c:pt>
                <c:pt idx="5498">
                  <c:v>5.0000000000000001E-4</c:v>
                </c:pt>
                <c:pt idx="5499">
                  <c:v>5.0000000000000001E-4</c:v>
                </c:pt>
                <c:pt idx="5500">
                  <c:v>5.0000000000000001E-4</c:v>
                </c:pt>
                <c:pt idx="5501">
                  <c:v>5.0000000000000001E-4</c:v>
                </c:pt>
                <c:pt idx="5502">
                  <c:v>5.0000000000000001E-4</c:v>
                </c:pt>
                <c:pt idx="5503">
                  <c:v>5.0000000000000001E-4</c:v>
                </c:pt>
                <c:pt idx="5504">
                  <c:v>5.0000000000000001E-4</c:v>
                </c:pt>
                <c:pt idx="5505">
                  <c:v>5.0000000000000001E-4</c:v>
                </c:pt>
                <c:pt idx="5506">
                  <c:v>5.0000000000000001E-4</c:v>
                </c:pt>
                <c:pt idx="5507">
                  <c:v>5.0000000000000001E-4</c:v>
                </c:pt>
                <c:pt idx="5508">
                  <c:v>5.0000000000000001E-4</c:v>
                </c:pt>
                <c:pt idx="5509">
                  <c:v>5.0000000000000001E-4</c:v>
                </c:pt>
                <c:pt idx="5510">
                  <c:v>5.0000000000000001E-4</c:v>
                </c:pt>
                <c:pt idx="5511">
                  <c:v>5.0000000000000001E-4</c:v>
                </c:pt>
                <c:pt idx="5512">
                  <c:v>5.0000000000000001E-4</c:v>
                </c:pt>
                <c:pt idx="5513">
                  <c:v>5.0000000000000001E-4</c:v>
                </c:pt>
                <c:pt idx="5514">
                  <c:v>5.0000000000000001E-4</c:v>
                </c:pt>
                <c:pt idx="5515">
                  <c:v>5.0000000000000001E-4</c:v>
                </c:pt>
                <c:pt idx="5516">
                  <c:v>5.0000000000000001E-4</c:v>
                </c:pt>
                <c:pt idx="5517">
                  <c:v>5.0000000000000001E-4</c:v>
                </c:pt>
                <c:pt idx="5518">
                  <c:v>5.0000000000000001E-4</c:v>
                </c:pt>
                <c:pt idx="5519">
                  <c:v>5.0000000000000001E-4</c:v>
                </c:pt>
                <c:pt idx="5520">
                  <c:v>5.0000000000000001E-4</c:v>
                </c:pt>
                <c:pt idx="5521">
                  <c:v>5.0000000000000001E-4</c:v>
                </c:pt>
                <c:pt idx="5522">
                  <c:v>5.0000000000000001E-4</c:v>
                </c:pt>
                <c:pt idx="5523">
                  <c:v>5.0000000000000001E-4</c:v>
                </c:pt>
                <c:pt idx="5524">
                  <c:v>5.0000000000000001E-4</c:v>
                </c:pt>
                <c:pt idx="5525">
                  <c:v>5.0000000000000001E-4</c:v>
                </c:pt>
                <c:pt idx="5526">
                  <c:v>5.0000000000000001E-4</c:v>
                </c:pt>
                <c:pt idx="5527">
                  <c:v>5.0000000000000001E-4</c:v>
                </c:pt>
                <c:pt idx="5528">
                  <c:v>5.0000000000000001E-4</c:v>
                </c:pt>
                <c:pt idx="5529">
                  <c:v>5.0000000000000001E-4</c:v>
                </c:pt>
                <c:pt idx="5530">
                  <c:v>5.0000000000000001E-4</c:v>
                </c:pt>
                <c:pt idx="5531">
                  <c:v>5.0000000000000001E-4</c:v>
                </c:pt>
                <c:pt idx="5532">
                  <c:v>5.0000000000000001E-4</c:v>
                </c:pt>
                <c:pt idx="5533">
                  <c:v>5.0000000000000001E-4</c:v>
                </c:pt>
                <c:pt idx="5534">
                  <c:v>5.0000000000000001E-4</c:v>
                </c:pt>
                <c:pt idx="5535">
                  <c:v>5.0000000000000001E-4</c:v>
                </c:pt>
                <c:pt idx="5536">
                  <c:v>5.0000000000000001E-4</c:v>
                </c:pt>
                <c:pt idx="5537">
                  <c:v>5.0000000000000001E-4</c:v>
                </c:pt>
                <c:pt idx="5538">
                  <c:v>5.0000000000000001E-4</c:v>
                </c:pt>
                <c:pt idx="5539">
                  <c:v>5.0000000000000001E-4</c:v>
                </c:pt>
                <c:pt idx="5540">
                  <c:v>5.0000000000000001E-4</c:v>
                </c:pt>
                <c:pt idx="5541">
                  <c:v>5.0000000000000001E-4</c:v>
                </c:pt>
                <c:pt idx="5542">
                  <c:v>5.0000000000000001E-4</c:v>
                </c:pt>
                <c:pt idx="5543">
                  <c:v>5.0000000000000001E-4</c:v>
                </c:pt>
                <c:pt idx="5544">
                  <c:v>5.0000000000000001E-4</c:v>
                </c:pt>
                <c:pt idx="5545">
                  <c:v>5.0000000000000001E-4</c:v>
                </c:pt>
                <c:pt idx="5546">
                  <c:v>5.0000000000000001E-4</c:v>
                </c:pt>
                <c:pt idx="5547">
                  <c:v>5.0000000000000001E-4</c:v>
                </c:pt>
                <c:pt idx="5548">
                  <c:v>5.0000000000000001E-4</c:v>
                </c:pt>
                <c:pt idx="5549">
                  <c:v>5.0000000000000001E-4</c:v>
                </c:pt>
                <c:pt idx="5550">
                  <c:v>5.0000000000000001E-4</c:v>
                </c:pt>
                <c:pt idx="5551">
                  <c:v>5.0000000000000001E-4</c:v>
                </c:pt>
                <c:pt idx="5552">
                  <c:v>5.0000000000000001E-4</c:v>
                </c:pt>
                <c:pt idx="5553">
                  <c:v>5.0000000000000001E-4</c:v>
                </c:pt>
                <c:pt idx="5554">
                  <c:v>5.0000000000000001E-4</c:v>
                </c:pt>
                <c:pt idx="5555">
                  <c:v>5.0000000000000001E-4</c:v>
                </c:pt>
                <c:pt idx="5556">
                  <c:v>5.0000000000000001E-4</c:v>
                </c:pt>
                <c:pt idx="5557">
                  <c:v>5.0000000000000001E-4</c:v>
                </c:pt>
                <c:pt idx="5558">
                  <c:v>5.0000000000000001E-4</c:v>
                </c:pt>
                <c:pt idx="5559">
                  <c:v>5.0000000000000001E-4</c:v>
                </c:pt>
                <c:pt idx="5560">
                  <c:v>5.0000000000000001E-4</c:v>
                </c:pt>
                <c:pt idx="5561">
                  <c:v>5.0000000000000001E-4</c:v>
                </c:pt>
                <c:pt idx="5562">
                  <c:v>5.0000000000000001E-4</c:v>
                </c:pt>
                <c:pt idx="5563">
                  <c:v>5.0000000000000001E-4</c:v>
                </c:pt>
                <c:pt idx="5564">
                  <c:v>5.0000000000000001E-4</c:v>
                </c:pt>
                <c:pt idx="5565">
                  <c:v>5.0000000000000001E-4</c:v>
                </c:pt>
                <c:pt idx="5566">
                  <c:v>5.0000000000000001E-4</c:v>
                </c:pt>
                <c:pt idx="5567">
                  <c:v>5.0000000000000001E-4</c:v>
                </c:pt>
                <c:pt idx="5568">
                  <c:v>5.0000000000000001E-4</c:v>
                </c:pt>
                <c:pt idx="5569">
                  <c:v>5.0000000000000001E-4</c:v>
                </c:pt>
                <c:pt idx="5570">
                  <c:v>5.0000000000000001E-4</c:v>
                </c:pt>
                <c:pt idx="5571">
                  <c:v>5.0000000000000001E-4</c:v>
                </c:pt>
                <c:pt idx="5572">
                  <c:v>5.0000000000000001E-4</c:v>
                </c:pt>
                <c:pt idx="5573">
                  <c:v>5.0000000000000001E-4</c:v>
                </c:pt>
                <c:pt idx="5574">
                  <c:v>5.0000000000000001E-4</c:v>
                </c:pt>
                <c:pt idx="5575">
                  <c:v>5.0000000000000001E-4</c:v>
                </c:pt>
                <c:pt idx="5576">
                  <c:v>5.0000000000000001E-4</c:v>
                </c:pt>
                <c:pt idx="5577">
                  <c:v>5.0000000000000001E-4</c:v>
                </c:pt>
                <c:pt idx="5578">
                  <c:v>5.0000000000000001E-4</c:v>
                </c:pt>
                <c:pt idx="5579">
                  <c:v>5.0000000000000001E-4</c:v>
                </c:pt>
                <c:pt idx="5580">
                  <c:v>5.0000000000000001E-4</c:v>
                </c:pt>
                <c:pt idx="5581">
                  <c:v>5.0000000000000001E-4</c:v>
                </c:pt>
                <c:pt idx="5582">
                  <c:v>5.0000000000000001E-4</c:v>
                </c:pt>
                <c:pt idx="5583">
                  <c:v>5.0000000000000001E-4</c:v>
                </c:pt>
                <c:pt idx="5584">
                  <c:v>5.0000000000000001E-4</c:v>
                </c:pt>
                <c:pt idx="5585">
                  <c:v>5.0000000000000001E-4</c:v>
                </c:pt>
                <c:pt idx="5586">
                  <c:v>5.0000000000000001E-4</c:v>
                </c:pt>
                <c:pt idx="5587">
                  <c:v>5.0000000000000001E-4</c:v>
                </c:pt>
                <c:pt idx="5588">
                  <c:v>5.0000000000000001E-4</c:v>
                </c:pt>
                <c:pt idx="5589">
                  <c:v>5.0000000000000001E-4</c:v>
                </c:pt>
                <c:pt idx="5590">
                  <c:v>5.0000000000000001E-4</c:v>
                </c:pt>
                <c:pt idx="5591">
                  <c:v>5.0000000000000001E-4</c:v>
                </c:pt>
                <c:pt idx="5592">
                  <c:v>5.0000000000000001E-4</c:v>
                </c:pt>
                <c:pt idx="5593">
                  <c:v>5.0000000000000001E-4</c:v>
                </c:pt>
                <c:pt idx="5594">
                  <c:v>5.0000000000000001E-4</c:v>
                </c:pt>
                <c:pt idx="5595">
                  <c:v>5.0000000000000001E-4</c:v>
                </c:pt>
                <c:pt idx="5596">
                  <c:v>5.0000000000000001E-4</c:v>
                </c:pt>
                <c:pt idx="5597">
                  <c:v>5.0000000000000001E-4</c:v>
                </c:pt>
                <c:pt idx="5598">
                  <c:v>5.0000000000000001E-4</c:v>
                </c:pt>
                <c:pt idx="5599">
                  <c:v>5.0000000000000001E-4</c:v>
                </c:pt>
                <c:pt idx="5600">
                  <c:v>5.0000000000000001E-4</c:v>
                </c:pt>
                <c:pt idx="5601">
                  <c:v>5.0000000000000001E-4</c:v>
                </c:pt>
                <c:pt idx="5602">
                  <c:v>5.0000000000000001E-4</c:v>
                </c:pt>
                <c:pt idx="5603">
                  <c:v>5.0000000000000001E-4</c:v>
                </c:pt>
                <c:pt idx="5604">
                  <c:v>5.0000000000000001E-4</c:v>
                </c:pt>
                <c:pt idx="5605">
                  <c:v>5.0000000000000001E-4</c:v>
                </c:pt>
                <c:pt idx="5606">
                  <c:v>5.0000000000000001E-4</c:v>
                </c:pt>
                <c:pt idx="5607">
                  <c:v>5.0000000000000001E-4</c:v>
                </c:pt>
                <c:pt idx="5608">
                  <c:v>5.0000000000000001E-4</c:v>
                </c:pt>
                <c:pt idx="5609">
                  <c:v>5.0000000000000001E-4</c:v>
                </c:pt>
                <c:pt idx="5610">
                  <c:v>5.0000000000000001E-4</c:v>
                </c:pt>
                <c:pt idx="5611">
                  <c:v>5.0000000000000001E-4</c:v>
                </c:pt>
                <c:pt idx="5612">
                  <c:v>5.0000000000000001E-4</c:v>
                </c:pt>
                <c:pt idx="5613">
                  <c:v>5.0000000000000001E-4</c:v>
                </c:pt>
                <c:pt idx="5614">
                  <c:v>5.0000000000000001E-4</c:v>
                </c:pt>
                <c:pt idx="5615">
                  <c:v>5.0000000000000001E-4</c:v>
                </c:pt>
                <c:pt idx="5616">
                  <c:v>5.0000000000000001E-4</c:v>
                </c:pt>
                <c:pt idx="5617">
                  <c:v>5.0000000000000001E-4</c:v>
                </c:pt>
                <c:pt idx="5618">
                  <c:v>5.0000000000000001E-4</c:v>
                </c:pt>
                <c:pt idx="5619">
                  <c:v>5.0000000000000001E-4</c:v>
                </c:pt>
                <c:pt idx="5620">
                  <c:v>5.0000000000000001E-4</c:v>
                </c:pt>
                <c:pt idx="5621">
                  <c:v>5.0000000000000001E-4</c:v>
                </c:pt>
                <c:pt idx="5622">
                  <c:v>5.0000000000000001E-4</c:v>
                </c:pt>
                <c:pt idx="5623">
                  <c:v>5.0000000000000001E-4</c:v>
                </c:pt>
                <c:pt idx="5624">
                  <c:v>5.0000000000000001E-4</c:v>
                </c:pt>
                <c:pt idx="5625">
                  <c:v>5.0000000000000001E-4</c:v>
                </c:pt>
                <c:pt idx="5626">
                  <c:v>5.0000000000000001E-4</c:v>
                </c:pt>
                <c:pt idx="5627">
                  <c:v>5.0000000000000001E-4</c:v>
                </c:pt>
                <c:pt idx="5628">
                  <c:v>5.0000000000000001E-4</c:v>
                </c:pt>
                <c:pt idx="5629">
                  <c:v>5.0000000000000001E-4</c:v>
                </c:pt>
                <c:pt idx="5630">
                  <c:v>5.0000000000000001E-4</c:v>
                </c:pt>
                <c:pt idx="5631">
                  <c:v>5.0000000000000001E-4</c:v>
                </c:pt>
                <c:pt idx="5632">
                  <c:v>5.0000000000000001E-4</c:v>
                </c:pt>
                <c:pt idx="5633">
                  <c:v>5.0000000000000001E-4</c:v>
                </c:pt>
                <c:pt idx="5634">
                  <c:v>5.0000000000000001E-4</c:v>
                </c:pt>
                <c:pt idx="5635">
                  <c:v>5.0000000000000001E-4</c:v>
                </c:pt>
                <c:pt idx="5636">
                  <c:v>5.0000000000000001E-4</c:v>
                </c:pt>
                <c:pt idx="5637">
                  <c:v>5.0000000000000001E-4</c:v>
                </c:pt>
                <c:pt idx="5638">
                  <c:v>5.0000000000000001E-4</c:v>
                </c:pt>
                <c:pt idx="5639">
                  <c:v>5.0000000000000001E-4</c:v>
                </c:pt>
                <c:pt idx="5640">
                  <c:v>5.0000000000000001E-4</c:v>
                </c:pt>
                <c:pt idx="5641">
                  <c:v>5.0000000000000001E-4</c:v>
                </c:pt>
                <c:pt idx="5642">
                  <c:v>5.0000000000000001E-4</c:v>
                </c:pt>
                <c:pt idx="5643">
                  <c:v>5.0000000000000001E-4</c:v>
                </c:pt>
                <c:pt idx="5644">
                  <c:v>5.0000000000000001E-4</c:v>
                </c:pt>
                <c:pt idx="5645">
                  <c:v>5.0000000000000001E-4</c:v>
                </c:pt>
                <c:pt idx="5646">
                  <c:v>5.0000000000000001E-4</c:v>
                </c:pt>
                <c:pt idx="5647">
                  <c:v>5.0000000000000001E-4</c:v>
                </c:pt>
                <c:pt idx="5648">
                  <c:v>5.0000000000000001E-4</c:v>
                </c:pt>
                <c:pt idx="5649">
                  <c:v>5.0000000000000001E-4</c:v>
                </c:pt>
                <c:pt idx="5650">
                  <c:v>5.0000000000000001E-4</c:v>
                </c:pt>
                <c:pt idx="5651">
                  <c:v>5.0000000000000001E-4</c:v>
                </c:pt>
                <c:pt idx="5652">
                  <c:v>5.0000000000000001E-4</c:v>
                </c:pt>
                <c:pt idx="5653">
                  <c:v>5.0000000000000001E-4</c:v>
                </c:pt>
                <c:pt idx="5654">
                  <c:v>5.0000000000000001E-4</c:v>
                </c:pt>
                <c:pt idx="5655">
                  <c:v>5.0000000000000001E-4</c:v>
                </c:pt>
                <c:pt idx="5656">
                  <c:v>5.0000000000000001E-4</c:v>
                </c:pt>
                <c:pt idx="5657">
                  <c:v>5.0000000000000001E-4</c:v>
                </c:pt>
                <c:pt idx="5658">
                  <c:v>5.0000000000000001E-4</c:v>
                </c:pt>
                <c:pt idx="5659">
                  <c:v>5.0000000000000001E-4</c:v>
                </c:pt>
                <c:pt idx="5660">
                  <c:v>5.0000000000000001E-4</c:v>
                </c:pt>
                <c:pt idx="5661">
                  <c:v>5.0000000000000001E-4</c:v>
                </c:pt>
                <c:pt idx="5662">
                  <c:v>5.0000000000000001E-4</c:v>
                </c:pt>
                <c:pt idx="5663">
                  <c:v>5.0000000000000001E-4</c:v>
                </c:pt>
                <c:pt idx="5664">
                  <c:v>5.0000000000000001E-4</c:v>
                </c:pt>
                <c:pt idx="5665">
                  <c:v>5.0000000000000001E-4</c:v>
                </c:pt>
                <c:pt idx="5666">
                  <c:v>5.0000000000000001E-4</c:v>
                </c:pt>
                <c:pt idx="5667">
                  <c:v>5.0000000000000001E-4</c:v>
                </c:pt>
                <c:pt idx="5668">
                  <c:v>5.0000000000000001E-4</c:v>
                </c:pt>
                <c:pt idx="5669">
                  <c:v>5.0000000000000001E-4</c:v>
                </c:pt>
                <c:pt idx="5670">
                  <c:v>5.0000000000000001E-4</c:v>
                </c:pt>
                <c:pt idx="5671">
                  <c:v>5.0000000000000001E-4</c:v>
                </c:pt>
                <c:pt idx="5672">
                  <c:v>5.0000000000000001E-4</c:v>
                </c:pt>
                <c:pt idx="5673">
                  <c:v>5.0000000000000001E-4</c:v>
                </c:pt>
                <c:pt idx="5674">
                  <c:v>5.0000000000000001E-4</c:v>
                </c:pt>
                <c:pt idx="5675">
                  <c:v>5.0000000000000001E-4</c:v>
                </c:pt>
                <c:pt idx="5676">
                  <c:v>5.0000000000000001E-4</c:v>
                </c:pt>
                <c:pt idx="5677">
                  <c:v>5.0000000000000001E-4</c:v>
                </c:pt>
                <c:pt idx="5678">
                  <c:v>5.0000000000000001E-4</c:v>
                </c:pt>
                <c:pt idx="5679">
                  <c:v>5.0000000000000001E-4</c:v>
                </c:pt>
                <c:pt idx="5680">
                  <c:v>5.0000000000000001E-4</c:v>
                </c:pt>
                <c:pt idx="5681">
                  <c:v>5.0000000000000001E-4</c:v>
                </c:pt>
                <c:pt idx="5682">
                  <c:v>5.0000000000000001E-4</c:v>
                </c:pt>
                <c:pt idx="5683">
                  <c:v>5.0000000000000001E-4</c:v>
                </c:pt>
                <c:pt idx="5684">
                  <c:v>5.0000000000000001E-4</c:v>
                </c:pt>
                <c:pt idx="5685">
                  <c:v>5.0000000000000001E-4</c:v>
                </c:pt>
                <c:pt idx="5686">
                  <c:v>5.0000000000000001E-4</c:v>
                </c:pt>
                <c:pt idx="5687">
                  <c:v>5.0000000000000001E-4</c:v>
                </c:pt>
                <c:pt idx="5688">
                  <c:v>5.0000000000000001E-4</c:v>
                </c:pt>
                <c:pt idx="5689">
                  <c:v>5.0000000000000001E-4</c:v>
                </c:pt>
                <c:pt idx="5690">
                  <c:v>5.0000000000000001E-4</c:v>
                </c:pt>
                <c:pt idx="5691">
                  <c:v>5.0000000000000001E-4</c:v>
                </c:pt>
                <c:pt idx="5692">
                  <c:v>5.0000000000000001E-4</c:v>
                </c:pt>
                <c:pt idx="5693">
                  <c:v>5.0000000000000001E-4</c:v>
                </c:pt>
                <c:pt idx="5694">
                  <c:v>5.0000000000000001E-4</c:v>
                </c:pt>
                <c:pt idx="5695">
                  <c:v>5.0000000000000001E-4</c:v>
                </c:pt>
                <c:pt idx="5696">
                  <c:v>5.0000000000000001E-4</c:v>
                </c:pt>
                <c:pt idx="5697">
                  <c:v>5.0000000000000001E-4</c:v>
                </c:pt>
                <c:pt idx="5698">
                  <c:v>5.0000000000000001E-4</c:v>
                </c:pt>
                <c:pt idx="5699">
                  <c:v>5.0000000000000001E-4</c:v>
                </c:pt>
                <c:pt idx="5700">
                  <c:v>5.0000000000000001E-4</c:v>
                </c:pt>
                <c:pt idx="5701">
                  <c:v>5.0000000000000001E-4</c:v>
                </c:pt>
                <c:pt idx="5702">
                  <c:v>5.0000000000000001E-4</c:v>
                </c:pt>
                <c:pt idx="5703">
                  <c:v>5.0000000000000001E-4</c:v>
                </c:pt>
                <c:pt idx="5704">
                  <c:v>5.0000000000000001E-4</c:v>
                </c:pt>
                <c:pt idx="5705">
                  <c:v>5.0000000000000001E-4</c:v>
                </c:pt>
                <c:pt idx="5706">
                  <c:v>5.0000000000000001E-4</c:v>
                </c:pt>
                <c:pt idx="5707">
                  <c:v>5.0000000000000001E-4</c:v>
                </c:pt>
                <c:pt idx="5708">
                  <c:v>5.0000000000000001E-4</c:v>
                </c:pt>
                <c:pt idx="5709">
                  <c:v>5.0000000000000001E-4</c:v>
                </c:pt>
                <c:pt idx="5710">
                  <c:v>5.0000000000000001E-4</c:v>
                </c:pt>
                <c:pt idx="5711">
                  <c:v>5.0000000000000001E-4</c:v>
                </c:pt>
                <c:pt idx="5712">
                  <c:v>5.0000000000000001E-4</c:v>
                </c:pt>
                <c:pt idx="5713">
                  <c:v>5.0000000000000001E-4</c:v>
                </c:pt>
                <c:pt idx="5714">
                  <c:v>5.0000000000000001E-4</c:v>
                </c:pt>
                <c:pt idx="5715">
                  <c:v>5.0000000000000001E-4</c:v>
                </c:pt>
                <c:pt idx="5716">
                  <c:v>5.0000000000000001E-4</c:v>
                </c:pt>
                <c:pt idx="5717">
                  <c:v>5.0000000000000001E-4</c:v>
                </c:pt>
                <c:pt idx="5718">
                  <c:v>5.0000000000000001E-4</c:v>
                </c:pt>
                <c:pt idx="5719">
                  <c:v>5.0000000000000001E-4</c:v>
                </c:pt>
                <c:pt idx="5720">
                  <c:v>5.0000000000000001E-4</c:v>
                </c:pt>
                <c:pt idx="5721">
                  <c:v>5.0000000000000001E-4</c:v>
                </c:pt>
                <c:pt idx="5722">
                  <c:v>5.0000000000000001E-4</c:v>
                </c:pt>
                <c:pt idx="5723">
                  <c:v>5.0000000000000001E-4</c:v>
                </c:pt>
                <c:pt idx="5724">
                  <c:v>5.0000000000000001E-4</c:v>
                </c:pt>
                <c:pt idx="5725">
                  <c:v>5.0000000000000001E-4</c:v>
                </c:pt>
                <c:pt idx="5726">
                  <c:v>5.0000000000000001E-4</c:v>
                </c:pt>
                <c:pt idx="5727">
                  <c:v>5.0000000000000001E-4</c:v>
                </c:pt>
                <c:pt idx="5728">
                  <c:v>5.0000000000000001E-4</c:v>
                </c:pt>
                <c:pt idx="5729">
                  <c:v>5.0000000000000001E-4</c:v>
                </c:pt>
                <c:pt idx="5730">
                  <c:v>5.0000000000000001E-4</c:v>
                </c:pt>
                <c:pt idx="5731">
                  <c:v>5.0000000000000001E-4</c:v>
                </c:pt>
                <c:pt idx="5732">
                  <c:v>5.0000000000000001E-4</c:v>
                </c:pt>
                <c:pt idx="5733">
                  <c:v>5.0000000000000001E-4</c:v>
                </c:pt>
                <c:pt idx="5734">
                  <c:v>5.0000000000000001E-4</c:v>
                </c:pt>
                <c:pt idx="5735">
                  <c:v>5.0000000000000001E-4</c:v>
                </c:pt>
                <c:pt idx="5736">
                  <c:v>5.0000000000000001E-4</c:v>
                </c:pt>
                <c:pt idx="5737">
                  <c:v>5.0000000000000001E-4</c:v>
                </c:pt>
                <c:pt idx="5738">
                  <c:v>5.0000000000000001E-4</c:v>
                </c:pt>
                <c:pt idx="5739">
                  <c:v>5.0000000000000001E-4</c:v>
                </c:pt>
                <c:pt idx="5740">
                  <c:v>5.0000000000000001E-4</c:v>
                </c:pt>
                <c:pt idx="5741">
                  <c:v>5.0000000000000001E-4</c:v>
                </c:pt>
                <c:pt idx="5742">
                  <c:v>5.0000000000000001E-4</c:v>
                </c:pt>
                <c:pt idx="5743">
                  <c:v>5.0000000000000001E-4</c:v>
                </c:pt>
                <c:pt idx="5744">
                  <c:v>5.0000000000000001E-4</c:v>
                </c:pt>
                <c:pt idx="5745">
                  <c:v>5.0000000000000001E-4</c:v>
                </c:pt>
                <c:pt idx="5746">
                  <c:v>5.0000000000000001E-4</c:v>
                </c:pt>
                <c:pt idx="5747">
                  <c:v>5.0000000000000001E-4</c:v>
                </c:pt>
                <c:pt idx="5748">
                  <c:v>5.0000000000000001E-4</c:v>
                </c:pt>
                <c:pt idx="5749">
                  <c:v>5.0000000000000001E-4</c:v>
                </c:pt>
                <c:pt idx="5750">
                  <c:v>5.0000000000000001E-4</c:v>
                </c:pt>
                <c:pt idx="5751">
                  <c:v>5.0000000000000001E-4</c:v>
                </c:pt>
                <c:pt idx="5752">
                  <c:v>5.0000000000000001E-4</c:v>
                </c:pt>
                <c:pt idx="5753">
                  <c:v>5.0000000000000001E-4</c:v>
                </c:pt>
                <c:pt idx="5754">
                  <c:v>5.0000000000000001E-4</c:v>
                </c:pt>
                <c:pt idx="5755">
                  <c:v>5.0000000000000001E-4</c:v>
                </c:pt>
                <c:pt idx="5756">
                  <c:v>5.0000000000000001E-4</c:v>
                </c:pt>
                <c:pt idx="5757">
                  <c:v>5.0000000000000001E-4</c:v>
                </c:pt>
                <c:pt idx="5758">
                  <c:v>5.0000000000000001E-4</c:v>
                </c:pt>
                <c:pt idx="5759">
                  <c:v>5.0000000000000001E-4</c:v>
                </c:pt>
                <c:pt idx="5760">
                  <c:v>5.0000000000000001E-4</c:v>
                </c:pt>
                <c:pt idx="5761">
                  <c:v>5.0000000000000001E-4</c:v>
                </c:pt>
                <c:pt idx="5762">
                  <c:v>5.0000000000000001E-4</c:v>
                </c:pt>
                <c:pt idx="5763">
                  <c:v>5.0000000000000001E-4</c:v>
                </c:pt>
                <c:pt idx="5764">
                  <c:v>5.0000000000000001E-4</c:v>
                </c:pt>
                <c:pt idx="5765">
                  <c:v>5.0000000000000001E-4</c:v>
                </c:pt>
                <c:pt idx="5766">
                  <c:v>5.0000000000000001E-4</c:v>
                </c:pt>
                <c:pt idx="5767">
                  <c:v>5.0000000000000001E-4</c:v>
                </c:pt>
                <c:pt idx="5768">
                  <c:v>5.0000000000000001E-4</c:v>
                </c:pt>
                <c:pt idx="5769">
                  <c:v>5.0000000000000001E-4</c:v>
                </c:pt>
                <c:pt idx="5770">
                  <c:v>5.0000000000000001E-4</c:v>
                </c:pt>
                <c:pt idx="5771">
                  <c:v>5.0000000000000001E-4</c:v>
                </c:pt>
                <c:pt idx="5772">
                  <c:v>5.0000000000000001E-4</c:v>
                </c:pt>
                <c:pt idx="5773">
                  <c:v>5.0000000000000001E-4</c:v>
                </c:pt>
                <c:pt idx="5774">
                  <c:v>5.0000000000000001E-4</c:v>
                </c:pt>
                <c:pt idx="5775">
                  <c:v>5.0000000000000001E-4</c:v>
                </c:pt>
                <c:pt idx="5776">
                  <c:v>5.0000000000000001E-4</c:v>
                </c:pt>
                <c:pt idx="5777">
                  <c:v>5.0000000000000001E-4</c:v>
                </c:pt>
                <c:pt idx="5778">
                  <c:v>5.0000000000000001E-4</c:v>
                </c:pt>
                <c:pt idx="5779">
                  <c:v>5.0000000000000001E-4</c:v>
                </c:pt>
                <c:pt idx="5780">
                  <c:v>5.0000000000000001E-4</c:v>
                </c:pt>
                <c:pt idx="5781">
                  <c:v>5.0000000000000001E-4</c:v>
                </c:pt>
                <c:pt idx="5782">
                  <c:v>5.0000000000000001E-4</c:v>
                </c:pt>
                <c:pt idx="5783">
                  <c:v>5.0000000000000001E-4</c:v>
                </c:pt>
                <c:pt idx="5784">
                  <c:v>5.0000000000000001E-4</c:v>
                </c:pt>
                <c:pt idx="5785">
                  <c:v>5.0000000000000001E-4</c:v>
                </c:pt>
                <c:pt idx="5786">
                  <c:v>5.0000000000000001E-4</c:v>
                </c:pt>
                <c:pt idx="5787">
                  <c:v>5.0000000000000001E-4</c:v>
                </c:pt>
                <c:pt idx="5788">
                  <c:v>5.0000000000000001E-4</c:v>
                </c:pt>
                <c:pt idx="5789">
                  <c:v>5.0000000000000001E-4</c:v>
                </c:pt>
                <c:pt idx="5790">
                  <c:v>5.0000000000000001E-4</c:v>
                </c:pt>
                <c:pt idx="5791">
                  <c:v>5.0000000000000001E-4</c:v>
                </c:pt>
                <c:pt idx="5792">
                  <c:v>5.0000000000000001E-4</c:v>
                </c:pt>
                <c:pt idx="5793">
                  <c:v>5.0000000000000001E-4</c:v>
                </c:pt>
                <c:pt idx="5794">
                  <c:v>5.0000000000000001E-4</c:v>
                </c:pt>
                <c:pt idx="5795">
                  <c:v>5.0000000000000001E-4</c:v>
                </c:pt>
                <c:pt idx="5796">
                  <c:v>5.0000000000000001E-4</c:v>
                </c:pt>
                <c:pt idx="5797">
                  <c:v>5.0000000000000001E-4</c:v>
                </c:pt>
                <c:pt idx="5798">
                  <c:v>5.0000000000000001E-4</c:v>
                </c:pt>
                <c:pt idx="5799">
                  <c:v>5.0000000000000001E-4</c:v>
                </c:pt>
                <c:pt idx="5800">
                  <c:v>5.0000000000000001E-4</c:v>
                </c:pt>
                <c:pt idx="5801">
                  <c:v>5.0000000000000001E-4</c:v>
                </c:pt>
                <c:pt idx="5802">
                  <c:v>5.0000000000000001E-4</c:v>
                </c:pt>
                <c:pt idx="5803">
                  <c:v>5.0000000000000001E-4</c:v>
                </c:pt>
                <c:pt idx="5804">
                  <c:v>5.0000000000000001E-4</c:v>
                </c:pt>
                <c:pt idx="5805">
                  <c:v>5.0000000000000001E-4</c:v>
                </c:pt>
                <c:pt idx="5806">
                  <c:v>5.0000000000000001E-4</c:v>
                </c:pt>
                <c:pt idx="5807">
                  <c:v>5.0000000000000001E-4</c:v>
                </c:pt>
                <c:pt idx="5808">
                  <c:v>5.0000000000000001E-4</c:v>
                </c:pt>
                <c:pt idx="5809">
                  <c:v>5.0000000000000001E-4</c:v>
                </c:pt>
                <c:pt idx="5810">
                  <c:v>5.0000000000000001E-4</c:v>
                </c:pt>
                <c:pt idx="5811">
                  <c:v>5.0000000000000001E-4</c:v>
                </c:pt>
                <c:pt idx="5812">
                  <c:v>5.0000000000000001E-4</c:v>
                </c:pt>
                <c:pt idx="5813">
                  <c:v>5.0000000000000001E-4</c:v>
                </c:pt>
                <c:pt idx="5814">
                  <c:v>5.0000000000000001E-4</c:v>
                </c:pt>
                <c:pt idx="5815">
                  <c:v>5.0000000000000001E-4</c:v>
                </c:pt>
                <c:pt idx="5816">
                  <c:v>5.0000000000000001E-4</c:v>
                </c:pt>
                <c:pt idx="5817">
                  <c:v>5.0000000000000001E-4</c:v>
                </c:pt>
                <c:pt idx="5818">
                  <c:v>5.0000000000000001E-4</c:v>
                </c:pt>
                <c:pt idx="5819">
                  <c:v>5.0000000000000001E-4</c:v>
                </c:pt>
                <c:pt idx="5820">
                  <c:v>5.0000000000000001E-4</c:v>
                </c:pt>
                <c:pt idx="5821">
                  <c:v>5.0000000000000001E-4</c:v>
                </c:pt>
                <c:pt idx="5822">
                  <c:v>5.0000000000000001E-4</c:v>
                </c:pt>
                <c:pt idx="5823">
                  <c:v>5.0000000000000001E-4</c:v>
                </c:pt>
                <c:pt idx="5824">
                  <c:v>5.0000000000000001E-4</c:v>
                </c:pt>
                <c:pt idx="5825">
                  <c:v>5.0000000000000001E-4</c:v>
                </c:pt>
                <c:pt idx="5826">
                  <c:v>5.0000000000000001E-4</c:v>
                </c:pt>
                <c:pt idx="5827">
                  <c:v>5.0000000000000001E-4</c:v>
                </c:pt>
                <c:pt idx="5828">
                  <c:v>5.0000000000000001E-4</c:v>
                </c:pt>
                <c:pt idx="5829">
                  <c:v>5.0000000000000001E-4</c:v>
                </c:pt>
                <c:pt idx="5830">
                  <c:v>5.0000000000000001E-4</c:v>
                </c:pt>
                <c:pt idx="5831">
                  <c:v>5.0000000000000001E-4</c:v>
                </c:pt>
                <c:pt idx="5832">
                  <c:v>5.0000000000000001E-4</c:v>
                </c:pt>
                <c:pt idx="5833">
                  <c:v>5.0000000000000001E-4</c:v>
                </c:pt>
                <c:pt idx="5834">
                  <c:v>5.0000000000000001E-4</c:v>
                </c:pt>
                <c:pt idx="5835">
                  <c:v>5.0000000000000001E-4</c:v>
                </c:pt>
                <c:pt idx="5836">
                  <c:v>5.0000000000000001E-4</c:v>
                </c:pt>
                <c:pt idx="5837">
                  <c:v>5.0000000000000001E-4</c:v>
                </c:pt>
                <c:pt idx="5838">
                  <c:v>5.0000000000000001E-4</c:v>
                </c:pt>
                <c:pt idx="5839">
                  <c:v>5.0000000000000001E-4</c:v>
                </c:pt>
                <c:pt idx="5840">
                  <c:v>5.0000000000000001E-4</c:v>
                </c:pt>
                <c:pt idx="5841">
                  <c:v>5.0000000000000001E-4</c:v>
                </c:pt>
                <c:pt idx="5842">
                  <c:v>5.0000000000000001E-4</c:v>
                </c:pt>
                <c:pt idx="5843">
                  <c:v>5.0000000000000001E-4</c:v>
                </c:pt>
                <c:pt idx="5844">
                  <c:v>5.0000000000000001E-4</c:v>
                </c:pt>
                <c:pt idx="5845">
                  <c:v>5.0000000000000001E-4</c:v>
                </c:pt>
                <c:pt idx="5846">
                  <c:v>5.0000000000000001E-4</c:v>
                </c:pt>
                <c:pt idx="5847">
                  <c:v>5.0000000000000001E-4</c:v>
                </c:pt>
                <c:pt idx="5848">
                  <c:v>5.0000000000000001E-4</c:v>
                </c:pt>
                <c:pt idx="5849">
                  <c:v>5.0000000000000001E-4</c:v>
                </c:pt>
                <c:pt idx="5850">
                  <c:v>5.0000000000000001E-4</c:v>
                </c:pt>
                <c:pt idx="5851">
                  <c:v>5.0000000000000001E-4</c:v>
                </c:pt>
                <c:pt idx="5852">
                  <c:v>5.0000000000000001E-4</c:v>
                </c:pt>
                <c:pt idx="5853">
                  <c:v>5.0000000000000001E-4</c:v>
                </c:pt>
                <c:pt idx="5854">
                  <c:v>5.0000000000000001E-4</c:v>
                </c:pt>
                <c:pt idx="5855">
                  <c:v>5.0000000000000001E-4</c:v>
                </c:pt>
                <c:pt idx="5856">
                  <c:v>5.0000000000000001E-4</c:v>
                </c:pt>
                <c:pt idx="5857">
                  <c:v>5.0000000000000001E-4</c:v>
                </c:pt>
                <c:pt idx="5858">
                  <c:v>5.0000000000000001E-4</c:v>
                </c:pt>
                <c:pt idx="5859">
                  <c:v>5.0000000000000001E-4</c:v>
                </c:pt>
                <c:pt idx="5860">
                  <c:v>5.0000000000000001E-4</c:v>
                </c:pt>
                <c:pt idx="5861">
                  <c:v>5.0000000000000001E-4</c:v>
                </c:pt>
                <c:pt idx="5862">
                  <c:v>5.0000000000000001E-4</c:v>
                </c:pt>
                <c:pt idx="5863">
                  <c:v>5.0000000000000001E-4</c:v>
                </c:pt>
                <c:pt idx="5864">
                  <c:v>5.0000000000000001E-4</c:v>
                </c:pt>
                <c:pt idx="5865">
                  <c:v>5.0000000000000001E-4</c:v>
                </c:pt>
                <c:pt idx="5866">
                  <c:v>5.0000000000000001E-4</c:v>
                </c:pt>
                <c:pt idx="5867">
                  <c:v>5.0000000000000001E-4</c:v>
                </c:pt>
                <c:pt idx="5868">
                  <c:v>5.0000000000000001E-4</c:v>
                </c:pt>
                <c:pt idx="5869">
                  <c:v>5.0000000000000001E-4</c:v>
                </c:pt>
                <c:pt idx="5870">
                  <c:v>5.0000000000000001E-4</c:v>
                </c:pt>
                <c:pt idx="5871">
                  <c:v>5.0000000000000001E-4</c:v>
                </c:pt>
                <c:pt idx="5872">
                  <c:v>5.0000000000000001E-4</c:v>
                </c:pt>
                <c:pt idx="5873">
                  <c:v>5.0000000000000001E-4</c:v>
                </c:pt>
                <c:pt idx="5874">
                  <c:v>5.0000000000000001E-4</c:v>
                </c:pt>
                <c:pt idx="5875">
                  <c:v>5.0000000000000001E-4</c:v>
                </c:pt>
                <c:pt idx="5876">
                  <c:v>5.0000000000000001E-4</c:v>
                </c:pt>
                <c:pt idx="5877">
                  <c:v>5.0000000000000001E-4</c:v>
                </c:pt>
                <c:pt idx="5878">
                  <c:v>5.0000000000000001E-4</c:v>
                </c:pt>
                <c:pt idx="5879">
                  <c:v>5.0000000000000001E-4</c:v>
                </c:pt>
                <c:pt idx="5880">
                  <c:v>5.0000000000000001E-4</c:v>
                </c:pt>
                <c:pt idx="5881">
                  <c:v>5.0000000000000001E-4</c:v>
                </c:pt>
                <c:pt idx="5882">
                  <c:v>5.0000000000000001E-4</c:v>
                </c:pt>
                <c:pt idx="5883">
                  <c:v>5.0000000000000001E-4</c:v>
                </c:pt>
                <c:pt idx="5884">
                  <c:v>5.0000000000000001E-4</c:v>
                </c:pt>
                <c:pt idx="5885">
                  <c:v>5.0000000000000001E-4</c:v>
                </c:pt>
                <c:pt idx="5886">
                  <c:v>5.0000000000000001E-4</c:v>
                </c:pt>
                <c:pt idx="5887">
                  <c:v>5.0000000000000001E-4</c:v>
                </c:pt>
                <c:pt idx="5888">
                  <c:v>5.0000000000000001E-4</c:v>
                </c:pt>
                <c:pt idx="5889">
                  <c:v>5.0000000000000001E-4</c:v>
                </c:pt>
                <c:pt idx="5890">
                  <c:v>5.0000000000000001E-4</c:v>
                </c:pt>
                <c:pt idx="5891">
                  <c:v>5.0000000000000001E-4</c:v>
                </c:pt>
                <c:pt idx="5892">
                  <c:v>5.0000000000000001E-4</c:v>
                </c:pt>
                <c:pt idx="5893">
                  <c:v>5.0000000000000001E-4</c:v>
                </c:pt>
                <c:pt idx="5894">
                  <c:v>5.0000000000000001E-4</c:v>
                </c:pt>
                <c:pt idx="5895">
                  <c:v>5.0000000000000001E-4</c:v>
                </c:pt>
                <c:pt idx="5896">
                  <c:v>5.0000000000000001E-4</c:v>
                </c:pt>
                <c:pt idx="5897">
                  <c:v>5.0000000000000001E-4</c:v>
                </c:pt>
                <c:pt idx="5898">
                  <c:v>5.0000000000000001E-4</c:v>
                </c:pt>
                <c:pt idx="5899">
                  <c:v>5.0000000000000001E-4</c:v>
                </c:pt>
                <c:pt idx="5900">
                  <c:v>5.0000000000000001E-4</c:v>
                </c:pt>
                <c:pt idx="5901">
                  <c:v>5.0000000000000001E-4</c:v>
                </c:pt>
                <c:pt idx="5902">
                  <c:v>5.0000000000000001E-4</c:v>
                </c:pt>
                <c:pt idx="5903">
                  <c:v>5.0000000000000001E-4</c:v>
                </c:pt>
                <c:pt idx="5904">
                  <c:v>5.0000000000000001E-4</c:v>
                </c:pt>
                <c:pt idx="5905">
                  <c:v>5.0000000000000001E-4</c:v>
                </c:pt>
                <c:pt idx="5906">
                  <c:v>5.0000000000000001E-4</c:v>
                </c:pt>
                <c:pt idx="5907">
                  <c:v>5.0000000000000001E-4</c:v>
                </c:pt>
                <c:pt idx="5908">
                  <c:v>5.0000000000000001E-4</c:v>
                </c:pt>
                <c:pt idx="5909">
                  <c:v>5.0000000000000001E-4</c:v>
                </c:pt>
                <c:pt idx="5910">
                  <c:v>5.0000000000000001E-4</c:v>
                </c:pt>
                <c:pt idx="5911">
                  <c:v>5.0000000000000001E-4</c:v>
                </c:pt>
                <c:pt idx="5912">
                  <c:v>5.0000000000000001E-4</c:v>
                </c:pt>
                <c:pt idx="5913">
                  <c:v>5.0000000000000001E-4</c:v>
                </c:pt>
                <c:pt idx="5914">
                  <c:v>5.0000000000000001E-4</c:v>
                </c:pt>
                <c:pt idx="5915">
                  <c:v>5.0000000000000001E-4</c:v>
                </c:pt>
                <c:pt idx="5916">
                  <c:v>5.0000000000000001E-4</c:v>
                </c:pt>
                <c:pt idx="5917">
                  <c:v>5.0000000000000001E-4</c:v>
                </c:pt>
                <c:pt idx="5918">
                  <c:v>5.0000000000000001E-4</c:v>
                </c:pt>
                <c:pt idx="5919">
                  <c:v>0</c:v>
                </c:pt>
                <c:pt idx="5920">
                  <c:v>0</c:v>
                </c:pt>
                <c:pt idx="5921">
                  <c:v>0</c:v>
                </c:pt>
                <c:pt idx="5922">
                  <c:v>0</c:v>
                </c:pt>
                <c:pt idx="5923">
                  <c:v>0</c:v>
                </c:pt>
                <c:pt idx="5924">
                  <c:v>0</c:v>
                </c:pt>
                <c:pt idx="5925">
                  <c:v>0</c:v>
                </c:pt>
                <c:pt idx="5926">
                  <c:v>0</c:v>
                </c:pt>
                <c:pt idx="5927">
                  <c:v>0</c:v>
                </c:pt>
                <c:pt idx="5928">
                  <c:v>0</c:v>
                </c:pt>
                <c:pt idx="5929">
                  <c:v>0</c:v>
                </c:pt>
                <c:pt idx="5930">
                  <c:v>0</c:v>
                </c:pt>
                <c:pt idx="5931">
                  <c:v>0</c:v>
                </c:pt>
                <c:pt idx="5932">
                  <c:v>0</c:v>
                </c:pt>
                <c:pt idx="5933">
                  <c:v>0</c:v>
                </c:pt>
                <c:pt idx="5934">
                  <c:v>0</c:v>
                </c:pt>
                <c:pt idx="5935">
                  <c:v>0</c:v>
                </c:pt>
                <c:pt idx="5936">
                  <c:v>0</c:v>
                </c:pt>
                <c:pt idx="5937">
                  <c:v>0</c:v>
                </c:pt>
                <c:pt idx="5938">
                  <c:v>0</c:v>
                </c:pt>
                <c:pt idx="5939">
                  <c:v>0</c:v>
                </c:pt>
                <c:pt idx="5940">
                  <c:v>0</c:v>
                </c:pt>
                <c:pt idx="5941">
                  <c:v>0</c:v>
                </c:pt>
                <c:pt idx="5942">
                  <c:v>0</c:v>
                </c:pt>
                <c:pt idx="5943">
                  <c:v>0</c:v>
                </c:pt>
                <c:pt idx="5944">
                  <c:v>0</c:v>
                </c:pt>
                <c:pt idx="5945">
                  <c:v>0</c:v>
                </c:pt>
                <c:pt idx="5946">
                  <c:v>0</c:v>
                </c:pt>
                <c:pt idx="5947">
                  <c:v>0</c:v>
                </c:pt>
                <c:pt idx="5948">
                  <c:v>0</c:v>
                </c:pt>
                <c:pt idx="5949">
                  <c:v>0</c:v>
                </c:pt>
                <c:pt idx="5950">
                  <c:v>0</c:v>
                </c:pt>
                <c:pt idx="5951">
                  <c:v>0</c:v>
                </c:pt>
                <c:pt idx="5952">
                  <c:v>0</c:v>
                </c:pt>
                <c:pt idx="5953">
                  <c:v>0</c:v>
                </c:pt>
                <c:pt idx="5954">
                  <c:v>0</c:v>
                </c:pt>
                <c:pt idx="5955">
                  <c:v>0</c:v>
                </c:pt>
                <c:pt idx="5956">
                  <c:v>0</c:v>
                </c:pt>
                <c:pt idx="5957">
                  <c:v>0</c:v>
                </c:pt>
                <c:pt idx="5958">
                  <c:v>0</c:v>
                </c:pt>
                <c:pt idx="5959">
                  <c:v>0</c:v>
                </c:pt>
                <c:pt idx="5960">
                  <c:v>0</c:v>
                </c:pt>
                <c:pt idx="5961">
                  <c:v>0</c:v>
                </c:pt>
                <c:pt idx="5962">
                  <c:v>0</c:v>
                </c:pt>
                <c:pt idx="5963">
                  <c:v>0</c:v>
                </c:pt>
                <c:pt idx="5964">
                  <c:v>0</c:v>
                </c:pt>
                <c:pt idx="5965">
                  <c:v>0</c:v>
                </c:pt>
                <c:pt idx="5966">
                  <c:v>0</c:v>
                </c:pt>
                <c:pt idx="5967">
                  <c:v>0</c:v>
                </c:pt>
                <c:pt idx="5968">
                  <c:v>0</c:v>
                </c:pt>
                <c:pt idx="5969">
                  <c:v>0</c:v>
                </c:pt>
                <c:pt idx="5970">
                  <c:v>0</c:v>
                </c:pt>
                <c:pt idx="5971">
                  <c:v>0</c:v>
                </c:pt>
                <c:pt idx="5972">
                  <c:v>0</c:v>
                </c:pt>
                <c:pt idx="5973">
                  <c:v>0</c:v>
                </c:pt>
                <c:pt idx="5974">
                  <c:v>0</c:v>
                </c:pt>
                <c:pt idx="5975">
                  <c:v>0</c:v>
                </c:pt>
                <c:pt idx="5976">
                  <c:v>0</c:v>
                </c:pt>
                <c:pt idx="5977">
                  <c:v>0</c:v>
                </c:pt>
                <c:pt idx="5978">
                  <c:v>0</c:v>
                </c:pt>
                <c:pt idx="5979">
                  <c:v>0</c:v>
                </c:pt>
                <c:pt idx="5980">
                  <c:v>0</c:v>
                </c:pt>
                <c:pt idx="5981">
                  <c:v>0</c:v>
                </c:pt>
                <c:pt idx="5982">
                  <c:v>0</c:v>
                </c:pt>
                <c:pt idx="5983">
                  <c:v>0</c:v>
                </c:pt>
                <c:pt idx="5984">
                  <c:v>0</c:v>
                </c:pt>
                <c:pt idx="5985">
                  <c:v>0</c:v>
                </c:pt>
                <c:pt idx="5986">
                  <c:v>0</c:v>
                </c:pt>
                <c:pt idx="5987">
                  <c:v>0</c:v>
                </c:pt>
                <c:pt idx="5988">
                  <c:v>0</c:v>
                </c:pt>
                <c:pt idx="5989">
                  <c:v>0</c:v>
                </c:pt>
                <c:pt idx="5990">
                  <c:v>0</c:v>
                </c:pt>
                <c:pt idx="5991">
                  <c:v>0</c:v>
                </c:pt>
                <c:pt idx="5992">
                  <c:v>0</c:v>
                </c:pt>
                <c:pt idx="5993">
                  <c:v>0</c:v>
                </c:pt>
                <c:pt idx="5994">
                  <c:v>0</c:v>
                </c:pt>
                <c:pt idx="5995">
                  <c:v>0</c:v>
                </c:pt>
                <c:pt idx="5996">
                  <c:v>0</c:v>
                </c:pt>
                <c:pt idx="5997">
                  <c:v>0</c:v>
                </c:pt>
                <c:pt idx="5998">
                  <c:v>0</c:v>
                </c:pt>
                <c:pt idx="5999">
                  <c:v>0</c:v>
                </c:pt>
                <c:pt idx="6000">
                  <c:v>0</c:v>
                </c:pt>
                <c:pt idx="6001">
                  <c:v>0</c:v>
                </c:pt>
                <c:pt idx="6002">
                  <c:v>0</c:v>
                </c:pt>
                <c:pt idx="6003">
                  <c:v>0</c:v>
                </c:pt>
                <c:pt idx="6004">
                  <c:v>0</c:v>
                </c:pt>
                <c:pt idx="6005">
                  <c:v>0</c:v>
                </c:pt>
                <c:pt idx="6006">
                  <c:v>0</c:v>
                </c:pt>
                <c:pt idx="6007">
                  <c:v>0</c:v>
                </c:pt>
                <c:pt idx="6008">
                  <c:v>0</c:v>
                </c:pt>
                <c:pt idx="6009">
                  <c:v>0</c:v>
                </c:pt>
                <c:pt idx="6010">
                  <c:v>0</c:v>
                </c:pt>
                <c:pt idx="6011">
                  <c:v>0</c:v>
                </c:pt>
                <c:pt idx="6012">
                  <c:v>0</c:v>
                </c:pt>
                <c:pt idx="6013">
                  <c:v>0</c:v>
                </c:pt>
                <c:pt idx="6014">
                  <c:v>0</c:v>
                </c:pt>
                <c:pt idx="6015">
                  <c:v>0</c:v>
                </c:pt>
                <c:pt idx="6016">
                  <c:v>0</c:v>
                </c:pt>
                <c:pt idx="6017">
                  <c:v>0</c:v>
                </c:pt>
                <c:pt idx="6018">
                  <c:v>0</c:v>
                </c:pt>
                <c:pt idx="6019">
                  <c:v>0</c:v>
                </c:pt>
                <c:pt idx="6020">
                  <c:v>0</c:v>
                </c:pt>
                <c:pt idx="6021">
                  <c:v>0</c:v>
                </c:pt>
                <c:pt idx="6022">
                  <c:v>0</c:v>
                </c:pt>
                <c:pt idx="6023">
                  <c:v>0</c:v>
                </c:pt>
                <c:pt idx="6024">
                  <c:v>0</c:v>
                </c:pt>
                <c:pt idx="6025">
                  <c:v>0</c:v>
                </c:pt>
                <c:pt idx="6026">
                  <c:v>0</c:v>
                </c:pt>
                <c:pt idx="6027">
                  <c:v>0</c:v>
                </c:pt>
                <c:pt idx="6028">
                  <c:v>0</c:v>
                </c:pt>
                <c:pt idx="6029">
                  <c:v>0</c:v>
                </c:pt>
                <c:pt idx="6030">
                  <c:v>0</c:v>
                </c:pt>
                <c:pt idx="6031">
                  <c:v>0</c:v>
                </c:pt>
                <c:pt idx="6032">
                  <c:v>0</c:v>
                </c:pt>
                <c:pt idx="6033">
                  <c:v>0</c:v>
                </c:pt>
                <c:pt idx="6034">
                  <c:v>0</c:v>
                </c:pt>
                <c:pt idx="6035">
                  <c:v>0</c:v>
                </c:pt>
                <c:pt idx="6036">
                  <c:v>0</c:v>
                </c:pt>
                <c:pt idx="6037">
                  <c:v>0</c:v>
                </c:pt>
                <c:pt idx="6038">
                  <c:v>0</c:v>
                </c:pt>
                <c:pt idx="6039">
                  <c:v>0</c:v>
                </c:pt>
                <c:pt idx="6040">
                  <c:v>0</c:v>
                </c:pt>
                <c:pt idx="6041">
                  <c:v>0</c:v>
                </c:pt>
                <c:pt idx="6042">
                  <c:v>0</c:v>
                </c:pt>
                <c:pt idx="6043">
                  <c:v>0</c:v>
                </c:pt>
                <c:pt idx="6044">
                  <c:v>0</c:v>
                </c:pt>
                <c:pt idx="6045">
                  <c:v>0</c:v>
                </c:pt>
                <c:pt idx="6046">
                  <c:v>0</c:v>
                </c:pt>
                <c:pt idx="6047">
                  <c:v>0</c:v>
                </c:pt>
                <c:pt idx="6048">
                  <c:v>0</c:v>
                </c:pt>
                <c:pt idx="6049">
                  <c:v>0</c:v>
                </c:pt>
                <c:pt idx="6050">
                  <c:v>0</c:v>
                </c:pt>
                <c:pt idx="6051">
                  <c:v>0</c:v>
                </c:pt>
                <c:pt idx="6052">
                  <c:v>0</c:v>
                </c:pt>
                <c:pt idx="6053">
                  <c:v>0</c:v>
                </c:pt>
                <c:pt idx="6054">
                  <c:v>0</c:v>
                </c:pt>
                <c:pt idx="6055">
                  <c:v>0</c:v>
                </c:pt>
                <c:pt idx="6056">
                  <c:v>0</c:v>
                </c:pt>
                <c:pt idx="6057">
                  <c:v>0</c:v>
                </c:pt>
                <c:pt idx="6058">
                  <c:v>0</c:v>
                </c:pt>
                <c:pt idx="6059">
                  <c:v>0</c:v>
                </c:pt>
                <c:pt idx="6060">
                  <c:v>0</c:v>
                </c:pt>
                <c:pt idx="6061">
                  <c:v>0</c:v>
                </c:pt>
                <c:pt idx="6062">
                  <c:v>0</c:v>
                </c:pt>
                <c:pt idx="6063">
                  <c:v>0</c:v>
                </c:pt>
                <c:pt idx="6064">
                  <c:v>0</c:v>
                </c:pt>
                <c:pt idx="6065">
                  <c:v>0</c:v>
                </c:pt>
                <c:pt idx="6066">
                  <c:v>0</c:v>
                </c:pt>
                <c:pt idx="6067">
                  <c:v>0</c:v>
                </c:pt>
                <c:pt idx="6068">
                  <c:v>0</c:v>
                </c:pt>
                <c:pt idx="6069">
                  <c:v>0</c:v>
                </c:pt>
                <c:pt idx="6070">
                  <c:v>0</c:v>
                </c:pt>
                <c:pt idx="6071">
                  <c:v>0</c:v>
                </c:pt>
                <c:pt idx="6072">
                  <c:v>0</c:v>
                </c:pt>
                <c:pt idx="6073">
                  <c:v>0</c:v>
                </c:pt>
                <c:pt idx="6074">
                  <c:v>0</c:v>
                </c:pt>
                <c:pt idx="6075">
                  <c:v>0</c:v>
                </c:pt>
                <c:pt idx="6076">
                  <c:v>0</c:v>
                </c:pt>
                <c:pt idx="6077">
                  <c:v>0</c:v>
                </c:pt>
                <c:pt idx="6078">
                  <c:v>0</c:v>
                </c:pt>
                <c:pt idx="6079">
                  <c:v>0</c:v>
                </c:pt>
                <c:pt idx="6080">
                  <c:v>0</c:v>
                </c:pt>
                <c:pt idx="6081">
                  <c:v>0</c:v>
                </c:pt>
                <c:pt idx="6082">
                  <c:v>0</c:v>
                </c:pt>
                <c:pt idx="6083">
                  <c:v>0</c:v>
                </c:pt>
                <c:pt idx="6084">
                  <c:v>0</c:v>
                </c:pt>
                <c:pt idx="6085">
                  <c:v>0</c:v>
                </c:pt>
                <c:pt idx="6086">
                  <c:v>0</c:v>
                </c:pt>
                <c:pt idx="6087">
                  <c:v>0</c:v>
                </c:pt>
                <c:pt idx="6088">
                  <c:v>0</c:v>
                </c:pt>
                <c:pt idx="6089">
                  <c:v>0</c:v>
                </c:pt>
                <c:pt idx="6090">
                  <c:v>0</c:v>
                </c:pt>
                <c:pt idx="6091">
                  <c:v>0</c:v>
                </c:pt>
                <c:pt idx="6092">
                  <c:v>0</c:v>
                </c:pt>
                <c:pt idx="6093">
                  <c:v>0</c:v>
                </c:pt>
                <c:pt idx="6094">
                  <c:v>0</c:v>
                </c:pt>
                <c:pt idx="6095">
                  <c:v>0</c:v>
                </c:pt>
                <c:pt idx="6096">
                  <c:v>0</c:v>
                </c:pt>
                <c:pt idx="6097">
                  <c:v>0</c:v>
                </c:pt>
                <c:pt idx="6098">
                  <c:v>0</c:v>
                </c:pt>
                <c:pt idx="6099">
                  <c:v>0</c:v>
                </c:pt>
                <c:pt idx="6100">
                  <c:v>0</c:v>
                </c:pt>
                <c:pt idx="6101">
                  <c:v>0</c:v>
                </c:pt>
                <c:pt idx="6102">
                  <c:v>0</c:v>
                </c:pt>
                <c:pt idx="6103">
                  <c:v>0</c:v>
                </c:pt>
                <c:pt idx="6104">
                  <c:v>0</c:v>
                </c:pt>
                <c:pt idx="6105">
                  <c:v>0</c:v>
                </c:pt>
                <c:pt idx="6106">
                  <c:v>0</c:v>
                </c:pt>
                <c:pt idx="6107">
                  <c:v>0</c:v>
                </c:pt>
                <c:pt idx="6108">
                  <c:v>0</c:v>
                </c:pt>
                <c:pt idx="6109">
                  <c:v>0</c:v>
                </c:pt>
                <c:pt idx="6110">
                  <c:v>0</c:v>
                </c:pt>
                <c:pt idx="6111">
                  <c:v>0</c:v>
                </c:pt>
                <c:pt idx="6112">
                  <c:v>0</c:v>
                </c:pt>
                <c:pt idx="6113">
                  <c:v>0</c:v>
                </c:pt>
                <c:pt idx="6114">
                  <c:v>0</c:v>
                </c:pt>
                <c:pt idx="6115">
                  <c:v>0</c:v>
                </c:pt>
                <c:pt idx="6116">
                  <c:v>0</c:v>
                </c:pt>
                <c:pt idx="6117">
                  <c:v>0</c:v>
                </c:pt>
                <c:pt idx="6118">
                  <c:v>0</c:v>
                </c:pt>
                <c:pt idx="6119">
                  <c:v>0</c:v>
                </c:pt>
                <c:pt idx="6120">
                  <c:v>0</c:v>
                </c:pt>
                <c:pt idx="6121">
                  <c:v>0</c:v>
                </c:pt>
                <c:pt idx="6122">
                  <c:v>0</c:v>
                </c:pt>
                <c:pt idx="6123">
                  <c:v>0</c:v>
                </c:pt>
                <c:pt idx="6124">
                  <c:v>0</c:v>
                </c:pt>
                <c:pt idx="6125">
                  <c:v>0</c:v>
                </c:pt>
                <c:pt idx="6126">
                  <c:v>0</c:v>
                </c:pt>
                <c:pt idx="6127">
                  <c:v>0</c:v>
                </c:pt>
                <c:pt idx="6128">
                  <c:v>0</c:v>
                </c:pt>
                <c:pt idx="6129">
                  <c:v>0</c:v>
                </c:pt>
                <c:pt idx="6130">
                  <c:v>0</c:v>
                </c:pt>
                <c:pt idx="6131">
                  <c:v>0</c:v>
                </c:pt>
                <c:pt idx="6132">
                  <c:v>0</c:v>
                </c:pt>
                <c:pt idx="6133">
                  <c:v>0</c:v>
                </c:pt>
                <c:pt idx="6134">
                  <c:v>0</c:v>
                </c:pt>
                <c:pt idx="6135">
                  <c:v>0</c:v>
                </c:pt>
                <c:pt idx="6136">
                  <c:v>0</c:v>
                </c:pt>
                <c:pt idx="6137">
                  <c:v>0</c:v>
                </c:pt>
                <c:pt idx="6138">
                  <c:v>0</c:v>
                </c:pt>
                <c:pt idx="6139">
                  <c:v>0</c:v>
                </c:pt>
                <c:pt idx="6140">
                  <c:v>0</c:v>
                </c:pt>
                <c:pt idx="6141">
                  <c:v>0</c:v>
                </c:pt>
                <c:pt idx="6142">
                  <c:v>0</c:v>
                </c:pt>
                <c:pt idx="6143">
                  <c:v>0</c:v>
                </c:pt>
                <c:pt idx="6144">
                  <c:v>0</c:v>
                </c:pt>
                <c:pt idx="6145">
                  <c:v>0</c:v>
                </c:pt>
                <c:pt idx="6146">
                  <c:v>0</c:v>
                </c:pt>
                <c:pt idx="6147">
                  <c:v>0</c:v>
                </c:pt>
                <c:pt idx="6148">
                  <c:v>0</c:v>
                </c:pt>
                <c:pt idx="6149">
                  <c:v>0</c:v>
                </c:pt>
                <c:pt idx="6150">
                  <c:v>0</c:v>
                </c:pt>
                <c:pt idx="6151">
                  <c:v>0</c:v>
                </c:pt>
                <c:pt idx="6152">
                  <c:v>0</c:v>
                </c:pt>
                <c:pt idx="6153">
                  <c:v>0</c:v>
                </c:pt>
                <c:pt idx="6154">
                  <c:v>0</c:v>
                </c:pt>
                <c:pt idx="6155">
                  <c:v>0</c:v>
                </c:pt>
                <c:pt idx="6156">
                  <c:v>0</c:v>
                </c:pt>
                <c:pt idx="6157">
                  <c:v>0</c:v>
                </c:pt>
                <c:pt idx="6158">
                  <c:v>0</c:v>
                </c:pt>
                <c:pt idx="6159">
                  <c:v>0</c:v>
                </c:pt>
                <c:pt idx="6160">
                  <c:v>0</c:v>
                </c:pt>
                <c:pt idx="6161">
                  <c:v>0</c:v>
                </c:pt>
                <c:pt idx="6162">
                  <c:v>0</c:v>
                </c:pt>
                <c:pt idx="6163">
                  <c:v>0</c:v>
                </c:pt>
                <c:pt idx="6164">
                  <c:v>0</c:v>
                </c:pt>
                <c:pt idx="6165">
                  <c:v>0</c:v>
                </c:pt>
                <c:pt idx="6166">
                  <c:v>0</c:v>
                </c:pt>
                <c:pt idx="6167">
                  <c:v>0</c:v>
                </c:pt>
                <c:pt idx="6168">
                  <c:v>0</c:v>
                </c:pt>
                <c:pt idx="6169">
                  <c:v>0</c:v>
                </c:pt>
                <c:pt idx="6170">
                  <c:v>0</c:v>
                </c:pt>
                <c:pt idx="6171">
                  <c:v>0</c:v>
                </c:pt>
                <c:pt idx="6172">
                  <c:v>0</c:v>
                </c:pt>
                <c:pt idx="6173">
                  <c:v>0</c:v>
                </c:pt>
                <c:pt idx="6174">
                  <c:v>0</c:v>
                </c:pt>
                <c:pt idx="6175">
                  <c:v>0</c:v>
                </c:pt>
                <c:pt idx="6176">
                  <c:v>0</c:v>
                </c:pt>
                <c:pt idx="6177">
                  <c:v>0</c:v>
                </c:pt>
                <c:pt idx="6178">
                  <c:v>0</c:v>
                </c:pt>
                <c:pt idx="6179">
                  <c:v>0</c:v>
                </c:pt>
                <c:pt idx="6180">
                  <c:v>0</c:v>
                </c:pt>
                <c:pt idx="6181">
                  <c:v>0</c:v>
                </c:pt>
                <c:pt idx="6182">
                  <c:v>0</c:v>
                </c:pt>
                <c:pt idx="6183">
                  <c:v>0</c:v>
                </c:pt>
                <c:pt idx="6184">
                  <c:v>0</c:v>
                </c:pt>
                <c:pt idx="6185">
                  <c:v>0</c:v>
                </c:pt>
                <c:pt idx="6186">
                  <c:v>0</c:v>
                </c:pt>
                <c:pt idx="6187">
                  <c:v>0</c:v>
                </c:pt>
                <c:pt idx="6188">
                  <c:v>0</c:v>
                </c:pt>
                <c:pt idx="6189">
                  <c:v>0</c:v>
                </c:pt>
                <c:pt idx="6190">
                  <c:v>0</c:v>
                </c:pt>
                <c:pt idx="6191">
                  <c:v>0</c:v>
                </c:pt>
                <c:pt idx="6192">
                  <c:v>0</c:v>
                </c:pt>
                <c:pt idx="6193">
                  <c:v>0</c:v>
                </c:pt>
                <c:pt idx="6194">
                  <c:v>0</c:v>
                </c:pt>
                <c:pt idx="6195">
                  <c:v>0</c:v>
                </c:pt>
                <c:pt idx="6196">
                  <c:v>0</c:v>
                </c:pt>
                <c:pt idx="6197">
                  <c:v>0</c:v>
                </c:pt>
                <c:pt idx="6198">
                  <c:v>0</c:v>
                </c:pt>
                <c:pt idx="6199">
                  <c:v>0</c:v>
                </c:pt>
                <c:pt idx="6200">
                  <c:v>0</c:v>
                </c:pt>
                <c:pt idx="6201">
                  <c:v>0</c:v>
                </c:pt>
                <c:pt idx="6202">
                  <c:v>0</c:v>
                </c:pt>
                <c:pt idx="6203">
                  <c:v>0</c:v>
                </c:pt>
                <c:pt idx="6204">
                  <c:v>0</c:v>
                </c:pt>
                <c:pt idx="6205">
                  <c:v>0</c:v>
                </c:pt>
                <c:pt idx="6206">
                  <c:v>0</c:v>
                </c:pt>
                <c:pt idx="6207">
                  <c:v>0</c:v>
                </c:pt>
                <c:pt idx="6208">
                  <c:v>0</c:v>
                </c:pt>
                <c:pt idx="6209">
                  <c:v>0</c:v>
                </c:pt>
                <c:pt idx="6210">
                  <c:v>0</c:v>
                </c:pt>
                <c:pt idx="6211">
                  <c:v>0</c:v>
                </c:pt>
                <c:pt idx="6212">
                  <c:v>0</c:v>
                </c:pt>
                <c:pt idx="6213">
                  <c:v>0</c:v>
                </c:pt>
                <c:pt idx="6214">
                  <c:v>0</c:v>
                </c:pt>
                <c:pt idx="6215">
                  <c:v>0</c:v>
                </c:pt>
                <c:pt idx="6216">
                  <c:v>0</c:v>
                </c:pt>
                <c:pt idx="6217">
                  <c:v>0</c:v>
                </c:pt>
                <c:pt idx="6218">
                  <c:v>0</c:v>
                </c:pt>
                <c:pt idx="6219">
                  <c:v>0</c:v>
                </c:pt>
                <c:pt idx="6220">
                  <c:v>0</c:v>
                </c:pt>
                <c:pt idx="6221">
                  <c:v>0</c:v>
                </c:pt>
                <c:pt idx="6222">
                  <c:v>0</c:v>
                </c:pt>
                <c:pt idx="6223">
                  <c:v>0</c:v>
                </c:pt>
                <c:pt idx="6224">
                  <c:v>0</c:v>
                </c:pt>
                <c:pt idx="6225">
                  <c:v>0</c:v>
                </c:pt>
                <c:pt idx="6226">
                  <c:v>0</c:v>
                </c:pt>
                <c:pt idx="6227">
                  <c:v>0</c:v>
                </c:pt>
                <c:pt idx="6228">
                  <c:v>0</c:v>
                </c:pt>
                <c:pt idx="6229">
                  <c:v>0</c:v>
                </c:pt>
                <c:pt idx="6230">
                  <c:v>0</c:v>
                </c:pt>
                <c:pt idx="6231">
                  <c:v>0</c:v>
                </c:pt>
                <c:pt idx="6232">
                  <c:v>0</c:v>
                </c:pt>
                <c:pt idx="6233">
                  <c:v>0</c:v>
                </c:pt>
                <c:pt idx="6234">
                  <c:v>0</c:v>
                </c:pt>
                <c:pt idx="6235">
                  <c:v>0</c:v>
                </c:pt>
                <c:pt idx="6236">
                  <c:v>0</c:v>
                </c:pt>
                <c:pt idx="6237">
                  <c:v>0</c:v>
                </c:pt>
                <c:pt idx="6238">
                  <c:v>0</c:v>
                </c:pt>
                <c:pt idx="6239">
                  <c:v>0</c:v>
                </c:pt>
                <c:pt idx="6240">
                  <c:v>0</c:v>
                </c:pt>
                <c:pt idx="6241">
                  <c:v>0</c:v>
                </c:pt>
                <c:pt idx="6242">
                  <c:v>0</c:v>
                </c:pt>
                <c:pt idx="6243">
                  <c:v>0</c:v>
                </c:pt>
                <c:pt idx="6244">
                  <c:v>0</c:v>
                </c:pt>
                <c:pt idx="6245">
                  <c:v>0</c:v>
                </c:pt>
                <c:pt idx="6246">
                  <c:v>0</c:v>
                </c:pt>
                <c:pt idx="6247">
                  <c:v>0</c:v>
                </c:pt>
                <c:pt idx="6248">
                  <c:v>0</c:v>
                </c:pt>
                <c:pt idx="6249">
                  <c:v>0</c:v>
                </c:pt>
                <c:pt idx="6250">
                  <c:v>0</c:v>
                </c:pt>
                <c:pt idx="6251">
                  <c:v>0</c:v>
                </c:pt>
                <c:pt idx="6252">
                  <c:v>0</c:v>
                </c:pt>
                <c:pt idx="6253">
                  <c:v>0</c:v>
                </c:pt>
                <c:pt idx="6254">
                  <c:v>0</c:v>
                </c:pt>
                <c:pt idx="6255">
                  <c:v>0</c:v>
                </c:pt>
                <c:pt idx="6256">
                  <c:v>0</c:v>
                </c:pt>
                <c:pt idx="6257">
                  <c:v>0</c:v>
                </c:pt>
                <c:pt idx="6258">
                  <c:v>0</c:v>
                </c:pt>
                <c:pt idx="6259">
                  <c:v>0</c:v>
                </c:pt>
                <c:pt idx="6260">
                  <c:v>0</c:v>
                </c:pt>
                <c:pt idx="6261">
                  <c:v>0</c:v>
                </c:pt>
                <c:pt idx="6262">
                  <c:v>0</c:v>
                </c:pt>
                <c:pt idx="6263">
                  <c:v>0</c:v>
                </c:pt>
                <c:pt idx="6264">
                  <c:v>0</c:v>
                </c:pt>
                <c:pt idx="6265">
                  <c:v>0</c:v>
                </c:pt>
                <c:pt idx="6266">
                  <c:v>0</c:v>
                </c:pt>
                <c:pt idx="6267">
                  <c:v>0</c:v>
                </c:pt>
                <c:pt idx="6268">
                  <c:v>0</c:v>
                </c:pt>
                <c:pt idx="6269">
                  <c:v>0</c:v>
                </c:pt>
                <c:pt idx="6270">
                  <c:v>0</c:v>
                </c:pt>
                <c:pt idx="6271">
                  <c:v>0</c:v>
                </c:pt>
                <c:pt idx="6272">
                  <c:v>0</c:v>
                </c:pt>
                <c:pt idx="6273">
                  <c:v>0</c:v>
                </c:pt>
                <c:pt idx="6274">
                  <c:v>0</c:v>
                </c:pt>
                <c:pt idx="6275">
                  <c:v>0</c:v>
                </c:pt>
                <c:pt idx="6276">
                  <c:v>0</c:v>
                </c:pt>
                <c:pt idx="6277">
                  <c:v>0</c:v>
                </c:pt>
                <c:pt idx="6278">
                  <c:v>0</c:v>
                </c:pt>
                <c:pt idx="6279">
                  <c:v>0</c:v>
                </c:pt>
                <c:pt idx="6280">
                  <c:v>0</c:v>
                </c:pt>
                <c:pt idx="6281">
                  <c:v>0</c:v>
                </c:pt>
                <c:pt idx="6282">
                  <c:v>0</c:v>
                </c:pt>
                <c:pt idx="6283">
                  <c:v>0</c:v>
                </c:pt>
                <c:pt idx="6284">
                  <c:v>0</c:v>
                </c:pt>
                <c:pt idx="6285">
                  <c:v>0</c:v>
                </c:pt>
                <c:pt idx="6286">
                  <c:v>0</c:v>
                </c:pt>
                <c:pt idx="6287">
                  <c:v>0</c:v>
                </c:pt>
                <c:pt idx="6288">
                  <c:v>0</c:v>
                </c:pt>
                <c:pt idx="6289">
                  <c:v>0</c:v>
                </c:pt>
                <c:pt idx="6290">
                  <c:v>0</c:v>
                </c:pt>
                <c:pt idx="6291">
                  <c:v>0</c:v>
                </c:pt>
                <c:pt idx="6292">
                  <c:v>0</c:v>
                </c:pt>
                <c:pt idx="6293">
                  <c:v>0</c:v>
                </c:pt>
                <c:pt idx="6294">
                  <c:v>0</c:v>
                </c:pt>
                <c:pt idx="6295">
                  <c:v>0</c:v>
                </c:pt>
                <c:pt idx="6296">
                  <c:v>0</c:v>
                </c:pt>
                <c:pt idx="6297">
                  <c:v>0</c:v>
                </c:pt>
                <c:pt idx="6298">
                  <c:v>0</c:v>
                </c:pt>
                <c:pt idx="6299">
                  <c:v>0</c:v>
                </c:pt>
                <c:pt idx="6300">
                  <c:v>0</c:v>
                </c:pt>
                <c:pt idx="6301">
                  <c:v>0</c:v>
                </c:pt>
                <c:pt idx="6302">
                  <c:v>0</c:v>
                </c:pt>
                <c:pt idx="6303">
                  <c:v>0</c:v>
                </c:pt>
                <c:pt idx="6304">
                  <c:v>0</c:v>
                </c:pt>
                <c:pt idx="6305">
                  <c:v>0</c:v>
                </c:pt>
                <c:pt idx="6306">
                  <c:v>0</c:v>
                </c:pt>
                <c:pt idx="6307">
                  <c:v>0</c:v>
                </c:pt>
                <c:pt idx="6308">
                  <c:v>0</c:v>
                </c:pt>
                <c:pt idx="6309">
                  <c:v>0</c:v>
                </c:pt>
                <c:pt idx="6310">
                  <c:v>0</c:v>
                </c:pt>
                <c:pt idx="6311">
                  <c:v>0</c:v>
                </c:pt>
                <c:pt idx="6312">
                  <c:v>0</c:v>
                </c:pt>
                <c:pt idx="6313">
                  <c:v>0</c:v>
                </c:pt>
                <c:pt idx="6314">
                  <c:v>0</c:v>
                </c:pt>
                <c:pt idx="6315">
                  <c:v>0</c:v>
                </c:pt>
                <c:pt idx="6316">
                  <c:v>0</c:v>
                </c:pt>
                <c:pt idx="6317">
                  <c:v>0</c:v>
                </c:pt>
                <c:pt idx="6318">
                  <c:v>0</c:v>
                </c:pt>
                <c:pt idx="6319">
                  <c:v>0</c:v>
                </c:pt>
                <c:pt idx="6320">
                  <c:v>0</c:v>
                </c:pt>
                <c:pt idx="6321">
                  <c:v>0</c:v>
                </c:pt>
                <c:pt idx="6322">
                  <c:v>0</c:v>
                </c:pt>
                <c:pt idx="6323">
                  <c:v>0</c:v>
                </c:pt>
                <c:pt idx="6324">
                  <c:v>0</c:v>
                </c:pt>
                <c:pt idx="6325">
                  <c:v>0</c:v>
                </c:pt>
                <c:pt idx="6326">
                  <c:v>0</c:v>
                </c:pt>
                <c:pt idx="6327">
                  <c:v>0</c:v>
                </c:pt>
                <c:pt idx="6328">
                  <c:v>0</c:v>
                </c:pt>
                <c:pt idx="6329">
                  <c:v>0</c:v>
                </c:pt>
                <c:pt idx="6330">
                  <c:v>0</c:v>
                </c:pt>
                <c:pt idx="6331">
                  <c:v>0</c:v>
                </c:pt>
                <c:pt idx="6332">
                  <c:v>0</c:v>
                </c:pt>
                <c:pt idx="6333">
                  <c:v>0</c:v>
                </c:pt>
                <c:pt idx="6334">
                  <c:v>0</c:v>
                </c:pt>
                <c:pt idx="6335">
                  <c:v>0</c:v>
                </c:pt>
                <c:pt idx="6336">
                  <c:v>0</c:v>
                </c:pt>
                <c:pt idx="6337">
                  <c:v>0</c:v>
                </c:pt>
                <c:pt idx="6338">
                  <c:v>0</c:v>
                </c:pt>
                <c:pt idx="6339">
                  <c:v>0</c:v>
                </c:pt>
                <c:pt idx="6340">
                  <c:v>0</c:v>
                </c:pt>
                <c:pt idx="6341">
                  <c:v>0</c:v>
                </c:pt>
                <c:pt idx="6342">
                  <c:v>0</c:v>
                </c:pt>
                <c:pt idx="6343">
                  <c:v>0</c:v>
                </c:pt>
                <c:pt idx="6344">
                  <c:v>0</c:v>
                </c:pt>
                <c:pt idx="6345">
                  <c:v>0</c:v>
                </c:pt>
                <c:pt idx="6346">
                  <c:v>0</c:v>
                </c:pt>
                <c:pt idx="6347">
                  <c:v>0</c:v>
                </c:pt>
                <c:pt idx="6348">
                  <c:v>0</c:v>
                </c:pt>
                <c:pt idx="6349">
                  <c:v>0</c:v>
                </c:pt>
                <c:pt idx="6350">
                  <c:v>0</c:v>
                </c:pt>
                <c:pt idx="6351">
                  <c:v>0</c:v>
                </c:pt>
                <c:pt idx="6352">
                  <c:v>0</c:v>
                </c:pt>
                <c:pt idx="6353">
                  <c:v>0</c:v>
                </c:pt>
                <c:pt idx="6354">
                  <c:v>0</c:v>
                </c:pt>
                <c:pt idx="6355">
                  <c:v>0</c:v>
                </c:pt>
                <c:pt idx="6356">
                  <c:v>0</c:v>
                </c:pt>
                <c:pt idx="6357">
                  <c:v>0</c:v>
                </c:pt>
                <c:pt idx="6358">
                  <c:v>0</c:v>
                </c:pt>
                <c:pt idx="6359">
                  <c:v>0</c:v>
                </c:pt>
                <c:pt idx="6360">
                  <c:v>0</c:v>
                </c:pt>
                <c:pt idx="6361">
                  <c:v>0</c:v>
                </c:pt>
                <c:pt idx="6362">
                  <c:v>0</c:v>
                </c:pt>
                <c:pt idx="6363">
                  <c:v>0</c:v>
                </c:pt>
                <c:pt idx="6364">
                  <c:v>0</c:v>
                </c:pt>
                <c:pt idx="6365">
                  <c:v>0</c:v>
                </c:pt>
                <c:pt idx="6366">
                  <c:v>0</c:v>
                </c:pt>
                <c:pt idx="6367">
                  <c:v>0</c:v>
                </c:pt>
                <c:pt idx="6368">
                  <c:v>0</c:v>
                </c:pt>
                <c:pt idx="6369">
                  <c:v>0</c:v>
                </c:pt>
                <c:pt idx="6370">
                  <c:v>0</c:v>
                </c:pt>
                <c:pt idx="6371">
                  <c:v>0</c:v>
                </c:pt>
                <c:pt idx="6372">
                  <c:v>0</c:v>
                </c:pt>
                <c:pt idx="6373">
                  <c:v>0</c:v>
                </c:pt>
                <c:pt idx="6374">
                  <c:v>0</c:v>
                </c:pt>
                <c:pt idx="6375">
                  <c:v>0</c:v>
                </c:pt>
                <c:pt idx="6376">
                  <c:v>0</c:v>
                </c:pt>
                <c:pt idx="6377">
                  <c:v>0</c:v>
                </c:pt>
                <c:pt idx="6378">
                  <c:v>0</c:v>
                </c:pt>
                <c:pt idx="6379">
                  <c:v>0</c:v>
                </c:pt>
                <c:pt idx="6380">
                  <c:v>0</c:v>
                </c:pt>
                <c:pt idx="6381">
                  <c:v>0</c:v>
                </c:pt>
                <c:pt idx="6382">
                  <c:v>0</c:v>
                </c:pt>
                <c:pt idx="6383">
                  <c:v>0</c:v>
                </c:pt>
                <c:pt idx="6384">
                  <c:v>0</c:v>
                </c:pt>
                <c:pt idx="6385">
                  <c:v>0</c:v>
                </c:pt>
                <c:pt idx="6386">
                  <c:v>0</c:v>
                </c:pt>
                <c:pt idx="6387">
                  <c:v>0</c:v>
                </c:pt>
                <c:pt idx="6388">
                  <c:v>0</c:v>
                </c:pt>
                <c:pt idx="6389">
                  <c:v>0</c:v>
                </c:pt>
                <c:pt idx="6390">
                  <c:v>0</c:v>
                </c:pt>
                <c:pt idx="6391">
                  <c:v>0</c:v>
                </c:pt>
                <c:pt idx="6392">
                  <c:v>0</c:v>
                </c:pt>
                <c:pt idx="6393">
                  <c:v>0</c:v>
                </c:pt>
                <c:pt idx="6394">
                  <c:v>0</c:v>
                </c:pt>
                <c:pt idx="6395">
                  <c:v>0</c:v>
                </c:pt>
                <c:pt idx="6396">
                  <c:v>0</c:v>
                </c:pt>
                <c:pt idx="6397">
                  <c:v>0</c:v>
                </c:pt>
                <c:pt idx="6398">
                  <c:v>0</c:v>
                </c:pt>
                <c:pt idx="6399">
                  <c:v>0</c:v>
                </c:pt>
                <c:pt idx="6400">
                  <c:v>0</c:v>
                </c:pt>
                <c:pt idx="6401">
                  <c:v>0</c:v>
                </c:pt>
                <c:pt idx="6402">
                  <c:v>0</c:v>
                </c:pt>
                <c:pt idx="6403">
                  <c:v>0</c:v>
                </c:pt>
                <c:pt idx="6404">
                  <c:v>0</c:v>
                </c:pt>
                <c:pt idx="6405">
                  <c:v>0</c:v>
                </c:pt>
                <c:pt idx="6406">
                  <c:v>0</c:v>
                </c:pt>
                <c:pt idx="6407">
                  <c:v>0</c:v>
                </c:pt>
                <c:pt idx="6408">
                  <c:v>0</c:v>
                </c:pt>
                <c:pt idx="6409">
                  <c:v>0</c:v>
                </c:pt>
                <c:pt idx="6410">
                  <c:v>0</c:v>
                </c:pt>
                <c:pt idx="6411">
                  <c:v>0</c:v>
                </c:pt>
                <c:pt idx="6412">
                  <c:v>0</c:v>
                </c:pt>
                <c:pt idx="6413">
                  <c:v>0</c:v>
                </c:pt>
                <c:pt idx="6414">
                  <c:v>0</c:v>
                </c:pt>
                <c:pt idx="6415">
                  <c:v>0</c:v>
                </c:pt>
                <c:pt idx="6416">
                  <c:v>0</c:v>
                </c:pt>
                <c:pt idx="6417">
                  <c:v>0</c:v>
                </c:pt>
                <c:pt idx="6418">
                  <c:v>0</c:v>
                </c:pt>
                <c:pt idx="6419">
                  <c:v>0</c:v>
                </c:pt>
                <c:pt idx="6420">
                  <c:v>0</c:v>
                </c:pt>
                <c:pt idx="6421">
                  <c:v>0</c:v>
                </c:pt>
                <c:pt idx="6422">
                  <c:v>0</c:v>
                </c:pt>
                <c:pt idx="6423">
                  <c:v>0</c:v>
                </c:pt>
                <c:pt idx="6424">
                  <c:v>0</c:v>
                </c:pt>
                <c:pt idx="6425">
                  <c:v>0</c:v>
                </c:pt>
                <c:pt idx="6426">
                  <c:v>0</c:v>
                </c:pt>
                <c:pt idx="6427">
                  <c:v>0</c:v>
                </c:pt>
                <c:pt idx="6428">
                  <c:v>0</c:v>
                </c:pt>
                <c:pt idx="6429">
                  <c:v>0</c:v>
                </c:pt>
                <c:pt idx="6430">
                  <c:v>0</c:v>
                </c:pt>
                <c:pt idx="6431">
                  <c:v>0</c:v>
                </c:pt>
                <c:pt idx="6432">
                  <c:v>0</c:v>
                </c:pt>
                <c:pt idx="6433">
                  <c:v>0</c:v>
                </c:pt>
                <c:pt idx="6434">
                  <c:v>0</c:v>
                </c:pt>
                <c:pt idx="6435">
                  <c:v>0</c:v>
                </c:pt>
                <c:pt idx="6436">
                  <c:v>0</c:v>
                </c:pt>
                <c:pt idx="6437">
                  <c:v>0</c:v>
                </c:pt>
                <c:pt idx="6438">
                  <c:v>0</c:v>
                </c:pt>
                <c:pt idx="6439">
                  <c:v>0</c:v>
                </c:pt>
                <c:pt idx="6440">
                  <c:v>0</c:v>
                </c:pt>
                <c:pt idx="6441">
                  <c:v>0</c:v>
                </c:pt>
                <c:pt idx="6442">
                  <c:v>0</c:v>
                </c:pt>
                <c:pt idx="6443">
                  <c:v>0</c:v>
                </c:pt>
                <c:pt idx="6444">
                  <c:v>0</c:v>
                </c:pt>
                <c:pt idx="6445">
                  <c:v>0</c:v>
                </c:pt>
                <c:pt idx="6446">
                  <c:v>0</c:v>
                </c:pt>
                <c:pt idx="6447">
                  <c:v>0</c:v>
                </c:pt>
                <c:pt idx="6448">
                  <c:v>0</c:v>
                </c:pt>
                <c:pt idx="6449">
                  <c:v>0</c:v>
                </c:pt>
                <c:pt idx="6450">
                  <c:v>0</c:v>
                </c:pt>
                <c:pt idx="6451">
                  <c:v>0</c:v>
                </c:pt>
                <c:pt idx="6452">
                  <c:v>0</c:v>
                </c:pt>
                <c:pt idx="6453">
                  <c:v>0</c:v>
                </c:pt>
                <c:pt idx="6454">
                  <c:v>0</c:v>
                </c:pt>
                <c:pt idx="6455">
                  <c:v>0</c:v>
                </c:pt>
                <c:pt idx="6456">
                  <c:v>0</c:v>
                </c:pt>
                <c:pt idx="6457">
                  <c:v>0</c:v>
                </c:pt>
                <c:pt idx="6458">
                  <c:v>0</c:v>
                </c:pt>
                <c:pt idx="6459">
                  <c:v>0</c:v>
                </c:pt>
                <c:pt idx="6460">
                  <c:v>0</c:v>
                </c:pt>
                <c:pt idx="6461">
                  <c:v>0</c:v>
                </c:pt>
                <c:pt idx="6462">
                  <c:v>0</c:v>
                </c:pt>
                <c:pt idx="6463">
                  <c:v>0</c:v>
                </c:pt>
                <c:pt idx="6464">
                  <c:v>0</c:v>
                </c:pt>
                <c:pt idx="6465">
                  <c:v>0</c:v>
                </c:pt>
                <c:pt idx="6466">
                  <c:v>0</c:v>
                </c:pt>
                <c:pt idx="6467">
                  <c:v>0</c:v>
                </c:pt>
                <c:pt idx="6468">
                  <c:v>0</c:v>
                </c:pt>
                <c:pt idx="6469">
                  <c:v>0</c:v>
                </c:pt>
                <c:pt idx="6470">
                  <c:v>0</c:v>
                </c:pt>
                <c:pt idx="6471">
                  <c:v>0</c:v>
                </c:pt>
                <c:pt idx="6472">
                  <c:v>0</c:v>
                </c:pt>
                <c:pt idx="6473">
                  <c:v>0</c:v>
                </c:pt>
                <c:pt idx="6474">
                  <c:v>0</c:v>
                </c:pt>
                <c:pt idx="6475">
                  <c:v>0</c:v>
                </c:pt>
                <c:pt idx="6476">
                  <c:v>0</c:v>
                </c:pt>
                <c:pt idx="6477">
                  <c:v>0</c:v>
                </c:pt>
                <c:pt idx="6478">
                  <c:v>0</c:v>
                </c:pt>
                <c:pt idx="6479">
                  <c:v>0</c:v>
                </c:pt>
                <c:pt idx="6480">
                  <c:v>0</c:v>
                </c:pt>
                <c:pt idx="6481">
                  <c:v>0</c:v>
                </c:pt>
                <c:pt idx="6482">
                  <c:v>0</c:v>
                </c:pt>
                <c:pt idx="6483">
                  <c:v>0</c:v>
                </c:pt>
                <c:pt idx="6484">
                  <c:v>0</c:v>
                </c:pt>
                <c:pt idx="6485">
                  <c:v>0</c:v>
                </c:pt>
                <c:pt idx="6486">
                  <c:v>0</c:v>
                </c:pt>
                <c:pt idx="6487">
                  <c:v>0</c:v>
                </c:pt>
                <c:pt idx="6488">
                  <c:v>0</c:v>
                </c:pt>
                <c:pt idx="6489">
                  <c:v>0</c:v>
                </c:pt>
                <c:pt idx="6490">
                  <c:v>0</c:v>
                </c:pt>
                <c:pt idx="6491">
                  <c:v>0</c:v>
                </c:pt>
                <c:pt idx="6492">
                  <c:v>0</c:v>
                </c:pt>
                <c:pt idx="6493">
                  <c:v>0</c:v>
                </c:pt>
                <c:pt idx="6494">
                  <c:v>0</c:v>
                </c:pt>
                <c:pt idx="6495">
                  <c:v>0</c:v>
                </c:pt>
                <c:pt idx="6496">
                  <c:v>0</c:v>
                </c:pt>
                <c:pt idx="6497">
                  <c:v>0</c:v>
                </c:pt>
                <c:pt idx="6498">
                  <c:v>0</c:v>
                </c:pt>
                <c:pt idx="6499">
                  <c:v>0</c:v>
                </c:pt>
                <c:pt idx="6500">
                  <c:v>0</c:v>
                </c:pt>
                <c:pt idx="6501">
                  <c:v>0</c:v>
                </c:pt>
                <c:pt idx="6502">
                  <c:v>0</c:v>
                </c:pt>
                <c:pt idx="6503">
                  <c:v>0</c:v>
                </c:pt>
                <c:pt idx="6504">
                  <c:v>0</c:v>
                </c:pt>
                <c:pt idx="6505">
                  <c:v>0</c:v>
                </c:pt>
                <c:pt idx="6506">
                  <c:v>0</c:v>
                </c:pt>
                <c:pt idx="6507">
                  <c:v>0</c:v>
                </c:pt>
                <c:pt idx="6508">
                  <c:v>0</c:v>
                </c:pt>
                <c:pt idx="6509">
                  <c:v>0</c:v>
                </c:pt>
                <c:pt idx="6510">
                  <c:v>0</c:v>
                </c:pt>
                <c:pt idx="6511">
                  <c:v>0</c:v>
                </c:pt>
                <c:pt idx="6512">
                  <c:v>0</c:v>
                </c:pt>
                <c:pt idx="6513">
                  <c:v>0</c:v>
                </c:pt>
                <c:pt idx="6514">
                  <c:v>0</c:v>
                </c:pt>
                <c:pt idx="6515">
                  <c:v>0</c:v>
                </c:pt>
                <c:pt idx="6516">
                  <c:v>0</c:v>
                </c:pt>
                <c:pt idx="6517">
                  <c:v>0</c:v>
                </c:pt>
                <c:pt idx="6518">
                  <c:v>0</c:v>
                </c:pt>
                <c:pt idx="6519">
                  <c:v>0</c:v>
                </c:pt>
                <c:pt idx="6520">
                  <c:v>0</c:v>
                </c:pt>
                <c:pt idx="6521">
                  <c:v>0</c:v>
                </c:pt>
                <c:pt idx="6522">
                  <c:v>0</c:v>
                </c:pt>
                <c:pt idx="6523">
                  <c:v>0</c:v>
                </c:pt>
                <c:pt idx="6524">
                  <c:v>0</c:v>
                </c:pt>
                <c:pt idx="6525">
                  <c:v>0</c:v>
                </c:pt>
                <c:pt idx="6526">
                  <c:v>0</c:v>
                </c:pt>
                <c:pt idx="6527">
                  <c:v>0</c:v>
                </c:pt>
                <c:pt idx="6528">
                  <c:v>0</c:v>
                </c:pt>
                <c:pt idx="6529">
                  <c:v>0</c:v>
                </c:pt>
                <c:pt idx="6530">
                  <c:v>0</c:v>
                </c:pt>
                <c:pt idx="6531">
                  <c:v>0</c:v>
                </c:pt>
                <c:pt idx="6532">
                  <c:v>0</c:v>
                </c:pt>
                <c:pt idx="6533">
                  <c:v>0</c:v>
                </c:pt>
                <c:pt idx="6534">
                  <c:v>0</c:v>
                </c:pt>
                <c:pt idx="6535">
                  <c:v>0</c:v>
                </c:pt>
                <c:pt idx="6536">
                  <c:v>0</c:v>
                </c:pt>
                <c:pt idx="6537">
                  <c:v>0</c:v>
                </c:pt>
                <c:pt idx="6538">
                  <c:v>0</c:v>
                </c:pt>
                <c:pt idx="6539">
                  <c:v>0</c:v>
                </c:pt>
                <c:pt idx="6540">
                  <c:v>0</c:v>
                </c:pt>
                <c:pt idx="6541">
                  <c:v>0</c:v>
                </c:pt>
                <c:pt idx="6542">
                  <c:v>0</c:v>
                </c:pt>
                <c:pt idx="6543">
                  <c:v>0</c:v>
                </c:pt>
                <c:pt idx="6544">
                  <c:v>0</c:v>
                </c:pt>
                <c:pt idx="6545">
                  <c:v>0</c:v>
                </c:pt>
                <c:pt idx="6546">
                  <c:v>0</c:v>
                </c:pt>
                <c:pt idx="6547">
                  <c:v>0</c:v>
                </c:pt>
                <c:pt idx="6548">
                  <c:v>0</c:v>
                </c:pt>
                <c:pt idx="6549">
                  <c:v>0</c:v>
                </c:pt>
                <c:pt idx="6550">
                  <c:v>0</c:v>
                </c:pt>
                <c:pt idx="6551">
                  <c:v>0</c:v>
                </c:pt>
                <c:pt idx="6552">
                  <c:v>0</c:v>
                </c:pt>
                <c:pt idx="6553">
                  <c:v>0</c:v>
                </c:pt>
                <c:pt idx="6554">
                  <c:v>0</c:v>
                </c:pt>
                <c:pt idx="6555">
                  <c:v>0</c:v>
                </c:pt>
                <c:pt idx="6556">
                  <c:v>0</c:v>
                </c:pt>
                <c:pt idx="6557">
                  <c:v>0</c:v>
                </c:pt>
                <c:pt idx="6558">
                  <c:v>0</c:v>
                </c:pt>
                <c:pt idx="6559">
                  <c:v>0</c:v>
                </c:pt>
                <c:pt idx="6560">
                  <c:v>0</c:v>
                </c:pt>
                <c:pt idx="6561">
                  <c:v>0</c:v>
                </c:pt>
                <c:pt idx="6562">
                  <c:v>0</c:v>
                </c:pt>
                <c:pt idx="6563">
                  <c:v>0</c:v>
                </c:pt>
                <c:pt idx="6564">
                  <c:v>0</c:v>
                </c:pt>
                <c:pt idx="6565">
                  <c:v>0</c:v>
                </c:pt>
                <c:pt idx="6566">
                  <c:v>0</c:v>
                </c:pt>
                <c:pt idx="6567">
                  <c:v>0</c:v>
                </c:pt>
                <c:pt idx="6568">
                  <c:v>0</c:v>
                </c:pt>
                <c:pt idx="6569">
                  <c:v>0</c:v>
                </c:pt>
                <c:pt idx="6570">
                  <c:v>0</c:v>
                </c:pt>
                <c:pt idx="6571">
                  <c:v>0</c:v>
                </c:pt>
                <c:pt idx="6572">
                  <c:v>0</c:v>
                </c:pt>
                <c:pt idx="6573">
                  <c:v>0</c:v>
                </c:pt>
                <c:pt idx="6574">
                  <c:v>0</c:v>
                </c:pt>
                <c:pt idx="6575">
                  <c:v>0</c:v>
                </c:pt>
                <c:pt idx="6576">
                  <c:v>0</c:v>
                </c:pt>
                <c:pt idx="6577">
                  <c:v>0</c:v>
                </c:pt>
                <c:pt idx="6578">
                  <c:v>0</c:v>
                </c:pt>
                <c:pt idx="6579">
                  <c:v>0</c:v>
                </c:pt>
                <c:pt idx="6580">
                  <c:v>0</c:v>
                </c:pt>
                <c:pt idx="6581">
                  <c:v>0</c:v>
                </c:pt>
                <c:pt idx="6582">
                  <c:v>0</c:v>
                </c:pt>
                <c:pt idx="6583">
                  <c:v>0</c:v>
                </c:pt>
                <c:pt idx="6584">
                  <c:v>0</c:v>
                </c:pt>
                <c:pt idx="6585">
                  <c:v>0</c:v>
                </c:pt>
                <c:pt idx="6586">
                  <c:v>0</c:v>
                </c:pt>
                <c:pt idx="6587">
                  <c:v>0</c:v>
                </c:pt>
                <c:pt idx="6588">
                  <c:v>0</c:v>
                </c:pt>
                <c:pt idx="6589">
                  <c:v>0</c:v>
                </c:pt>
                <c:pt idx="6590">
                  <c:v>0</c:v>
                </c:pt>
                <c:pt idx="6591">
                  <c:v>0</c:v>
                </c:pt>
                <c:pt idx="6592">
                  <c:v>0</c:v>
                </c:pt>
                <c:pt idx="6593">
                  <c:v>0</c:v>
                </c:pt>
                <c:pt idx="6594">
                  <c:v>0</c:v>
                </c:pt>
                <c:pt idx="6595">
                  <c:v>0</c:v>
                </c:pt>
                <c:pt idx="6596">
                  <c:v>0</c:v>
                </c:pt>
                <c:pt idx="6597">
                  <c:v>0</c:v>
                </c:pt>
                <c:pt idx="6598">
                  <c:v>0</c:v>
                </c:pt>
                <c:pt idx="6599">
                  <c:v>0</c:v>
                </c:pt>
                <c:pt idx="6600">
                  <c:v>0</c:v>
                </c:pt>
                <c:pt idx="6601">
                  <c:v>0</c:v>
                </c:pt>
                <c:pt idx="6602">
                  <c:v>0</c:v>
                </c:pt>
                <c:pt idx="6603">
                  <c:v>0</c:v>
                </c:pt>
                <c:pt idx="6604">
                  <c:v>0</c:v>
                </c:pt>
                <c:pt idx="6605">
                  <c:v>0</c:v>
                </c:pt>
                <c:pt idx="6606">
                  <c:v>0</c:v>
                </c:pt>
                <c:pt idx="6607">
                  <c:v>0</c:v>
                </c:pt>
                <c:pt idx="6608">
                  <c:v>0</c:v>
                </c:pt>
                <c:pt idx="6609">
                  <c:v>0</c:v>
                </c:pt>
                <c:pt idx="6610">
                  <c:v>0</c:v>
                </c:pt>
                <c:pt idx="6611">
                  <c:v>0</c:v>
                </c:pt>
                <c:pt idx="6612">
                  <c:v>0</c:v>
                </c:pt>
                <c:pt idx="6613">
                  <c:v>0</c:v>
                </c:pt>
                <c:pt idx="6614">
                  <c:v>0</c:v>
                </c:pt>
                <c:pt idx="6615">
                  <c:v>0</c:v>
                </c:pt>
                <c:pt idx="6616">
                  <c:v>0</c:v>
                </c:pt>
                <c:pt idx="6617">
                  <c:v>0</c:v>
                </c:pt>
                <c:pt idx="6618">
                  <c:v>0</c:v>
                </c:pt>
                <c:pt idx="6619">
                  <c:v>0</c:v>
                </c:pt>
                <c:pt idx="6620">
                  <c:v>0</c:v>
                </c:pt>
                <c:pt idx="6621">
                  <c:v>0</c:v>
                </c:pt>
                <c:pt idx="6622">
                  <c:v>0</c:v>
                </c:pt>
                <c:pt idx="6623">
                  <c:v>0</c:v>
                </c:pt>
                <c:pt idx="6624">
                  <c:v>0</c:v>
                </c:pt>
                <c:pt idx="6625">
                  <c:v>0</c:v>
                </c:pt>
                <c:pt idx="6626">
                  <c:v>0</c:v>
                </c:pt>
                <c:pt idx="6627">
                  <c:v>0</c:v>
                </c:pt>
                <c:pt idx="6628">
                  <c:v>0</c:v>
                </c:pt>
                <c:pt idx="6629">
                  <c:v>0</c:v>
                </c:pt>
                <c:pt idx="6630">
                  <c:v>0</c:v>
                </c:pt>
                <c:pt idx="6631">
                  <c:v>0</c:v>
                </c:pt>
                <c:pt idx="6632">
                  <c:v>0</c:v>
                </c:pt>
                <c:pt idx="6633">
                  <c:v>0</c:v>
                </c:pt>
                <c:pt idx="6634">
                  <c:v>0</c:v>
                </c:pt>
                <c:pt idx="6635">
                  <c:v>0</c:v>
                </c:pt>
                <c:pt idx="6636">
                  <c:v>0</c:v>
                </c:pt>
                <c:pt idx="6637">
                  <c:v>0</c:v>
                </c:pt>
                <c:pt idx="6638">
                  <c:v>0</c:v>
                </c:pt>
                <c:pt idx="6639">
                  <c:v>0</c:v>
                </c:pt>
                <c:pt idx="6640">
                  <c:v>0</c:v>
                </c:pt>
                <c:pt idx="6641">
                  <c:v>0</c:v>
                </c:pt>
                <c:pt idx="6642">
                  <c:v>0</c:v>
                </c:pt>
                <c:pt idx="6643">
                  <c:v>0</c:v>
                </c:pt>
                <c:pt idx="6644">
                  <c:v>0</c:v>
                </c:pt>
                <c:pt idx="6645">
                  <c:v>0</c:v>
                </c:pt>
                <c:pt idx="6646">
                  <c:v>0</c:v>
                </c:pt>
                <c:pt idx="6647">
                  <c:v>0</c:v>
                </c:pt>
                <c:pt idx="6648">
                  <c:v>0</c:v>
                </c:pt>
                <c:pt idx="6649">
                  <c:v>0</c:v>
                </c:pt>
                <c:pt idx="6650">
                  <c:v>0</c:v>
                </c:pt>
                <c:pt idx="6651">
                  <c:v>0</c:v>
                </c:pt>
                <c:pt idx="6652">
                  <c:v>0</c:v>
                </c:pt>
                <c:pt idx="6653">
                  <c:v>0</c:v>
                </c:pt>
                <c:pt idx="6654">
                  <c:v>0</c:v>
                </c:pt>
                <c:pt idx="6655">
                  <c:v>0</c:v>
                </c:pt>
                <c:pt idx="6656">
                  <c:v>0</c:v>
                </c:pt>
                <c:pt idx="6657">
                  <c:v>0</c:v>
                </c:pt>
                <c:pt idx="6658">
                  <c:v>0</c:v>
                </c:pt>
                <c:pt idx="6659">
                  <c:v>0</c:v>
                </c:pt>
                <c:pt idx="6660">
                  <c:v>0</c:v>
                </c:pt>
                <c:pt idx="6661">
                  <c:v>0</c:v>
                </c:pt>
                <c:pt idx="6662">
                  <c:v>0</c:v>
                </c:pt>
                <c:pt idx="6663">
                  <c:v>0</c:v>
                </c:pt>
                <c:pt idx="6664">
                  <c:v>0</c:v>
                </c:pt>
                <c:pt idx="6665">
                  <c:v>0</c:v>
                </c:pt>
                <c:pt idx="6666">
                  <c:v>0</c:v>
                </c:pt>
                <c:pt idx="6667">
                  <c:v>0</c:v>
                </c:pt>
                <c:pt idx="6668">
                  <c:v>0</c:v>
                </c:pt>
                <c:pt idx="6669">
                  <c:v>0</c:v>
                </c:pt>
                <c:pt idx="6670">
                  <c:v>0</c:v>
                </c:pt>
                <c:pt idx="6671">
                  <c:v>0</c:v>
                </c:pt>
                <c:pt idx="6672">
                  <c:v>0</c:v>
                </c:pt>
                <c:pt idx="6673">
                  <c:v>0</c:v>
                </c:pt>
                <c:pt idx="6674">
                  <c:v>0</c:v>
                </c:pt>
                <c:pt idx="6675">
                  <c:v>0</c:v>
                </c:pt>
                <c:pt idx="6676">
                  <c:v>0</c:v>
                </c:pt>
                <c:pt idx="6677">
                  <c:v>0</c:v>
                </c:pt>
                <c:pt idx="6678">
                  <c:v>0</c:v>
                </c:pt>
                <c:pt idx="6679">
                  <c:v>0</c:v>
                </c:pt>
                <c:pt idx="6680">
                  <c:v>0</c:v>
                </c:pt>
                <c:pt idx="6681">
                  <c:v>0</c:v>
                </c:pt>
                <c:pt idx="6682">
                  <c:v>0</c:v>
                </c:pt>
                <c:pt idx="6683">
                  <c:v>0</c:v>
                </c:pt>
                <c:pt idx="6684">
                  <c:v>0</c:v>
                </c:pt>
                <c:pt idx="6685">
                  <c:v>0</c:v>
                </c:pt>
                <c:pt idx="6686">
                  <c:v>0</c:v>
                </c:pt>
                <c:pt idx="6687">
                  <c:v>0</c:v>
                </c:pt>
                <c:pt idx="6688">
                  <c:v>0</c:v>
                </c:pt>
                <c:pt idx="6689">
                  <c:v>0</c:v>
                </c:pt>
                <c:pt idx="6690">
                  <c:v>0</c:v>
                </c:pt>
                <c:pt idx="6691">
                  <c:v>0</c:v>
                </c:pt>
                <c:pt idx="6692">
                  <c:v>0</c:v>
                </c:pt>
                <c:pt idx="6693">
                  <c:v>0</c:v>
                </c:pt>
                <c:pt idx="6694">
                  <c:v>0</c:v>
                </c:pt>
                <c:pt idx="6695">
                  <c:v>0</c:v>
                </c:pt>
                <c:pt idx="6696">
                  <c:v>0</c:v>
                </c:pt>
                <c:pt idx="6697">
                  <c:v>0</c:v>
                </c:pt>
                <c:pt idx="6698">
                  <c:v>0</c:v>
                </c:pt>
                <c:pt idx="6699">
                  <c:v>0</c:v>
                </c:pt>
                <c:pt idx="6700">
                  <c:v>0</c:v>
                </c:pt>
                <c:pt idx="6701">
                  <c:v>0</c:v>
                </c:pt>
                <c:pt idx="6702">
                  <c:v>0</c:v>
                </c:pt>
                <c:pt idx="6703">
                  <c:v>0</c:v>
                </c:pt>
                <c:pt idx="6704">
                  <c:v>0</c:v>
                </c:pt>
                <c:pt idx="6705">
                  <c:v>0</c:v>
                </c:pt>
                <c:pt idx="6706">
                  <c:v>0</c:v>
                </c:pt>
                <c:pt idx="6707">
                  <c:v>0</c:v>
                </c:pt>
                <c:pt idx="6708">
                  <c:v>0</c:v>
                </c:pt>
                <c:pt idx="6709">
                  <c:v>0</c:v>
                </c:pt>
                <c:pt idx="6710">
                  <c:v>0</c:v>
                </c:pt>
                <c:pt idx="6711">
                  <c:v>0</c:v>
                </c:pt>
                <c:pt idx="6712">
                  <c:v>0</c:v>
                </c:pt>
                <c:pt idx="6713">
                  <c:v>0</c:v>
                </c:pt>
                <c:pt idx="6714">
                  <c:v>0</c:v>
                </c:pt>
                <c:pt idx="6715">
                  <c:v>0</c:v>
                </c:pt>
                <c:pt idx="6716">
                  <c:v>0</c:v>
                </c:pt>
                <c:pt idx="6717">
                  <c:v>0</c:v>
                </c:pt>
                <c:pt idx="6718">
                  <c:v>0</c:v>
                </c:pt>
                <c:pt idx="6719">
                  <c:v>0</c:v>
                </c:pt>
                <c:pt idx="6720">
                  <c:v>0</c:v>
                </c:pt>
                <c:pt idx="6721">
                  <c:v>0</c:v>
                </c:pt>
                <c:pt idx="6722">
                  <c:v>0</c:v>
                </c:pt>
                <c:pt idx="6723">
                  <c:v>0</c:v>
                </c:pt>
                <c:pt idx="6724">
                  <c:v>0</c:v>
                </c:pt>
                <c:pt idx="6725">
                  <c:v>0</c:v>
                </c:pt>
                <c:pt idx="6726">
                  <c:v>0</c:v>
                </c:pt>
                <c:pt idx="6727">
                  <c:v>0</c:v>
                </c:pt>
                <c:pt idx="6728">
                  <c:v>0</c:v>
                </c:pt>
                <c:pt idx="6729">
                  <c:v>0</c:v>
                </c:pt>
                <c:pt idx="6730">
                  <c:v>0</c:v>
                </c:pt>
                <c:pt idx="6731">
                  <c:v>0</c:v>
                </c:pt>
                <c:pt idx="6732">
                  <c:v>0</c:v>
                </c:pt>
                <c:pt idx="6733">
                  <c:v>0</c:v>
                </c:pt>
                <c:pt idx="6734">
                  <c:v>0</c:v>
                </c:pt>
                <c:pt idx="6735">
                  <c:v>0</c:v>
                </c:pt>
                <c:pt idx="6736">
                  <c:v>0</c:v>
                </c:pt>
                <c:pt idx="6737">
                  <c:v>0</c:v>
                </c:pt>
                <c:pt idx="6738">
                  <c:v>0</c:v>
                </c:pt>
                <c:pt idx="6739">
                  <c:v>0</c:v>
                </c:pt>
                <c:pt idx="6740">
                  <c:v>0</c:v>
                </c:pt>
                <c:pt idx="6741">
                  <c:v>0</c:v>
                </c:pt>
                <c:pt idx="6742">
                  <c:v>0</c:v>
                </c:pt>
                <c:pt idx="6743">
                  <c:v>0</c:v>
                </c:pt>
                <c:pt idx="6744">
                  <c:v>0</c:v>
                </c:pt>
                <c:pt idx="6745">
                  <c:v>0</c:v>
                </c:pt>
                <c:pt idx="6746">
                  <c:v>0</c:v>
                </c:pt>
                <c:pt idx="6747">
                  <c:v>0</c:v>
                </c:pt>
                <c:pt idx="6748">
                  <c:v>0</c:v>
                </c:pt>
                <c:pt idx="6749">
                  <c:v>0</c:v>
                </c:pt>
                <c:pt idx="6750">
                  <c:v>0</c:v>
                </c:pt>
                <c:pt idx="6751">
                  <c:v>0</c:v>
                </c:pt>
                <c:pt idx="6752">
                  <c:v>0</c:v>
                </c:pt>
                <c:pt idx="6753">
                  <c:v>0</c:v>
                </c:pt>
                <c:pt idx="6754">
                  <c:v>0</c:v>
                </c:pt>
                <c:pt idx="6755">
                  <c:v>0</c:v>
                </c:pt>
                <c:pt idx="6756">
                  <c:v>0</c:v>
                </c:pt>
                <c:pt idx="6757">
                  <c:v>0</c:v>
                </c:pt>
                <c:pt idx="6758">
                  <c:v>0</c:v>
                </c:pt>
                <c:pt idx="6759">
                  <c:v>0</c:v>
                </c:pt>
                <c:pt idx="6760">
                  <c:v>0</c:v>
                </c:pt>
                <c:pt idx="6761">
                  <c:v>0</c:v>
                </c:pt>
                <c:pt idx="6762">
                  <c:v>0</c:v>
                </c:pt>
                <c:pt idx="6763">
                  <c:v>0</c:v>
                </c:pt>
                <c:pt idx="6764">
                  <c:v>0</c:v>
                </c:pt>
                <c:pt idx="6765">
                  <c:v>0</c:v>
                </c:pt>
                <c:pt idx="6766">
                  <c:v>0</c:v>
                </c:pt>
                <c:pt idx="6767">
                  <c:v>0</c:v>
                </c:pt>
                <c:pt idx="6768">
                  <c:v>0</c:v>
                </c:pt>
                <c:pt idx="6769">
                  <c:v>0</c:v>
                </c:pt>
                <c:pt idx="6770">
                  <c:v>0</c:v>
                </c:pt>
                <c:pt idx="6771">
                  <c:v>0</c:v>
                </c:pt>
                <c:pt idx="6772">
                  <c:v>0</c:v>
                </c:pt>
                <c:pt idx="6773">
                  <c:v>0</c:v>
                </c:pt>
                <c:pt idx="6774">
                  <c:v>0</c:v>
                </c:pt>
                <c:pt idx="6775">
                  <c:v>0</c:v>
                </c:pt>
                <c:pt idx="6776">
                  <c:v>0</c:v>
                </c:pt>
                <c:pt idx="6777">
                  <c:v>0</c:v>
                </c:pt>
                <c:pt idx="6778">
                  <c:v>0</c:v>
                </c:pt>
                <c:pt idx="6779">
                  <c:v>0</c:v>
                </c:pt>
                <c:pt idx="6780">
                  <c:v>0</c:v>
                </c:pt>
                <c:pt idx="6781">
                  <c:v>0</c:v>
                </c:pt>
                <c:pt idx="6782">
                  <c:v>0</c:v>
                </c:pt>
                <c:pt idx="6783">
                  <c:v>0</c:v>
                </c:pt>
                <c:pt idx="6784">
                  <c:v>0</c:v>
                </c:pt>
                <c:pt idx="6785">
                  <c:v>0</c:v>
                </c:pt>
                <c:pt idx="6786">
                  <c:v>0</c:v>
                </c:pt>
                <c:pt idx="6787">
                  <c:v>0</c:v>
                </c:pt>
                <c:pt idx="6788">
                  <c:v>0</c:v>
                </c:pt>
                <c:pt idx="6789">
                  <c:v>0</c:v>
                </c:pt>
                <c:pt idx="6790">
                  <c:v>0</c:v>
                </c:pt>
                <c:pt idx="6791">
                  <c:v>0</c:v>
                </c:pt>
                <c:pt idx="6792">
                  <c:v>0</c:v>
                </c:pt>
                <c:pt idx="6793">
                  <c:v>0</c:v>
                </c:pt>
                <c:pt idx="6794">
                  <c:v>0</c:v>
                </c:pt>
                <c:pt idx="6795">
                  <c:v>0</c:v>
                </c:pt>
                <c:pt idx="6796">
                  <c:v>0</c:v>
                </c:pt>
                <c:pt idx="6797">
                  <c:v>0</c:v>
                </c:pt>
                <c:pt idx="6798">
                  <c:v>0</c:v>
                </c:pt>
                <c:pt idx="6799">
                  <c:v>0</c:v>
                </c:pt>
                <c:pt idx="6800">
                  <c:v>0</c:v>
                </c:pt>
                <c:pt idx="6801">
                  <c:v>0</c:v>
                </c:pt>
                <c:pt idx="6802">
                  <c:v>0</c:v>
                </c:pt>
                <c:pt idx="6803">
                  <c:v>0</c:v>
                </c:pt>
                <c:pt idx="6804">
                  <c:v>0</c:v>
                </c:pt>
                <c:pt idx="6805">
                  <c:v>0</c:v>
                </c:pt>
                <c:pt idx="6806">
                  <c:v>0</c:v>
                </c:pt>
                <c:pt idx="6807">
                  <c:v>0</c:v>
                </c:pt>
                <c:pt idx="6808">
                  <c:v>0</c:v>
                </c:pt>
                <c:pt idx="6809">
                  <c:v>0</c:v>
                </c:pt>
                <c:pt idx="6810">
                  <c:v>0</c:v>
                </c:pt>
                <c:pt idx="6811">
                  <c:v>0</c:v>
                </c:pt>
                <c:pt idx="6812">
                  <c:v>0</c:v>
                </c:pt>
                <c:pt idx="6813">
                  <c:v>0</c:v>
                </c:pt>
                <c:pt idx="6814">
                  <c:v>0</c:v>
                </c:pt>
                <c:pt idx="6815">
                  <c:v>0</c:v>
                </c:pt>
                <c:pt idx="6816">
                  <c:v>0</c:v>
                </c:pt>
                <c:pt idx="6817">
                  <c:v>0</c:v>
                </c:pt>
                <c:pt idx="6818">
                  <c:v>0</c:v>
                </c:pt>
                <c:pt idx="6819">
                  <c:v>0</c:v>
                </c:pt>
                <c:pt idx="6820">
                  <c:v>0</c:v>
                </c:pt>
                <c:pt idx="6821">
                  <c:v>0</c:v>
                </c:pt>
                <c:pt idx="6822">
                  <c:v>0</c:v>
                </c:pt>
                <c:pt idx="6823">
                  <c:v>0</c:v>
                </c:pt>
                <c:pt idx="6824">
                  <c:v>0</c:v>
                </c:pt>
                <c:pt idx="6825">
                  <c:v>0</c:v>
                </c:pt>
                <c:pt idx="6826">
                  <c:v>0</c:v>
                </c:pt>
                <c:pt idx="6827">
                  <c:v>0</c:v>
                </c:pt>
                <c:pt idx="6828">
                  <c:v>0</c:v>
                </c:pt>
                <c:pt idx="6829">
                  <c:v>0</c:v>
                </c:pt>
                <c:pt idx="6830">
                  <c:v>0</c:v>
                </c:pt>
                <c:pt idx="6831">
                  <c:v>0</c:v>
                </c:pt>
                <c:pt idx="6832">
                  <c:v>0</c:v>
                </c:pt>
                <c:pt idx="6833">
                  <c:v>0</c:v>
                </c:pt>
                <c:pt idx="6834">
                  <c:v>0</c:v>
                </c:pt>
                <c:pt idx="6835">
                  <c:v>0</c:v>
                </c:pt>
                <c:pt idx="6836">
                  <c:v>0</c:v>
                </c:pt>
                <c:pt idx="6837">
                  <c:v>0</c:v>
                </c:pt>
                <c:pt idx="6838">
                  <c:v>0</c:v>
                </c:pt>
                <c:pt idx="6839">
                  <c:v>0</c:v>
                </c:pt>
                <c:pt idx="6840">
                  <c:v>0</c:v>
                </c:pt>
                <c:pt idx="6841">
                  <c:v>0</c:v>
                </c:pt>
                <c:pt idx="6842">
                  <c:v>0</c:v>
                </c:pt>
                <c:pt idx="6843">
                  <c:v>0</c:v>
                </c:pt>
                <c:pt idx="6844">
                  <c:v>0</c:v>
                </c:pt>
                <c:pt idx="6845">
                  <c:v>0</c:v>
                </c:pt>
                <c:pt idx="6846">
                  <c:v>0</c:v>
                </c:pt>
                <c:pt idx="6847">
                  <c:v>0</c:v>
                </c:pt>
                <c:pt idx="6848">
                  <c:v>0</c:v>
                </c:pt>
                <c:pt idx="6849">
                  <c:v>0</c:v>
                </c:pt>
                <c:pt idx="6850">
                  <c:v>0</c:v>
                </c:pt>
                <c:pt idx="6851">
                  <c:v>0</c:v>
                </c:pt>
                <c:pt idx="6852">
                  <c:v>0</c:v>
                </c:pt>
                <c:pt idx="6853">
                  <c:v>0</c:v>
                </c:pt>
                <c:pt idx="6854">
                  <c:v>0</c:v>
                </c:pt>
                <c:pt idx="6855">
                  <c:v>0</c:v>
                </c:pt>
                <c:pt idx="6856">
                  <c:v>0</c:v>
                </c:pt>
                <c:pt idx="6857">
                  <c:v>0</c:v>
                </c:pt>
                <c:pt idx="6858">
                  <c:v>0</c:v>
                </c:pt>
                <c:pt idx="6859">
                  <c:v>0</c:v>
                </c:pt>
                <c:pt idx="6860">
                  <c:v>0</c:v>
                </c:pt>
                <c:pt idx="6861">
                  <c:v>0</c:v>
                </c:pt>
                <c:pt idx="6862">
                  <c:v>0</c:v>
                </c:pt>
                <c:pt idx="6863">
                  <c:v>0</c:v>
                </c:pt>
                <c:pt idx="6864">
                  <c:v>0</c:v>
                </c:pt>
                <c:pt idx="6865">
                  <c:v>0</c:v>
                </c:pt>
                <c:pt idx="6866">
                  <c:v>0</c:v>
                </c:pt>
                <c:pt idx="6867">
                  <c:v>0</c:v>
                </c:pt>
                <c:pt idx="6868">
                  <c:v>0</c:v>
                </c:pt>
                <c:pt idx="6869">
                  <c:v>0</c:v>
                </c:pt>
                <c:pt idx="6870">
                  <c:v>0</c:v>
                </c:pt>
                <c:pt idx="6871">
                  <c:v>0</c:v>
                </c:pt>
                <c:pt idx="6872">
                  <c:v>0</c:v>
                </c:pt>
                <c:pt idx="6873">
                  <c:v>0</c:v>
                </c:pt>
                <c:pt idx="6874">
                  <c:v>0</c:v>
                </c:pt>
                <c:pt idx="6875">
                  <c:v>0</c:v>
                </c:pt>
                <c:pt idx="6876">
                  <c:v>0</c:v>
                </c:pt>
                <c:pt idx="6877">
                  <c:v>0</c:v>
                </c:pt>
                <c:pt idx="6878">
                  <c:v>0</c:v>
                </c:pt>
                <c:pt idx="6879">
                  <c:v>0</c:v>
                </c:pt>
                <c:pt idx="6880">
                  <c:v>0</c:v>
                </c:pt>
                <c:pt idx="6881">
                  <c:v>0</c:v>
                </c:pt>
                <c:pt idx="6882">
                  <c:v>0</c:v>
                </c:pt>
                <c:pt idx="6883">
                  <c:v>0</c:v>
                </c:pt>
                <c:pt idx="6884">
                  <c:v>0</c:v>
                </c:pt>
                <c:pt idx="6885">
                  <c:v>0</c:v>
                </c:pt>
                <c:pt idx="6886">
                  <c:v>0</c:v>
                </c:pt>
                <c:pt idx="6887">
                  <c:v>0</c:v>
                </c:pt>
                <c:pt idx="6888">
                  <c:v>0</c:v>
                </c:pt>
                <c:pt idx="6889">
                  <c:v>0</c:v>
                </c:pt>
                <c:pt idx="6890">
                  <c:v>0</c:v>
                </c:pt>
                <c:pt idx="6891">
                  <c:v>0</c:v>
                </c:pt>
                <c:pt idx="6892">
                  <c:v>0</c:v>
                </c:pt>
                <c:pt idx="6893">
                  <c:v>0</c:v>
                </c:pt>
                <c:pt idx="6894">
                  <c:v>0</c:v>
                </c:pt>
                <c:pt idx="6895">
                  <c:v>0</c:v>
                </c:pt>
                <c:pt idx="6896">
                  <c:v>0</c:v>
                </c:pt>
                <c:pt idx="6897">
                  <c:v>0</c:v>
                </c:pt>
                <c:pt idx="6898">
                  <c:v>0</c:v>
                </c:pt>
                <c:pt idx="6899">
                  <c:v>0</c:v>
                </c:pt>
                <c:pt idx="6900">
                  <c:v>0</c:v>
                </c:pt>
                <c:pt idx="6901">
                  <c:v>0</c:v>
                </c:pt>
                <c:pt idx="6902">
                  <c:v>0</c:v>
                </c:pt>
                <c:pt idx="6903">
                  <c:v>0</c:v>
                </c:pt>
                <c:pt idx="6904">
                  <c:v>0</c:v>
                </c:pt>
                <c:pt idx="6905">
                  <c:v>0</c:v>
                </c:pt>
                <c:pt idx="6906">
                  <c:v>0</c:v>
                </c:pt>
                <c:pt idx="6907">
                  <c:v>0</c:v>
                </c:pt>
                <c:pt idx="6908">
                  <c:v>0</c:v>
                </c:pt>
                <c:pt idx="6909">
                  <c:v>0</c:v>
                </c:pt>
                <c:pt idx="6910">
                  <c:v>0</c:v>
                </c:pt>
                <c:pt idx="6911">
                  <c:v>0</c:v>
                </c:pt>
                <c:pt idx="6912">
                  <c:v>0</c:v>
                </c:pt>
                <c:pt idx="6913">
                  <c:v>0</c:v>
                </c:pt>
                <c:pt idx="6914">
                  <c:v>0</c:v>
                </c:pt>
                <c:pt idx="6915">
                  <c:v>0</c:v>
                </c:pt>
                <c:pt idx="6916">
                  <c:v>0</c:v>
                </c:pt>
                <c:pt idx="6917">
                  <c:v>0</c:v>
                </c:pt>
                <c:pt idx="6918">
                  <c:v>0</c:v>
                </c:pt>
                <c:pt idx="6919">
                  <c:v>0</c:v>
                </c:pt>
                <c:pt idx="6920">
                  <c:v>0</c:v>
                </c:pt>
                <c:pt idx="6921">
                  <c:v>0</c:v>
                </c:pt>
                <c:pt idx="6922">
                  <c:v>0</c:v>
                </c:pt>
                <c:pt idx="6923">
                  <c:v>0</c:v>
                </c:pt>
                <c:pt idx="6924">
                  <c:v>0</c:v>
                </c:pt>
                <c:pt idx="6925">
                  <c:v>0</c:v>
                </c:pt>
                <c:pt idx="6926">
                  <c:v>0</c:v>
                </c:pt>
                <c:pt idx="6927">
                  <c:v>0</c:v>
                </c:pt>
                <c:pt idx="6928">
                  <c:v>0</c:v>
                </c:pt>
                <c:pt idx="6929">
                  <c:v>0</c:v>
                </c:pt>
                <c:pt idx="6930">
                  <c:v>0</c:v>
                </c:pt>
                <c:pt idx="6931">
                  <c:v>0</c:v>
                </c:pt>
                <c:pt idx="6932">
                  <c:v>0</c:v>
                </c:pt>
                <c:pt idx="6933">
                  <c:v>0</c:v>
                </c:pt>
                <c:pt idx="6934">
                  <c:v>0</c:v>
                </c:pt>
                <c:pt idx="6935">
                  <c:v>0</c:v>
                </c:pt>
                <c:pt idx="6936">
                  <c:v>0</c:v>
                </c:pt>
                <c:pt idx="6937">
                  <c:v>0</c:v>
                </c:pt>
                <c:pt idx="6938">
                  <c:v>0</c:v>
                </c:pt>
                <c:pt idx="6939">
                  <c:v>0</c:v>
                </c:pt>
                <c:pt idx="6940">
                  <c:v>0</c:v>
                </c:pt>
                <c:pt idx="6941">
                  <c:v>0</c:v>
                </c:pt>
                <c:pt idx="6942">
                  <c:v>0</c:v>
                </c:pt>
                <c:pt idx="6943">
                  <c:v>0</c:v>
                </c:pt>
                <c:pt idx="6944">
                  <c:v>0</c:v>
                </c:pt>
                <c:pt idx="6945">
                  <c:v>0</c:v>
                </c:pt>
                <c:pt idx="6946">
                  <c:v>0</c:v>
                </c:pt>
                <c:pt idx="6947">
                  <c:v>0</c:v>
                </c:pt>
                <c:pt idx="6948">
                  <c:v>0</c:v>
                </c:pt>
                <c:pt idx="6949">
                  <c:v>0</c:v>
                </c:pt>
                <c:pt idx="6950">
                  <c:v>0</c:v>
                </c:pt>
                <c:pt idx="6951">
                  <c:v>0</c:v>
                </c:pt>
                <c:pt idx="6952">
                  <c:v>0</c:v>
                </c:pt>
                <c:pt idx="6953">
                  <c:v>0</c:v>
                </c:pt>
                <c:pt idx="6954">
                  <c:v>0</c:v>
                </c:pt>
                <c:pt idx="6955">
                  <c:v>0</c:v>
                </c:pt>
                <c:pt idx="6956">
                  <c:v>0</c:v>
                </c:pt>
                <c:pt idx="6957">
                  <c:v>0</c:v>
                </c:pt>
                <c:pt idx="6958">
                  <c:v>0</c:v>
                </c:pt>
                <c:pt idx="6959">
                  <c:v>0</c:v>
                </c:pt>
                <c:pt idx="6960">
                  <c:v>0</c:v>
                </c:pt>
                <c:pt idx="6961">
                  <c:v>0</c:v>
                </c:pt>
                <c:pt idx="6962">
                  <c:v>0</c:v>
                </c:pt>
                <c:pt idx="6963">
                  <c:v>0</c:v>
                </c:pt>
                <c:pt idx="6964">
                  <c:v>0</c:v>
                </c:pt>
                <c:pt idx="6965">
                  <c:v>0</c:v>
                </c:pt>
                <c:pt idx="6966">
                  <c:v>0</c:v>
                </c:pt>
                <c:pt idx="6967">
                  <c:v>0</c:v>
                </c:pt>
                <c:pt idx="6968">
                  <c:v>0</c:v>
                </c:pt>
                <c:pt idx="6969">
                  <c:v>0</c:v>
                </c:pt>
                <c:pt idx="6970">
                  <c:v>0</c:v>
                </c:pt>
                <c:pt idx="6971">
                  <c:v>0</c:v>
                </c:pt>
                <c:pt idx="6972">
                  <c:v>0</c:v>
                </c:pt>
                <c:pt idx="6973">
                  <c:v>0</c:v>
                </c:pt>
                <c:pt idx="6974">
                  <c:v>0</c:v>
                </c:pt>
                <c:pt idx="6975">
                  <c:v>0</c:v>
                </c:pt>
                <c:pt idx="6976">
                  <c:v>0</c:v>
                </c:pt>
                <c:pt idx="6977">
                  <c:v>0</c:v>
                </c:pt>
                <c:pt idx="6978">
                  <c:v>0</c:v>
                </c:pt>
                <c:pt idx="6979">
                  <c:v>0</c:v>
                </c:pt>
                <c:pt idx="6980">
                  <c:v>0</c:v>
                </c:pt>
                <c:pt idx="6981">
                  <c:v>0</c:v>
                </c:pt>
                <c:pt idx="6982">
                  <c:v>0</c:v>
                </c:pt>
                <c:pt idx="6983">
                  <c:v>0</c:v>
                </c:pt>
                <c:pt idx="6984">
                  <c:v>0</c:v>
                </c:pt>
                <c:pt idx="6985">
                  <c:v>0</c:v>
                </c:pt>
                <c:pt idx="6986">
                  <c:v>0</c:v>
                </c:pt>
                <c:pt idx="6987">
                  <c:v>0</c:v>
                </c:pt>
                <c:pt idx="6988">
                  <c:v>0</c:v>
                </c:pt>
                <c:pt idx="6989">
                  <c:v>0</c:v>
                </c:pt>
                <c:pt idx="6990">
                  <c:v>0</c:v>
                </c:pt>
                <c:pt idx="6991">
                  <c:v>0</c:v>
                </c:pt>
                <c:pt idx="6992">
                  <c:v>0</c:v>
                </c:pt>
                <c:pt idx="6993">
                  <c:v>0</c:v>
                </c:pt>
                <c:pt idx="6994">
                  <c:v>0</c:v>
                </c:pt>
                <c:pt idx="6995">
                  <c:v>0</c:v>
                </c:pt>
                <c:pt idx="6996">
                  <c:v>0</c:v>
                </c:pt>
                <c:pt idx="6997">
                  <c:v>0</c:v>
                </c:pt>
                <c:pt idx="6998">
                  <c:v>0</c:v>
                </c:pt>
                <c:pt idx="6999">
                  <c:v>0</c:v>
                </c:pt>
                <c:pt idx="7000">
                  <c:v>0</c:v>
                </c:pt>
                <c:pt idx="7001">
                  <c:v>0</c:v>
                </c:pt>
                <c:pt idx="7002">
                  <c:v>0</c:v>
                </c:pt>
                <c:pt idx="7003">
                  <c:v>0</c:v>
                </c:pt>
                <c:pt idx="7004">
                  <c:v>0</c:v>
                </c:pt>
                <c:pt idx="7005">
                  <c:v>0</c:v>
                </c:pt>
                <c:pt idx="7006">
                  <c:v>0</c:v>
                </c:pt>
                <c:pt idx="7007">
                  <c:v>0</c:v>
                </c:pt>
                <c:pt idx="7008">
                  <c:v>0</c:v>
                </c:pt>
                <c:pt idx="7009">
                  <c:v>0</c:v>
                </c:pt>
                <c:pt idx="7010">
                  <c:v>0</c:v>
                </c:pt>
                <c:pt idx="7011">
                  <c:v>0</c:v>
                </c:pt>
                <c:pt idx="7012">
                  <c:v>0</c:v>
                </c:pt>
                <c:pt idx="7013">
                  <c:v>0</c:v>
                </c:pt>
                <c:pt idx="7014">
                  <c:v>0</c:v>
                </c:pt>
                <c:pt idx="7015">
                  <c:v>0</c:v>
                </c:pt>
                <c:pt idx="7016">
                  <c:v>0</c:v>
                </c:pt>
                <c:pt idx="7017">
                  <c:v>0</c:v>
                </c:pt>
                <c:pt idx="7018">
                  <c:v>0</c:v>
                </c:pt>
                <c:pt idx="7019">
                  <c:v>0</c:v>
                </c:pt>
                <c:pt idx="7020">
                  <c:v>0</c:v>
                </c:pt>
                <c:pt idx="7021">
                  <c:v>0</c:v>
                </c:pt>
                <c:pt idx="7022">
                  <c:v>0</c:v>
                </c:pt>
                <c:pt idx="7023">
                  <c:v>0</c:v>
                </c:pt>
                <c:pt idx="7024">
                  <c:v>0</c:v>
                </c:pt>
                <c:pt idx="7025">
                  <c:v>0</c:v>
                </c:pt>
                <c:pt idx="7026">
                  <c:v>0</c:v>
                </c:pt>
                <c:pt idx="7027">
                  <c:v>0</c:v>
                </c:pt>
                <c:pt idx="7028">
                  <c:v>0</c:v>
                </c:pt>
                <c:pt idx="7029">
                  <c:v>0</c:v>
                </c:pt>
                <c:pt idx="7030">
                  <c:v>0</c:v>
                </c:pt>
                <c:pt idx="7031">
                  <c:v>0</c:v>
                </c:pt>
                <c:pt idx="7032">
                  <c:v>0</c:v>
                </c:pt>
                <c:pt idx="7033">
                  <c:v>0</c:v>
                </c:pt>
                <c:pt idx="7034">
                  <c:v>0</c:v>
                </c:pt>
                <c:pt idx="7035">
                  <c:v>0</c:v>
                </c:pt>
                <c:pt idx="7036">
                  <c:v>0</c:v>
                </c:pt>
                <c:pt idx="7037">
                  <c:v>0</c:v>
                </c:pt>
                <c:pt idx="7038">
                  <c:v>0</c:v>
                </c:pt>
                <c:pt idx="7039">
                  <c:v>0</c:v>
                </c:pt>
                <c:pt idx="7040">
                  <c:v>0</c:v>
                </c:pt>
                <c:pt idx="7041">
                  <c:v>0</c:v>
                </c:pt>
                <c:pt idx="7042">
                  <c:v>0</c:v>
                </c:pt>
                <c:pt idx="7043">
                  <c:v>0</c:v>
                </c:pt>
                <c:pt idx="7044">
                  <c:v>0</c:v>
                </c:pt>
                <c:pt idx="7045">
                  <c:v>0</c:v>
                </c:pt>
                <c:pt idx="7046">
                  <c:v>0</c:v>
                </c:pt>
                <c:pt idx="7047">
                  <c:v>0</c:v>
                </c:pt>
                <c:pt idx="7048">
                  <c:v>0</c:v>
                </c:pt>
                <c:pt idx="7049">
                  <c:v>0</c:v>
                </c:pt>
                <c:pt idx="7050">
                  <c:v>0</c:v>
                </c:pt>
                <c:pt idx="7051">
                  <c:v>0</c:v>
                </c:pt>
                <c:pt idx="7052">
                  <c:v>0</c:v>
                </c:pt>
                <c:pt idx="7053">
                  <c:v>0</c:v>
                </c:pt>
                <c:pt idx="7054">
                  <c:v>0</c:v>
                </c:pt>
                <c:pt idx="7055">
                  <c:v>0</c:v>
                </c:pt>
                <c:pt idx="7056">
                  <c:v>0</c:v>
                </c:pt>
                <c:pt idx="7057">
                  <c:v>0</c:v>
                </c:pt>
                <c:pt idx="7058">
                  <c:v>0</c:v>
                </c:pt>
                <c:pt idx="7059">
                  <c:v>0</c:v>
                </c:pt>
                <c:pt idx="7060">
                  <c:v>0</c:v>
                </c:pt>
                <c:pt idx="7061">
                  <c:v>0</c:v>
                </c:pt>
                <c:pt idx="7062">
                  <c:v>0</c:v>
                </c:pt>
                <c:pt idx="7063">
                  <c:v>0</c:v>
                </c:pt>
                <c:pt idx="7064">
                  <c:v>0</c:v>
                </c:pt>
                <c:pt idx="7065">
                  <c:v>0</c:v>
                </c:pt>
                <c:pt idx="7066">
                  <c:v>0</c:v>
                </c:pt>
                <c:pt idx="7067">
                  <c:v>0</c:v>
                </c:pt>
                <c:pt idx="7068">
                  <c:v>0</c:v>
                </c:pt>
                <c:pt idx="7069">
                  <c:v>0</c:v>
                </c:pt>
                <c:pt idx="7070">
                  <c:v>0</c:v>
                </c:pt>
                <c:pt idx="7071">
                  <c:v>0</c:v>
                </c:pt>
                <c:pt idx="7072">
                  <c:v>0</c:v>
                </c:pt>
                <c:pt idx="7073">
                  <c:v>0</c:v>
                </c:pt>
                <c:pt idx="7074">
                  <c:v>0</c:v>
                </c:pt>
                <c:pt idx="7075">
                  <c:v>0</c:v>
                </c:pt>
                <c:pt idx="7076">
                  <c:v>0</c:v>
                </c:pt>
                <c:pt idx="7077">
                  <c:v>0</c:v>
                </c:pt>
                <c:pt idx="7078">
                  <c:v>0</c:v>
                </c:pt>
                <c:pt idx="7079">
                  <c:v>0</c:v>
                </c:pt>
                <c:pt idx="7080">
                  <c:v>0</c:v>
                </c:pt>
                <c:pt idx="7081">
                  <c:v>0</c:v>
                </c:pt>
                <c:pt idx="7082">
                  <c:v>0</c:v>
                </c:pt>
                <c:pt idx="7083">
                  <c:v>0</c:v>
                </c:pt>
                <c:pt idx="7084">
                  <c:v>0</c:v>
                </c:pt>
                <c:pt idx="7085">
                  <c:v>0</c:v>
                </c:pt>
                <c:pt idx="7086">
                  <c:v>0</c:v>
                </c:pt>
                <c:pt idx="7087">
                  <c:v>0</c:v>
                </c:pt>
                <c:pt idx="7088">
                  <c:v>0</c:v>
                </c:pt>
                <c:pt idx="7089">
                  <c:v>0</c:v>
                </c:pt>
                <c:pt idx="7090">
                  <c:v>0</c:v>
                </c:pt>
                <c:pt idx="7091">
                  <c:v>0</c:v>
                </c:pt>
                <c:pt idx="7092">
                  <c:v>0</c:v>
                </c:pt>
                <c:pt idx="7093">
                  <c:v>0</c:v>
                </c:pt>
                <c:pt idx="7094">
                  <c:v>0</c:v>
                </c:pt>
                <c:pt idx="7095">
                  <c:v>0</c:v>
                </c:pt>
                <c:pt idx="7096">
                  <c:v>0</c:v>
                </c:pt>
                <c:pt idx="7097">
                  <c:v>0</c:v>
                </c:pt>
                <c:pt idx="7098">
                  <c:v>0</c:v>
                </c:pt>
                <c:pt idx="7099">
                  <c:v>0</c:v>
                </c:pt>
                <c:pt idx="7100">
                  <c:v>0</c:v>
                </c:pt>
                <c:pt idx="7101">
                  <c:v>0</c:v>
                </c:pt>
                <c:pt idx="7102">
                  <c:v>0</c:v>
                </c:pt>
                <c:pt idx="7103">
                  <c:v>0</c:v>
                </c:pt>
                <c:pt idx="7104">
                  <c:v>0</c:v>
                </c:pt>
                <c:pt idx="7105">
                  <c:v>0</c:v>
                </c:pt>
                <c:pt idx="7106">
                  <c:v>0</c:v>
                </c:pt>
                <c:pt idx="7107">
                  <c:v>0</c:v>
                </c:pt>
                <c:pt idx="7108">
                  <c:v>0</c:v>
                </c:pt>
                <c:pt idx="7109">
                  <c:v>0</c:v>
                </c:pt>
                <c:pt idx="7110">
                  <c:v>0</c:v>
                </c:pt>
                <c:pt idx="7111">
                  <c:v>0</c:v>
                </c:pt>
                <c:pt idx="7112">
                  <c:v>0</c:v>
                </c:pt>
                <c:pt idx="7113">
                  <c:v>0</c:v>
                </c:pt>
                <c:pt idx="7114">
                  <c:v>0</c:v>
                </c:pt>
                <c:pt idx="7115">
                  <c:v>0</c:v>
                </c:pt>
                <c:pt idx="7116">
                  <c:v>0</c:v>
                </c:pt>
                <c:pt idx="7117">
                  <c:v>0</c:v>
                </c:pt>
                <c:pt idx="7118">
                  <c:v>0</c:v>
                </c:pt>
                <c:pt idx="7119">
                  <c:v>0</c:v>
                </c:pt>
                <c:pt idx="7120">
                  <c:v>0</c:v>
                </c:pt>
                <c:pt idx="7121">
                  <c:v>0</c:v>
                </c:pt>
                <c:pt idx="7122">
                  <c:v>0</c:v>
                </c:pt>
                <c:pt idx="7123">
                  <c:v>0</c:v>
                </c:pt>
                <c:pt idx="7124">
                  <c:v>0</c:v>
                </c:pt>
                <c:pt idx="7125">
                  <c:v>0</c:v>
                </c:pt>
                <c:pt idx="7126">
                  <c:v>0</c:v>
                </c:pt>
                <c:pt idx="7127">
                  <c:v>0</c:v>
                </c:pt>
                <c:pt idx="7128">
                  <c:v>0</c:v>
                </c:pt>
                <c:pt idx="7129">
                  <c:v>0</c:v>
                </c:pt>
                <c:pt idx="7130">
                  <c:v>0</c:v>
                </c:pt>
                <c:pt idx="7131">
                  <c:v>0</c:v>
                </c:pt>
                <c:pt idx="7132">
                  <c:v>0</c:v>
                </c:pt>
                <c:pt idx="7133">
                  <c:v>0</c:v>
                </c:pt>
                <c:pt idx="7134">
                  <c:v>0</c:v>
                </c:pt>
                <c:pt idx="7135">
                  <c:v>0</c:v>
                </c:pt>
                <c:pt idx="7136">
                  <c:v>0</c:v>
                </c:pt>
                <c:pt idx="7137">
                  <c:v>0</c:v>
                </c:pt>
                <c:pt idx="7138">
                  <c:v>0</c:v>
                </c:pt>
                <c:pt idx="7139">
                  <c:v>0</c:v>
                </c:pt>
                <c:pt idx="7140">
                  <c:v>0</c:v>
                </c:pt>
                <c:pt idx="7141">
                  <c:v>0</c:v>
                </c:pt>
                <c:pt idx="7142">
                  <c:v>0</c:v>
                </c:pt>
                <c:pt idx="7143">
                  <c:v>0</c:v>
                </c:pt>
                <c:pt idx="7144">
                  <c:v>0</c:v>
                </c:pt>
                <c:pt idx="7145">
                  <c:v>0</c:v>
                </c:pt>
                <c:pt idx="7146">
                  <c:v>0</c:v>
                </c:pt>
                <c:pt idx="7147">
                  <c:v>0</c:v>
                </c:pt>
                <c:pt idx="7148">
                  <c:v>0</c:v>
                </c:pt>
                <c:pt idx="7149">
                  <c:v>0</c:v>
                </c:pt>
                <c:pt idx="7150">
                  <c:v>0</c:v>
                </c:pt>
                <c:pt idx="7151">
                  <c:v>0</c:v>
                </c:pt>
                <c:pt idx="7152">
                  <c:v>0</c:v>
                </c:pt>
                <c:pt idx="7153">
                  <c:v>0</c:v>
                </c:pt>
                <c:pt idx="7154">
                  <c:v>0</c:v>
                </c:pt>
                <c:pt idx="7155">
                  <c:v>0</c:v>
                </c:pt>
                <c:pt idx="7156">
                  <c:v>0</c:v>
                </c:pt>
                <c:pt idx="7157">
                  <c:v>0</c:v>
                </c:pt>
                <c:pt idx="7158">
                  <c:v>0</c:v>
                </c:pt>
                <c:pt idx="7159">
                  <c:v>0</c:v>
                </c:pt>
                <c:pt idx="7160">
                  <c:v>0</c:v>
                </c:pt>
                <c:pt idx="7161">
                  <c:v>0</c:v>
                </c:pt>
                <c:pt idx="7162">
                  <c:v>0</c:v>
                </c:pt>
                <c:pt idx="7163">
                  <c:v>0</c:v>
                </c:pt>
                <c:pt idx="7164">
                  <c:v>0</c:v>
                </c:pt>
                <c:pt idx="7165">
                  <c:v>0</c:v>
                </c:pt>
                <c:pt idx="7166">
                  <c:v>0</c:v>
                </c:pt>
                <c:pt idx="7167">
                  <c:v>0</c:v>
                </c:pt>
                <c:pt idx="7168">
                  <c:v>0</c:v>
                </c:pt>
                <c:pt idx="7169">
                  <c:v>0</c:v>
                </c:pt>
                <c:pt idx="7170">
                  <c:v>0</c:v>
                </c:pt>
                <c:pt idx="7171">
                  <c:v>0</c:v>
                </c:pt>
                <c:pt idx="7172">
                  <c:v>0</c:v>
                </c:pt>
                <c:pt idx="7173">
                  <c:v>0</c:v>
                </c:pt>
                <c:pt idx="7174">
                  <c:v>0</c:v>
                </c:pt>
                <c:pt idx="7175">
                  <c:v>0</c:v>
                </c:pt>
                <c:pt idx="7176">
                  <c:v>0</c:v>
                </c:pt>
                <c:pt idx="7177">
                  <c:v>0</c:v>
                </c:pt>
                <c:pt idx="7178">
                  <c:v>0</c:v>
                </c:pt>
                <c:pt idx="7179">
                  <c:v>0</c:v>
                </c:pt>
                <c:pt idx="7180">
                  <c:v>0</c:v>
                </c:pt>
                <c:pt idx="7181">
                  <c:v>0</c:v>
                </c:pt>
                <c:pt idx="7182">
                  <c:v>0</c:v>
                </c:pt>
                <c:pt idx="7183">
                  <c:v>0</c:v>
                </c:pt>
                <c:pt idx="7184">
                  <c:v>0</c:v>
                </c:pt>
                <c:pt idx="7185">
                  <c:v>0</c:v>
                </c:pt>
                <c:pt idx="7186">
                  <c:v>0</c:v>
                </c:pt>
                <c:pt idx="7187">
                  <c:v>0</c:v>
                </c:pt>
                <c:pt idx="7188">
                  <c:v>0</c:v>
                </c:pt>
                <c:pt idx="7189">
                  <c:v>0</c:v>
                </c:pt>
                <c:pt idx="7190">
                  <c:v>0</c:v>
                </c:pt>
                <c:pt idx="7191">
                  <c:v>0</c:v>
                </c:pt>
                <c:pt idx="7192">
                  <c:v>0</c:v>
                </c:pt>
                <c:pt idx="7193">
                  <c:v>0</c:v>
                </c:pt>
                <c:pt idx="7194">
                  <c:v>0</c:v>
                </c:pt>
                <c:pt idx="7195">
                  <c:v>0</c:v>
                </c:pt>
                <c:pt idx="7196">
                  <c:v>0</c:v>
                </c:pt>
                <c:pt idx="7197">
                  <c:v>0</c:v>
                </c:pt>
                <c:pt idx="7198">
                  <c:v>0</c:v>
                </c:pt>
                <c:pt idx="7199">
                  <c:v>0</c:v>
                </c:pt>
                <c:pt idx="7200">
                  <c:v>0</c:v>
                </c:pt>
                <c:pt idx="7201">
                  <c:v>0</c:v>
                </c:pt>
                <c:pt idx="7202">
                  <c:v>0</c:v>
                </c:pt>
                <c:pt idx="7203">
                  <c:v>0</c:v>
                </c:pt>
                <c:pt idx="7204">
                  <c:v>0</c:v>
                </c:pt>
                <c:pt idx="7205">
                  <c:v>0</c:v>
                </c:pt>
                <c:pt idx="7206">
                  <c:v>0</c:v>
                </c:pt>
                <c:pt idx="7207">
                  <c:v>0</c:v>
                </c:pt>
                <c:pt idx="7208">
                  <c:v>0</c:v>
                </c:pt>
                <c:pt idx="7209">
                  <c:v>0</c:v>
                </c:pt>
                <c:pt idx="7210">
                  <c:v>0</c:v>
                </c:pt>
                <c:pt idx="7211">
                  <c:v>0</c:v>
                </c:pt>
                <c:pt idx="7212">
                  <c:v>0</c:v>
                </c:pt>
                <c:pt idx="7213">
                  <c:v>0</c:v>
                </c:pt>
                <c:pt idx="7214">
                  <c:v>0</c:v>
                </c:pt>
                <c:pt idx="7215">
                  <c:v>0</c:v>
                </c:pt>
                <c:pt idx="7216">
                  <c:v>0</c:v>
                </c:pt>
                <c:pt idx="7217">
                  <c:v>0</c:v>
                </c:pt>
                <c:pt idx="7218">
                  <c:v>0</c:v>
                </c:pt>
                <c:pt idx="7219">
                  <c:v>0</c:v>
                </c:pt>
                <c:pt idx="7220">
                  <c:v>0</c:v>
                </c:pt>
                <c:pt idx="7221">
                  <c:v>0</c:v>
                </c:pt>
                <c:pt idx="7222">
                  <c:v>0</c:v>
                </c:pt>
                <c:pt idx="7223">
                  <c:v>0</c:v>
                </c:pt>
                <c:pt idx="7224">
                  <c:v>0</c:v>
                </c:pt>
                <c:pt idx="7225">
                  <c:v>0</c:v>
                </c:pt>
                <c:pt idx="7226">
                  <c:v>0</c:v>
                </c:pt>
                <c:pt idx="7227">
                  <c:v>0</c:v>
                </c:pt>
                <c:pt idx="7228">
                  <c:v>0</c:v>
                </c:pt>
                <c:pt idx="7229">
                  <c:v>0</c:v>
                </c:pt>
                <c:pt idx="7230">
                  <c:v>0</c:v>
                </c:pt>
                <c:pt idx="7231">
                  <c:v>0</c:v>
                </c:pt>
                <c:pt idx="7232">
                  <c:v>0</c:v>
                </c:pt>
                <c:pt idx="7233">
                  <c:v>0</c:v>
                </c:pt>
                <c:pt idx="7234">
                  <c:v>0</c:v>
                </c:pt>
                <c:pt idx="7235">
                  <c:v>0</c:v>
                </c:pt>
                <c:pt idx="7236">
                  <c:v>0</c:v>
                </c:pt>
                <c:pt idx="7237">
                  <c:v>0</c:v>
                </c:pt>
                <c:pt idx="7238">
                  <c:v>0</c:v>
                </c:pt>
                <c:pt idx="7239">
                  <c:v>0</c:v>
                </c:pt>
                <c:pt idx="7240">
                  <c:v>0</c:v>
                </c:pt>
                <c:pt idx="7241">
                  <c:v>0</c:v>
                </c:pt>
                <c:pt idx="7242">
                  <c:v>0</c:v>
                </c:pt>
                <c:pt idx="7243">
                  <c:v>0</c:v>
                </c:pt>
                <c:pt idx="7244">
                  <c:v>0</c:v>
                </c:pt>
                <c:pt idx="7245">
                  <c:v>0</c:v>
                </c:pt>
                <c:pt idx="7246">
                  <c:v>0</c:v>
                </c:pt>
                <c:pt idx="7247">
                  <c:v>0</c:v>
                </c:pt>
                <c:pt idx="7248">
                  <c:v>0</c:v>
                </c:pt>
                <c:pt idx="7249">
                  <c:v>0</c:v>
                </c:pt>
                <c:pt idx="7250">
                  <c:v>0</c:v>
                </c:pt>
                <c:pt idx="7251">
                  <c:v>0</c:v>
                </c:pt>
                <c:pt idx="7252">
                  <c:v>0</c:v>
                </c:pt>
                <c:pt idx="7253">
                  <c:v>0</c:v>
                </c:pt>
                <c:pt idx="7254">
                  <c:v>0</c:v>
                </c:pt>
                <c:pt idx="7255">
                  <c:v>0</c:v>
                </c:pt>
                <c:pt idx="7256">
                  <c:v>0</c:v>
                </c:pt>
                <c:pt idx="7257">
                  <c:v>0</c:v>
                </c:pt>
                <c:pt idx="7258">
                  <c:v>0</c:v>
                </c:pt>
                <c:pt idx="7259">
                  <c:v>0</c:v>
                </c:pt>
                <c:pt idx="7260">
                  <c:v>0</c:v>
                </c:pt>
                <c:pt idx="7261">
                  <c:v>0</c:v>
                </c:pt>
                <c:pt idx="7262">
                  <c:v>0</c:v>
                </c:pt>
                <c:pt idx="7263">
                  <c:v>0</c:v>
                </c:pt>
                <c:pt idx="7264">
                  <c:v>0</c:v>
                </c:pt>
                <c:pt idx="7265">
                  <c:v>0</c:v>
                </c:pt>
                <c:pt idx="7266">
                  <c:v>0</c:v>
                </c:pt>
                <c:pt idx="7267">
                  <c:v>0</c:v>
                </c:pt>
                <c:pt idx="7268">
                  <c:v>0</c:v>
                </c:pt>
                <c:pt idx="7269">
                  <c:v>0</c:v>
                </c:pt>
                <c:pt idx="7270">
                  <c:v>0</c:v>
                </c:pt>
                <c:pt idx="7271">
                  <c:v>0</c:v>
                </c:pt>
                <c:pt idx="7272">
                  <c:v>0</c:v>
                </c:pt>
                <c:pt idx="7273">
                  <c:v>0</c:v>
                </c:pt>
                <c:pt idx="7274">
                  <c:v>0</c:v>
                </c:pt>
                <c:pt idx="7275">
                  <c:v>0</c:v>
                </c:pt>
                <c:pt idx="7276">
                  <c:v>0</c:v>
                </c:pt>
                <c:pt idx="7277">
                  <c:v>0</c:v>
                </c:pt>
                <c:pt idx="7278">
                  <c:v>0</c:v>
                </c:pt>
                <c:pt idx="7279">
                  <c:v>0</c:v>
                </c:pt>
                <c:pt idx="7280">
                  <c:v>0</c:v>
                </c:pt>
                <c:pt idx="7281">
                  <c:v>0</c:v>
                </c:pt>
                <c:pt idx="7282">
                  <c:v>0</c:v>
                </c:pt>
                <c:pt idx="7283">
                  <c:v>0</c:v>
                </c:pt>
                <c:pt idx="7284">
                  <c:v>0</c:v>
                </c:pt>
                <c:pt idx="7285">
                  <c:v>0</c:v>
                </c:pt>
                <c:pt idx="7286">
                  <c:v>0</c:v>
                </c:pt>
                <c:pt idx="7287">
                  <c:v>0</c:v>
                </c:pt>
                <c:pt idx="7288">
                  <c:v>0</c:v>
                </c:pt>
                <c:pt idx="7289">
                  <c:v>0</c:v>
                </c:pt>
                <c:pt idx="7290">
                  <c:v>0</c:v>
                </c:pt>
                <c:pt idx="7291">
                  <c:v>0</c:v>
                </c:pt>
                <c:pt idx="7292">
                  <c:v>0</c:v>
                </c:pt>
                <c:pt idx="7293">
                  <c:v>0</c:v>
                </c:pt>
                <c:pt idx="7294">
                  <c:v>0</c:v>
                </c:pt>
                <c:pt idx="7295">
                  <c:v>0</c:v>
                </c:pt>
                <c:pt idx="7296">
                  <c:v>0</c:v>
                </c:pt>
                <c:pt idx="7297">
                  <c:v>0</c:v>
                </c:pt>
                <c:pt idx="7298">
                  <c:v>0</c:v>
                </c:pt>
                <c:pt idx="7299">
                  <c:v>0</c:v>
                </c:pt>
                <c:pt idx="7300">
                  <c:v>0</c:v>
                </c:pt>
                <c:pt idx="7301">
                  <c:v>0</c:v>
                </c:pt>
                <c:pt idx="7302">
                  <c:v>0</c:v>
                </c:pt>
                <c:pt idx="7303">
                  <c:v>0</c:v>
                </c:pt>
                <c:pt idx="7304">
                  <c:v>0</c:v>
                </c:pt>
                <c:pt idx="7305">
                  <c:v>0</c:v>
                </c:pt>
                <c:pt idx="7306">
                  <c:v>0</c:v>
                </c:pt>
                <c:pt idx="7307">
                  <c:v>0</c:v>
                </c:pt>
                <c:pt idx="7308">
                  <c:v>0</c:v>
                </c:pt>
                <c:pt idx="7309">
                  <c:v>0</c:v>
                </c:pt>
                <c:pt idx="7310">
                  <c:v>0</c:v>
                </c:pt>
                <c:pt idx="7311">
                  <c:v>0</c:v>
                </c:pt>
                <c:pt idx="7312">
                  <c:v>0</c:v>
                </c:pt>
                <c:pt idx="7313">
                  <c:v>0</c:v>
                </c:pt>
                <c:pt idx="7314">
                  <c:v>0</c:v>
                </c:pt>
                <c:pt idx="7315">
                  <c:v>0</c:v>
                </c:pt>
                <c:pt idx="7316">
                  <c:v>0</c:v>
                </c:pt>
                <c:pt idx="7317">
                  <c:v>0</c:v>
                </c:pt>
                <c:pt idx="7318">
                  <c:v>0</c:v>
                </c:pt>
                <c:pt idx="7319">
                  <c:v>0</c:v>
                </c:pt>
                <c:pt idx="7320">
                  <c:v>0</c:v>
                </c:pt>
                <c:pt idx="7321">
                  <c:v>0</c:v>
                </c:pt>
                <c:pt idx="7322">
                  <c:v>0</c:v>
                </c:pt>
                <c:pt idx="7323">
                  <c:v>0</c:v>
                </c:pt>
                <c:pt idx="7324">
                  <c:v>0</c:v>
                </c:pt>
                <c:pt idx="7325">
                  <c:v>0</c:v>
                </c:pt>
                <c:pt idx="7326">
                  <c:v>0</c:v>
                </c:pt>
                <c:pt idx="7327">
                  <c:v>0</c:v>
                </c:pt>
                <c:pt idx="7328">
                  <c:v>0</c:v>
                </c:pt>
                <c:pt idx="7329">
                  <c:v>0</c:v>
                </c:pt>
                <c:pt idx="7330">
                  <c:v>0</c:v>
                </c:pt>
                <c:pt idx="7331">
                  <c:v>0</c:v>
                </c:pt>
                <c:pt idx="7332">
                  <c:v>0</c:v>
                </c:pt>
                <c:pt idx="7333">
                  <c:v>0</c:v>
                </c:pt>
                <c:pt idx="7334">
                  <c:v>0</c:v>
                </c:pt>
                <c:pt idx="7335">
                  <c:v>0</c:v>
                </c:pt>
                <c:pt idx="7336">
                  <c:v>0</c:v>
                </c:pt>
                <c:pt idx="7337">
                  <c:v>0</c:v>
                </c:pt>
                <c:pt idx="7338">
                  <c:v>0</c:v>
                </c:pt>
                <c:pt idx="7339">
                  <c:v>0</c:v>
                </c:pt>
                <c:pt idx="7340">
                  <c:v>0</c:v>
                </c:pt>
                <c:pt idx="7341">
                  <c:v>0</c:v>
                </c:pt>
                <c:pt idx="7342">
                  <c:v>0</c:v>
                </c:pt>
                <c:pt idx="7343">
                  <c:v>0</c:v>
                </c:pt>
                <c:pt idx="7344">
                  <c:v>0</c:v>
                </c:pt>
                <c:pt idx="7345">
                  <c:v>0</c:v>
                </c:pt>
                <c:pt idx="7346">
                  <c:v>0</c:v>
                </c:pt>
                <c:pt idx="7347">
                  <c:v>0</c:v>
                </c:pt>
                <c:pt idx="7348">
                  <c:v>0</c:v>
                </c:pt>
                <c:pt idx="7349">
                  <c:v>0</c:v>
                </c:pt>
                <c:pt idx="7350">
                  <c:v>0</c:v>
                </c:pt>
                <c:pt idx="7351">
                  <c:v>0</c:v>
                </c:pt>
                <c:pt idx="7352">
                  <c:v>0</c:v>
                </c:pt>
                <c:pt idx="7353">
                  <c:v>0</c:v>
                </c:pt>
                <c:pt idx="7354">
                  <c:v>0</c:v>
                </c:pt>
                <c:pt idx="7355">
                  <c:v>0</c:v>
                </c:pt>
                <c:pt idx="7356">
                  <c:v>0</c:v>
                </c:pt>
                <c:pt idx="7357">
                  <c:v>0</c:v>
                </c:pt>
                <c:pt idx="7358">
                  <c:v>0</c:v>
                </c:pt>
                <c:pt idx="7359">
                  <c:v>0</c:v>
                </c:pt>
                <c:pt idx="7360">
                  <c:v>0</c:v>
                </c:pt>
                <c:pt idx="7361">
                  <c:v>0</c:v>
                </c:pt>
                <c:pt idx="7362">
                  <c:v>0</c:v>
                </c:pt>
                <c:pt idx="7363">
                  <c:v>0</c:v>
                </c:pt>
                <c:pt idx="7364">
                  <c:v>0</c:v>
                </c:pt>
                <c:pt idx="7365">
                  <c:v>0</c:v>
                </c:pt>
                <c:pt idx="7366">
                  <c:v>0</c:v>
                </c:pt>
                <c:pt idx="7367">
                  <c:v>0</c:v>
                </c:pt>
                <c:pt idx="7368">
                  <c:v>0</c:v>
                </c:pt>
                <c:pt idx="7369">
                  <c:v>0</c:v>
                </c:pt>
                <c:pt idx="7370">
                  <c:v>0</c:v>
                </c:pt>
                <c:pt idx="7371">
                  <c:v>0</c:v>
                </c:pt>
                <c:pt idx="7372">
                  <c:v>0</c:v>
                </c:pt>
                <c:pt idx="7373">
                  <c:v>0</c:v>
                </c:pt>
                <c:pt idx="7374">
                  <c:v>0</c:v>
                </c:pt>
                <c:pt idx="7375">
                  <c:v>0</c:v>
                </c:pt>
                <c:pt idx="7376">
                  <c:v>0</c:v>
                </c:pt>
                <c:pt idx="7377">
                  <c:v>0</c:v>
                </c:pt>
                <c:pt idx="7378">
                  <c:v>0</c:v>
                </c:pt>
                <c:pt idx="7379">
                  <c:v>0</c:v>
                </c:pt>
                <c:pt idx="7380">
                  <c:v>0</c:v>
                </c:pt>
                <c:pt idx="7381">
                  <c:v>0</c:v>
                </c:pt>
                <c:pt idx="7382">
                  <c:v>0</c:v>
                </c:pt>
                <c:pt idx="7383">
                  <c:v>0</c:v>
                </c:pt>
                <c:pt idx="7384">
                  <c:v>0</c:v>
                </c:pt>
                <c:pt idx="7385">
                  <c:v>0</c:v>
                </c:pt>
                <c:pt idx="7386">
                  <c:v>0</c:v>
                </c:pt>
                <c:pt idx="7387">
                  <c:v>0</c:v>
                </c:pt>
                <c:pt idx="7388">
                  <c:v>0</c:v>
                </c:pt>
                <c:pt idx="7389">
                  <c:v>0</c:v>
                </c:pt>
                <c:pt idx="7390">
                  <c:v>0</c:v>
                </c:pt>
                <c:pt idx="7391">
                  <c:v>0</c:v>
                </c:pt>
                <c:pt idx="7392">
                  <c:v>0</c:v>
                </c:pt>
                <c:pt idx="7393">
                  <c:v>0</c:v>
                </c:pt>
                <c:pt idx="7394">
                  <c:v>0</c:v>
                </c:pt>
                <c:pt idx="7395">
                  <c:v>0</c:v>
                </c:pt>
                <c:pt idx="7396">
                  <c:v>0</c:v>
                </c:pt>
                <c:pt idx="7397">
                  <c:v>0</c:v>
                </c:pt>
                <c:pt idx="7398">
                  <c:v>0</c:v>
                </c:pt>
                <c:pt idx="7399">
                  <c:v>0</c:v>
                </c:pt>
                <c:pt idx="7400">
                  <c:v>0</c:v>
                </c:pt>
                <c:pt idx="7401">
                  <c:v>0</c:v>
                </c:pt>
                <c:pt idx="7402">
                  <c:v>0</c:v>
                </c:pt>
                <c:pt idx="7403">
                  <c:v>0</c:v>
                </c:pt>
                <c:pt idx="7404">
                  <c:v>0</c:v>
                </c:pt>
                <c:pt idx="7405">
                  <c:v>0</c:v>
                </c:pt>
                <c:pt idx="7406">
                  <c:v>0</c:v>
                </c:pt>
                <c:pt idx="7407">
                  <c:v>0</c:v>
                </c:pt>
                <c:pt idx="7408">
                  <c:v>0</c:v>
                </c:pt>
                <c:pt idx="7409">
                  <c:v>0</c:v>
                </c:pt>
                <c:pt idx="7410">
                  <c:v>0</c:v>
                </c:pt>
                <c:pt idx="7411">
                  <c:v>0</c:v>
                </c:pt>
                <c:pt idx="7412">
                  <c:v>0</c:v>
                </c:pt>
                <c:pt idx="7413">
                  <c:v>0</c:v>
                </c:pt>
                <c:pt idx="7414">
                  <c:v>0</c:v>
                </c:pt>
                <c:pt idx="7415">
                  <c:v>0</c:v>
                </c:pt>
                <c:pt idx="7416">
                  <c:v>0</c:v>
                </c:pt>
                <c:pt idx="7417">
                  <c:v>0</c:v>
                </c:pt>
                <c:pt idx="7418">
                  <c:v>0</c:v>
                </c:pt>
                <c:pt idx="7419">
                  <c:v>0</c:v>
                </c:pt>
                <c:pt idx="7420">
                  <c:v>0</c:v>
                </c:pt>
                <c:pt idx="7421">
                  <c:v>0</c:v>
                </c:pt>
                <c:pt idx="7422">
                  <c:v>0</c:v>
                </c:pt>
                <c:pt idx="7423">
                  <c:v>0</c:v>
                </c:pt>
                <c:pt idx="7424">
                  <c:v>0</c:v>
                </c:pt>
                <c:pt idx="7425">
                  <c:v>0</c:v>
                </c:pt>
                <c:pt idx="7426">
                  <c:v>0</c:v>
                </c:pt>
                <c:pt idx="7427">
                  <c:v>0</c:v>
                </c:pt>
                <c:pt idx="7428">
                  <c:v>0</c:v>
                </c:pt>
                <c:pt idx="7429">
                  <c:v>0</c:v>
                </c:pt>
                <c:pt idx="7430">
                  <c:v>0</c:v>
                </c:pt>
                <c:pt idx="7431">
                  <c:v>0</c:v>
                </c:pt>
                <c:pt idx="7432">
                  <c:v>0</c:v>
                </c:pt>
                <c:pt idx="7433">
                  <c:v>0</c:v>
                </c:pt>
                <c:pt idx="7434">
                  <c:v>0</c:v>
                </c:pt>
                <c:pt idx="7435">
                  <c:v>0</c:v>
                </c:pt>
                <c:pt idx="7436">
                  <c:v>0</c:v>
                </c:pt>
                <c:pt idx="7437">
                  <c:v>0</c:v>
                </c:pt>
                <c:pt idx="7438">
                  <c:v>0</c:v>
                </c:pt>
                <c:pt idx="7439">
                  <c:v>0</c:v>
                </c:pt>
                <c:pt idx="7440">
                  <c:v>0</c:v>
                </c:pt>
                <c:pt idx="7441">
                  <c:v>0</c:v>
                </c:pt>
                <c:pt idx="7442">
                  <c:v>0</c:v>
                </c:pt>
                <c:pt idx="7443">
                  <c:v>0</c:v>
                </c:pt>
                <c:pt idx="7444">
                  <c:v>0</c:v>
                </c:pt>
                <c:pt idx="7445">
                  <c:v>0</c:v>
                </c:pt>
                <c:pt idx="7446">
                  <c:v>0</c:v>
                </c:pt>
                <c:pt idx="7447">
                  <c:v>0</c:v>
                </c:pt>
                <c:pt idx="7448">
                  <c:v>0</c:v>
                </c:pt>
                <c:pt idx="7449">
                  <c:v>0</c:v>
                </c:pt>
                <c:pt idx="7450">
                  <c:v>0</c:v>
                </c:pt>
                <c:pt idx="7451">
                  <c:v>0</c:v>
                </c:pt>
                <c:pt idx="7452">
                  <c:v>0</c:v>
                </c:pt>
                <c:pt idx="7453">
                  <c:v>0</c:v>
                </c:pt>
                <c:pt idx="7454">
                  <c:v>0</c:v>
                </c:pt>
                <c:pt idx="7455">
                  <c:v>0</c:v>
                </c:pt>
                <c:pt idx="7456">
                  <c:v>0</c:v>
                </c:pt>
                <c:pt idx="7457">
                  <c:v>0</c:v>
                </c:pt>
                <c:pt idx="7458">
                  <c:v>0</c:v>
                </c:pt>
                <c:pt idx="7459">
                  <c:v>0</c:v>
                </c:pt>
                <c:pt idx="7460">
                  <c:v>0</c:v>
                </c:pt>
                <c:pt idx="7461">
                  <c:v>0</c:v>
                </c:pt>
                <c:pt idx="7462">
                  <c:v>0</c:v>
                </c:pt>
                <c:pt idx="7463">
                  <c:v>0</c:v>
                </c:pt>
                <c:pt idx="7464">
                  <c:v>0</c:v>
                </c:pt>
                <c:pt idx="7465">
                  <c:v>0</c:v>
                </c:pt>
                <c:pt idx="7466">
                  <c:v>0</c:v>
                </c:pt>
                <c:pt idx="7467">
                  <c:v>0</c:v>
                </c:pt>
                <c:pt idx="7468">
                  <c:v>0</c:v>
                </c:pt>
                <c:pt idx="7469">
                  <c:v>0</c:v>
                </c:pt>
                <c:pt idx="7470">
                  <c:v>0</c:v>
                </c:pt>
                <c:pt idx="7471">
                  <c:v>0</c:v>
                </c:pt>
                <c:pt idx="7472">
                  <c:v>0</c:v>
                </c:pt>
                <c:pt idx="7473">
                  <c:v>0</c:v>
                </c:pt>
                <c:pt idx="7474">
                  <c:v>0</c:v>
                </c:pt>
                <c:pt idx="7475">
                  <c:v>0</c:v>
                </c:pt>
                <c:pt idx="7476">
                  <c:v>0</c:v>
                </c:pt>
                <c:pt idx="7477">
                  <c:v>0</c:v>
                </c:pt>
                <c:pt idx="7478">
                  <c:v>0</c:v>
                </c:pt>
                <c:pt idx="7479">
                  <c:v>0</c:v>
                </c:pt>
                <c:pt idx="7480">
                  <c:v>0</c:v>
                </c:pt>
                <c:pt idx="7481">
                  <c:v>0</c:v>
                </c:pt>
                <c:pt idx="7482">
                  <c:v>0</c:v>
                </c:pt>
                <c:pt idx="7483">
                  <c:v>0</c:v>
                </c:pt>
                <c:pt idx="7484">
                  <c:v>0</c:v>
                </c:pt>
                <c:pt idx="7485">
                  <c:v>0</c:v>
                </c:pt>
                <c:pt idx="7486">
                  <c:v>0</c:v>
                </c:pt>
                <c:pt idx="7487">
                  <c:v>0</c:v>
                </c:pt>
                <c:pt idx="7488">
                  <c:v>0</c:v>
                </c:pt>
                <c:pt idx="7489">
                  <c:v>0</c:v>
                </c:pt>
                <c:pt idx="7490">
                  <c:v>0</c:v>
                </c:pt>
                <c:pt idx="7491">
                  <c:v>0</c:v>
                </c:pt>
                <c:pt idx="7492">
                  <c:v>0</c:v>
                </c:pt>
                <c:pt idx="7493">
                  <c:v>0</c:v>
                </c:pt>
                <c:pt idx="7494">
                  <c:v>0</c:v>
                </c:pt>
                <c:pt idx="7495">
                  <c:v>0</c:v>
                </c:pt>
                <c:pt idx="7496">
                  <c:v>0</c:v>
                </c:pt>
                <c:pt idx="7497">
                  <c:v>0</c:v>
                </c:pt>
                <c:pt idx="7498">
                  <c:v>0</c:v>
                </c:pt>
                <c:pt idx="7499">
                  <c:v>0</c:v>
                </c:pt>
                <c:pt idx="7500">
                  <c:v>0</c:v>
                </c:pt>
                <c:pt idx="7501">
                  <c:v>0</c:v>
                </c:pt>
                <c:pt idx="7502">
                  <c:v>0</c:v>
                </c:pt>
                <c:pt idx="7503">
                  <c:v>0</c:v>
                </c:pt>
                <c:pt idx="7504">
                  <c:v>0</c:v>
                </c:pt>
                <c:pt idx="7505">
                  <c:v>0</c:v>
                </c:pt>
                <c:pt idx="7506">
                  <c:v>0</c:v>
                </c:pt>
                <c:pt idx="7507">
                  <c:v>0</c:v>
                </c:pt>
                <c:pt idx="7508">
                  <c:v>0</c:v>
                </c:pt>
                <c:pt idx="7509">
                  <c:v>0</c:v>
                </c:pt>
                <c:pt idx="7510">
                  <c:v>0</c:v>
                </c:pt>
                <c:pt idx="7511">
                  <c:v>0</c:v>
                </c:pt>
                <c:pt idx="7512">
                  <c:v>0</c:v>
                </c:pt>
                <c:pt idx="7513">
                  <c:v>0</c:v>
                </c:pt>
                <c:pt idx="7514">
                  <c:v>0</c:v>
                </c:pt>
                <c:pt idx="7515">
                  <c:v>0</c:v>
                </c:pt>
                <c:pt idx="7516">
                  <c:v>0</c:v>
                </c:pt>
                <c:pt idx="7517">
                  <c:v>0</c:v>
                </c:pt>
                <c:pt idx="7518">
                  <c:v>0</c:v>
                </c:pt>
                <c:pt idx="7519">
                  <c:v>0</c:v>
                </c:pt>
                <c:pt idx="7520">
                  <c:v>0</c:v>
                </c:pt>
                <c:pt idx="7521">
                  <c:v>0</c:v>
                </c:pt>
                <c:pt idx="7522">
                  <c:v>0</c:v>
                </c:pt>
                <c:pt idx="7523">
                  <c:v>0</c:v>
                </c:pt>
                <c:pt idx="7524">
                  <c:v>0</c:v>
                </c:pt>
                <c:pt idx="7525">
                  <c:v>0</c:v>
                </c:pt>
                <c:pt idx="7526">
                  <c:v>0</c:v>
                </c:pt>
                <c:pt idx="7527">
                  <c:v>0</c:v>
                </c:pt>
                <c:pt idx="7528">
                  <c:v>0</c:v>
                </c:pt>
                <c:pt idx="7529">
                  <c:v>0</c:v>
                </c:pt>
                <c:pt idx="7530">
                  <c:v>0</c:v>
                </c:pt>
                <c:pt idx="7531">
                  <c:v>0</c:v>
                </c:pt>
                <c:pt idx="7532">
                  <c:v>0</c:v>
                </c:pt>
                <c:pt idx="7533">
                  <c:v>0</c:v>
                </c:pt>
                <c:pt idx="7534">
                  <c:v>0</c:v>
                </c:pt>
                <c:pt idx="7535">
                  <c:v>0</c:v>
                </c:pt>
                <c:pt idx="7536">
                  <c:v>0</c:v>
                </c:pt>
                <c:pt idx="7537">
                  <c:v>0</c:v>
                </c:pt>
                <c:pt idx="7538">
                  <c:v>0</c:v>
                </c:pt>
                <c:pt idx="7539">
                  <c:v>0</c:v>
                </c:pt>
                <c:pt idx="7540">
                  <c:v>0</c:v>
                </c:pt>
                <c:pt idx="7541">
                  <c:v>0</c:v>
                </c:pt>
                <c:pt idx="7542">
                  <c:v>0</c:v>
                </c:pt>
                <c:pt idx="7543">
                  <c:v>0</c:v>
                </c:pt>
                <c:pt idx="7544">
                  <c:v>0</c:v>
                </c:pt>
                <c:pt idx="7545">
                  <c:v>0</c:v>
                </c:pt>
                <c:pt idx="7546">
                  <c:v>0</c:v>
                </c:pt>
                <c:pt idx="7547">
                  <c:v>0</c:v>
                </c:pt>
                <c:pt idx="7548">
                  <c:v>0</c:v>
                </c:pt>
                <c:pt idx="7549">
                  <c:v>0</c:v>
                </c:pt>
                <c:pt idx="7550">
                  <c:v>0</c:v>
                </c:pt>
                <c:pt idx="7551">
                  <c:v>0</c:v>
                </c:pt>
                <c:pt idx="7552">
                  <c:v>0</c:v>
                </c:pt>
                <c:pt idx="7553">
                  <c:v>0</c:v>
                </c:pt>
                <c:pt idx="7554">
                  <c:v>0</c:v>
                </c:pt>
                <c:pt idx="7555">
                  <c:v>0</c:v>
                </c:pt>
                <c:pt idx="7556">
                  <c:v>0</c:v>
                </c:pt>
                <c:pt idx="7557">
                  <c:v>0</c:v>
                </c:pt>
                <c:pt idx="7558">
                  <c:v>0</c:v>
                </c:pt>
                <c:pt idx="7559">
                  <c:v>0</c:v>
                </c:pt>
                <c:pt idx="7560">
                  <c:v>0</c:v>
                </c:pt>
                <c:pt idx="7561">
                  <c:v>0</c:v>
                </c:pt>
                <c:pt idx="7562">
                  <c:v>0</c:v>
                </c:pt>
                <c:pt idx="7563">
                  <c:v>0</c:v>
                </c:pt>
                <c:pt idx="7564">
                  <c:v>0</c:v>
                </c:pt>
                <c:pt idx="7565">
                  <c:v>0</c:v>
                </c:pt>
                <c:pt idx="7566">
                  <c:v>0</c:v>
                </c:pt>
                <c:pt idx="7567">
                  <c:v>0</c:v>
                </c:pt>
                <c:pt idx="7568">
                  <c:v>0</c:v>
                </c:pt>
                <c:pt idx="7569">
                  <c:v>0</c:v>
                </c:pt>
                <c:pt idx="7570">
                  <c:v>0</c:v>
                </c:pt>
                <c:pt idx="7571">
                  <c:v>0</c:v>
                </c:pt>
                <c:pt idx="7572">
                  <c:v>0</c:v>
                </c:pt>
                <c:pt idx="7573">
                  <c:v>0</c:v>
                </c:pt>
                <c:pt idx="7574">
                  <c:v>0</c:v>
                </c:pt>
                <c:pt idx="7575">
                  <c:v>0</c:v>
                </c:pt>
                <c:pt idx="7576">
                  <c:v>0</c:v>
                </c:pt>
                <c:pt idx="7577">
                  <c:v>0</c:v>
                </c:pt>
                <c:pt idx="7578">
                  <c:v>0</c:v>
                </c:pt>
                <c:pt idx="7579">
                  <c:v>0</c:v>
                </c:pt>
                <c:pt idx="7580">
                  <c:v>0</c:v>
                </c:pt>
                <c:pt idx="7581">
                  <c:v>0</c:v>
                </c:pt>
                <c:pt idx="7582">
                  <c:v>0</c:v>
                </c:pt>
                <c:pt idx="7583">
                  <c:v>0</c:v>
                </c:pt>
                <c:pt idx="7584">
                  <c:v>0</c:v>
                </c:pt>
                <c:pt idx="7585">
                  <c:v>0</c:v>
                </c:pt>
                <c:pt idx="7586">
                  <c:v>0</c:v>
                </c:pt>
                <c:pt idx="7587">
                  <c:v>0</c:v>
                </c:pt>
                <c:pt idx="7588">
                  <c:v>0</c:v>
                </c:pt>
                <c:pt idx="7589">
                  <c:v>0</c:v>
                </c:pt>
                <c:pt idx="7590">
                  <c:v>0</c:v>
                </c:pt>
                <c:pt idx="7591">
                  <c:v>0</c:v>
                </c:pt>
                <c:pt idx="7592">
                  <c:v>0</c:v>
                </c:pt>
                <c:pt idx="7593">
                  <c:v>0</c:v>
                </c:pt>
                <c:pt idx="7594">
                  <c:v>0</c:v>
                </c:pt>
                <c:pt idx="7595">
                  <c:v>0</c:v>
                </c:pt>
                <c:pt idx="7596">
                  <c:v>0</c:v>
                </c:pt>
                <c:pt idx="7597">
                  <c:v>0</c:v>
                </c:pt>
                <c:pt idx="7598">
                  <c:v>0</c:v>
                </c:pt>
                <c:pt idx="7599">
                  <c:v>0</c:v>
                </c:pt>
                <c:pt idx="7600">
                  <c:v>0</c:v>
                </c:pt>
                <c:pt idx="7601">
                  <c:v>0</c:v>
                </c:pt>
                <c:pt idx="7602">
                  <c:v>0</c:v>
                </c:pt>
                <c:pt idx="7603">
                  <c:v>0</c:v>
                </c:pt>
                <c:pt idx="7604">
                  <c:v>0</c:v>
                </c:pt>
                <c:pt idx="7605">
                  <c:v>0</c:v>
                </c:pt>
                <c:pt idx="7606">
                  <c:v>0</c:v>
                </c:pt>
                <c:pt idx="7607">
                  <c:v>0</c:v>
                </c:pt>
                <c:pt idx="7608">
                  <c:v>0</c:v>
                </c:pt>
                <c:pt idx="7609">
                  <c:v>0</c:v>
                </c:pt>
                <c:pt idx="7610">
                  <c:v>0</c:v>
                </c:pt>
                <c:pt idx="7611">
                  <c:v>0</c:v>
                </c:pt>
                <c:pt idx="7612">
                  <c:v>0</c:v>
                </c:pt>
                <c:pt idx="7613">
                  <c:v>0</c:v>
                </c:pt>
                <c:pt idx="7614">
                  <c:v>0</c:v>
                </c:pt>
                <c:pt idx="7615">
                  <c:v>0</c:v>
                </c:pt>
                <c:pt idx="7616">
                  <c:v>0</c:v>
                </c:pt>
                <c:pt idx="7617">
                  <c:v>0</c:v>
                </c:pt>
                <c:pt idx="7618">
                  <c:v>0</c:v>
                </c:pt>
                <c:pt idx="7619">
                  <c:v>0</c:v>
                </c:pt>
                <c:pt idx="7620">
                  <c:v>0</c:v>
                </c:pt>
                <c:pt idx="7621">
                  <c:v>0</c:v>
                </c:pt>
                <c:pt idx="7622">
                  <c:v>0</c:v>
                </c:pt>
                <c:pt idx="7623">
                  <c:v>0</c:v>
                </c:pt>
                <c:pt idx="7624">
                  <c:v>0</c:v>
                </c:pt>
                <c:pt idx="7625">
                  <c:v>0</c:v>
                </c:pt>
                <c:pt idx="7626">
                  <c:v>0</c:v>
                </c:pt>
                <c:pt idx="7627">
                  <c:v>0</c:v>
                </c:pt>
                <c:pt idx="7628">
                  <c:v>0</c:v>
                </c:pt>
                <c:pt idx="7629">
                  <c:v>0</c:v>
                </c:pt>
                <c:pt idx="7630">
                  <c:v>0</c:v>
                </c:pt>
                <c:pt idx="7631">
                  <c:v>0</c:v>
                </c:pt>
                <c:pt idx="7632">
                  <c:v>0</c:v>
                </c:pt>
                <c:pt idx="7633">
                  <c:v>0</c:v>
                </c:pt>
                <c:pt idx="7634">
                  <c:v>0</c:v>
                </c:pt>
                <c:pt idx="7635">
                  <c:v>0</c:v>
                </c:pt>
                <c:pt idx="7636">
                  <c:v>0</c:v>
                </c:pt>
                <c:pt idx="7637">
                  <c:v>0</c:v>
                </c:pt>
                <c:pt idx="7638">
                  <c:v>0</c:v>
                </c:pt>
                <c:pt idx="7639">
                  <c:v>0</c:v>
                </c:pt>
                <c:pt idx="7640">
                  <c:v>0</c:v>
                </c:pt>
                <c:pt idx="7641">
                  <c:v>0</c:v>
                </c:pt>
                <c:pt idx="7642">
                  <c:v>0</c:v>
                </c:pt>
                <c:pt idx="7643">
                  <c:v>0</c:v>
                </c:pt>
                <c:pt idx="7644">
                  <c:v>0</c:v>
                </c:pt>
                <c:pt idx="7645">
                  <c:v>0</c:v>
                </c:pt>
                <c:pt idx="7646">
                  <c:v>0</c:v>
                </c:pt>
                <c:pt idx="7647">
                  <c:v>0</c:v>
                </c:pt>
                <c:pt idx="7648">
                  <c:v>0</c:v>
                </c:pt>
                <c:pt idx="7649">
                  <c:v>0</c:v>
                </c:pt>
                <c:pt idx="7650">
                  <c:v>0</c:v>
                </c:pt>
                <c:pt idx="7651">
                  <c:v>0</c:v>
                </c:pt>
                <c:pt idx="7652">
                  <c:v>0</c:v>
                </c:pt>
                <c:pt idx="7653">
                  <c:v>0</c:v>
                </c:pt>
                <c:pt idx="7654">
                  <c:v>0</c:v>
                </c:pt>
                <c:pt idx="7655">
                  <c:v>0</c:v>
                </c:pt>
                <c:pt idx="7656">
                  <c:v>0</c:v>
                </c:pt>
                <c:pt idx="7657">
                  <c:v>0</c:v>
                </c:pt>
                <c:pt idx="7658">
                  <c:v>0</c:v>
                </c:pt>
                <c:pt idx="7659">
                  <c:v>0</c:v>
                </c:pt>
                <c:pt idx="7660">
                  <c:v>0</c:v>
                </c:pt>
                <c:pt idx="7661">
                  <c:v>0</c:v>
                </c:pt>
                <c:pt idx="7662">
                  <c:v>0</c:v>
                </c:pt>
                <c:pt idx="7663">
                  <c:v>0</c:v>
                </c:pt>
                <c:pt idx="7664">
                  <c:v>0</c:v>
                </c:pt>
                <c:pt idx="7665">
                  <c:v>0</c:v>
                </c:pt>
                <c:pt idx="7666">
                  <c:v>0</c:v>
                </c:pt>
                <c:pt idx="7667">
                  <c:v>0</c:v>
                </c:pt>
                <c:pt idx="7668">
                  <c:v>0</c:v>
                </c:pt>
                <c:pt idx="7669">
                  <c:v>0</c:v>
                </c:pt>
                <c:pt idx="7670">
                  <c:v>0</c:v>
                </c:pt>
                <c:pt idx="7671">
                  <c:v>0</c:v>
                </c:pt>
                <c:pt idx="7672">
                  <c:v>0</c:v>
                </c:pt>
                <c:pt idx="7673">
                  <c:v>0</c:v>
                </c:pt>
                <c:pt idx="7674">
                  <c:v>0</c:v>
                </c:pt>
                <c:pt idx="7675">
                  <c:v>0</c:v>
                </c:pt>
                <c:pt idx="7676">
                  <c:v>0</c:v>
                </c:pt>
                <c:pt idx="7677">
                  <c:v>0</c:v>
                </c:pt>
                <c:pt idx="7678">
                  <c:v>0</c:v>
                </c:pt>
                <c:pt idx="7679">
                  <c:v>0</c:v>
                </c:pt>
                <c:pt idx="7680">
                  <c:v>0</c:v>
                </c:pt>
                <c:pt idx="7681">
                  <c:v>0</c:v>
                </c:pt>
                <c:pt idx="7682">
                  <c:v>0</c:v>
                </c:pt>
                <c:pt idx="7683">
                  <c:v>0</c:v>
                </c:pt>
                <c:pt idx="7684">
                  <c:v>0</c:v>
                </c:pt>
                <c:pt idx="7685">
                  <c:v>0</c:v>
                </c:pt>
                <c:pt idx="7686">
                  <c:v>0</c:v>
                </c:pt>
                <c:pt idx="7687">
                  <c:v>0</c:v>
                </c:pt>
                <c:pt idx="7688">
                  <c:v>0</c:v>
                </c:pt>
                <c:pt idx="7689">
                  <c:v>0</c:v>
                </c:pt>
                <c:pt idx="7690">
                  <c:v>0</c:v>
                </c:pt>
                <c:pt idx="7691">
                  <c:v>0</c:v>
                </c:pt>
                <c:pt idx="7692">
                  <c:v>0</c:v>
                </c:pt>
                <c:pt idx="7693">
                  <c:v>0</c:v>
                </c:pt>
                <c:pt idx="7694">
                  <c:v>0</c:v>
                </c:pt>
                <c:pt idx="7695">
                  <c:v>0</c:v>
                </c:pt>
                <c:pt idx="7696">
                  <c:v>0</c:v>
                </c:pt>
                <c:pt idx="7697">
                  <c:v>0</c:v>
                </c:pt>
                <c:pt idx="7698">
                  <c:v>0</c:v>
                </c:pt>
                <c:pt idx="7699">
                  <c:v>0</c:v>
                </c:pt>
                <c:pt idx="7700">
                  <c:v>0</c:v>
                </c:pt>
                <c:pt idx="7701">
                  <c:v>0</c:v>
                </c:pt>
                <c:pt idx="7702">
                  <c:v>0</c:v>
                </c:pt>
                <c:pt idx="7703">
                  <c:v>0</c:v>
                </c:pt>
                <c:pt idx="7704">
                  <c:v>0</c:v>
                </c:pt>
                <c:pt idx="7705">
                  <c:v>0</c:v>
                </c:pt>
                <c:pt idx="7706">
                  <c:v>0</c:v>
                </c:pt>
                <c:pt idx="7707">
                  <c:v>0</c:v>
                </c:pt>
                <c:pt idx="7708">
                  <c:v>0</c:v>
                </c:pt>
                <c:pt idx="7709">
                  <c:v>0</c:v>
                </c:pt>
                <c:pt idx="7710">
                  <c:v>0</c:v>
                </c:pt>
                <c:pt idx="7711">
                  <c:v>0</c:v>
                </c:pt>
                <c:pt idx="7712">
                  <c:v>0</c:v>
                </c:pt>
                <c:pt idx="7713">
                  <c:v>0</c:v>
                </c:pt>
                <c:pt idx="7714">
                  <c:v>0</c:v>
                </c:pt>
                <c:pt idx="7715">
                  <c:v>0</c:v>
                </c:pt>
                <c:pt idx="7716">
                  <c:v>0</c:v>
                </c:pt>
                <c:pt idx="7717">
                  <c:v>0</c:v>
                </c:pt>
                <c:pt idx="7718">
                  <c:v>0</c:v>
                </c:pt>
                <c:pt idx="7719">
                  <c:v>0</c:v>
                </c:pt>
                <c:pt idx="7720">
                  <c:v>0</c:v>
                </c:pt>
                <c:pt idx="7721">
                  <c:v>0</c:v>
                </c:pt>
                <c:pt idx="7722">
                  <c:v>0</c:v>
                </c:pt>
                <c:pt idx="7723">
                  <c:v>0</c:v>
                </c:pt>
                <c:pt idx="7724">
                  <c:v>0</c:v>
                </c:pt>
                <c:pt idx="7725">
                  <c:v>0</c:v>
                </c:pt>
                <c:pt idx="7726">
                  <c:v>0</c:v>
                </c:pt>
                <c:pt idx="7727">
                  <c:v>0</c:v>
                </c:pt>
                <c:pt idx="7728">
                  <c:v>0</c:v>
                </c:pt>
                <c:pt idx="7729">
                  <c:v>0</c:v>
                </c:pt>
                <c:pt idx="7730">
                  <c:v>0</c:v>
                </c:pt>
                <c:pt idx="7731">
                  <c:v>0</c:v>
                </c:pt>
                <c:pt idx="7732">
                  <c:v>0</c:v>
                </c:pt>
                <c:pt idx="7733">
                  <c:v>0</c:v>
                </c:pt>
                <c:pt idx="7734">
                  <c:v>0</c:v>
                </c:pt>
                <c:pt idx="7735">
                  <c:v>0</c:v>
                </c:pt>
                <c:pt idx="7736">
                  <c:v>0</c:v>
                </c:pt>
                <c:pt idx="7737">
                  <c:v>0</c:v>
                </c:pt>
                <c:pt idx="7738">
                  <c:v>0</c:v>
                </c:pt>
                <c:pt idx="7739">
                  <c:v>0</c:v>
                </c:pt>
                <c:pt idx="7740">
                  <c:v>0</c:v>
                </c:pt>
                <c:pt idx="7741">
                  <c:v>0</c:v>
                </c:pt>
                <c:pt idx="7742">
                  <c:v>0</c:v>
                </c:pt>
                <c:pt idx="7743">
                  <c:v>0</c:v>
                </c:pt>
                <c:pt idx="7744">
                  <c:v>0</c:v>
                </c:pt>
                <c:pt idx="7745">
                  <c:v>0</c:v>
                </c:pt>
                <c:pt idx="7746">
                  <c:v>0</c:v>
                </c:pt>
                <c:pt idx="7747">
                  <c:v>0</c:v>
                </c:pt>
                <c:pt idx="7748">
                  <c:v>0</c:v>
                </c:pt>
                <c:pt idx="7749">
                  <c:v>0</c:v>
                </c:pt>
                <c:pt idx="7750">
                  <c:v>0</c:v>
                </c:pt>
                <c:pt idx="7751">
                  <c:v>0</c:v>
                </c:pt>
                <c:pt idx="7752">
                  <c:v>0</c:v>
                </c:pt>
                <c:pt idx="7753">
                  <c:v>0</c:v>
                </c:pt>
                <c:pt idx="7754">
                  <c:v>0</c:v>
                </c:pt>
                <c:pt idx="7755">
                  <c:v>0</c:v>
                </c:pt>
                <c:pt idx="7756">
                  <c:v>0</c:v>
                </c:pt>
                <c:pt idx="7757">
                  <c:v>0</c:v>
                </c:pt>
                <c:pt idx="7758">
                  <c:v>0</c:v>
                </c:pt>
                <c:pt idx="7759">
                  <c:v>0</c:v>
                </c:pt>
                <c:pt idx="7760">
                  <c:v>0</c:v>
                </c:pt>
                <c:pt idx="7761">
                  <c:v>0</c:v>
                </c:pt>
                <c:pt idx="7762">
                  <c:v>0</c:v>
                </c:pt>
                <c:pt idx="7763">
                  <c:v>0</c:v>
                </c:pt>
                <c:pt idx="7764">
                  <c:v>0</c:v>
                </c:pt>
                <c:pt idx="7765">
                  <c:v>0</c:v>
                </c:pt>
                <c:pt idx="7766">
                  <c:v>0</c:v>
                </c:pt>
                <c:pt idx="7767">
                  <c:v>0</c:v>
                </c:pt>
                <c:pt idx="7768">
                  <c:v>0</c:v>
                </c:pt>
                <c:pt idx="7769">
                  <c:v>0</c:v>
                </c:pt>
                <c:pt idx="7770">
                  <c:v>0</c:v>
                </c:pt>
                <c:pt idx="7771">
                  <c:v>0</c:v>
                </c:pt>
                <c:pt idx="7772">
                  <c:v>0</c:v>
                </c:pt>
                <c:pt idx="7773">
                  <c:v>0</c:v>
                </c:pt>
                <c:pt idx="7774">
                  <c:v>0</c:v>
                </c:pt>
                <c:pt idx="7775">
                  <c:v>0</c:v>
                </c:pt>
                <c:pt idx="7776">
                  <c:v>0</c:v>
                </c:pt>
                <c:pt idx="7777">
                  <c:v>0</c:v>
                </c:pt>
                <c:pt idx="7778">
                  <c:v>0</c:v>
                </c:pt>
                <c:pt idx="7779">
                  <c:v>0</c:v>
                </c:pt>
                <c:pt idx="7780">
                  <c:v>0</c:v>
                </c:pt>
                <c:pt idx="7781">
                  <c:v>0</c:v>
                </c:pt>
                <c:pt idx="7782">
                  <c:v>0</c:v>
                </c:pt>
                <c:pt idx="7783">
                  <c:v>0</c:v>
                </c:pt>
                <c:pt idx="7784">
                  <c:v>0</c:v>
                </c:pt>
                <c:pt idx="7785">
                  <c:v>0</c:v>
                </c:pt>
                <c:pt idx="7786">
                  <c:v>0</c:v>
                </c:pt>
                <c:pt idx="7787">
                  <c:v>0</c:v>
                </c:pt>
                <c:pt idx="7788">
                  <c:v>0</c:v>
                </c:pt>
                <c:pt idx="7789">
                  <c:v>0</c:v>
                </c:pt>
                <c:pt idx="7790">
                  <c:v>0</c:v>
                </c:pt>
                <c:pt idx="7791">
                  <c:v>0</c:v>
                </c:pt>
                <c:pt idx="7792">
                  <c:v>0</c:v>
                </c:pt>
                <c:pt idx="7793">
                  <c:v>0</c:v>
                </c:pt>
                <c:pt idx="7794">
                  <c:v>0</c:v>
                </c:pt>
                <c:pt idx="7795">
                  <c:v>0</c:v>
                </c:pt>
                <c:pt idx="7796">
                  <c:v>0</c:v>
                </c:pt>
                <c:pt idx="7797">
                  <c:v>0</c:v>
                </c:pt>
                <c:pt idx="7798">
                  <c:v>0</c:v>
                </c:pt>
                <c:pt idx="7799">
                  <c:v>0</c:v>
                </c:pt>
                <c:pt idx="7800">
                  <c:v>0</c:v>
                </c:pt>
                <c:pt idx="7801">
                  <c:v>0</c:v>
                </c:pt>
                <c:pt idx="7802">
                  <c:v>0</c:v>
                </c:pt>
                <c:pt idx="7803">
                  <c:v>0</c:v>
                </c:pt>
                <c:pt idx="7804">
                  <c:v>0</c:v>
                </c:pt>
                <c:pt idx="7805">
                  <c:v>0</c:v>
                </c:pt>
                <c:pt idx="7806">
                  <c:v>0</c:v>
                </c:pt>
                <c:pt idx="7807">
                  <c:v>0</c:v>
                </c:pt>
                <c:pt idx="7808">
                  <c:v>0</c:v>
                </c:pt>
                <c:pt idx="7809">
                  <c:v>0</c:v>
                </c:pt>
                <c:pt idx="7810">
                  <c:v>0</c:v>
                </c:pt>
                <c:pt idx="7811">
                  <c:v>0</c:v>
                </c:pt>
                <c:pt idx="7812">
                  <c:v>0</c:v>
                </c:pt>
                <c:pt idx="7813">
                  <c:v>0</c:v>
                </c:pt>
                <c:pt idx="7814">
                  <c:v>0</c:v>
                </c:pt>
                <c:pt idx="7815">
                  <c:v>0</c:v>
                </c:pt>
                <c:pt idx="7816">
                  <c:v>0</c:v>
                </c:pt>
                <c:pt idx="7817">
                  <c:v>0</c:v>
                </c:pt>
                <c:pt idx="7818">
                  <c:v>0</c:v>
                </c:pt>
                <c:pt idx="7819">
                  <c:v>0</c:v>
                </c:pt>
                <c:pt idx="7820">
                  <c:v>0</c:v>
                </c:pt>
                <c:pt idx="7821">
                  <c:v>0</c:v>
                </c:pt>
                <c:pt idx="7822">
                  <c:v>0</c:v>
                </c:pt>
                <c:pt idx="7823">
                  <c:v>0</c:v>
                </c:pt>
                <c:pt idx="7824">
                  <c:v>0</c:v>
                </c:pt>
                <c:pt idx="7825">
                  <c:v>0</c:v>
                </c:pt>
                <c:pt idx="7826">
                  <c:v>0</c:v>
                </c:pt>
                <c:pt idx="7827">
                  <c:v>0</c:v>
                </c:pt>
                <c:pt idx="7828">
                  <c:v>0</c:v>
                </c:pt>
                <c:pt idx="7829">
                  <c:v>0</c:v>
                </c:pt>
                <c:pt idx="7830">
                  <c:v>0</c:v>
                </c:pt>
                <c:pt idx="7831">
                  <c:v>0</c:v>
                </c:pt>
                <c:pt idx="7832">
                  <c:v>0</c:v>
                </c:pt>
                <c:pt idx="7833">
                  <c:v>0</c:v>
                </c:pt>
                <c:pt idx="7834">
                  <c:v>0</c:v>
                </c:pt>
                <c:pt idx="7835">
                  <c:v>0</c:v>
                </c:pt>
                <c:pt idx="7836">
                  <c:v>0</c:v>
                </c:pt>
                <c:pt idx="7837">
                  <c:v>0</c:v>
                </c:pt>
                <c:pt idx="7838">
                  <c:v>0</c:v>
                </c:pt>
                <c:pt idx="7839">
                  <c:v>0</c:v>
                </c:pt>
                <c:pt idx="7840">
                  <c:v>0</c:v>
                </c:pt>
                <c:pt idx="7841">
                  <c:v>0</c:v>
                </c:pt>
                <c:pt idx="7842">
                  <c:v>0</c:v>
                </c:pt>
                <c:pt idx="7843">
                  <c:v>0</c:v>
                </c:pt>
                <c:pt idx="7844">
                  <c:v>0</c:v>
                </c:pt>
                <c:pt idx="7845">
                  <c:v>0</c:v>
                </c:pt>
                <c:pt idx="7846">
                  <c:v>0</c:v>
                </c:pt>
                <c:pt idx="7847">
                  <c:v>0</c:v>
                </c:pt>
                <c:pt idx="7848">
                  <c:v>0</c:v>
                </c:pt>
                <c:pt idx="7849">
                  <c:v>0</c:v>
                </c:pt>
                <c:pt idx="7850">
                  <c:v>0</c:v>
                </c:pt>
                <c:pt idx="7851">
                  <c:v>0</c:v>
                </c:pt>
                <c:pt idx="7852">
                  <c:v>0</c:v>
                </c:pt>
                <c:pt idx="7853">
                  <c:v>0</c:v>
                </c:pt>
                <c:pt idx="7854">
                  <c:v>0</c:v>
                </c:pt>
                <c:pt idx="7855">
                  <c:v>0</c:v>
                </c:pt>
                <c:pt idx="7856">
                  <c:v>0</c:v>
                </c:pt>
                <c:pt idx="7857">
                  <c:v>0</c:v>
                </c:pt>
                <c:pt idx="7858">
                  <c:v>0</c:v>
                </c:pt>
                <c:pt idx="7859">
                  <c:v>0</c:v>
                </c:pt>
                <c:pt idx="7860">
                  <c:v>0</c:v>
                </c:pt>
                <c:pt idx="7861">
                  <c:v>0</c:v>
                </c:pt>
                <c:pt idx="7862">
                  <c:v>0</c:v>
                </c:pt>
                <c:pt idx="7863">
                  <c:v>0</c:v>
                </c:pt>
                <c:pt idx="7864">
                  <c:v>0</c:v>
                </c:pt>
                <c:pt idx="7865">
                  <c:v>0</c:v>
                </c:pt>
                <c:pt idx="7866">
                  <c:v>0</c:v>
                </c:pt>
                <c:pt idx="7867">
                  <c:v>0</c:v>
                </c:pt>
                <c:pt idx="7868">
                  <c:v>0</c:v>
                </c:pt>
                <c:pt idx="7869">
                  <c:v>0</c:v>
                </c:pt>
                <c:pt idx="7870">
                  <c:v>0</c:v>
                </c:pt>
                <c:pt idx="7871">
                  <c:v>0</c:v>
                </c:pt>
                <c:pt idx="7872">
                  <c:v>0</c:v>
                </c:pt>
                <c:pt idx="7873">
                  <c:v>0</c:v>
                </c:pt>
                <c:pt idx="7874">
                  <c:v>0</c:v>
                </c:pt>
                <c:pt idx="7875">
                  <c:v>0</c:v>
                </c:pt>
                <c:pt idx="7876">
                  <c:v>0</c:v>
                </c:pt>
                <c:pt idx="7877">
                  <c:v>0</c:v>
                </c:pt>
                <c:pt idx="7878">
                  <c:v>0</c:v>
                </c:pt>
                <c:pt idx="7879">
                  <c:v>0</c:v>
                </c:pt>
                <c:pt idx="7880">
                  <c:v>0</c:v>
                </c:pt>
                <c:pt idx="7881">
                  <c:v>0</c:v>
                </c:pt>
                <c:pt idx="7882">
                  <c:v>0</c:v>
                </c:pt>
                <c:pt idx="7883">
                  <c:v>0</c:v>
                </c:pt>
                <c:pt idx="7884">
                  <c:v>0</c:v>
                </c:pt>
                <c:pt idx="7885">
                  <c:v>0</c:v>
                </c:pt>
                <c:pt idx="7886">
                  <c:v>0</c:v>
                </c:pt>
                <c:pt idx="7887">
                  <c:v>0</c:v>
                </c:pt>
                <c:pt idx="7888">
                  <c:v>0</c:v>
                </c:pt>
                <c:pt idx="7889">
                  <c:v>0</c:v>
                </c:pt>
                <c:pt idx="7890">
                  <c:v>0</c:v>
                </c:pt>
                <c:pt idx="7891">
                  <c:v>0</c:v>
                </c:pt>
                <c:pt idx="7892">
                  <c:v>0</c:v>
                </c:pt>
                <c:pt idx="7893">
                  <c:v>0</c:v>
                </c:pt>
                <c:pt idx="7894">
                  <c:v>0</c:v>
                </c:pt>
                <c:pt idx="7895">
                  <c:v>0</c:v>
                </c:pt>
                <c:pt idx="7896">
                  <c:v>0</c:v>
                </c:pt>
                <c:pt idx="7897">
                  <c:v>0</c:v>
                </c:pt>
                <c:pt idx="7898">
                  <c:v>0</c:v>
                </c:pt>
                <c:pt idx="7899">
                  <c:v>0</c:v>
                </c:pt>
                <c:pt idx="7900">
                  <c:v>0</c:v>
                </c:pt>
                <c:pt idx="7901">
                  <c:v>0</c:v>
                </c:pt>
                <c:pt idx="7902">
                  <c:v>0</c:v>
                </c:pt>
                <c:pt idx="7903">
                  <c:v>0</c:v>
                </c:pt>
                <c:pt idx="7904">
                  <c:v>0</c:v>
                </c:pt>
                <c:pt idx="7905">
                  <c:v>0</c:v>
                </c:pt>
                <c:pt idx="7906">
                  <c:v>0</c:v>
                </c:pt>
                <c:pt idx="7907">
                  <c:v>0</c:v>
                </c:pt>
                <c:pt idx="7908">
                  <c:v>0</c:v>
                </c:pt>
                <c:pt idx="7909">
                  <c:v>0</c:v>
                </c:pt>
                <c:pt idx="7910">
                  <c:v>0</c:v>
                </c:pt>
                <c:pt idx="7911">
                  <c:v>0</c:v>
                </c:pt>
                <c:pt idx="7912">
                  <c:v>0</c:v>
                </c:pt>
                <c:pt idx="7913">
                  <c:v>0</c:v>
                </c:pt>
                <c:pt idx="7914">
                  <c:v>0</c:v>
                </c:pt>
                <c:pt idx="7915">
                  <c:v>0</c:v>
                </c:pt>
                <c:pt idx="7916">
                  <c:v>0</c:v>
                </c:pt>
                <c:pt idx="7917">
                  <c:v>0</c:v>
                </c:pt>
                <c:pt idx="7918">
                  <c:v>0</c:v>
                </c:pt>
                <c:pt idx="7919">
                  <c:v>0</c:v>
                </c:pt>
                <c:pt idx="7920">
                  <c:v>0</c:v>
                </c:pt>
                <c:pt idx="7921">
                  <c:v>0</c:v>
                </c:pt>
                <c:pt idx="7922">
                  <c:v>0</c:v>
                </c:pt>
                <c:pt idx="7923">
                  <c:v>0</c:v>
                </c:pt>
                <c:pt idx="7924">
                  <c:v>0</c:v>
                </c:pt>
                <c:pt idx="7925">
                  <c:v>0</c:v>
                </c:pt>
                <c:pt idx="7926">
                  <c:v>0</c:v>
                </c:pt>
                <c:pt idx="7927">
                  <c:v>0</c:v>
                </c:pt>
                <c:pt idx="7928">
                  <c:v>0</c:v>
                </c:pt>
                <c:pt idx="7929">
                  <c:v>0</c:v>
                </c:pt>
                <c:pt idx="7930">
                  <c:v>0</c:v>
                </c:pt>
                <c:pt idx="7931">
                  <c:v>0</c:v>
                </c:pt>
                <c:pt idx="7932">
                  <c:v>0</c:v>
                </c:pt>
                <c:pt idx="7933">
                  <c:v>0</c:v>
                </c:pt>
                <c:pt idx="7934">
                  <c:v>0</c:v>
                </c:pt>
                <c:pt idx="7935">
                  <c:v>0</c:v>
                </c:pt>
                <c:pt idx="7936">
                  <c:v>0</c:v>
                </c:pt>
                <c:pt idx="7937">
                  <c:v>0</c:v>
                </c:pt>
                <c:pt idx="7938">
                  <c:v>0</c:v>
                </c:pt>
                <c:pt idx="7939">
                  <c:v>0</c:v>
                </c:pt>
                <c:pt idx="7940">
                  <c:v>0</c:v>
                </c:pt>
                <c:pt idx="7941">
                  <c:v>0</c:v>
                </c:pt>
                <c:pt idx="7942">
                  <c:v>0</c:v>
                </c:pt>
                <c:pt idx="7943">
                  <c:v>0</c:v>
                </c:pt>
                <c:pt idx="7944">
                  <c:v>0</c:v>
                </c:pt>
                <c:pt idx="7945">
                  <c:v>0</c:v>
                </c:pt>
                <c:pt idx="7946">
                  <c:v>0</c:v>
                </c:pt>
                <c:pt idx="7947">
                  <c:v>0</c:v>
                </c:pt>
                <c:pt idx="7948">
                  <c:v>0</c:v>
                </c:pt>
                <c:pt idx="7949">
                  <c:v>0</c:v>
                </c:pt>
                <c:pt idx="7950">
                  <c:v>0</c:v>
                </c:pt>
                <c:pt idx="7951">
                  <c:v>0</c:v>
                </c:pt>
                <c:pt idx="7952">
                  <c:v>0</c:v>
                </c:pt>
                <c:pt idx="7953">
                  <c:v>0</c:v>
                </c:pt>
                <c:pt idx="7954">
                  <c:v>0</c:v>
                </c:pt>
                <c:pt idx="7955">
                  <c:v>0</c:v>
                </c:pt>
                <c:pt idx="7956">
                  <c:v>0</c:v>
                </c:pt>
                <c:pt idx="7957">
                  <c:v>0</c:v>
                </c:pt>
                <c:pt idx="7958">
                  <c:v>0</c:v>
                </c:pt>
                <c:pt idx="7959">
                  <c:v>0</c:v>
                </c:pt>
                <c:pt idx="7960">
                  <c:v>0</c:v>
                </c:pt>
                <c:pt idx="7961">
                  <c:v>0</c:v>
                </c:pt>
                <c:pt idx="7962">
                  <c:v>0</c:v>
                </c:pt>
                <c:pt idx="7963">
                  <c:v>0</c:v>
                </c:pt>
                <c:pt idx="7964">
                  <c:v>0</c:v>
                </c:pt>
                <c:pt idx="7965">
                  <c:v>0</c:v>
                </c:pt>
                <c:pt idx="7966">
                  <c:v>0</c:v>
                </c:pt>
                <c:pt idx="7967">
                  <c:v>0</c:v>
                </c:pt>
                <c:pt idx="7968">
                  <c:v>0</c:v>
                </c:pt>
                <c:pt idx="7969">
                  <c:v>0</c:v>
                </c:pt>
                <c:pt idx="7970">
                  <c:v>0</c:v>
                </c:pt>
                <c:pt idx="7971">
                  <c:v>0</c:v>
                </c:pt>
                <c:pt idx="7972">
                  <c:v>0</c:v>
                </c:pt>
                <c:pt idx="7973">
                  <c:v>0</c:v>
                </c:pt>
                <c:pt idx="7974">
                  <c:v>0</c:v>
                </c:pt>
                <c:pt idx="7975">
                  <c:v>0</c:v>
                </c:pt>
                <c:pt idx="7976">
                  <c:v>0</c:v>
                </c:pt>
                <c:pt idx="7977">
                  <c:v>0</c:v>
                </c:pt>
                <c:pt idx="7978">
                  <c:v>0</c:v>
                </c:pt>
                <c:pt idx="7979">
                  <c:v>0</c:v>
                </c:pt>
                <c:pt idx="7980">
                  <c:v>0</c:v>
                </c:pt>
                <c:pt idx="7981">
                  <c:v>0</c:v>
                </c:pt>
                <c:pt idx="7982">
                  <c:v>0</c:v>
                </c:pt>
                <c:pt idx="7983">
                  <c:v>0</c:v>
                </c:pt>
                <c:pt idx="7984">
                  <c:v>0</c:v>
                </c:pt>
                <c:pt idx="7985">
                  <c:v>0</c:v>
                </c:pt>
                <c:pt idx="7986">
                  <c:v>0</c:v>
                </c:pt>
                <c:pt idx="7987">
                  <c:v>0</c:v>
                </c:pt>
                <c:pt idx="7988">
                  <c:v>0</c:v>
                </c:pt>
                <c:pt idx="7989">
                  <c:v>0</c:v>
                </c:pt>
                <c:pt idx="7990">
                  <c:v>0</c:v>
                </c:pt>
                <c:pt idx="7991">
                  <c:v>0</c:v>
                </c:pt>
                <c:pt idx="7992">
                  <c:v>0</c:v>
                </c:pt>
                <c:pt idx="7993">
                  <c:v>0</c:v>
                </c:pt>
                <c:pt idx="7994">
                  <c:v>0</c:v>
                </c:pt>
                <c:pt idx="7995">
                  <c:v>0</c:v>
                </c:pt>
                <c:pt idx="7996">
                  <c:v>0</c:v>
                </c:pt>
                <c:pt idx="7997">
                  <c:v>0</c:v>
                </c:pt>
                <c:pt idx="7998">
                  <c:v>0</c:v>
                </c:pt>
                <c:pt idx="7999">
                  <c:v>0</c:v>
                </c:pt>
                <c:pt idx="8000">
                  <c:v>0</c:v>
                </c:pt>
                <c:pt idx="8001">
                  <c:v>0</c:v>
                </c:pt>
                <c:pt idx="8002">
                  <c:v>0</c:v>
                </c:pt>
                <c:pt idx="8003">
                  <c:v>0</c:v>
                </c:pt>
                <c:pt idx="8004">
                  <c:v>0</c:v>
                </c:pt>
                <c:pt idx="8005">
                  <c:v>0</c:v>
                </c:pt>
                <c:pt idx="8006">
                  <c:v>0</c:v>
                </c:pt>
                <c:pt idx="8007">
                  <c:v>0</c:v>
                </c:pt>
                <c:pt idx="8008">
                  <c:v>0</c:v>
                </c:pt>
                <c:pt idx="8009">
                  <c:v>0</c:v>
                </c:pt>
                <c:pt idx="8010">
                  <c:v>0</c:v>
                </c:pt>
                <c:pt idx="8011">
                  <c:v>0</c:v>
                </c:pt>
                <c:pt idx="8012">
                  <c:v>0</c:v>
                </c:pt>
                <c:pt idx="8013">
                  <c:v>0</c:v>
                </c:pt>
                <c:pt idx="8014">
                  <c:v>0</c:v>
                </c:pt>
                <c:pt idx="8015">
                  <c:v>0</c:v>
                </c:pt>
                <c:pt idx="8016">
                  <c:v>0</c:v>
                </c:pt>
                <c:pt idx="8017">
                  <c:v>0</c:v>
                </c:pt>
                <c:pt idx="8018">
                  <c:v>0</c:v>
                </c:pt>
                <c:pt idx="8019">
                  <c:v>0</c:v>
                </c:pt>
                <c:pt idx="8020">
                  <c:v>0</c:v>
                </c:pt>
                <c:pt idx="8021">
                  <c:v>0</c:v>
                </c:pt>
                <c:pt idx="8022">
                  <c:v>0</c:v>
                </c:pt>
                <c:pt idx="8023">
                  <c:v>0</c:v>
                </c:pt>
                <c:pt idx="8024">
                  <c:v>0</c:v>
                </c:pt>
                <c:pt idx="8025">
                  <c:v>0</c:v>
                </c:pt>
                <c:pt idx="8026">
                  <c:v>0</c:v>
                </c:pt>
                <c:pt idx="8027">
                  <c:v>0</c:v>
                </c:pt>
                <c:pt idx="8028">
                  <c:v>0</c:v>
                </c:pt>
                <c:pt idx="8029">
                  <c:v>0</c:v>
                </c:pt>
                <c:pt idx="8030">
                  <c:v>0</c:v>
                </c:pt>
                <c:pt idx="8031">
                  <c:v>0</c:v>
                </c:pt>
                <c:pt idx="8032">
                  <c:v>0</c:v>
                </c:pt>
                <c:pt idx="8033">
                  <c:v>0</c:v>
                </c:pt>
                <c:pt idx="8034">
                  <c:v>0</c:v>
                </c:pt>
                <c:pt idx="8035">
                  <c:v>0</c:v>
                </c:pt>
                <c:pt idx="8036">
                  <c:v>0</c:v>
                </c:pt>
                <c:pt idx="8037">
                  <c:v>0</c:v>
                </c:pt>
                <c:pt idx="8038">
                  <c:v>0</c:v>
                </c:pt>
                <c:pt idx="8039">
                  <c:v>0</c:v>
                </c:pt>
                <c:pt idx="8040">
                  <c:v>0</c:v>
                </c:pt>
                <c:pt idx="8041">
                  <c:v>0</c:v>
                </c:pt>
                <c:pt idx="8042">
                  <c:v>0</c:v>
                </c:pt>
                <c:pt idx="8043">
                  <c:v>0</c:v>
                </c:pt>
                <c:pt idx="8044">
                  <c:v>0</c:v>
                </c:pt>
                <c:pt idx="8045">
                  <c:v>0</c:v>
                </c:pt>
                <c:pt idx="8046">
                  <c:v>0</c:v>
                </c:pt>
                <c:pt idx="8047">
                  <c:v>0</c:v>
                </c:pt>
                <c:pt idx="8048">
                  <c:v>0</c:v>
                </c:pt>
                <c:pt idx="8049">
                  <c:v>0</c:v>
                </c:pt>
                <c:pt idx="8050">
                  <c:v>0</c:v>
                </c:pt>
                <c:pt idx="8051">
                  <c:v>0</c:v>
                </c:pt>
                <c:pt idx="8052">
                  <c:v>0</c:v>
                </c:pt>
                <c:pt idx="8053">
                  <c:v>0</c:v>
                </c:pt>
                <c:pt idx="8054">
                  <c:v>0</c:v>
                </c:pt>
                <c:pt idx="8055">
                  <c:v>0</c:v>
                </c:pt>
                <c:pt idx="8056">
                  <c:v>0</c:v>
                </c:pt>
                <c:pt idx="8057">
                  <c:v>0</c:v>
                </c:pt>
                <c:pt idx="8058">
                  <c:v>0</c:v>
                </c:pt>
                <c:pt idx="8059">
                  <c:v>0</c:v>
                </c:pt>
                <c:pt idx="8060">
                  <c:v>0</c:v>
                </c:pt>
                <c:pt idx="8061">
                  <c:v>0</c:v>
                </c:pt>
                <c:pt idx="8062">
                  <c:v>0</c:v>
                </c:pt>
                <c:pt idx="8063">
                  <c:v>0</c:v>
                </c:pt>
                <c:pt idx="8064">
                  <c:v>0</c:v>
                </c:pt>
                <c:pt idx="8065">
                  <c:v>0</c:v>
                </c:pt>
                <c:pt idx="8066">
                  <c:v>0</c:v>
                </c:pt>
                <c:pt idx="8067">
                  <c:v>0</c:v>
                </c:pt>
                <c:pt idx="8068">
                  <c:v>0</c:v>
                </c:pt>
                <c:pt idx="8069">
                  <c:v>0</c:v>
                </c:pt>
                <c:pt idx="8070">
                  <c:v>0</c:v>
                </c:pt>
                <c:pt idx="8071">
                  <c:v>0</c:v>
                </c:pt>
                <c:pt idx="8072">
                  <c:v>0</c:v>
                </c:pt>
                <c:pt idx="8073">
                  <c:v>0</c:v>
                </c:pt>
                <c:pt idx="8074">
                  <c:v>0</c:v>
                </c:pt>
                <c:pt idx="8075">
                  <c:v>0</c:v>
                </c:pt>
                <c:pt idx="8076">
                  <c:v>0</c:v>
                </c:pt>
                <c:pt idx="8077">
                  <c:v>0</c:v>
                </c:pt>
                <c:pt idx="8078">
                  <c:v>0</c:v>
                </c:pt>
                <c:pt idx="8079">
                  <c:v>0</c:v>
                </c:pt>
                <c:pt idx="8080">
                  <c:v>0</c:v>
                </c:pt>
                <c:pt idx="8081">
                  <c:v>0</c:v>
                </c:pt>
                <c:pt idx="8082">
                  <c:v>0</c:v>
                </c:pt>
                <c:pt idx="8083">
                  <c:v>0</c:v>
                </c:pt>
                <c:pt idx="8084">
                  <c:v>0</c:v>
                </c:pt>
                <c:pt idx="8085">
                  <c:v>0</c:v>
                </c:pt>
                <c:pt idx="8086">
                  <c:v>0</c:v>
                </c:pt>
                <c:pt idx="8087">
                  <c:v>0</c:v>
                </c:pt>
                <c:pt idx="8088">
                  <c:v>0</c:v>
                </c:pt>
                <c:pt idx="8089">
                  <c:v>0</c:v>
                </c:pt>
                <c:pt idx="8090">
                  <c:v>0</c:v>
                </c:pt>
                <c:pt idx="8091">
                  <c:v>0</c:v>
                </c:pt>
                <c:pt idx="8092">
                  <c:v>0</c:v>
                </c:pt>
                <c:pt idx="8093">
                  <c:v>0</c:v>
                </c:pt>
                <c:pt idx="8094">
                  <c:v>0</c:v>
                </c:pt>
                <c:pt idx="8095">
                  <c:v>0</c:v>
                </c:pt>
                <c:pt idx="8096">
                  <c:v>0</c:v>
                </c:pt>
                <c:pt idx="8097">
                  <c:v>0</c:v>
                </c:pt>
                <c:pt idx="8098">
                  <c:v>0</c:v>
                </c:pt>
                <c:pt idx="8099">
                  <c:v>0</c:v>
                </c:pt>
                <c:pt idx="8100">
                  <c:v>0</c:v>
                </c:pt>
                <c:pt idx="8101">
                  <c:v>0</c:v>
                </c:pt>
                <c:pt idx="8102">
                  <c:v>0</c:v>
                </c:pt>
                <c:pt idx="8103">
                  <c:v>0</c:v>
                </c:pt>
                <c:pt idx="8104">
                  <c:v>0</c:v>
                </c:pt>
                <c:pt idx="8105">
                  <c:v>0</c:v>
                </c:pt>
                <c:pt idx="8106">
                  <c:v>0</c:v>
                </c:pt>
                <c:pt idx="8107">
                  <c:v>0</c:v>
                </c:pt>
                <c:pt idx="8108">
                  <c:v>0</c:v>
                </c:pt>
                <c:pt idx="8109">
                  <c:v>0</c:v>
                </c:pt>
                <c:pt idx="8110">
                  <c:v>0</c:v>
                </c:pt>
                <c:pt idx="8111">
                  <c:v>0</c:v>
                </c:pt>
                <c:pt idx="8112">
                  <c:v>0</c:v>
                </c:pt>
                <c:pt idx="8113">
                  <c:v>0</c:v>
                </c:pt>
                <c:pt idx="8114">
                  <c:v>0</c:v>
                </c:pt>
                <c:pt idx="8115">
                  <c:v>0</c:v>
                </c:pt>
                <c:pt idx="8116">
                  <c:v>0</c:v>
                </c:pt>
                <c:pt idx="8117">
                  <c:v>0</c:v>
                </c:pt>
                <c:pt idx="8118">
                  <c:v>0</c:v>
                </c:pt>
                <c:pt idx="8119">
                  <c:v>0</c:v>
                </c:pt>
                <c:pt idx="8120">
                  <c:v>0</c:v>
                </c:pt>
                <c:pt idx="8121">
                  <c:v>0</c:v>
                </c:pt>
                <c:pt idx="8122">
                  <c:v>0</c:v>
                </c:pt>
                <c:pt idx="8123">
                  <c:v>0</c:v>
                </c:pt>
                <c:pt idx="8124">
                  <c:v>0</c:v>
                </c:pt>
                <c:pt idx="8125">
                  <c:v>0</c:v>
                </c:pt>
                <c:pt idx="8126">
                  <c:v>0</c:v>
                </c:pt>
                <c:pt idx="8127">
                  <c:v>0</c:v>
                </c:pt>
                <c:pt idx="8128">
                  <c:v>0</c:v>
                </c:pt>
                <c:pt idx="8129">
                  <c:v>0</c:v>
                </c:pt>
                <c:pt idx="8130">
                  <c:v>0</c:v>
                </c:pt>
                <c:pt idx="8131">
                  <c:v>0</c:v>
                </c:pt>
                <c:pt idx="8132">
                  <c:v>0</c:v>
                </c:pt>
                <c:pt idx="8133">
                  <c:v>0</c:v>
                </c:pt>
                <c:pt idx="8134">
                  <c:v>0</c:v>
                </c:pt>
                <c:pt idx="8135">
                  <c:v>0</c:v>
                </c:pt>
                <c:pt idx="8136">
                  <c:v>0</c:v>
                </c:pt>
                <c:pt idx="8137">
                  <c:v>0</c:v>
                </c:pt>
                <c:pt idx="8138">
                  <c:v>0</c:v>
                </c:pt>
                <c:pt idx="8139">
                  <c:v>0</c:v>
                </c:pt>
                <c:pt idx="8140">
                  <c:v>0</c:v>
                </c:pt>
                <c:pt idx="8141">
                  <c:v>0</c:v>
                </c:pt>
                <c:pt idx="8142">
                  <c:v>0</c:v>
                </c:pt>
                <c:pt idx="8143">
                  <c:v>0</c:v>
                </c:pt>
                <c:pt idx="8144">
                  <c:v>0</c:v>
                </c:pt>
                <c:pt idx="8145">
                  <c:v>0</c:v>
                </c:pt>
                <c:pt idx="8146">
                  <c:v>0</c:v>
                </c:pt>
                <c:pt idx="8147">
                  <c:v>0</c:v>
                </c:pt>
                <c:pt idx="8148">
                  <c:v>0</c:v>
                </c:pt>
                <c:pt idx="8149">
                  <c:v>0</c:v>
                </c:pt>
                <c:pt idx="8150">
                  <c:v>0</c:v>
                </c:pt>
                <c:pt idx="8151">
                  <c:v>0</c:v>
                </c:pt>
                <c:pt idx="8152">
                  <c:v>0</c:v>
                </c:pt>
                <c:pt idx="8153">
                  <c:v>0</c:v>
                </c:pt>
                <c:pt idx="8154">
                  <c:v>0</c:v>
                </c:pt>
                <c:pt idx="8155">
                  <c:v>0</c:v>
                </c:pt>
                <c:pt idx="8156">
                  <c:v>0</c:v>
                </c:pt>
                <c:pt idx="8157">
                  <c:v>0</c:v>
                </c:pt>
                <c:pt idx="8158">
                  <c:v>0</c:v>
                </c:pt>
                <c:pt idx="8159">
                  <c:v>0</c:v>
                </c:pt>
                <c:pt idx="8160">
                  <c:v>0</c:v>
                </c:pt>
                <c:pt idx="8161">
                  <c:v>0</c:v>
                </c:pt>
                <c:pt idx="8162">
                  <c:v>0</c:v>
                </c:pt>
                <c:pt idx="8163">
                  <c:v>0</c:v>
                </c:pt>
                <c:pt idx="8164">
                  <c:v>0</c:v>
                </c:pt>
                <c:pt idx="8165">
                  <c:v>0</c:v>
                </c:pt>
                <c:pt idx="8166">
                  <c:v>0</c:v>
                </c:pt>
                <c:pt idx="8167">
                  <c:v>0</c:v>
                </c:pt>
                <c:pt idx="8168">
                  <c:v>0</c:v>
                </c:pt>
                <c:pt idx="8169">
                  <c:v>0</c:v>
                </c:pt>
                <c:pt idx="8170">
                  <c:v>0</c:v>
                </c:pt>
                <c:pt idx="8171">
                  <c:v>0</c:v>
                </c:pt>
                <c:pt idx="8172">
                  <c:v>0</c:v>
                </c:pt>
                <c:pt idx="8173">
                  <c:v>0</c:v>
                </c:pt>
                <c:pt idx="8174">
                  <c:v>0</c:v>
                </c:pt>
                <c:pt idx="8175">
                  <c:v>0</c:v>
                </c:pt>
                <c:pt idx="8176">
                  <c:v>0</c:v>
                </c:pt>
                <c:pt idx="8177">
                  <c:v>0</c:v>
                </c:pt>
                <c:pt idx="8178">
                  <c:v>0</c:v>
                </c:pt>
                <c:pt idx="8179">
                  <c:v>0</c:v>
                </c:pt>
                <c:pt idx="8180">
                  <c:v>0</c:v>
                </c:pt>
                <c:pt idx="8181">
                  <c:v>0</c:v>
                </c:pt>
                <c:pt idx="8182">
                  <c:v>0</c:v>
                </c:pt>
                <c:pt idx="8183">
                  <c:v>0</c:v>
                </c:pt>
                <c:pt idx="8184">
                  <c:v>0</c:v>
                </c:pt>
                <c:pt idx="8185">
                  <c:v>0</c:v>
                </c:pt>
                <c:pt idx="8186">
                  <c:v>0</c:v>
                </c:pt>
                <c:pt idx="8187">
                  <c:v>0</c:v>
                </c:pt>
                <c:pt idx="8188">
                  <c:v>0</c:v>
                </c:pt>
                <c:pt idx="8189">
                  <c:v>0</c:v>
                </c:pt>
                <c:pt idx="8190">
                  <c:v>0</c:v>
                </c:pt>
                <c:pt idx="8191">
                  <c:v>0</c:v>
                </c:pt>
                <c:pt idx="8192">
                  <c:v>0</c:v>
                </c:pt>
                <c:pt idx="8193">
                  <c:v>0</c:v>
                </c:pt>
                <c:pt idx="8194">
                  <c:v>0</c:v>
                </c:pt>
                <c:pt idx="8195">
                  <c:v>0</c:v>
                </c:pt>
                <c:pt idx="8196">
                  <c:v>0</c:v>
                </c:pt>
                <c:pt idx="8197">
                  <c:v>0</c:v>
                </c:pt>
                <c:pt idx="8198">
                  <c:v>0</c:v>
                </c:pt>
                <c:pt idx="8199">
                  <c:v>0</c:v>
                </c:pt>
                <c:pt idx="8200">
                  <c:v>0</c:v>
                </c:pt>
                <c:pt idx="8201">
                  <c:v>0</c:v>
                </c:pt>
                <c:pt idx="8202">
                  <c:v>0</c:v>
                </c:pt>
                <c:pt idx="8203">
                  <c:v>0</c:v>
                </c:pt>
                <c:pt idx="8204">
                  <c:v>0</c:v>
                </c:pt>
                <c:pt idx="8205">
                  <c:v>0</c:v>
                </c:pt>
                <c:pt idx="8206">
                  <c:v>0</c:v>
                </c:pt>
                <c:pt idx="8207">
                  <c:v>0</c:v>
                </c:pt>
                <c:pt idx="8208">
                  <c:v>0</c:v>
                </c:pt>
                <c:pt idx="8209">
                  <c:v>0</c:v>
                </c:pt>
                <c:pt idx="8210">
                  <c:v>0</c:v>
                </c:pt>
                <c:pt idx="8211">
                  <c:v>0</c:v>
                </c:pt>
                <c:pt idx="8212">
                  <c:v>0</c:v>
                </c:pt>
                <c:pt idx="8213">
                  <c:v>0</c:v>
                </c:pt>
                <c:pt idx="8214">
                  <c:v>0</c:v>
                </c:pt>
                <c:pt idx="8215">
                  <c:v>0</c:v>
                </c:pt>
                <c:pt idx="8216">
                  <c:v>0</c:v>
                </c:pt>
                <c:pt idx="8217">
                  <c:v>0</c:v>
                </c:pt>
                <c:pt idx="8218">
                  <c:v>0</c:v>
                </c:pt>
                <c:pt idx="8219">
                  <c:v>0</c:v>
                </c:pt>
                <c:pt idx="8220">
                  <c:v>0</c:v>
                </c:pt>
                <c:pt idx="8221">
                  <c:v>0</c:v>
                </c:pt>
                <c:pt idx="8222">
                  <c:v>0</c:v>
                </c:pt>
                <c:pt idx="8223">
                  <c:v>0</c:v>
                </c:pt>
                <c:pt idx="8224">
                  <c:v>0</c:v>
                </c:pt>
                <c:pt idx="8225">
                  <c:v>0</c:v>
                </c:pt>
                <c:pt idx="8226">
                  <c:v>0</c:v>
                </c:pt>
                <c:pt idx="8227">
                  <c:v>0</c:v>
                </c:pt>
                <c:pt idx="8228">
                  <c:v>0</c:v>
                </c:pt>
                <c:pt idx="8229">
                  <c:v>0</c:v>
                </c:pt>
                <c:pt idx="8230">
                  <c:v>0</c:v>
                </c:pt>
                <c:pt idx="8231">
                  <c:v>0</c:v>
                </c:pt>
                <c:pt idx="8232">
                  <c:v>0</c:v>
                </c:pt>
                <c:pt idx="8233">
                  <c:v>0</c:v>
                </c:pt>
                <c:pt idx="8234">
                  <c:v>0</c:v>
                </c:pt>
                <c:pt idx="8235">
                  <c:v>0</c:v>
                </c:pt>
                <c:pt idx="8236">
                  <c:v>0</c:v>
                </c:pt>
                <c:pt idx="8237">
                  <c:v>0</c:v>
                </c:pt>
                <c:pt idx="8238">
                  <c:v>0</c:v>
                </c:pt>
                <c:pt idx="8239">
                  <c:v>0</c:v>
                </c:pt>
                <c:pt idx="8240">
                  <c:v>0</c:v>
                </c:pt>
                <c:pt idx="8241">
                  <c:v>0</c:v>
                </c:pt>
                <c:pt idx="8242">
                  <c:v>0</c:v>
                </c:pt>
                <c:pt idx="8243">
                  <c:v>5.0000000000000001E-3</c:v>
                </c:pt>
                <c:pt idx="8244">
                  <c:v>5.0000000000000001E-3</c:v>
                </c:pt>
                <c:pt idx="8245">
                  <c:v>5.0000000000000001E-3</c:v>
                </c:pt>
                <c:pt idx="8246">
                  <c:v>5.0000000000000001E-3</c:v>
                </c:pt>
                <c:pt idx="8247">
                  <c:v>5.0000000000000001E-3</c:v>
                </c:pt>
                <c:pt idx="8248">
                  <c:v>5.0000000000000001E-3</c:v>
                </c:pt>
                <c:pt idx="8249">
                  <c:v>5.0000000000000001E-3</c:v>
                </c:pt>
                <c:pt idx="8250">
                  <c:v>5.0000000000000001E-3</c:v>
                </c:pt>
                <c:pt idx="8251">
                  <c:v>5.0000000000000001E-3</c:v>
                </c:pt>
                <c:pt idx="8252">
                  <c:v>5.0000000000000001E-3</c:v>
                </c:pt>
                <c:pt idx="8253">
                  <c:v>5.0000000000000001E-3</c:v>
                </c:pt>
                <c:pt idx="8254">
                  <c:v>5.0000000000000001E-3</c:v>
                </c:pt>
                <c:pt idx="8255">
                  <c:v>5.0000000000000001E-3</c:v>
                </c:pt>
                <c:pt idx="8256">
                  <c:v>5.0000000000000001E-3</c:v>
                </c:pt>
                <c:pt idx="8257">
                  <c:v>5.0000000000000001E-3</c:v>
                </c:pt>
                <c:pt idx="8258">
                  <c:v>5.0000000000000001E-3</c:v>
                </c:pt>
                <c:pt idx="8259">
                  <c:v>5.0000000000000001E-3</c:v>
                </c:pt>
                <c:pt idx="8260">
                  <c:v>5.0000000000000001E-3</c:v>
                </c:pt>
                <c:pt idx="8261">
                  <c:v>5.0000000000000001E-3</c:v>
                </c:pt>
                <c:pt idx="8262">
                  <c:v>5.0000000000000001E-3</c:v>
                </c:pt>
                <c:pt idx="8263">
                  <c:v>5.0000000000000001E-3</c:v>
                </c:pt>
                <c:pt idx="8264">
                  <c:v>5.0000000000000001E-3</c:v>
                </c:pt>
                <c:pt idx="8265">
                  <c:v>5.0000000000000001E-3</c:v>
                </c:pt>
                <c:pt idx="8266">
                  <c:v>5.0000000000000001E-3</c:v>
                </c:pt>
                <c:pt idx="8267">
                  <c:v>5.0000000000000001E-3</c:v>
                </c:pt>
                <c:pt idx="8268">
                  <c:v>5.0000000000000001E-3</c:v>
                </c:pt>
                <c:pt idx="8269">
                  <c:v>5.0000000000000001E-3</c:v>
                </c:pt>
                <c:pt idx="8270">
                  <c:v>5.0000000000000001E-3</c:v>
                </c:pt>
                <c:pt idx="8271">
                  <c:v>5.0000000000000001E-3</c:v>
                </c:pt>
                <c:pt idx="8272">
                  <c:v>5.0000000000000001E-3</c:v>
                </c:pt>
                <c:pt idx="8273">
                  <c:v>5.0000000000000001E-3</c:v>
                </c:pt>
                <c:pt idx="8274">
                  <c:v>5.0000000000000001E-3</c:v>
                </c:pt>
                <c:pt idx="8275">
                  <c:v>5.0000000000000001E-3</c:v>
                </c:pt>
                <c:pt idx="8276">
                  <c:v>5.0000000000000001E-3</c:v>
                </c:pt>
                <c:pt idx="8277">
                  <c:v>5.0000000000000001E-3</c:v>
                </c:pt>
                <c:pt idx="8278">
                  <c:v>5.0000000000000001E-3</c:v>
                </c:pt>
                <c:pt idx="8279">
                  <c:v>5.0000000000000001E-3</c:v>
                </c:pt>
                <c:pt idx="8280">
                  <c:v>5.0000000000000001E-3</c:v>
                </c:pt>
                <c:pt idx="8281">
                  <c:v>5.0000000000000001E-3</c:v>
                </c:pt>
                <c:pt idx="8282">
                  <c:v>5.0000000000000001E-3</c:v>
                </c:pt>
                <c:pt idx="8283">
                  <c:v>5.0000000000000001E-3</c:v>
                </c:pt>
                <c:pt idx="8284">
                  <c:v>5.0000000000000001E-3</c:v>
                </c:pt>
                <c:pt idx="8285">
                  <c:v>5.0000000000000001E-3</c:v>
                </c:pt>
                <c:pt idx="8286">
                  <c:v>5.0000000000000001E-3</c:v>
                </c:pt>
                <c:pt idx="8287">
                  <c:v>5.0000000000000001E-3</c:v>
                </c:pt>
                <c:pt idx="8288">
                  <c:v>5.0000000000000001E-3</c:v>
                </c:pt>
                <c:pt idx="8289">
                  <c:v>5.0000000000000001E-3</c:v>
                </c:pt>
                <c:pt idx="8290">
                  <c:v>5.0000000000000001E-3</c:v>
                </c:pt>
                <c:pt idx="8291">
                  <c:v>5.0000000000000001E-3</c:v>
                </c:pt>
                <c:pt idx="8292">
                  <c:v>1.2500000000000001E-2</c:v>
                </c:pt>
                <c:pt idx="8293">
                  <c:v>1.2500000000000001E-2</c:v>
                </c:pt>
                <c:pt idx="8294">
                  <c:v>1.2500000000000001E-2</c:v>
                </c:pt>
                <c:pt idx="8295">
                  <c:v>1.2500000000000001E-2</c:v>
                </c:pt>
                <c:pt idx="8296">
                  <c:v>1.2500000000000001E-2</c:v>
                </c:pt>
                <c:pt idx="8297">
                  <c:v>1.2500000000000001E-2</c:v>
                </c:pt>
                <c:pt idx="8298">
                  <c:v>1.2500000000000001E-2</c:v>
                </c:pt>
                <c:pt idx="8299">
                  <c:v>1.2500000000000001E-2</c:v>
                </c:pt>
                <c:pt idx="8300">
                  <c:v>1.2500000000000001E-2</c:v>
                </c:pt>
                <c:pt idx="8301">
                  <c:v>1.2500000000000001E-2</c:v>
                </c:pt>
                <c:pt idx="8302">
                  <c:v>1.2500000000000001E-2</c:v>
                </c:pt>
                <c:pt idx="8303">
                  <c:v>1.2500000000000001E-2</c:v>
                </c:pt>
                <c:pt idx="8304">
                  <c:v>1.2500000000000001E-2</c:v>
                </c:pt>
                <c:pt idx="8305">
                  <c:v>1.2500000000000001E-2</c:v>
                </c:pt>
                <c:pt idx="8306">
                  <c:v>1.2500000000000001E-2</c:v>
                </c:pt>
                <c:pt idx="8307">
                  <c:v>1.2500000000000001E-2</c:v>
                </c:pt>
                <c:pt idx="8308">
                  <c:v>1.2500000000000001E-2</c:v>
                </c:pt>
                <c:pt idx="8309">
                  <c:v>1.2500000000000001E-2</c:v>
                </c:pt>
                <c:pt idx="8310">
                  <c:v>1.2500000000000001E-2</c:v>
                </c:pt>
                <c:pt idx="8311">
                  <c:v>1.2500000000000001E-2</c:v>
                </c:pt>
                <c:pt idx="8312">
                  <c:v>1.2500000000000001E-2</c:v>
                </c:pt>
                <c:pt idx="8313">
                  <c:v>1.2500000000000001E-2</c:v>
                </c:pt>
                <c:pt idx="8314">
                  <c:v>1.2500000000000001E-2</c:v>
                </c:pt>
                <c:pt idx="8315">
                  <c:v>1.2500000000000001E-2</c:v>
                </c:pt>
                <c:pt idx="8316">
                  <c:v>1.2500000000000001E-2</c:v>
                </c:pt>
                <c:pt idx="8317">
                  <c:v>1.2500000000000001E-2</c:v>
                </c:pt>
                <c:pt idx="8318">
                  <c:v>1.2500000000000001E-2</c:v>
                </c:pt>
                <c:pt idx="8319">
                  <c:v>1.2500000000000001E-2</c:v>
                </c:pt>
                <c:pt idx="8320">
                  <c:v>1.2500000000000001E-2</c:v>
                </c:pt>
                <c:pt idx="8321">
                  <c:v>1.2500000000000001E-2</c:v>
                </c:pt>
                <c:pt idx="8322">
                  <c:v>1.2500000000000001E-2</c:v>
                </c:pt>
                <c:pt idx="8323">
                  <c:v>1.2500000000000001E-2</c:v>
                </c:pt>
                <c:pt idx="8324">
                  <c:v>1.2500000000000001E-2</c:v>
                </c:pt>
                <c:pt idx="8325">
                  <c:v>1.2500000000000001E-2</c:v>
                </c:pt>
                <c:pt idx="8326">
                  <c:v>1.2500000000000001E-2</c:v>
                </c:pt>
                <c:pt idx="8327">
                  <c:v>1.2500000000000001E-2</c:v>
                </c:pt>
                <c:pt idx="8328">
                  <c:v>1.2500000000000001E-2</c:v>
                </c:pt>
                <c:pt idx="8329">
                  <c:v>1.2500000000000001E-2</c:v>
                </c:pt>
                <c:pt idx="8330">
                  <c:v>1.2500000000000001E-2</c:v>
                </c:pt>
                <c:pt idx="8331">
                  <c:v>1.2500000000000001E-2</c:v>
                </c:pt>
                <c:pt idx="8332">
                  <c:v>1.2500000000000001E-2</c:v>
                </c:pt>
                <c:pt idx="8333">
                  <c:v>1.2500000000000001E-2</c:v>
                </c:pt>
                <c:pt idx="8334">
                  <c:v>1.2500000000000001E-2</c:v>
                </c:pt>
                <c:pt idx="8335">
                  <c:v>1.2500000000000001E-2</c:v>
                </c:pt>
                <c:pt idx="8336">
                  <c:v>1.2500000000000001E-2</c:v>
                </c:pt>
                <c:pt idx="8337">
                  <c:v>1.2500000000000001E-2</c:v>
                </c:pt>
                <c:pt idx="8338">
                  <c:v>1.2500000000000001E-2</c:v>
                </c:pt>
                <c:pt idx="8339">
                  <c:v>1.2500000000000001E-2</c:v>
                </c:pt>
                <c:pt idx="8340">
                  <c:v>1.2500000000000001E-2</c:v>
                </c:pt>
                <c:pt idx="8341">
                  <c:v>0.02</c:v>
                </c:pt>
                <c:pt idx="8342">
                  <c:v>0.02</c:v>
                </c:pt>
                <c:pt idx="8343">
                  <c:v>0.02</c:v>
                </c:pt>
                <c:pt idx="8344">
                  <c:v>0.02</c:v>
                </c:pt>
                <c:pt idx="8345">
                  <c:v>0.02</c:v>
                </c:pt>
                <c:pt idx="8346">
                  <c:v>0.02</c:v>
                </c:pt>
                <c:pt idx="8347">
                  <c:v>0.02</c:v>
                </c:pt>
                <c:pt idx="8348">
                  <c:v>0.02</c:v>
                </c:pt>
                <c:pt idx="8349">
                  <c:v>0.02</c:v>
                </c:pt>
                <c:pt idx="8350">
                  <c:v>0.02</c:v>
                </c:pt>
                <c:pt idx="8351">
                  <c:v>0.02</c:v>
                </c:pt>
                <c:pt idx="8352">
                  <c:v>0.02</c:v>
                </c:pt>
                <c:pt idx="8353">
                  <c:v>0.02</c:v>
                </c:pt>
                <c:pt idx="8354">
                  <c:v>0.02</c:v>
                </c:pt>
                <c:pt idx="8355">
                  <c:v>0.02</c:v>
                </c:pt>
                <c:pt idx="8356">
                  <c:v>0.02</c:v>
                </c:pt>
                <c:pt idx="8357">
                  <c:v>0.02</c:v>
                </c:pt>
                <c:pt idx="8358">
                  <c:v>0.02</c:v>
                </c:pt>
                <c:pt idx="8359">
                  <c:v>0.02</c:v>
                </c:pt>
                <c:pt idx="8360">
                  <c:v>0.02</c:v>
                </c:pt>
                <c:pt idx="8361">
                  <c:v>0.02</c:v>
                </c:pt>
                <c:pt idx="8362">
                  <c:v>0.02</c:v>
                </c:pt>
                <c:pt idx="8363">
                  <c:v>0.02</c:v>
                </c:pt>
                <c:pt idx="8364">
                  <c:v>0.02</c:v>
                </c:pt>
                <c:pt idx="8365">
                  <c:v>0.02</c:v>
                </c:pt>
                <c:pt idx="8366">
                  <c:v>0.02</c:v>
                </c:pt>
                <c:pt idx="8367">
                  <c:v>0.02</c:v>
                </c:pt>
                <c:pt idx="8368">
                  <c:v>0.02</c:v>
                </c:pt>
                <c:pt idx="8369">
                  <c:v>0.02</c:v>
                </c:pt>
                <c:pt idx="8370">
                  <c:v>0.02</c:v>
                </c:pt>
                <c:pt idx="8371">
                  <c:v>0.02</c:v>
                </c:pt>
                <c:pt idx="8372">
                  <c:v>0.02</c:v>
                </c:pt>
                <c:pt idx="8373">
                  <c:v>0.02</c:v>
                </c:pt>
                <c:pt idx="8374">
                  <c:v>0.02</c:v>
                </c:pt>
                <c:pt idx="8375">
                  <c:v>0.02</c:v>
                </c:pt>
                <c:pt idx="8376">
                  <c:v>0.02</c:v>
                </c:pt>
                <c:pt idx="8377">
                  <c:v>0.02</c:v>
                </c:pt>
                <c:pt idx="8378">
                  <c:v>0.02</c:v>
                </c:pt>
                <c:pt idx="8379">
                  <c:v>0.02</c:v>
                </c:pt>
                <c:pt idx="8380">
                  <c:v>0.02</c:v>
                </c:pt>
                <c:pt idx="8381">
                  <c:v>0.02</c:v>
                </c:pt>
                <c:pt idx="8382">
                  <c:v>0.02</c:v>
                </c:pt>
                <c:pt idx="8383">
                  <c:v>0.02</c:v>
                </c:pt>
                <c:pt idx="8384">
                  <c:v>0.02</c:v>
                </c:pt>
                <c:pt idx="8385">
                  <c:v>0.02</c:v>
                </c:pt>
                <c:pt idx="8386">
                  <c:v>0.02</c:v>
                </c:pt>
                <c:pt idx="8387">
                  <c:v>0.02</c:v>
                </c:pt>
                <c:pt idx="8388">
                  <c:v>0.02</c:v>
                </c:pt>
                <c:pt idx="8389">
                  <c:v>0.02</c:v>
                </c:pt>
                <c:pt idx="8390">
                  <c:v>2.5000000000000001E-2</c:v>
                </c:pt>
                <c:pt idx="8391">
                  <c:v>2.5000000000000001E-2</c:v>
                </c:pt>
                <c:pt idx="8392">
                  <c:v>2.5000000000000001E-2</c:v>
                </c:pt>
                <c:pt idx="8393">
                  <c:v>2.5000000000000001E-2</c:v>
                </c:pt>
                <c:pt idx="8394">
                  <c:v>2.5000000000000001E-2</c:v>
                </c:pt>
                <c:pt idx="8395">
                  <c:v>2.5000000000000001E-2</c:v>
                </c:pt>
                <c:pt idx="8396">
                  <c:v>2.5000000000000001E-2</c:v>
                </c:pt>
                <c:pt idx="8397">
                  <c:v>2.5000000000000001E-2</c:v>
                </c:pt>
                <c:pt idx="8398">
                  <c:v>2.5000000000000001E-2</c:v>
                </c:pt>
                <c:pt idx="8399">
                  <c:v>2.5000000000000001E-2</c:v>
                </c:pt>
                <c:pt idx="8400">
                  <c:v>2.5000000000000001E-2</c:v>
                </c:pt>
                <c:pt idx="8401">
                  <c:v>2.5000000000000001E-2</c:v>
                </c:pt>
                <c:pt idx="8402">
                  <c:v>2.5000000000000001E-2</c:v>
                </c:pt>
                <c:pt idx="8403">
                  <c:v>2.5000000000000001E-2</c:v>
                </c:pt>
                <c:pt idx="8404">
                  <c:v>2.5000000000000001E-2</c:v>
                </c:pt>
                <c:pt idx="8405">
                  <c:v>2.5000000000000001E-2</c:v>
                </c:pt>
                <c:pt idx="8406">
                  <c:v>2.5000000000000001E-2</c:v>
                </c:pt>
                <c:pt idx="8407">
                  <c:v>2.5000000000000001E-2</c:v>
                </c:pt>
                <c:pt idx="8408">
                  <c:v>2.5000000000000001E-2</c:v>
                </c:pt>
                <c:pt idx="8409">
                  <c:v>2.5000000000000001E-2</c:v>
                </c:pt>
                <c:pt idx="8410">
                  <c:v>2.5000000000000001E-2</c:v>
                </c:pt>
                <c:pt idx="8411">
                  <c:v>2.5000000000000001E-2</c:v>
                </c:pt>
                <c:pt idx="8412">
                  <c:v>2.5000000000000001E-2</c:v>
                </c:pt>
                <c:pt idx="8413">
                  <c:v>2.5000000000000001E-2</c:v>
                </c:pt>
                <c:pt idx="8414">
                  <c:v>2.5000000000000001E-2</c:v>
                </c:pt>
                <c:pt idx="8415">
                  <c:v>2.5000000000000001E-2</c:v>
                </c:pt>
                <c:pt idx="8416">
                  <c:v>2.5000000000000001E-2</c:v>
                </c:pt>
                <c:pt idx="8417">
                  <c:v>2.5000000000000001E-2</c:v>
                </c:pt>
                <c:pt idx="8418">
                  <c:v>2.5000000000000001E-2</c:v>
                </c:pt>
                <c:pt idx="8419">
                  <c:v>2.5000000000000001E-2</c:v>
                </c:pt>
                <c:pt idx="8420">
                  <c:v>2.5000000000000001E-2</c:v>
                </c:pt>
                <c:pt idx="8421">
                  <c:v>2.5000000000000001E-2</c:v>
                </c:pt>
                <c:pt idx="8422">
                  <c:v>2.5000000000000001E-2</c:v>
                </c:pt>
                <c:pt idx="8423">
                  <c:v>2.5000000000000001E-2</c:v>
                </c:pt>
                <c:pt idx="8424">
                  <c:v>2.5000000000000001E-2</c:v>
                </c:pt>
                <c:pt idx="8425">
                  <c:v>2.5000000000000001E-2</c:v>
                </c:pt>
                <c:pt idx="8426">
                  <c:v>2.5000000000000001E-2</c:v>
                </c:pt>
                <c:pt idx="8427">
                  <c:v>2.5000000000000001E-2</c:v>
                </c:pt>
                <c:pt idx="8428">
                  <c:v>2.5000000000000001E-2</c:v>
                </c:pt>
                <c:pt idx="8429">
                  <c:v>2.5000000000000001E-2</c:v>
                </c:pt>
                <c:pt idx="8430">
                  <c:v>2.5000000000000001E-2</c:v>
                </c:pt>
                <c:pt idx="8431">
                  <c:v>2.5000000000000001E-2</c:v>
                </c:pt>
                <c:pt idx="8432">
                  <c:v>2.5000000000000001E-2</c:v>
                </c:pt>
                <c:pt idx="8433">
                  <c:v>2.5000000000000001E-2</c:v>
                </c:pt>
                <c:pt idx="8434">
                  <c:v>2.5000000000000001E-2</c:v>
                </c:pt>
                <c:pt idx="8435">
                  <c:v>2.5000000000000001E-2</c:v>
                </c:pt>
                <c:pt idx="8436">
                  <c:v>2.5000000000000001E-2</c:v>
                </c:pt>
                <c:pt idx="8437">
                  <c:v>2.5000000000000001E-2</c:v>
                </c:pt>
                <c:pt idx="8438">
                  <c:v>2.5000000000000001E-2</c:v>
                </c:pt>
                <c:pt idx="8439">
                  <c:v>0.03</c:v>
                </c:pt>
                <c:pt idx="8440">
                  <c:v>0.03</c:v>
                </c:pt>
                <c:pt idx="8441">
                  <c:v>0.03</c:v>
                </c:pt>
                <c:pt idx="8442">
                  <c:v>0.03</c:v>
                </c:pt>
                <c:pt idx="8443">
                  <c:v>0.03</c:v>
                </c:pt>
                <c:pt idx="8444">
                  <c:v>0.03</c:v>
                </c:pt>
                <c:pt idx="8445">
                  <c:v>0.03</c:v>
                </c:pt>
                <c:pt idx="8446">
                  <c:v>0.03</c:v>
                </c:pt>
                <c:pt idx="8447">
                  <c:v>0.03</c:v>
                </c:pt>
                <c:pt idx="8448">
                  <c:v>0.03</c:v>
                </c:pt>
                <c:pt idx="8449">
                  <c:v>0.03</c:v>
                </c:pt>
                <c:pt idx="8450">
                  <c:v>0.03</c:v>
                </c:pt>
                <c:pt idx="8451">
                  <c:v>0.03</c:v>
                </c:pt>
                <c:pt idx="8452">
                  <c:v>0.03</c:v>
                </c:pt>
                <c:pt idx="8453">
                  <c:v>0.03</c:v>
                </c:pt>
                <c:pt idx="8454">
                  <c:v>0.03</c:v>
                </c:pt>
                <c:pt idx="8455">
                  <c:v>0.03</c:v>
                </c:pt>
                <c:pt idx="8456">
                  <c:v>0.03</c:v>
                </c:pt>
                <c:pt idx="8457">
                  <c:v>0.03</c:v>
                </c:pt>
                <c:pt idx="8458">
                  <c:v>0.03</c:v>
                </c:pt>
                <c:pt idx="8459">
                  <c:v>0.03</c:v>
                </c:pt>
                <c:pt idx="8460">
                  <c:v>0.03</c:v>
                </c:pt>
                <c:pt idx="8461">
                  <c:v>0.03</c:v>
                </c:pt>
                <c:pt idx="8462">
                  <c:v>0.03</c:v>
                </c:pt>
                <c:pt idx="8463">
                  <c:v>0.03</c:v>
                </c:pt>
                <c:pt idx="8464">
                  <c:v>0.03</c:v>
                </c:pt>
                <c:pt idx="8465">
                  <c:v>0.03</c:v>
                </c:pt>
                <c:pt idx="8466">
                  <c:v>0.03</c:v>
                </c:pt>
                <c:pt idx="8467">
                  <c:v>0.03</c:v>
                </c:pt>
                <c:pt idx="8468">
                  <c:v>0.03</c:v>
                </c:pt>
                <c:pt idx="8469">
                  <c:v>0.03</c:v>
                </c:pt>
                <c:pt idx="8470">
                  <c:v>0.03</c:v>
                </c:pt>
                <c:pt idx="8471">
                  <c:v>0.03</c:v>
                </c:pt>
                <c:pt idx="8472">
                  <c:v>0.03</c:v>
                </c:pt>
                <c:pt idx="8473">
                  <c:v>0.03</c:v>
                </c:pt>
                <c:pt idx="8474">
                  <c:v>0.03</c:v>
                </c:pt>
                <c:pt idx="8475">
                  <c:v>0.03</c:v>
                </c:pt>
                <c:pt idx="8476">
                  <c:v>0.03</c:v>
                </c:pt>
                <c:pt idx="8477">
                  <c:v>0.03</c:v>
                </c:pt>
                <c:pt idx="8478">
                  <c:v>0.03</c:v>
                </c:pt>
                <c:pt idx="8479">
                  <c:v>0.03</c:v>
                </c:pt>
                <c:pt idx="8480">
                  <c:v>0.03</c:v>
                </c:pt>
                <c:pt idx="8481">
                  <c:v>3.5000000000000003E-2</c:v>
                </c:pt>
                <c:pt idx="8482">
                  <c:v>3.5000000000000003E-2</c:v>
                </c:pt>
                <c:pt idx="8483">
                  <c:v>3.5000000000000003E-2</c:v>
                </c:pt>
                <c:pt idx="8484">
                  <c:v>3.5000000000000003E-2</c:v>
                </c:pt>
                <c:pt idx="8485">
                  <c:v>3.5000000000000003E-2</c:v>
                </c:pt>
                <c:pt idx="8486">
                  <c:v>3.5000000000000003E-2</c:v>
                </c:pt>
                <c:pt idx="8487">
                  <c:v>3.5000000000000003E-2</c:v>
                </c:pt>
                <c:pt idx="8488">
                  <c:v>3.5000000000000003E-2</c:v>
                </c:pt>
                <c:pt idx="8489">
                  <c:v>3.5000000000000003E-2</c:v>
                </c:pt>
                <c:pt idx="8490">
                  <c:v>3.5000000000000003E-2</c:v>
                </c:pt>
                <c:pt idx="8491">
                  <c:v>3.5000000000000003E-2</c:v>
                </c:pt>
                <c:pt idx="8492">
                  <c:v>3.5000000000000003E-2</c:v>
                </c:pt>
                <c:pt idx="8493">
                  <c:v>3.5000000000000003E-2</c:v>
                </c:pt>
                <c:pt idx="8494">
                  <c:v>3.5000000000000003E-2</c:v>
                </c:pt>
                <c:pt idx="8495">
                  <c:v>3.5000000000000003E-2</c:v>
                </c:pt>
                <c:pt idx="8496">
                  <c:v>3.5000000000000003E-2</c:v>
                </c:pt>
                <c:pt idx="8497">
                  <c:v>3.5000000000000003E-2</c:v>
                </c:pt>
                <c:pt idx="8498">
                  <c:v>3.5000000000000003E-2</c:v>
                </c:pt>
                <c:pt idx="8499">
                  <c:v>3.5000000000000003E-2</c:v>
                </c:pt>
                <c:pt idx="8500">
                  <c:v>3.5000000000000003E-2</c:v>
                </c:pt>
                <c:pt idx="8501">
                  <c:v>3.5000000000000003E-2</c:v>
                </c:pt>
                <c:pt idx="8502">
                  <c:v>3.5000000000000003E-2</c:v>
                </c:pt>
                <c:pt idx="8503">
                  <c:v>3.5000000000000003E-2</c:v>
                </c:pt>
                <c:pt idx="8504">
                  <c:v>3.5000000000000003E-2</c:v>
                </c:pt>
                <c:pt idx="8505">
                  <c:v>3.5000000000000003E-2</c:v>
                </c:pt>
                <c:pt idx="8506">
                  <c:v>3.5000000000000003E-2</c:v>
                </c:pt>
                <c:pt idx="8507">
                  <c:v>3.5000000000000003E-2</c:v>
                </c:pt>
                <c:pt idx="8508">
                  <c:v>3.5000000000000003E-2</c:v>
                </c:pt>
                <c:pt idx="8509">
                  <c:v>3.5000000000000003E-2</c:v>
                </c:pt>
                <c:pt idx="8510">
                  <c:v>3.5000000000000003E-2</c:v>
                </c:pt>
                <c:pt idx="8511">
                  <c:v>3.5000000000000003E-2</c:v>
                </c:pt>
                <c:pt idx="8512">
                  <c:v>3.5000000000000003E-2</c:v>
                </c:pt>
                <c:pt idx="8513">
                  <c:v>3.5000000000000003E-2</c:v>
                </c:pt>
                <c:pt idx="8514">
                  <c:v>3.5000000000000003E-2</c:v>
                </c:pt>
                <c:pt idx="8515">
                  <c:v>3.5000000000000003E-2</c:v>
                </c:pt>
                <c:pt idx="8516">
                  <c:v>3.5000000000000003E-2</c:v>
                </c:pt>
                <c:pt idx="8517">
                  <c:v>3.5000000000000003E-2</c:v>
                </c:pt>
                <c:pt idx="8518">
                  <c:v>3.5000000000000003E-2</c:v>
                </c:pt>
                <c:pt idx="8519">
                  <c:v>3.5000000000000003E-2</c:v>
                </c:pt>
                <c:pt idx="8520">
                  <c:v>3.5000000000000003E-2</c:v>
                </c:pt>
                <c:pt idx="8521">
                  <c:v>3.5000000000000003E-2</c:v>
                </c:pt>
                <c:pt idx="8522">
                  <c:v>3.5000000000000003E-2</c:v>
                </c:pt>
                <c:pt idx="8523">
                  <c:v>3.5000000000000003E-2</c:v>
                </c:pt>
                <c:pt idx="8524">
                  <c:v>3.5000000000000003E-2</c:v>
                </c:pt>
                <c:pt idx="8525">
                  <c:v>3.5000000000000003E-2</c:v>
                </c:pt>
                <c:pt idx="8526">
                  <c:v>3.5000000000000003E-2</c:v>
                </c:pt>
                <c:pt idx="8527">
                  <c:v>3.5000000000000003E-2</c:v>
                </c:pt>
                <c:pt idx="8528">
                  <c:v>3.5000000000000003E-2</c:v>
                </c:pt>
                <c:pt idx="8529">
                  <c:v>3.5000000000000003E-2</c:v>
                </c:pt>
                <c:pt idx="8530">
                  <c:v>3.7499999999999999E-2</c:v>
                </c:pt>
                <c:pt idx="8531">
                  <c:v>3.7499999999999999E-2</c:v>
                </c:pt>
                <c:pt idx="8532">
                  <c:v>3.7499999999999999E-2</c:v>
                </c:pt>
                <c:pt idx="8533">
                  <c:v>3.7499999999999999E-2</c:v>
                </c:pt>
                <c:pt idx="8534">
                  <c:v>3.7499999999999999E-2</c:v>
                </c:pt>
                <c:pt idx="8535">
                  <c:v>3.7499999999999999E-2</c:v>
                </c:pt>
                <c:pt idx="8536">
                  <c:v>3.7499999999999999E-2</c:v>
                </c:pt>
                <c:pt idx="8537">
                  <c:v>3.7499999999999999E-2</c:v>
                </c:pt>
                <c:pt idx="8538">
                  <c:v>3.7499999999999999E-2</c:v>
                </c:pt>
                <c:pt idx="8539">
                  <c:v>3.7499999999999999E-2</c:v>
                </c:pt>
                <c:pt idx="8540">
                  <c:v>3.7499999999999999E-2</c:v>
                </c:pt>
                <c:pt idx="8541">
                  <c:v>3.7499999999999999E-2</c:v>
                </c:pt>
                <c:pt idx="8542">
                  <c:v>3.7499999999999999E-2</c:v>
                </c:pt>
                <c:pt idx="8543">
                  <c:v>3.7499999999999999E-2</c:v>
                </c:pt>
                <c:pt idx="8544">
                  <c:v>3.7499999999999999E-2</c:v>
                </c:pt>
                <c:pt idx="8545">
                  <c:v>3.7499999999999999E-2</c:v>
                </c:pt>
                <c:pt idx="8546">
                  <c:v>3.7499999999999999E-2</c:v>
                </c:pt>
                <c:pt idx="8547">
                  <c:v>3.7499999999999999E-2</c:v>
                </c:pt>
                <c:pt idx="8548">
                  <c:v>3.7499999999999999E-2</c:v>
                </c:pt>
                <c:pt idx="8549">
                  <c:v>3.7499999999999999E-2</c:v>
                </c:pt>
                <c:pt idx="8550">
                  <c:v>3.7499999999999999E-2</c:v>
                </c:pt>
                <c:pt idx="8551">
                  <c:v>3.7499999999999999E-2</c:v>
                </c:pt>
                <c:pt idx="8552">
                  <c:v>3.7499999999999999E-2</c:v>
                </c:pt>
                <c:pt idx="8553">
                  <c:v>3.7499999999999999E-2</c:v>
                </c:pt>
                <c:pt idx="8554">
                  <c:v>3.7499999999999999E-2</c:v>
                </c:pt>
                <c:pt idx="8555">
                  <c:v>3.7499999999999999E-2</c:v>
                </c:pt>
                <c:pt idx="8556">
                  <c:v>3.7499999999999999E-2</c:v>
                </c:pt>
                <c:pt idx="8557">
                  <c:v>3.7499999999999999E-2</c:v>
                </c:pt>
                <c:pt idx="8558">
                  <c:v>3.7499999999999999E-2</c:v>
                </c:pt>
                <c:pt idx="8559">
                  <c:v>3.7499999999999999E-2</c:v>
                </c:pt>
                <c:pt idx="8560">
                  <c:v>3.7499999999999999E-2</c:v>
                </c:pt>
                <c:pt idx="8561">
                  <c:v>3.7499999999999999E-2</c:v>
                </c:pt>
                <c:pt idx="8562">
                  <c:v>3.7499999999999999E-2</c:v>
                </c:pt>
                <c:pt idx="8563">
                  <c:v>3.7499999999999999E-2</c:v>
                </c:pt>
                <c:pt idx="8564">
                  <c:v>3.7499999999999999E-2</c:v>
                </c:pt>
                <c:pt idx="8565">
                  <c:v>3.7499999999999999E-2</c:v>
                </c:pt>
                <c:pt idx="8566">
                  <c:v>3.7499999999999999E-2</c:v>
                </c:pt>
                <c:pt idx="8567">
                  <c:v>3.7499999999999999E-2</c:v>
                </c:pt>
                <c:pt idx="8568">
                  <c:v>3.7499999999999999E-2</c:v>
                </c:pt>
                <c:pt idx="8569">
                  <c:v>3.7499999999999999E-2</c:v>
                </c:pt>
                <c:pt idx="8570">
                  <c:v>3.7499999999999999E-2</c:v>
                </c:pt>
                <c:pt idx="8571">
                  <c:v>3.7499999999999999E-2</c:v>
                </c:pt>
                <c:pt idx="8572">
                  <c:v>0.04</c:v>
                </c:pt>
                <c:pt idx="8573">
                  <c:v>0.04</c:v>
                </c:pt>
                <c:pt idx="8574">
                  <c:v>0.04</c:v>
                </c:pt>
                <c:pt idx="8575">
                  <c:v>0.04</c:v>
                </c:pt>
                <c:pt idx="8576">
                  <c:v>0.04</c:v>
                </c:pt>
                <c:pt idx="8577">
                  <c:v>0.04</c:v>
                </c:pt>
                <c:pt idx="8578">
                  <c:v>0.04</c:v>
                </c:pt>
                <c:pt idx="8579">
                  <c:v>0.04</c:v>
                </c:pt>
                <c:pt idx="8580">
                  <c:v>0.04</c:v>
                </c:pt>
                <c:pt idx="8581">
                  <c:v>0.04</c:v>
                </c:pt>
                <c:pt idx="8582">
                  <c:v>0.04</c:v>
                </c:pt>
                <c:pt idx="8583">
                  <c:v>0.04</c:v>
                </c:pt>
                <c:pt idx="8584">
                  <c:v>0.04</c:v>
                </c:pt>
                <c:pt idx="8585">
                  <c:v>0.04</c:v>
                </c:pt>
                <c:pt idx="8586">
                  <c:v>0.04</c:v>
                </c:pt>
                <c:pt idx="8587">
                  <c:v>0.04</c:v>
                </c:pt>
                <c:pt idx="8588">
                  <c:v>0.04</c:v>
                </c:pt>
                <c:pt idx="8589">
                  <c:v>0.04</c:v>
                </c:pt>
                <c:pt idx="8590">
                  <c:v>0.04</c:v>
                </c:pt>
                <c:pt idx="8591">
                  <c:v>0.04</c:v>
                </c:pt>
                <c:pt idx="8592">
                  <c:v>0.04</c:v>
                </c:pt>
                <c:pt idx="8593">
                  <c:v>0.04</c:v>
                </c:pt>
                <c:pt idx="8594">
                  <c:v>0.04</c:v>
                </c:pt>
                <c:pt idx="8595">
                  <c:v>0.04</c:v>
                </c:pt>
                <c:pt idx="8596">
                  <c:v>0.04</c:v>
                </c:pt>
                <c:pt idx="8597">
                  <c:v>0.04</c:v>
                </c:pt>
                <c:pt idx="8598">
                  <c:v>0.04</c:v>
                </c:pt>
                <c:pt idx="8599">
                  <c:v>0.04</c:v>
                </c:pt>
                <c:pt idx="8600">
                  <c:v>0.04</c:v>
                </c:pt>
                <c:pt idx="8601">
                  <c:v>0.04</c:v>
                </c:pt>
                <c:pt idx="8602">
                  <c:v>0.04</c:v>
                </c:pt>
                <c:pt idx="8603">
                  <c:v>0.04</c:v>
                </c:pt>
                <c:pt idx="8604">
                  <c:v>0.04</c:v>
                </c:pt>
                <c:pt idx="8605">
                  <c:v>0.04</c:v>
                </c:pt>
                <c:pt idx="8606">
                  <c:v>0.04</c:v>
                </c:pt>
                <c:pt idx="8607">
                  <c:v>0.04</c:v>
                </c:pt>
                <c:pt idx="8608">
                  <c:v>0.04</c:v>
                </c:pt>
                <c:pt idx="8609">
                  <c:v>0.04</c:v>
                </c:pt>
                <c:pt idx="8610">
                  <c:v>0.04</c:v>
                </c:pt>
                <c:pt idx="8611">
                  <c:v>0.04</c:v>
                </c:pt>
                <c:pt idx="8612">
                  <c:v>0.04</c:v>
                </c:pt>
                <c:pt idx="8613">
                  <c:v>0.04</c:v>
                </c:pt>
                <c:pt idx="8614">
                  <c:v>4.2500000000000003E-2</c:v>
                </c:pt>
                <c:pt idx="8615">
                  <c:v>4.2500000000000003E-2</c:v>
                </c:pt>
                <c:pt idx="8616">
                  <c:v>4.2500000000000003E-2</c:v>
                </c:pt>
                <c:pt idx="8617">
                  <c:v>4.2500000000000003E-2</c:v>
                </c:pt>
                <c:pt idx="8618">
                  <c:v>4.2500000000000003E-2</c:v>
                </c:pt>
                <c:pt idx="8619">
                  <c:v>4.2500000000000003E-2</c:v>
                </c:pt>
                <c:pt idx="8620">
                  <c:v>4.2500000000000003E-2</c:v>
                </c:pt>
                <c:pt idx="8621">
                  <c:v>4.2500000000000003E-2</c:v>
                </c:pt>
                <c:pt idx="8622">
                  <c:v>4.2500000000000003E-2</c:v>
                </c:pt>
                <c:pt idx="8623">
                  <c:v>4.2500000000000003E-2</c:v>
                </c:pt>
                <c:pt idx="8624">
                  <c:v>4.2500000000000003E-2</c:v>
                </c:pt>
                <c:pt idx="8625">
                  <c:v>4.2500000000000003E-2</c:v>
                </c:pt>
                <c:pt idx="8626">
                  <c:v>4.2500000000000003E-2</c:v>
                </c:pt>
                <c:pt idx="8627">
                  <c:v>4.2500000000000003E-2</c:v>
                </c:pt>
                <c:pt idx="8628">
                  <c:v>4.2500000000000003E-2</c:v>
                </c:pt>
                <c:pt idx="8629">
                  <c:v>4.2500000000000003E-2</c:v>
                </c:pt>
                <c:pt idx="8630">
                  <c:v>4.2500000000000003E-2</c:v>
                </c:pt>
                <c:pt idx="8631">
                  <c:v>4.2500000000000003E-2</c:v>
                </c:pt>
                <c:pt idx="8632">
                  <c:v>4.2500000000000003E-2</c:v>
                </c:pt>
                <c:pt idx="8633">
                  <c:v>4.2500000000000003E-2</c:v>
                </c:pt>
                <c:pt idx="8634">
                  <c:v>4.2500000000000003E-2</c:v>
                </c:pt>
                <c:pt idx="8635">
                  <c:v>4.2500000000000003E-2</c:v>
                </c:pt>
                <c:pt idx="8636">
                  <c:v>4.2500000000000003E-2</c:v>
                </c:pt>
                <c:pt idx="8637">
                  <c:v>4.2500000000000003E-2</c:v>
                </c:pt>
                <c:pt idx="8638">
                  <c:v>4.2500000000000003E-2</c:v>
                </c:pt>
                <c:pt idx="8639">
                  <c:v>4.2500000000000003E-2</c:v>
                </c:pt>
                <c:pt idx="8640">
                  <c:v>4.2500000000000003E-2</c:v>
                </c:pt>
                <c:pt idx="8641">
                  <c:v>4.2500000000000003E-2</c:v>
                </c:pt>
                <c:pt idx="8642">
                  <c:v>4.2500000000000003E-2</c:v>
                </c:pt>
                <c:pt idx="8643">
                  <c:v>4.2500000000000003E-2</c:v>
                </c:pt>
                <c:pt idx="8644">
                  <c:v>4.2500000000000003E-2</c:v>
                </c:pt>
                <c:pt idx="8645">
                  <c:v>4.2500000000000003E-2</c:v>
                </c:pt>
                <c:pt idx="8646">
                  <c:v>4.2500000000000003E-2</c:v>
                </c:pt>
                <c:pt idx="8647">
                  <c:v>4.2500000000000003E-2</c:v>
                </c:pt>
                <c:pt idx="8648">
                  <c:v>4.2500000000000003E-2</c:v>
                </c:pt>
                <c:pt idx="8649">
                  <c:v>4.2500000000000003E-2</c:v>
                </c:pt>
                <c:pt idx="8650">
                  <c:v>4.2500000000000003E-2</c:v>
                </c:pt>
                <c:pt idx="8651">
                  <c:v>4.2500000000000003E-2</c:v>
                </c:pt>
                <c:pt idx="8652">
                  <c:v>4.2500000000000003E-2</c:v>
                </c:pt>
                <c:pt idx="8653">
                  <c:v>4.2500000000000003E-2</c:v>
                </c:pt>
                <c:pt idx="8654">
                  <c:v>4.2500000000000003E-2</c:v>
                </c:pt>
                <c:pt idx="8655">
                  <c:v>4.2500000000000003E-2</c:v>
                </c:pt>
                <c:pt idx="8656">
                  <c:v>4.2500000000000003E-2</c:v>
                </c:pt>
                <c:pt idx="8657">
                  <c:v>4.2500000000000003E-2</c:v>
                </c:pt>
                <c:pt idx="8658">
                  <c:v>4.2500000000000003E-2</c:v>
                </c:pt>
                <c:pt idx="8659">
                  <c:v>4.2500000000000003E-2</c:v>
                </c:pt>
                <c:pt idx="8660">
                  <c:v>4.2500000000000003E-2</c:v>
                </c:pt>
                <c:pt idx="8661">
                  <c:v>4.2500000000000003E-2</c:v>
                </c:pt>
                <c:pt idx="8662">
                  <c:v>4.2500000000000003E-2</c:v>
                </c:pt>
                <c:pt idx="8663">
                  <c:v>4.4999999999999998E-2</c:v>
                </c:pt>
                <c:pt idx="8664">
                  <c:v>4.4999999999999998E-2</c:v>
                </c:pt>
                <c:pt idx="8665">
                  <c:v>4.4999999999999998E-2</c:v>
                </c:pt>
                <c:pt idx="8666">
                  <c:v>4.4999999999999998E-2</c:v>
                </c:pt>
                <c:pt idx="8667">
                  <c:v>4.4999999999999998E-2</c:v>
                </c:pt>
                <c:pt idx="8668">
                  <c:v>4.4999999999999998E-2</c:v>
                </c:pt>
                <c:pt idx="8669">
                  <c:v>4.4999999999999998E-2</c:v>
                </c:pt>
                <c:pt idx="8670">
                  <c:v>4.4999999999999998E-2</c:v>
                </c:pt>
                <c:pt idx="8671">
                  <c:v>4.4999999999999998E-2</c:v>
                </c:pt>
                <c:pt idx="8672">
                  <c:v>4.4999999999999998E-2</c:v>
                </c:pt>
                <c:pt idx="8673">
                  <c:v>4.4999999999999998E-2</c:v>
                </c:pt>
                <c:pt idx="8674">
                  <c:v>4.4999999999999998E-2</c:v>
                </c:pt>
                <c:pt idx="8675">
                  <c:v>4.4999999999999998E-2</c:v>
                </c:pt>
                <c:pt idx="8676">
                  <c:v>4.4999999999999998E-2</c:v>
                </c:pt>
                <c:pt idx="8677">
                  <c:v>4.4999999999999998E-2</c:v>
                </c:pt>
                <c:pt idx="8678">
                  <c:v>4.4999999999999998E-2</c:v>
                </c:pt>
                <c:pt idx="8679">
                  <c:v>4.4999999999999998E-2</c:v>
                </c:pt>
                <c:pt idx="8680">
                  <c:v>4.4999999999999998E-2</c:v>
                </c:pt>
                <c:pt idx="8681">
                  <c:v>4.4999999999999998E-2</c:v>
                </c:pt>
                <c:pt idx="8682">
                  <c:v>4.4999999999999998E-2</c:v>
                </c:pt>
                <c:pt idx="8683">
                  <c:v>4.4999999999999998E-2</c:v>
                </c:pt>
                <c:pt idx="8684">
                  <c:v>4.4999999999999998E-2</c:v>
                </c:pt>
                <c:pt idx="8685">
                  <c:v>4.4999999999999998E-2</c:v>
                </c:pt>
                <c:pt idx="8686">
                  <c:v>4.4999999999999998E-2</c:v>
                </c:pt>
                <c:pt idx="8687">
                  <c:v>4.4999999999999998E-2</c:v>
                </c:pt>
                <c:pt idx="8688">
                  <c:v>4.4999999999999998E-2</c:v>
                </c:pt>
                <c:pt idx="8689">
                  <c:v>4.4999999999999998E-2</c:v>
                </c:pt>
                <c:pt idx="8690">
                  <c:v>4.4999999999999998E-2</c:v>
                </c:pt>
                <c:pt idx="8691">
                  <c:v>4.4999999999999998E-2</c:v>
                </c:pt>
                <c:pt idx="8692">
                  <c:v>4.4999999999999998E-2</c:v>
                </c:pt>
                <c:pt idx="8693">
                  <c:v>4.4999999999999998E-2</c:v>
                </c:pt>
                <c:pt idx="8694">
                  <c:v>4.4999999999999998E-2</c:v>
                </c:pt>
                <c:pt idx="8695">
                  <c:v>4.4999999999999998E-2</c:v>
                </c:pt>
                <c:pt idx="8696">
                  <c:v>4.4999999999999998E-2</c:v>
                </c:pt>
                <c:pt idx="8697">
                  <c:v>4.4999999999999998E-2</c:v>
                </c:pt>
                <c:pt idx="8698">
                  <c:v>4.4999999999999998E-2</c:v>
                </c:pt>
                <c:pt idx="8699">
                  <c:v>4.4999999999999998E-2</c:v>
                </c:pt>
                <c:pt idx="8700">
                  <c:v>4.4999999999999998E-2</c:v>
                </c:pt>
                <c:pt idx="8701">
                  <c:v>4.4999999999999998E-2</c:v>
                </c:pt>
                <c:pt idx="8702">
                  <c:v>4.4999999999999998E-2</c:v>
                </c:pt>
                <c:pt idx="8703">
                  <c:v>4.4999999999999998E-2</c:v>
                </c:pt>
                <c:pt idx="8704">
                  <c:v>4.4999999999999998E-2</c:v>
                </c:pt>
                <c:pt idx="8705">
                  <c:v>4.4999999999999998E-2</c:v>
                </c:pt>
                <c:pt idx="8706">
                  <c:v>4.4999999999999998E-2</c:v>
                </c:pt>
                <c:pt idx="8707">
                  <c:v>4.4999999999999998E-2</c:v>
                </c:pt>
                <c:pt idx="8708">
                  <c:v>4.4999999999999998E-2</c:v>
                </c:pt>
                <c:pt idx="8709">
                  <c:v>4.4999999999999998E-2</c:v>
                </c:pt>
                <c:pt idx="8710">
                  <c:v>4.4999999999999998E-2</c:v>
                </c:pt>
                <c:pt idx="8711">
                  <c:v>4.4999999999999998E-2</c:v>
                </c:pt>
                <c:pt idx="8712">
                  <c:v>4.4999999999999998E-2</c:v>
                </c:pt>
                <c:pt idx="8713">
                  <c:v>4.4999999999999998E-2</c:v>
                </c:pt>
                <c:pt idx="8714">
                  <c:v>4.4999999999999998E-2</c:v>
                </c:pt>
                <c:pt idx="8715">
                  <c:v>4.4999999999999998E-2</c:v>
                </c:pt>
                <c:pt idx="8716">
                  <c:v>4.4999999999999998E-2</c:v>
                </c:pt>
                <c:pt idx="8717">
                  <c:v>4.4999999999999998E-2</c:v>
                </c:pt>
                <c:pt idx="8718">
                  <c:v>4.4999999999999998E-2</c:v>
                </c:pt>
                <c:pt idx="8719">
                  <c:v>4.4999999999999998E-2</c:v>
                </c:pt>
                <c:pt idx="8720">
                  <c:v>4.4999999999999998E-2</c:v>
                </c:pt>
                <c:pt idx="8721">
                  <c:v>4.4999999999999998E-2</c:v>
                </c:pt>
                <c:pt idx="8722">
                  <c:v>4.4999999999999998E-2</c:v>
                </c:pt>
                <c:pt idx="8723">
                  <c:v>4.4999999999999998E-2</c:v>
                </c:pt>
                <c:pt idx="8724">
                  <c:v>4.4999999999999998E-2</c:v>
                </c:pt>
                <c:pt idx="8725">
                  <c:v>4.4999999999999998E-2</c:v>
                </c:pt>
                <c:pt idx="8726">
                  <c:v>4.4999999999999998E-2</c:v>
                </c:pt>
                <c:pt idx="8727">
                  <c:v>4.4999999999999998E-2</c:v>
                </c:pt>
                <c:pt idx="8728">
                  <c:v>4.4999999999999998E-2</c:v>
                </c:pt>
                <c:pt idx="8729">
                  <c:v>4.4999999999999998E-2</c:v>
                </c:pt>
                <c:pt idx="8730">
                  <c:v>4.4999999999999998E-2</c:v>
                </c:pt>
                <c:pt idx="8731">
                  <c:v>4.4999999999999998E-2</c:v>
                </c:pt>
                <c:pt idx="8732">
                  <c:v>4.4999999999999998E-2</c:v>
                </c:pt>
                <c:pt idx="8733">
                  <c:v>4.4999999999999998E-2</c:v>
                </c:pt>
                <c:pt idx="8734">
                  <c:v>4.4999999999999998E-2</c:v>
                </c:pt>
                <c:pt idx="8735">
                  <c:v>4.4999999999999998E-2</c:v>
                </c:pt>
                <c:pt idx="8736">
                  <c:v>4.4999999999999998E-2</c:v>
                </c:pt>
                <c:pt idx="8737">
                  <c:v>4.4999999999999998E-2</c:v>
                </c:pt>
                <c:pt idx="8738">
                  <c:v>4.4999999999999998E-2</c:v>
                </c:pt>
                <c:pt idx="8739">
                  <c:v>4.4999999999999998E-2</c:v>
                </c:pt>
                <c:pt idx="8740">
                  <c:v>4.4999999999999998E-2</c:v>
                </c:pt>
                <c:pt idx="8741">
                  <c:v>4.4999999999999998E-2</c:v>
                </c:pt>
                <c:pt idx="8742">
                  <c:v>4.4999999999999998E-2</c:v>
                </c:pt>
                <c:pt idx="8743">
                  <c:v>4.4999999999999998E-2</c:v>
                </c:pt>
                <c:pt idx="8744">
                  <c:v>4.4999999999999998E-2</c:v>
                </c:pt>
                <c:pt idx="8745">
                  <c:v>4.4999999999999998E-2</c:v>
                </c:pt>
                <c:pt idx="8746">
                  <c:v>4.4999999999999998E-2</c:v>
                </c:pt>
                <c:pt idx="8747">
                  <c:v>4.4999999999999998E-2</c:v>
                </c:pt>
                <c:pt idx="8748">
                  <c:v>4.4999999999999998E-2</c:v>
                </c:pt>
                <c:pt idx="8749">
                  <c:v>4.4999999999999998E-2</c:v>
                </c:pt>
                <c:pt idx="8750">
                  <c:v>4.4999999999999998E-2</c:v>
                </c:pt>
                <c:pt idx="8751">
                  <c:v>4.4999999999999998E-2</c:v>
                </c:pt>
                <c:pt idx="8752">
                  <c:v>4.4999999999999998E-2</c:v>
                </c:pt>
                <c:pt idx="8753">
                  <c:v>4.4999999999999998E-2</c:v>
                </c:pt>
                <c:pt idx="8754">
                  <c:v>4.4999999999999998E-2</c:v>
                </c:pt>
                <c:pt idx="8755">
                  <c:v>4.4999999999999998E-2</c:v>
                </c:pt>
                <c:pt idx="8756">
                  <c:v>4.4999999999999998E-2</c:v>
                </c:pt>
                <c:pt idx="8757">
                  <c:v>4.4999999999999998E-2</c:v>
                </c:pt>
                <c:pt idx="8758">
                  <c:v>4.4999999999999998E-2</c:v>
                </c:pt>
                <c:pt idx="8759">
                  <c:v>4.4999999999999998E-2</c:v>
                </c:pt>
                <c:pt idx="8760">
                  <c:v>4.4999999999999998E-2</c:v>
                </c:pt>
                <c:pt idx="8761">
                  <c:v>4.4999999999999998E-2</c:v>
                </c:pt>
                <c:pt idx="8762">
                  <c:v>4.4999999999999998E-2</c:v>
                </c:pt>
                <c:pt idx="8763">
                  <c:v>4.4999999999999998E-2</c:v>
                </c:pt>
                <c:pt idx="8764">
                  <c:v>4.4999999999999998E-2</c:v>
                </c:pt>
                <c:pt idx="8765">
                  <c:v>4.4999999999999998E-2</c:v>
                </c:pt>
                <c:pt idx="8766">
                  <c:v>4.4999999999999998E-2</c:v>
                </c:pt>
                <c:pt idx="8767">
                  <c:v>4.4999999999999998E-2</c:v>
                </c:pt>
                <c:pt idx="8768">
                  <c:v>4.4999999999999998E-2</c:v>
                </c:pt>
                <c:pt idx="8769">
                  <c:v>4.4999999999999998E-2</c:v>
                </c:pt>
                <c:pt idx="8770">
                  <c:v>4.4999999999999998E-2</c:v>
                </c:pt>
                <c:pt idx="8771">
                  <c:v>4.4999999999999998E-2</c:v>
                </c:pt>
                <c:pt idx="8772">
                  <c:v>4.4999999999999998E-2</c:v>
                </c:pt>
                <c:pt idx="8773">
                  <c:v>4.4999999999999998E-2</c:v>
                </c:pt>
                <c:pt idx="8774">
                  <c:v>4.4999999999999998E-2</c:v>
                </c:pt>
                <c:pt idx="8775">
                  <c:v>4.4999999999999998E-2</c:v>
                </c:pt>
                <c:pt idx="8776">
                  <c:v>4.4999999999999998E-2</c:v>
                </c:pt>
                <c:pt idx="8777">
                  <c:v>4.4999999999999998E-2</c:v>
                </c:pt>
                <c:pt idx="8778">
                  <c:v>4.4999999999999998E-2</c:v>
                </c:pt>
                <c:pt idx="8779">
                  <c:v>4.4999999999999998E-2</c:v>
                </c:pt>
                <c:pt idx="8780">
                  <c:v>4.4999999999999998E-2</c:v>
                </c:pt>
                <c:pt idx="8781">
                  <c:v>4.4999999999999998E-2</c:v>
                </c:pt>
                <c:pt idx="8782">
                  <c:v>4.4999999999999998E-2</c:v>
                </c:pt>
                <c:pt idx="8783">
                  <c:v>4.4999999999999998E-2</c:v>
                </c:pt>
                <c:pt idx="8784">
                  <c:v>4.4999999999999998E-2</c:v>
                </c:pt>
                <c:pt idx="8785">
                  <c:v>4.4999999999999998E-2</c:v>
                </c:pt>
                <c:pt idx="8786">
                  <c:v>4.4999999999999998E-2</c:v>
                </c:pt>
                <c:pt idx="8787">
                  <c:v>4.4999999999999998E-2</c:v>
                </c:pt>
                <c:pt idx="8788">
                  <c:v>4.4999999999999998E-2</c:v>
                </c:pt>
                <c:pt idx="8789">
                  <c:v>4.4999999999999998E-2</c:v>
                </c:pt>
                <c:pt idx="8790">
                  <c:v>4.4999999999999998E-2</c:v>
                </c:pt>
                <c:pt idx="8791">
                  <c:v>4.4999999999999998E-2</c:v>
                </c:pt>
                <c:pt idx="8792">
                  <c:v>4.4999999999999998E-2</c:v>
                </c:pt>
                <c:pt idx="8793">
                  <c:v>4.4999999999999998E-2</c:v>
                </c:pt>
                <c:pt idx="8794">
                  <c:v>4.4999999999999998E-2</c:v>
                </c:pt>
                <c:pt idx="8795">
                  <c:v>4.4999999999999998E-2</c:v>
                </c:pt>
                <c:pt idx="8796">
                  <c:v>4.4999999999999998E-2</c:v>
                </c:pt>
                <c:pt idx="8797">
                  <c:v>4.4999999999999998E-2</c:v>
                </c:pt>
                <c:pt idx="8798">
                  <c:v>4.4999999999999998E-2</c:v>
                </c:pt>
                <c:pt idx="8799">
                  <c:v>4.4999999999999998E-2</c:v>
                </c:pt>
                <c:pt idx="8800">
                  <c:v>4.4999999999999998E-2</c:v>
                </c:pt>
                <c:pt idx="8801">
                  <c:v>4.4999999999999998E-2</c:v>
                </c:pt>
                <c:pt idx="8802">
                  <c:v>4.4999999999999998E-2</c:v>
                </c:pt>
                <c:pt idx="8803">
                  <c:v>4.4999999999999998E-2</c:v>
                </c:pt>
                <c:pt idx="8804">
                  <c:v>4.4999999999999998E-2</c:v>
                </c:pt>
                <c:pt idx="8805">
                  <c:v>4.4999999999999998E-2</c:v>
                </c:pt>
                <c:pt idx="8806">
                  <c:v>4.4999999999999998E-2</c:v>
                </c:pt>
                <c:pt idx="8807">
                  <c:v>4.4999999999999998E-2</c:v>
                </c:pt>
                <c:pt idx="8808">
                  <c:v>4.4999999999999998E-2</c:v>
                </c:pt>
                <c:pt idx="8809">
                  <c:v>4.4999999999999998E-2</c:v>
                </c:pt>
                <c:pt idx="8810">
                  <c:v>4.4999999999999998E-2</c:v>
                </c:pt>
                <c:pt idx="8811">
                  <c:v>4.4999999999999998E-2</c:v>
                </c:pt>
                <c:pt idx="8812">
                  <c:v>4.4999999999999998E-2</c:v>
                </c:pt>
                <c:pt idx="8813">
                  <c:v>4.4999999999999998E-2</c:v>
                </c:pt>
                <c:pt idx="8814">
                  <c:v>4.4999999999999998E-2</c:v>
                </c:pt>
                <c:pt idx="8815">
                  <c:v>4.4999999999999998E-2</c:v>
                </c:pt>
                <c:pt idx="8816">
                  <c:v>4.4999999999999998E-2</c:v>
                </c:pt>
                <c:pt idx="8817">
                  <c:v>4.4999999999999998E-2</c:v>
                </c:pt>
                <c:pt idx="8818">
                  <c:v>4.4999999999999998E-2</c:v>
                </c:pt>
                <c:pt idx="8819">
                  <c:v>4.4999999999999998E-2</c:v>
                </c:pt>
                <c:pt idx="8820">
                  <c:v>4.4999999999999998E-2</c:v>
                </c:pt>
                <c:pt idx="8821">
                  <c:v>4.4999999999999998E-2</c:v>
                </c:pt>
                <c:pt idx="8822">
                  <c:v>4.4999999999999998E-2</c:v>
                </c:pt>
                <c:pt idx="8823">
                  <c:v>4.4999999999999998E-2</c:v>
                </c:pt>
                <c:pt idx="8824">
                  <c:v>4.4999999999999998E-2</c:v>
                </c:pt>
                <c:pt idx="8825">
                  <c:v>4.4999999999999998E-2</c:v>
                </c:pt>
                <c:pt idx="8826">
                  <c:v>4.4999999999999998E-2</c:v>
                </c:pt>
                <c:pt idx="8827">
                  <c:v>4.4999999999999998E-2</c:v>
                </c:pt>
                <c:pt idx="8828">
                  <c:v>4.4999999999999998E-2</c:v>
                </c:pt>
                <c:pt idx="8829">
                  <c:v>4.4999999999999998E-2</c:v>
                </c:pt>
                <c:pt idx="8830">
                  <c:v>4.4999999999999998E-2</c:v>
                </c:pt>
                <c:pt idx="8831">
                  <c:v>4.4999999999999998E-2</c:v>
                </c:pt>
                <c:pt idx="8832">
                  <c:v>4.4999999999999998E-2</c:v>
                </c:pt>
                <c:pt idx="8833">
                  <c:v>4.4999999999999998E-2</c:v>
                </c:pt>
                <c:pt idx="8834">
                  <c:v>4.4999999999999998E-2</c:v>
                </c:pt>
                <c:pt idx="8835">
                  <c:v>4.4999999999999998E-2</c:v>
                </c:pt>
                <c:pt idx="8836">
                  <c:v>4.4999999999999998E-2</c:v>
                </c:pt>
                <c:pt idx="8837">
                  <c:v>4.4999999999999998E-2</c:v>
                </c:pt>
                <c:pt idx="8838">
                  <c:v>4.4999999999999998E-2</c:v>
                </c:pt>
                <c:pt idx="8839">
                  <c:v>4.4999999999999998E-2</c:v>
                </c:pt>
                <c:pt idx="8840">
                  <c:v>4.4999999999999998E-2</c:v>
                </c:pt>
                <c:pt idx="8841">
                  <c:v>4.4999999999999998E-2</c:v>
                </c:pt>
                <c:pt idx="8842">
                  <c:v>4.4999999999999998E-2</c:v>
                </c:pt>
                <c:pt idx="8843">
                  <c:v>4.4999999999999998E-2</c:v>
                </c:pt>
                <c:pt idx="8844">
                  <c:v>4.4999999999999998E-2</c:v>
                </c:pt>
                <c:pt idx="8845">
                  <c:v>4.4999999999999998E-2</c:v>
                </c:pt>
                <c:pt idx="8846">
                  <c:v>4.4999999999999998E-2</c:v>
                </c:pt>
                <c:pt idx="8847">
                  <c:v>4.4999999999999998E-2</c:v>
                </c:pt>
                <c:pt idx="8848">
                  <c:v>4.4999999999999998E-2</c:v>
                </c:pt>
                <c:pt idx="8849">
                  <c:v>4.4999999999999998E-2</c:v>
                </c:pt>
                <c:pt idx="8850">
                  <c:v>4.4999999999999998E-2</c:v>
                </c:pt>
                <c:pt idx="8851">
                  <c:v>4.4999999999999998E-2</c:v>
                </c:pt>
                <c:pt idx="8852">
                  <c:v>4.4999999999999998E-2</c:v>
                </c:pt>
                <c:pt idx="8853">
                  <c:v>4.4999999999999998E-2</c:v>
                </c:pt>
                <c:pt idx="8854">
                  <c:v>4.4999999999999998E-2</c:v>
                </c:pt>
                <c:pt idx="8855">
                  <c:v>4.4999999999999998E-2</c:v>
                </c:pt>
                <c:pt idx="8856">
                  <c:v>4.4999999999999998E-2</c:v>
                </c:pt>
                <c:pt idx="8857">
                  <c:v>4.4999999999999998E-2</c:v>
                </c:pt>
                <c:pt idx="8858">
                  <c:v>4.4999999999999998E-2</c:v>
                </c:pt>
                <c:pt idx="8859">
                  <c:v>4.4999999999999998E-2</c:v>
                </c:pt>
                <c:pt idx="8860">
                  <c:v>4.4999999999999998E-2</c:v>
                </c:pt>
                <c:pt idx="8861">
                  <c:v>4.4999999999999998E-2</c:v>
                </c:pt>
                <c:pt idx="8862">
                  <c:v>4.4999999999999998E-2</c:v>
                </c:pt>
                <c:pt idx="8863">
                  <c:v>4.4999999999999998E-2</c:v>
                </c:pt>
                <c:pt idx="8864">
                  <c:v>4.4999999999999998E-2</c:v>
                </c:pt>
                <c:pt idx="8865">
                  <c:v>4.4999999999999998E-2</c:v>
                </c:pt>
                <c:pt idx="8866">
                  <c:v>4.4999999999999998E-2</c:v>
                </c:pt>
                <c:pt idx="8867">
                  <c:v>4.4999999999999998E-2</c:v>
                </c:pt>
                <c:pt idx="8868">
                  <c:v>4.4999999999999998E-2</c:v>
                </c:pt>
                <c:pt idx="8869">
                  <c:v>4.4999999999999998E-2</c:v>
                </c:pt>
                <c:pt idx="8870">
                  <c:v>4.4999999999999998E-2</c:v>
                </c:pt>
                <c:pt idx="8871">
                  <c:v>4.4999999999999998E-2</c:v>
                </c:pt>
                <c:pt idx="8872">
                  <c:v>4.4999999999999998E-2</c:v>
                </c:pt>
                <c:pt idx="8873">
                  <c:v>4.4999999999999998E-2</c:v>
                </c:pt>
                <c:pt idx="8874">
                  <c:v>4.4999999999999998E-2</c:v>
                </c:pt>
                <c:pt idx="8875">
                  <c:v>4.4999999999999998E-2</c:v>
                </c:pt>
                <c:pt idx="8876">
                  <c:v>4.4999999999999998E-2</c:v>
                </c:pt>
                <c:pt idx="8877">
                  <c:v>4.4999999999999998E-2</c:v>
                </c:pt>
                <c:pt idx="8878">
                  <c:v>4.4999999999999998E-2</c:v>
                </c:pt>
                <c:pt idx="8879">
                  <c:v>4.4999999999999998E-2</c:v>
                </c:pt>
                <c:pt idx="8880">
                  <c:v>4.4999999999999998E-2</c:v>
                </c:pt>
                <c:pt idx="8881">
                  <c:v>4.4999999999999998E-2</c:v>
                </c:pt>
                <c:pt idx="8882">
                  <c:v>4.4999999999999998E-2</c:v>
                </c:pt>
                <c:pt idx="8883">
                  <c:v>4.4999999999999998E-2</c:v>
                </c:pt>
                <c:pt idx="8884">
                  <c:v>4.4999999999999998E-2</c:v>
                </c:pt>
                <c:pt idx="8885">
                  <c:v>4.4999999999999998E-2</c:v>
                </c:pt>
                <c:pt idx="8886">
                  <c:v>4.4999999999999998E-2</c:v>
                </c:pt>
                <c:pt idx="8887">
                  <c:v>4.4999999999999998E-2</c:v>
                </c:pt>
                <c:pt idx="8888">
                  <c:v>4.4999999999999998E-2</c:v>
                </c:pt>
                <c:pt idx="8889">
                  <c:v>4.4999999999999998E-2</c:v>
                </c:pt>
                <c:pt idx="8890">
                  <c:v>4.4999999999999998E-2</c:v>
                </c:pt>
                <c:pt idx="8891">
                  <c:v>4.4999999999999998E-2</c:v>
                </c:pt>
                <c:pt idx="8892">
                  <c:v>4.4999999999999998E-2</c:v>
                </c:pt>
                <c:pt idx="8893">
                  <c:v>4.4999999999999998E-2</c:v>
                </c:pt>
                <c:pt idx="8894">
                  <c:v>4.4999999999999998E-2</c:v>
                </c:pt>
                <c:pt idx="8895">
                  <c:v>4.4999999999999998E-2</c:v>
                </c:pt>
                <c:pt idx="8896">
                  <c:v>4.4999999999999998E-2</c:v>
                </c:pt>
                <c:pt idx="8897">
                  <c:v>4.4999999999999998E-2</c:v>
                </c:pt>
                <c:pt idx="8898">
                  <c:v>4.4999999999999998E-2</c:v>
                </c:pt>
                <c:pt idx="8899">
                  <c:v>4.4999999999999998E-2</c:v>
                </c:pt>
                <c:pt idx="8900">
                  <c:v>4.4999999999999998E-2</c:v>
                </c:pt>
                <c:pt idx="8901">
                  <c:v>4.4999999999999998E-2</c:v>
                </c:pt>
                <c:pt idx="8902">
                  <c:v>4.4999999999999998E-2</c:v>
                </c:pt>
                <c:pt idx="8903">
                  <c:v>4.4999999999999998E-2</c:v>
                </c:pt>
                <c:pt idx="8904">
                  <c:v>4.4999999999999998E-2</c:v>
                </c:pt>
                <c:pt idx="8905">
                  <c:v>4.4999999999999998E-2</c:v>
                </c:pt>
                <c:pt idx="8906">
                  <c:v>4.4999999999999998E-2</c:v>
                </c:pt>
                <c:pt idx="8907">
                  <c:v>4.4999999999999998E-2</c:v>
                </c:pt>
                <c:pt idx="8908">
                  <c:v>4.4999999999999998E-2</c:v>
                </c:pt>
                <c:pt idx="8909">
                  <c:v>4.4999999999999998E-2</c:v>
                </c:pt>
                <c:pt idx="8910">
                  <c:v>4.4999999999999998E-2</c:v>
                </c:pt>
                <c:pt idx="8911">
                  <c:v>4.4999999999999998E-2</c:v>
                </c:pt>
                <c:pt idx="8912">
                  <c:v>4.4999999999999998E-2</c:v>
                </c:pt>
                <c:pt idx="8913">
                  <c:v>4.4999999999999998E-2</c:v>
                </c:pt>
                <c:pt idx="8914">
                  <c:v>4.4999999999999998E-2</c:v>
                </c:pt>
                <c:pt idx="8915">
                  <c:v>4.4999999999999998E-2</c:v>
                </c:pt>
                <c:pt idx="8916">
                  <c:v>4.4999999999999998E-2</c:v>
                </c:pt>
                <c:pt idx="8917">
                  <c:v>4.4999999999999998E-2</c:v>
                </c:pt>
                <c:pt idx="8918">
                  <c:v>4.4999999999999998E-2</c:v>
                </c:pt>
                <c:pt idx="8919">
                  <c:v>4.4999999999999998E-2</c:v>
                </c:pt>
                <c:pt idx="8920">
                  <c:v>4.4999999999999998E-2</c:v>
                </c:pt>
                <c:pt idx="8921">
                  <c:v>4.4999999999999998E-2</c:v>
                </c:pt>
                <c:pt idx="8922">
                  <c:v>4.4999999999999998E-2</c:v>
                </c:pt>
                <c:pt idx="8923">
                  <c:v>4.4999999999999998E-2</c:v>
                </c:pt>
                <c:pt idx="8924">
                  <c:v>4.4999999999999998E-2</c:v>
                </c:pt>
                <c:pt idx="8925">
                  <c:v>4.4999999999999998E-2</c:v>
                </c:pt>
                <c:pt idx="8926">
                  <c:v>4.4999999999999998E-2</c:v>
                </c:pt>
                <c:pt idx="8927">
                  <c:v>4.4999999999999998E-2</c:v>
                </c:pt>
                <c:pt idx="8928">
                  <c:v>4.4999999999999998E-2</c:v>
                </c:pt>
                <c:pt idx="8929">
                  <c:v>4.2500000000000003E-2</c:v>
                </c:pt>
                <c:pt idx="8930">
                  <c:v>4.2500000000000003E-2</c:v>
                </c:pt>
                <c:pt idx="8931">
                  <c:v>4.2500000000000003E-2</c:v>
                </c:pt>
                <c:pt idx="8932">
                  <c:v>4.2500000000000003E-2</c:v>
                </c:pt>
                <c:pt idx="8933">
                  <c:v>4.2500000000000003E-2</c:v>
                </c:pt>
                <c:pt idx="8934">
                  <c:v>4.2500000000000003E-2</c:v>
                </c:pt>
                <c:pt idx="8935">
                  <c:v>4.2500000000000003E-2</c:v>
                </c:pt>
                <c:pt idx="8936">
                  <c:v>4.2500000000000003E-2</c:v>
                </c:pt>
                <c:pt idx="8937">
                  <c:v>4.2500000000000003E-2</c:v>
                </c:pt>
                <c:pt idx="8938">
                  <c:v>4.2500000000000003E-2</c:v>
                </c:pt>
                <c:pt idx="8939">
                  <c:v>4.2500000000000003E-2</c:v>
                </c:pt>
                <c:pt idx="8940">
                  <c:v>4.2500000000000003E-2</c:v>
                </c:pt>
                <c:pt idx="8941">
                  <c:v>4.2500000000000003E-2</c:v>
                </c:pt>
                <c:pt idx="8942">
                  <c:v>4.2500000000000003E-2</c:v>
                </c:pt>
                <c:pt idx="8943">
                  <c:v>4.2500000000000003E-2</c:v>
                </c:pt>
                <c:pt idx="8944">
                  <c:v>4.2500000000000003E-2</c:v>
                </c:pt>
                <c:pt idx="8945">
                  <c:v>4.2500000000000003E-2</c:v>
                </c:pt>
                <c:pt idx="8946">
                  <c:v>4.2500000000000003E-2</c:v>
                </c:pt>
                <c:pt idx="8947">
                  <c:v>4.2500000000000003E-2</c:v>
                </c:pt>
              </c:numCache>
            </c:numRef>
          </c:val>
          <c:smooth val="0"/>
          <c:extLst>
            <c:ext xmlns:c16="http://schemas.microsoft.com/office/drawing/2014/chart" uri="{C3380CC4-5D6E-409C-BE32-E72D297353CC}">
              <c16:uniqueId val="{00000005-27D4-4B1C-BABF-80723AC504D7}"/>
            </c:ext>
          </c:extLst>
        </c:ser>
        <c:dLbls>
          <c:showLegendKey val="0"/>
          <c:showVal val="0"/>
          <c:showCatName val="0"/>
          <c:showSerName val="0"/>
          <c:showPercent val="0"/>
          <c:showBubbleSize val="0"/>
        </c:dLbls>
        <c:smooth val="0"/>
        <c:axId val="134379776"/>
        <c:axId val="134359136"/>
      </c:lineChart>
      <c:dateAx>
        <c:axId val="134379776"/>
        <c:scaling>
          <c:orientation val="minMax"/>
          <c:min val="43831"/>
        </c:scaling>
        <c:delete val="0"/>
        <c:axPos val="b"/>
        <c:numFmt formatCode="mmm\-yy" sourceLinked="0"/>
        <c:majorTickMark val="none"/>
        <c:minorTickMark val="none"/>
        <c:tickLblPos val="low"/>
        <c:spPr>
          <a:noFill/>
          <a:ln w="9525">
            <a:solidFill>
              <a:srgbClr val="435254"/>
            </a:solidFill>
          </a:ln>
          <a:extLst>
            <a:ext uri="{909E8E84-426E-40DD-AFC4-6F175D3DCCD1}">
              <a14:hiddenFill xmlns:a14="http://schemas.microsoft.com/office/drawing/2010/main">
                <a:noFill/>
              </a14:hiddenFill>
            </a:ext>
          </a:extLst>
        </c:spPr>
        <c:txPr>
          <a:bodyPr rot="-2700000" vert="horz"/>
          <a:lstStyle/>
          <a:p>
            <a:pPr>
              <a:defRPr lang="ja-JP"/>
            </a:pPr>
            <a:endParaRPr lang="en-US"/>
          </a:p>
        </c:txPr>
        <c:crossAx val="134359136"/>
        <c:crosses val="autoZero"/>
        <c:auto val="1"/>
        <c:lblOffset val="100"/>
        <c:baseTimeUnit val="days"/>
        <c:majorUnit val="1"/>
        <c:majorTimeUnit val="months"/>
      </c:dateAx>
      <c:valAx>
        <c:axId val="134359136"/>
        <c:scaling>
          <c:orientation val="minMax"/>
        </c:scaling>
        <c:delete val="0"/>
        <c:axPos val="l"/>
        <c:majorGridlines>
          <c:spPr>
            <a:ln w="12700">
              <a:solidFill>
                <a:srgbClr val="CAD1D3"/>
              </a:solidFill>
              <a:prstDash val="solid"/>
            </a:ln>
          </c:spPr>
        </c:majorGridlines>
        <c:numFmt formatCode="0%" sourceLinked="0"/>
        <c:majorTickMark val="none"/>
        <c:minorTickMark val="none"/>
        <c:tickLblPos val="nextTo"/>
        <c:spPr>
          <a:noFill/>
          <a:ln w="9525" cap="flat" cmpd="sng" algn="ctr">
            <a:noFill/>
            <a:prstDash val="solid"/>
            <a:round/>
          </a:ln>
          <a:effectLst/>
          <a:extLst>
            <a:ext uri="{909E8E84-426E-40DD-AFC4-6F175D3DCCD1}">
              <a14:hiddenFill xmlns:a14="http://schemas.microsoft.com/office/drawing/2010/main">
                <a:noFill/>
              </a14:hiddenFill>
            </a:ext>
            <a:ext uri="{91240B29-F687-4F45-9708-019B960494DF}">
              <a14:hiddenLine xmlns:a14="http://schemas.microsoft.com/office/drawing/2010/main" w="9525" cap="flat" cmpd="sng" algn="ctr">
                <a:solidFill>
                  <a:srgbClr val="435254"/>
                </a:solidFill>
                <a:prstDash val="solid"/>
                <a:round/>
              </a14:hiddenLine>
            </a:ext>
          </a:extLst>
        </c:spPr>
        <c:txPr>
          <a:bodyPr rot="0" vert="horz"/>
          <a:lstStyle/>
          <a:p>
            <a:pPr>
              <a:defRPr lang="ja-JP"/>
            </a:pPr>
            <a:endParaRPr lang="en-US"/>
          </a:p>
        </c:txPr>
        <c:crossAx val="134379776"/>
        <c:crosses val="autoZero"/>
        <c:crossBetween val="between"/>
      </c:valAx>
      <c:spPr>
        <a:noFill/>
        <a:ln>
          <a:noFill/>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a:noFill/>
            </a14:hiddenLine>
          </a:ext>
        </a:extLst>
      </c:spPr>
    </c:plotArea>
    <c:legend>
      <c:legendPos val="b"/>
      <c:layout>
        <c:manualLayout>
          <c:xMode val="edge"/>
          <c:yMode val="edge"/>
          <c:x val="4.5561154855643042E-2"/>
          <c:y val="8.8242662848962115E-3"/>
          <c:w val="0.36777217847769028"/>
          <c:h val="0.32447407142289025"/>
        </c:manualLayout>
      </c:layout>
      <c:overlay val="0"/>
      <c:spPr>
        <a:noFill/>
        <a:ln>
          <a:noFill/>
        </a:ln>
        <a:effectLst/>
        <a:extLst>
          <a:ext uri="{909E8E84-426E-40DD-AFC4-6F175D3DCCD1}">
            <a14:hiddenFill xmlns:a14="http://schemas.microsoft.com/office/drawing/2010/main">
              <a:solidFill>
                <a:srgbClr val="435254"/>
              </a:solidFill>
            </a14:hiddenFill>
          </a:ext>
          <a:ext uri="{91240B29-F687-4F45-9708-019B960494DF}">
            <a14:hiddenLine xmlns:a14="http://schemas.microsoft.com/office/drawing/2010/main">
              <a:solidFill>
                <a:srgbClr val="435254"/>
              </a:solidFill>
            </a14:hiddenLine>
          </a:ext>
        </a:extLst>
      </c:spPr>
      <c:txPr>
        <a:bodyPr/>
        <a:lstStyle/>
        <a:p>
          <a:pPr>
            <a:defRPr lang="ja-JP" sz="1600"/>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12700" cap="flat" cmpd="sng" algn="ctr">
      <a:noFill/>
      <a:prstDash val="solid"/>
      <a:round/>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w="12700" cap="flat" cmpd="sng" algn="ctr">
          <a:solidFill>
            <a:sysClr val="windowText" lastClr="000000">
              <a:tint val="75000"/>
            </a:sysClr>
          </a:solidFill>
          <a:prstDash val="solid"/>
          <a:round/>
        </a14:hiddenLine>
      </a:ext>
    </a:extLst>
  </c:spPr>
  <c:txPr>
    <a:bodyPr/>
    <a:lstStyle/>
    <a:p>
      <a:pPr>
        <a:defRPr sz="1200"/>
      </a:pPr>
      <a:endParaRPr lang="en-US"/>
    </a:p>
  </c:txPr>
  <c:externalData r:id="rId1">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4.1486876640419945E-2"/>
          <c:y val="3.9252167342718525E-2"/>
          <c:w val="0.94784435695538061"/>
          <c:h val="0.89946711206553731"/>
        </c:manualLayout>
      </c:layout>
      <c:barChart>
        <c:barDir val="col"/>
        <c:grouping val="clustered"/>
        <c:varyColors val="0"/>
        <c:ser>
          <c:idx val="0"/>
          <c:order val="0"/>
          <c:tx>
            <c:strRef>
              <c:f>Sheet1!$B$2</c:f>
              <c:strCache>
                <c:ptCount val="1"/>
                <c:pt idx="0">
                  <c:v>2022</c:v>
                </c:pt>
              </c:strCache>
            </c:strRef>
          </c:tx>
          <c:spPr>
            <a:solidFill>
              <a:srgbClr val="80BBAD"/>
            </a:solidFill>
            <a:ln>
              <a:noFill/>
            </a:ln>
            <a:effectLst/>
            <a:sp3d prstMaterial="flat"/>
            <a:extLst>
              <a:ext uri="{91240B29-F687-4F45-9708-019B960494DF}">
                <a14:hiddenLine xmlns:a14="http://schemas.microsoft.com/office/drawing/2010/main">
                  <a:noFill/>
                </a14:hiddenLine>
              </a:ext>
            </a:extLst>
          </c:spPr>
          <c:invertIfNegative val="0"/>
          <c:cat>
            <c:strRef>
              <c:f>Sheet1!$A$3:$A$5</c:f>
              <c:strCache>
                <c:ptCount val="3"/>
                <c:pt idx="0">
                  <c:v>Western &amp; Central Europe</c:v>
                </c:pt>
                <c:pt idx="1">
                  <c:v>Developed APAC*</c:v>
                </c:pt>
                <c:pt idx="2">
                  <c:v>USA</c:v>
                </c:pt>
              </c:strCache>
            </c:strRef>
          </c:cat>
          <c:val>
            <c:numRef>
              <c:f>Sheet1!$B$3:$B$5</c:f>
              <c:numCache>
                <c:formatCode>General</c:formatCode>
                <c:ptCount val="3"/>
                <c:pt idx="0">
                  <c:v>3.5808334298174298</c:v>
                </c:pt>
                <c:pt idx="1">
                  <c:v>1.7589105780726699</c:v>
                </c:pt>
                <c:pt idx="2">
                  <c:v>1.9354911791637399</c:v>
                </c:pt>
              </c:numCache>
            </c:numRef>
          </c:val>
          <c:extLst>
            <c:ext xmlns:c16="http://schemas.microsoft.com/office/drawing/2014/chart" uri="{C3380CC4-5D6E-409C-BE32-E72D297353CC}">
              <c16:uniqueId val="{00000000-DF79-44A7-A9F5-AAB17852DD7F}"/>
            </c:ext>
          </c:extLst>
        </c:ser>
        <c:ser>
          <c:idx val="1"/>
          <c:order val="1"/>
          <c:tx>
            <c:strRef>
              <c:f>Sheet1!$C$2</c:f>
              <c:strCache>
                <c:ptCount val="1"/>
                <c:pt idx="0">
                  <c:v>2023</c:v>
                </c:pt>
              </c:strCache>
            </c:strRef>
          </c:tx>
          <c:spPr>
            <a:solidFill>
              <a:srgbClr val="435254"/>
            </a:solidFill>
            <a:ln>
              <a:noFill/>
            </a:ln>
            <a:effectLst/>
            <a:sp3d prstMaterial="flat"/>
            <a:extLst>
              <a:ext uri="{91240B29-F687-4F45-9708-019B960494DF}">
                <a14:hiddenLine xmlns:a14="http://schemas.microsoft.com/office/drawing/2010/main">
                  <a:noFill/>
                </a14:hiddenLine>
              </a:ext>
            </a:extLst>
          </c:spPr>
          <c:invertIfNegative val="0"/>
          <c:cat>
            <c:strRef>
              <c:f>Sheet1!$A$3:$A$5</c:f>
              <c:strCache>
                <c:ptCount val="3"/>
                <c:pt idx="0">
                  <c:v>Western &amp; Central Europe</c:v>
                </c:pt>
                <c:pt idx="1">
                  <c:v>Developed APAC*</c:v>
                </c:pt>
                <c:pt idx="2">
                  <c:v>USA</c:v>
                </c:pt>
              </c:strCache>
            </c:strRef>
          </c:cat>
          <c:val>
            <c:numRef>
              <c:f>Sheet1!$C$3:$C$5</c:f>
              <c:numCache>
                <c:formatCode>General</c:formatCode>
                <c:ptCount val="3"/>
                <c:pt idx="0">
                  <c:v>0.51336911696999699</c:v>
                </c:pt>
                <c:pt idx="1">
                  <c:v>1.7867475699448301</c:v>
                </c:pt>
                <c:pt idx="2">
                  <c:v>2.5427049395687802</c:v>
                </c:pt>
              </c:numCache>
            </c:numRef>
          </c:val>
          <c:extLst>
            <c:ext xmlns:c16="http://schemas.microsoft.com/office/drawing/2014/chart" uri="{C3380CC4-5D6E-409C-BE32-E72D297353CC}">
              <c16:uniqueId val="{00000001-DF79-44A7-A9F5-AAB17852DD7F}"/>
            </c:ext>
          </c:extLst>
        </c:ser>
        <c:ser>
          <c:idx val="2"/>
          <c:order val="2"/>
          <c:tx>
            <c:v>2024</c:v>
          </c:tx>
          <c:spPr>
            <a:solidFill>
              <a:srgbClr val="17E88F"/>
            </a:solidFill>
            <a:ln>
              <a:noFill/>
            </a:ln>
            <a:effectLst/>
            <a:sp3d prstMaterial="flat"/>
            <a:extLst>
              <a:ext uri="{91240B29-F687-4F45-9708-019B960494DF}">
                <a14:hiddenLine xmlns:a14="http://schemas.microsoft.com/office/drawing/2010/main">
                  <a:noFill/>
                </a14:hiddenLine>
              </a:ext>
            </a:extLst>
          </c:spPr>
          <c:invertIfNegative val="0"/>
          <c:val>
            <c:numRef>
              <c:f>Sheet1!$D$3:$D$5</c:f>
              <c:numCache>
                <c:formatCode>General</c:formatCode>
                <c:ptCount val="3"/>
                <c:pt idx="0">
                  <c:v>1.03998729182153</c:v>
                </c:pt>
                <c:pt idx="1">
                  <c:v>0.72588894486102995</c:v>
                </c:pt>
                <c:pt idx="2">
                  <c:v>2.38708518004051</c:v>
                </c:pt>
              </c:numCache>
            </c:numRef>
          </c:val>
          <c:extLst>
            <c:ext xmlns:c16="http://schemas.microsoft.com/office/drawing/2014/chart" uri="{C3380CC4-5D6E-409C-BE32-E72D297353CC}">
              <c16:uniqueId val="{00000002-DF79-44A7-A9F5-AAB17852DD7F}"/>
            </c:ext>
          </c:extLst>
        </c:ser>
        <c:ser>
          <c:idx val="3"/>
          <c:order val="3"/>
          <c:tx>
            <c:strRef>
              <c:f>Sheet1!$E$2</c:f>
              <c:strCache>
                <c:ptCount val="1"/>
                <c:pt idx="0">
                  <c:v>2025</c:v>
                </c:pt>
              </c:strCache>
            </c:strRef>
          </c:tx>
          <c:spPr>
            <a:solidFill>
              <a:srgbClr val="DBD99A"/>
            </a:solidFill>
            <a:ln>
              <a:noFill/>
            </a:ln>
            <a:effectLst/>
            <a:sp3d prstMaterial="flat"/>
            <a:extLst>
              <a:ext uri="{91240B29-F687-4F45-9708-019B960494DF}">
                <a14:hiddenLine xmlns:a14="http://schemas.microsoft.com/office/drawing/2010/main">
                  <a:noFill/>
                </a14:hiddenLine>
              </a:ext>
            </a:extLst>
          </c:spPr>
          <c:invertIfNegative val="0"/>
          <c:val>
            <c:numRef>
              <c:f>Sheet1!$E$3:$E$5</c:f>
              <c:numCache>
                <c:formatCode>General</c:formatCode>
                <c:ptCount val="3"/>
                <c:pt idx="0">
                  <c:v>1.8772367628592601</c:v>
                </c:pt>
                <c:pt idx="1">
                  <c:v>1.5409533346209401</c:v>
                </c:pt>
                <c:pt idx="2">
                  <c:v>1.55327751197584</c:v>
                </c:pt>
              </c:numCache>
            </c:numRef>
          </c:val>
          <c:extLst>
            <c:ext xmlns:c16="http://schemas.microsoft.com/office/drawing/2014/chart" uri="{C3380CC4-5D6E-409C-BE32-E72D297353CC}">
              <c16:uniqueId val="{00000003-DF79-44A7-A9F5-AAB17852DD7F}"/>
            </c:ext>
          </c:extLst>
        </c:ser>
        <c:dLbls>
          <c:showLegendKey val="0"/>
          <c:showVal val="0"/>
          <c:showCatName val="0"/>
          <c:showSerName val="0"/>
          <c:showPercent val="0"/>
          <c:showBubbleSize val="0"/>
        </c:dLbls>
        <c:gapWidth val="50"/>
        <c:overlap val="-10"/>
        <c:axId val="967455672"/>
        <c:axId val="967456000"/>
      </c:barChart>
      <c:catAx>
        <c:axId val="967455672"/>
        <c:scaling>
          <c:orientation val="minMax"/>
        </c:scaling>
        <c:delete val="0"/>
        <c:axPos val="b"/>
        <c:numFmt formatCode="General" sourceLinked="1"/>
        <c:majorTickMark val="none"/>
        <c:minorTickMark val="none"/>
        <c:tickLblPos val="low"/>
        <c:spPr>
          <a:noFill/>
          <a:ln w="12700" cap="flat" cmpd="sng" algn="ctr">
            <a:solidFill>
              <a:srgbClr val="435254"/>
            </a:solidFill>
            <a:prstDash val="solid"/>
            <a:round/>
          </a:ln>
          <a:effectLst/>
        </c:spPr>
        <c:txPr>
          <a:bodyPr rot="-60000000" spcFirstLastPara="1" vertOverflow="ellipsis" vert="horz" wrap="square" anchor="ctr" anchorCtr="1"/>
          <a:lstStyle/>
          <a:p>
            <a:pPr>
              <a:defRPr lang="ja-JP" sz="1200" b="0" i="0" u="none" strike="noStrike" kern="1200" baseline="0">
                <a:solidFill>
                  <a:srgbClr val="435254"/>
                </a:solidFill>
                <a:latin typeface="Calibre Regular" panose="020B0503030202060203"/>
                <a:ea typeface="Calibre Regular"/>
                <a:cs typeface="Calibre Regular"/>
              </a:defRPr>
            </a:pPr>
            <a:endParaRPr lang="en-US"/>
          </a:p>
        </c:txPr>
        <c:crossAx val="967456000"/>
        <c:crosses val="autoZero"/>
        <c:auto val="1"/>
        <c:lblAlgn val="ctr"/>
        <c:lblOffset val="100"/>
        <c:noMultiLvlLbl val="0"/>
      </c:catAx>
      <c:valAx>
        <c:axId val="967456000"/>
        <c:scaling>
          <c:orientation val="minMax"/>
        </c:scaling>
        <c:delete val="0"/>
        <c:axPos val="l"/>
        <c:majorGridlines>
          <c:spPr>
            <a:ln w="6350" cap="flat" cmpd="sng" algn="ctr">
              <a:solidFill>
                <a:srgbClr val="435254"/>
              </a:solidFill>
              <a:prstDash val="solid"/>
              <a:round/>
            </a:ln>
            <a:effectLst/>
          </c:spPr>
        </c:majorGridlines>
        <c:numFmt formatCode="#,##0.0" sourceLinked="0"/>
        <c:majorTickMark val="none"/>
        <c:minorTickMark val="none"/>
        <c:tickLblPos val="nextTo"/>
        <c:spPr>
          <a:noFill/>
          <a:ln>
            <a:noFill/>
          </a:ln>
          <a:effectLst/>
          <a:extLst>
            <a:ext uri="{91240B29-F687-4F45-9708-019B960494DF}">
              <a14:hiddenLine xmlns:a14="http://schemas.microsoft.com/office/drawing/2010/main">
                <a:noFill/>
              </a14:hiddenLine>
            </a:ext>
          </a:extLst>
        </c:spPr>
        <c:txPr>
          <a:bodyPr rot="-60000000" spcFirstLastPara="1" vertOverflow="ellipsis" vert="horz" wrap="square" anchor="ctr" anchorCtr="1"/>
          <a:lstStyle/>
          <a:p>
            <a:pPr>
              <a:defRPr lang="ja-JP" sz="1200" b="0" i="0" u="none" strike="noStrike" kern="1200" baseline="0">
                <a:solidFill>
                  <a:srgbClr val="435254"/>
                </a:solidFill>
                <a:latin typeface="Calibre Regular" panose="020B0503030202060203"/>
                <a:ea typeface="Calibre Regular"/>
                <a:cs typeface="Calibre Regular"/>
              </a:defRPr>
            </a:pPr>
            <a:endParaRPr lang="en-US"/>
          </a:p>
        </c:txPr>
        <c:crossAx val="967455672"/>
        <c:crosses val="autoZero"/>
        <c:crossBetween val="between"/>
      </c:valAx>
      <c:spPr>
        <a:noFill/>
        <a:ln>
          <a:noFill/>
        </a:ln>
        <a:effectLst>
          <a:outerShdw blurRad="63500" dist="37357" dir="2700000" sx="0" sy="0" rotWithShape="0">
            <a:scrgbClr r="0" g="0" b="0">
              <a:alpha val="0"/>
            </a:scrgbClr>
          </a:outerShdw>
        </a:effectLst>
        <a:extLst>
          <a:ext uri="{909E8E84-426E-40DD-AFC4-6F175D3DCCD1}">
            <a14:hiddenFill xmlns:a14="http://schemas.microsoft.com/office/drawing/2010/main">
              <a:noFill/>
            </a14:hiddenFill>
          </a:ext>
          <a:ext uri="{91240B29-F687-4F45-9708-019B960494DF}">
            <a14:hiddenLine xmlns:a14="http://schemas.microsoft.com/office/drawing/2010/main">
              <a:noFill/>
            </a14:hiddenLine>
          </a:ext>
        </a:extLst>
      </c:spPr>
    </c:plotArea>
    <c:legend>
      <c:legendPos val="b"/>
      <c:layout>
        <c:manualLayout>
          <c:xMode val="edge"/>
          <c:yMode val="edge"/>
          <c:x val="4.0535433070866145E-3"/>
          <c:y val="4.4331504016543337E-2"/>
          <c:w val="0.99372426004640346"/>
          <c:h val="0.10718364749860813"/>
        </c:manualLayout>
      </c:layout>
      <c:overlay val="0"/>
      <c:spPr>
        <a:noFill/>
        <a:ln>
          <a:noFill/>
        </a:ln>
        <a:effectLst>
          <a:outerShdw blurRad="63500" dist="37357" dir="2700000" sx="0" sy="0" rotWithShape="0">
            <a:scrgbClr r="0" g="0" b="0">
              <a:alpha val="0"/>
            </a:scrgbClr>
          </a:outerShdw>
        </a:effectLst>
        <a:extLst>
          <a:ext uri="{91240B29-F687-4F45-9708-019B960494DF}">
            <a14:hiddenLine xmlns:a14="http://schemas.microsoft.com/office/drawing/2010/main">
              <a:noFill/>
            </a14:hiddenLine>
          </a:ext>
        </a:extLst>
      </c:spPr>
      <c:txPr>
        <a:bodyPr rot="0" spcFirstLastPara="1" vertOverflow="ellipsis" vert="horz" wrap="square" anchor="ctr" anchorCtr="1"/>
        <a:lstStyle/>
        <a:p>
          <a:pPr>
            <a:defRPr lang="ja-JP" sz="2000" b="0" i="0" u="none" strike="noStrike" kern="1200" baseline="0">
              <a:solidFill>
                <a:srgbClr val="435254"/>
              </a:solidFill>
              <a:latin typeface="Calibre Regular" panose="020B0503030202060203"/>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a:outerShdw blurRad="63500" dist="37357" dir="2700000" sx="0" sy="0" rotWithShape="0">
        <a:scrgbClr r="0" g="0" b="0">
          <a:alpha val="0"/>
        </a:scrgbClr>
      </a:outerShdw>
    </a:effectLst>
    <a:extLst>
      <a:ext uri="{909E8E84-426E-40DD-AFC4-6F175D3DCCD1}">
        <a14:hiddenFill xmlns:a14="http://schemas.microsoft.com/office/drawing/2010/main">
          <a:noFill/>
        </a14:hiddenFill>
      </a:ext>
      <a:ext uri="{91240B29-F687-4F45-9708-019B960494DF}">
        <a14:hiddenLine xmlns:a14="http://schemas.microsoft.com/office/drawing/2010/main">
          <a:noFill/>
        </a14:hiddenLine>
      </a:ext>
    </a:extLst>
  </c:spPr>
  <c:txPr>
    <a:bodyPr/>
    <a:lstStyle/>
    <a:p>
      <a:pPr>
        <a:defRPr sz="1200">
          <a:solidFill>
            <a:srgbClr val="435254"/>
          </a:solidFill>
          <a:latin typeface="Calibre Regular" panose="020B0503030202060203"/>
        </a:defRPr>
      </a:pPr>
      <a:endParaRPr lang="en-US"/>
    </a:p>
  </c:txPr>
  <c:externalData r:id="rId3">
    <c:autoUpdate val="0"/>
  </c:externalData>
  <c:userShapes r:id="rId4"/>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3.3563779527559068E-2"/>
          <c:y val="5.9077388053766007E-2"/>
          <c:w val="0.96028643919510059"/>
          <c:h val="0.88588920703093932"/>
        </c:manualLayout>
      </c:layout>
      <c:lineChart>
        <c:grouping val="standard"/>
        <c:varyColors val="0"/>
        <c:ser>
          <c:idx val="0"/>
          <c:order val="0"/>
          <c:tx>
            <c:strRef>
              <c:f>'GovBal,%GDP'!$L$1</c:f>
              <c:strCache>
                <c:ptCount val="1"/>
                <c:pt idx="0">
                  <c:v>U.S.</c:v>
                </c:pt>
              </c:strCache>
            </c:strRef>
          </c:tx>
          <c:spPr>
            <a:ln w="25400" cap="rnd" cmpd="sng" algn="ctr">
              <a:solidFill>
                <a:srgbClr val="80BBAD"/>
              </a:solidFill>
              <a:prstDash val="solid"/>
              <a:round/>
              <a:headEnd type="none" w="med" len="med"/>
              <a:tailEnd type="none" w="med" len="med"/>
            </a:ln>
          </c:spPr>
          <c:marker>
            <c:symbol val="none"/>
          </c:marker>
          <c:cat>
            <c:strRef>
              <c:f>'GovBal,%GDP'!$K$2:$K$27</c:f>
              <c:strCache>
                <c:ptCount val="2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strCache>
            </c:strRef>
          </c:cat>
          <c:val>
            <c:numRef>
              <c:f>'GovBal,%GDP'!$L$2:$L$27</c:f>
              <c:numCache>
                <c:formatCode>General</c:formatCode>
                <c:ptCount val="26"/>
                <c:pt idx="0">
                  <c:v>0.39</c:v>
                </c:pt>
                <c:pt idx="1">
                  <c:v>-1.83</c:v>
                </c:pt>
                <c:pt idx="2">
                  <c:v>-5.22</c:v>
                </c:pt>
                <c:pt idx="3">
                  <c:v>-6.37</c:v>
                </c:pt>
                <c:pt idx="4">
                  <c:v>-5.76</c:v>
                </c:pt>
                <c:pt idx="5">
                  <c:v>-4.4800000000000004</c:v>
                </c:pt>
                <c:pt idx="6">
                  <c:v>-3.45</c:v>
                </c:pt>
                <c:pt idx="7">
                  <c:v>-4.01</c:v>
                </c:pt>
                <c:pt idx="8">
                  <c:v>-7.05</c:v>
                </c:pt>
                <c:pt idx="9">
                  <c:v>-12.34</c:v>
                </c:pt>
                <c:pt idx="10">
                  <c:v>-12.14</c:v>
                </c:pt>
                <c:pt idx="11">
                  <c:v>-10.79</c:v>
                </c:pt>
                <c:pt idx="12">
                  <c:v>-9.19</c:v>
                </c:pt>
                <c:pt idx="13">
                  <c:v>-5.85</c:v>
                </c:pt>
                <c:pt idx="14">
                  <c:v>-5.18</c:v>
                </c:pt>
                <c:pt idx="15">
                  <c:v>-4.74</c:v>
                </c:pt>
                <c:pt idx="16">
                  <c:v>-5.39</c:v>
                </c:pt>
                <c:pt idx="17">
                  <c:v>-4.38</c:v>
                </c:pt>
                <c:pt idx="18">
                  <c:v>-6.04</c:v>
                </c:pt>
                <c:pt idx="19">
                  <c:v>-6.64</c:v>
                </c:pt>
                <c:pt idx="20">
                  <c:v>-14.93</c:v>
                </c:pt>
                <c:pt idx="21">
                  <c:v>-11.61</c:v>
                </c:pt>
                <c:pt idx="22">
                  <c:v>-4.29</c:v>
                </c:pt>
                <c:pt idx="23">
                  <c:v>-7.89</c:v>
                </c:pt>
                <c:pt idx="24">
                  <c:v>-7.26</c:v>
                </c:pt>
                <c:pt idx="25">
                  <c:v>-7.93</c:v>
                </c:pt>
              </c:numCache>
            </c:numRef>
          </c:val>
          <c:smooth val="0"/>
          <c:extLst>
            <c:ext xmlns:c16="http://schemas.microsoft.com/office/drawing/2014/chart" uri="{C3380CC4-5D6E-409C-BE32-E72D297353CC}">
              <c16:uniqueId val="{00000000-AD8F-41E5-A649-A19DDDEF8467}"/>
            </c:ext>
          </c:extLst>
        </c:ser>
        <c:ser>
          <c:idx val="1"/>
          <c:order val="1"/>
          <c:tx>
            <c:strRef>
              <c:f>'GovBal,%GDP'!$M$1</c:f>
              <c:strCache>
                <c:ptCount val="1"/>
                <c:pt idx="0">
                  <c:v>U.K.</c:v>
                </c:pt>
              </c:strCache>
            </c:strRef>
          </c:tx>
          <c:spPr>
            <a:ln w="25400" cap="rnd" cmpd="sng" algn="ctr">
              <a:solidFill>
                <a:srgbClr val="435254"/>
              </a:solidFill>
              <a:prstDash val="solid"/>
              <a:round/>
              <a:headEnd type="none" w="med" len="med"/>
              <a:tailEnd type="none" w="med" len="med"/>
            </a:ln>
          </c:spPr>
          <c:marker>
            <c:symbol val="none"/>
          </c:marker>
          <c:cat>
            <c:strRef>
              <c:f>'GovBal,%GDP'!$K$2:$K$27</c:f>
              <c:strCache>
                <c:ptCount val="2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strCache>
            </c:strRef>
          </c:cat>
          <c:val>
            <c:numRef>
              <c:f>'GovBal,%GDP'!$M$2:$M$27</c:f>
              <c:numCache>
                <c:formatCode>General</c:formatCode>
                <c:ptCount val="26"/>
                <c:pt idx="0">
                  <c:v>1.31</c:v>
                </c:pt>
                <c:pt idx="1">
                  <c:v>0.11</c:v>
                </c:pt>
                <c:pt idx="2">
                  <c:v>-2.0099999999999998</c:v>
                </c:pt>
                <c:pt idx="3">
                  <c:v>-3.26</c:v>
                </c:pt>
                <c:pt idx="4">
                  <c:v>-3.2</c:v>
                </c:pt>
                <c:pt idx="5">
                  <c:v>-2.92</c:v>
                </c:pt>
                <c:pt idx="6">
                  <c:v>-2.84</c:v>
                </c:pt>
                <c:pt idx="7">
                  <c:v>-2.73</c:v>
                </c:pt>
                <c:pt idx="8">
                  <c:v>-5.24</c:v>
                </c:pt>
                <c:pt idx="9">
                  <c:v>-10.18</c:v>
                </c:pt>
                <c:pt idx="10">
                  <c:v>-9.3000000000000007</c:v>
                </c:pt>
                <c:pt idx="11">
                  <c:v>-7.43</c:v>
                </c:pt>
                <c:pt idx="12">
                  <c:v>-8.0399999999999991</c:v>
                </c:pt>
                <c:pt idx="13">
                  <c:v>-5.34</c:v>
                </c:pt>
                <c:pt idx="14">
                  <c:v>-5.49</c:v>
                </c:pt>
                <c:pt idx="15">
                  <c:v>-4.57</c:v>
                </c:pt>
                <c:pt idx="16">
                  <c:v>-3.3</c:v>
                </c:pt>
                <c:pt idx="17">
                  <c:v>-2.46</c:v>
                </c:pt>
                <c:pt idx="18">
                  <c:v>-2.2400000000000002</c:v>
                </c:pt>
                <c:pt idx="19">
                  <c:v>-2.4500000000000002</c:v>
                </c:pt>
                <c:pt idx="20">
                  <c:v>-13.48</c:v>
                </c:pt>
                <c:pt idx="21">
                  <c:v>-8</c:v>
                </c:pt>
                <c:pt idx="22">
                  <c:v>-4.5999999999999996</c:v>
                </c:pt>
                <c:pt idx="23">
                  <c:v>-5.89</c:v>
                </c:pt>
                <c:pt idx="24">
                  <c:v>-4.6100000000000003</c:v>
                </c:pt>
                <c:pt idx="25">
                  <c:v>-3.9</c:v>
                </c:pt>
              </c:numCache>
            </c:numRef>
          </c:val>
          <c:smooth val="0"/>
          <c:extLst>
            <c:ext xmlns:c16="http://schemas.microsoft.com/office/drawing/2014/chart" uri="{C3380CC4-5D6E-409C-BE32-E72D297353CC}">
              <c16:uniqueId val="{00000001-AD8F-41E5-A649-A19DDDEF8467}"/>
            </c:ext>
          </c:extLst>
        </c:ser>
        <c:ser>
          <c:idx val="2"/>
          <c:order val="2"/>
          <c:tx>
            <c:strRef>
              <c:f>'GovBal,%GDP'!$N$1</c:f>
              <c:strCache>
                <c:ptCount val="1"/>
                <c:pt idx="0">
                  <c:v>Germany</c:v>
                </c:pt>
              </c:strCache>
            </c:strRef>
          </c:tx>
          <c:spPr>
            <a:ln w="25400" cap="rnd" cmpd="sng" algn="ctr">
              <a:solidFill>
                <a:srgbClr val="17E88F"/>
              </a:solidFill>
              <a:prstDash val="solid"/>
              <a:round/>
              <a:headEnd type="none" w="med" len="med"/>
              <a:tailEnd type="none" w="med" len="med"/>
            </a:ln>
          </c:spPr>
          <c:marker>
            <c:symbol val="none"/>
          </c:marker>
          <c:cat>
            <c:strRef>
              <c:f>'GovBal,%GDP'!$K$2:$K$27</c:f>
              <c:strCache>
                <c:ptCount val="2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strCache>
            </c:strRef>
          </c:cat>
          <c:val>
            <c:numRef>
              <c:f>'GovBal,%GDP'!$N$2:$N$27</c:f>
              <c:numCache>
                <c:formatCode>General</c:formatCode>
                <c:ptCount val="26"/>
                <c:pt idx="0">
                  <c:v>-1.58</c:v>
                </c:pt>
                <c:pt idx="1">
                  <c:v>-3.02</c:v>
                </c:pt>
                <c:pt idx="2">
                  <c:v>-3.87</c:v>
                </c:pt>
                <c:pt idx="3">
                  <c:v>-3.7</c:v>
                </c:pt>
                <c:pt idx="4">
                  <c:v>-3.35</c:v>
                </c:pt>
                <c:pt idx="5">
                  <c:v>-3.33</c:v>
                </c:pt>
                <c:pt idx="6">
                  <c:v>-1.66</c:v>
                </c:pt>
                <c:pt idx="7">
                  <c:v>0.26</c:v>
                </c:pt>
                <c:pt idx="8">
                  <c:v>-0.12</c:v>
                </c:pt>
                <c:pt idx="9">
                  <c:v>-3.14</c:v>
                </c:pt>
                <c:pt idx="10">
                  <c:v>-4.3899999999999997</c:v>
                </c:pt>
                <c:pt idx="11">
                  <c:v>-0.88</c:v>
                </c:pt>
                <c:pt idx="12">
                  <c:v>0.01</c:v>
                </c:pt>
                <c:pt idx="13">
                  <c:v>0.04</c:v>
                </c:pt>
                <c:pt idx="14">
                  <c:v>0.57999999999999996</c:v>
                </c:pt>
                <c:pt idx="15">
                  <c:v>0.96</c:v>
                </c:pt>
                <c:pt idx="16">
                  <c:v>1.1599999999999999</c:v>
                </c:pt>
                <c:pt idx="17">
                  <c:v>1.33</c:v>
                </c:pt>
                <c:pt idx="18">
                  <c:v>1.95</c:v>
                </c:pt>
                <c:pt idx="19">
                  <c:v>1.53</c:v>
                </c:pt>
                <c:pt idx="20">
                  <c:v>-4.43</c:v>
                </c:pt>
                <c:pt idx="21">
                  <c:v>-3.63</c:v>
                </c:pt>
                <c:pt idx="22">
                  <c:v>-2.48</c:v>
                </c:pt>
                <c:pt idx="23">
                  <c:v>-2.41</c:v>
                </c:pt>
                <c:pt idx="24">
                  <c:v>-2.33</c:v>
                </c:pt>
                <c:pt idx="25">
                  <c:v>-1.22</c:v>
                </c:pt>
              </c:numCache>
            </c:numRef>
          </c:val>
          <c:smooth val="0"/>
          <c:extLst>
            <c:ext xmlns:c16="http://schemas.microsoft.com/office/drawing/2014/chart" uri="{C3380CC4-5D6E-409C-BE32-E72D297353CC}">
              <c16:uniqueId val="{00000002-AD8F-41E5-A649-A19DDDEF8467}"/>
            </c:ext>
          </c:extLst>
        </c:ser>
        <c:ser>
          <c:idx val="3"/>
          <c:order val="3"/>
          <c:tx>
            <c:strRef>
              <c:f>'GovBal,%GDP'!$O$1</c:f>
              <c:strCache>
                <c:ptCount val="1"/>
                <c:pt idx="0">
                  <c:v>France</c:v>
                </c:pt>
              </c:strCache>
            </c:strRef>
          </c:tx>
          <c:spPr>
            <a:ln w="25400" cap="rnd" cmpd="sng" algn="ctr">
              <a:solidFill>
                <a:srgbClr val="DBD99A"/>
              </a:solidFill>
              <a:prstDash val="solid"/>
              <a:round/>
              <a:headEnd type="none" w="med" len="med"/>
              <a:tailEnd type="none" w="med" len="med"/>
            </a:ln>
          </c:spPr>
          <c:marker>
            <c:symbol val="none"/>
          </c:marker>
          <c:cat>
            <c:strRef>
              <c:f>'GovBal,%GDP'!$K$2:$K$27</c:f>
              <c:strCache>
                <c:ptCount val="2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strCache>
            </c:strRef>
          </c:cat>
          <c:val>
            <c:numRef>
              <c:f>'GovBal,%GDP'!$O$2:$O$27</c:f>
              <c:numCache>
                <c:formatCode>General</c:formatCode>
                <c:ptCount val="26"/>
                <c:pt idx="0">
                  <c:v>-1.31</c:v>
                </c:pt>
                <c:pt idx="1">
                  <c:v>-1.41</c:v>
                </c:pt>
                <c:pt idx="2">
                  <c:v>-3.16</c:v>
                </c:pt>
                <c:pt idx="3">
                  <c:v>-4.07</c:v>
                </c:pt>
                <c:pt idx="4">
                  <c:v>-3.56</c:v>
                </c:pt>
                <c:pt idx="5">
                  <c:v>-3.51</c:v>
                </c:pt>
                <c:pt idx="6">
                  <c:v>-2.66</c:v>
                </c:pt>
                <c:pt idx="7">
                  <c:v>-2.99</c:v>
                </c:pt>
                <c:pt idx="8">
                  <c:v>-3.5</c:v>
                </c:pt>
                <c:pt idx="9">
                  <c:v>-7.37</c:v>
                </c:pt>
                <c:pt idx="10">
                  <c:v>-7.16</c:v>
                </c:pt>
                <c:pt idx="11">
                  <c:v>-5.31</c:v>
                </c:pt>
                <c:pt idx="12">
                  <c:v>-5.17</c:v>
                </c:pt>
                <c:pt idx="13">
                  <c:v>-4.9400000000000004</c:v>
                </c:pt>
                <c:pt idx="14">
                  <c:v>-4.57</c:v>
                </c:pt>
                <c:pt idx="15">
                  <c:v>-3.89</c:v>
                </c:pt>
                <c:pt idx="16">
                  <c:v>-3.77</c:v>
                </c:pt>
                <c:pt idx="17">
                  <c:v>-3.38</c:v>
                </c:pt>
                <c:pt idx="18">
                  <c:v>-2.3199999999999998</c:v>
                </c:pt>
                <c:pt idx="19">
                  <c:v>-2.4</c:v>
                </c:pt>
                <c:pt idx="20">
                  <c:v>-9.06</c:v>
                </c:pt>
                <c:pt idx="21">
                  <c:v>-6.64</c:v>
                </c:pt>
                <c:pt idx="22">
                  <c:v>-4.74</c:v>
                </c:pt>
                <c:pt idx="23">
                  <c:v>-5.45</c:v>
                </c:pt>
                <c:pt idx="24">
                  <c:v>-5.25</c:v>
                </c:pt>
                <c:pt idx="25">
                  <c:v>-4.8099999999999996</c:v>
                </c:pt>
              </c:numCache>
            </c:numRef>
          </c:val>
          <c:smooth val="0"/>
          <c:extLst>
            <c:ext xmlns:c16="http://schemas.microsoft.com/office/drawing/2014/chart" uri="{C3380CC4-5D6E-409C-BE32-E72D297353CC}">
              <c16:uniqueId val="{00000003-AD8F-41E5-A649-A19DDDEF8467}"/>
            </c:ext>
          </c:extLst>
        </c:ser>
        <c:ser>
          <c:idx val="4"/>
          <c:order val="4"/>
          <c:tx>
            <c:strRef>
              <c:f>'GovBal,%GDP'!$P$1</c:f>
              <c:strCache>
                <c:ptCount val="1"/>
                <c:pt idx="0">
                  <c:v>China</c:v>
                </c:pt>
              </c:strCache>
            </c:strRef>
          </c:tx>
          <c:spPr>
            <a:ln w="25400" cap="rnd" cmpd="sng" algn="ctr">
              <a:solidFill>
                <a:srgbClr val="D2785A"/>
              </a:solidFill>
              <a:prstDash val="solid"/>
              <a:round/>
              <a:headEnd type="none" w="med" len="med"/>
              <a:tailEnd type="none" w="med" len="med"/>
            </a:ln>
          </c:spPr>
          <c:marker>
            <c:symbol val="none"/>
          </c:marker>
          <c:cat>
            <c:strRef>
              <c:f>'GovBal,%GDP'!$K$2:$K$27</c:f>
              <c:strCache>
                <c:ptCount val="2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strCache>
            </c:strRef>
          </c:cat>
          <c:val>
            <c:numRef>
              <c:f>'GovBal,%GDP'!$P$2:$P$27</c:f>
              <c:numCache>
                <c:formatCode>General</c:formatCode>
                <c:ptCount val="26"/>
                <c:pt idx="0">
                  <c:v>-2.02</c:v>
                </c:pt>
                <c:pt idx="1">
                  <c:v>-1.82</c:v>
                </c:pt>
                <c:pt idx="2">
                  <c:v>-2.23</c:v>
                </c:pt>
                <c:pt idx="3">
                  <c:v>-1.61</c:v>
                </c:pt>
                <c:pt idx="4">
                  <c:v>-0.56000000000000005</c:v>
                </c:pt>
                <c:pt idx="5">
                  <c:v>-0.53</c:v>
                </c:pt>
                <c:pt idx="6">
                  <c:v>0.01</c:v>
                </c:pt>
                <c:pt idx="7">
                  <c:v>1.35</c:v>
                </c:pt>
                <c:pt idx="8">
                  <c:v>0.36</c:v>
                </c:pt>
                <c:pt idx="9">
                  <c:v>-1.56</c:v>
                </c:pt>
                <c:pt idx="10">
                  <c:v>-0.86</c:v>
                </c:pt>
                <c:pt idx="11">
                  <c:v>-0.38</c:v>
                </c:pt>
                <c:pt idx="12">
                  <c:v>-1.1000000000000001</c:v>
                </c:pt>
                <c:pt idx="13">
                  <c:v>-1.29</c:v>
                </c:pt>
                <c:pt idx="14">
                  <c:v>-1.4</c:v>
                </c:pt>
                <c:pt idx="15">
                  <c:v>-3.19</c:v>
                </c:pt>
                <c:pt idx="16">
                  <c:v>-4.07</c:v>
                </c:pt>
                <c:pt idx="17">
                  <c:v>-4.63</c:v>
                </c:pt>
                <c:pt idx="18">
                  <c:v>-4.45</c:v>
                </c:pt>
                <c:pt idx="19">
                  <c:v>-5.41</c:v>
                </c:pt>
                <c:pt idx="20">
                  <c:v>-7.38</c:v>
                </c:pt>
                <c:pt idx="21">
                  <c:v>-4.8499999999999996</c:v>
                </c:pt>
                <c:pt idx="22">
                  <c:v>-7.31</c:v>
                </c:pt>
                <c:pt idx="23">
                  <c:v>-7.7</c:v>
                </c:pt>
                <c:pt idx="24">
                  <c:v>-8.5</c:v>
                </c:pt>
                <c:pt idx="25">
                  <c:v>-6.78</c:v>
                </c:pt>
              </c:numCache>
            </c:numRef>
          </c:val>
          <c:smooth val="0"/>
          <c:extLst>
            <c:ext xmlns:c16="http://schemas.microsoft.com/office/drawing/2014/chart" uri="{C3380CC4-5D6E-409C-BE32-E72D297353CC}">
              <c16:uniqueId val="{00000004-AD8F-41E5-A649-A19DDDEF8467}"/>
            </c:ext>
          </c:extLst>
        </c:ser>
        <c:ser>
          <c:idx val="5"/>
          <c:order val="5"/>
          <c:tx>
            <c:strRef>
              <c:f>'GovBal,%GDP'!$Q$1</c:f>
              <c:strCache>
                <c:ptCount val="1"/>
                <c:pt idx="0">
                  <c:v>Japan</c:v>
                </c:pt>
              </c:strCache>
            </c:strRef>
          </c:tx>
          <c:spPr>
            <a:ln w="25400" cap="rnd" cmpd="sng" algn="ctr">
              <a:solidFill>
                <a:srgbClr val="885073"/>
              </a:solidFill>
              <a:prstDash val="solid"/>
              <a:round/>
              <a:headEnd type="none" w="med" len="med"/>
              <a:tailEnd type="none" w="med" len="med"/>
            </a:ln>
          </c:spPr>
          <c:marker>
            <c:symbol val="none"/>
          </c:marker>
          <c:cat>
            <c:strRef>
              <c:f>'GovBal,%GDP'!$K$2:$K$27</c:f>
              <c:strCache>
                <c:ptCount val="26"/>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pt idx="23">
                  <c:v>2023</c:v>
                </c:pt>
                <c:pt idx="24">
                  <c:v>2024</c:v>
                </c:pt>
                <c:pt idx="25">
                  <c:v>2025</c:v>
                </c:pt>
              </c:strCache>
            </c:strRef>
          </c:cat>
          <c:val>
            <c:numRef>
              <c:f>'GovBal,%GDP'!$Q$2:$Q$27</c:f>
              <c:numCache>
                <c:formatCode>General</c:formatCode>
                <c:ptCount val="26"/>
                <c:pt idx="0">
                  <c:v>-7.28</c:v>
                </c:pt>
                <c:pt idx="1">
                  <c:v>-6.19</c:v>
                </c:pt>
                <c:pt idx="2">
                  <c:v>-7.33</c:v>
                </c:pt>
                <c:pt idx="3">
                  <c:v>-7.43</c:v>
                </c:pt>
                <c:pt idx="4">
                  <c:v>-5.31</c:v>
                </c:pt>
                <c:pt idx="5">
                  <c:v>-4.4400000000000004</c:v>
                </c:pt>
                <c:pt idx="6">
                  <c:v>-3.03</c:v>
                </c:pt>
                <c:pt idx="7">
                  <c:v>-2.9</c:v>
                </c:pt>
                <c:pt idx="8">
                  <c:v>-4.13</c:v>
                </c:pt>
                <c:pt idx="9">
                  <c:v>-9.69</c:v>
                </c:pt>
                <c:pt idx="10">
                  <c:v>-9.08</c:v>
                </c:pt>
                <c:pt idx="11">
                  <c:v>-8.98</c:v>
                </c:pt>
                <c:pt idx="12">
                  <c:v>-8.19</c:v>
                </c:pt>
                <c:pt idx="13">
                  <c:v>-7.61</c:v>
                </c:pt>
                <c:pt idx="14">
                  <c:v>-5.62</c:v>
                </c:pt>
                <c:pt idx="15">
                  <c:v>-3.68</c:v>
                </c:pt>
                <c:pt idx="16">
                  <c:v>-3.6</c:v>
                </c:pt>
                <c:pt idx="17">
                  <c:v>-3.1</c:v>
                </c:pt>
                <c:pt idx="18">
                  <c:v>-2.4700000000000002</c:v>
                </c:pt>
                <c:pt idx="19">
                  <c:v>-3.05</c:v>
                </c:pt>
                <c:pt idx="20">
                  <c:v>-9.09</c:v>
                </c:pt>
                <c:pt idx="21">
                  <c:v>-6.15</c:v>
                </c:pt>
                <c:pt idx="22">
                  <c:v>-4.18</c:v>
                </c:pt>
                <c:pt idx="23">
                  <c:v>-4.05</c:v>
                </c:pt>
                <c:pt idx="24">
                  <c:v>-3.73</c:v>
                </c:pt>
                <c:pt idx="25">
                  <c:v>-3.47</c:v>
                </c:pt>
              </c:numCache>
            </c:numRef>
          </c:val>
          <c:smooth val="0"/>
          <c:extLst>
            <c:ext xmlns:c16="http://schemas.microsoft.com/office/drawing/2014/chart" uri="{C3380CC4-5D6E-409C-BE32-E72D297353CC}">
              <c16:uniqueId val="{00000005-AD8F-41E5-A649-A19DDDEF8467}"/>
            </c:ext>
          </c:extLst>
        </c:ser>
        <c:dLbls>
          <c:showLegendKey val="0"/>
          <c:showVal val="0"/>
          <c:showCatName val="0"/>
          <c:showSerName val="0"/>
          <c:showPercent val="0"/>
          <c:showBubbleSize val="0"/>
        </c:dLbls>
        <c:smooth val="0"/>
        <c:axId val="1415658687"/>
        <c:axId val="1415665887"/>
      </c:lineChart>
      <c:catAx>
        <c:axId val="1415658687"/>
        <c:scaling>
          <c:orientation val="minMax"/>
        </c:scaling>
        <c:delete val="0"/>
        <c:axPos val="b"/>
        <c:numFmt formatCode="mmm\-yy" sourceLinked="0"/>
        <c:majorTickMark val="none"/>
        <c:minorTickMark val="none"/>
        <c:tickLblPos val="low"/>
        <c:spPr>
          <a:noFill/>
          <a:ln w="9525">
            <a:solidFill>
              <a:srgbClr val="435254"/>
            </a:solidFill>
          </a:ln>
          <a:extLst>
            <a:ext uri="{909E8E84-426E-40DD-AFC4-6F175D3DCCD1}">
              <a14:hiddenFill xmlns:a14="http://schemas.microsoft.com/office/drawing/2010/main">
                <a:noFill/>
              </a14:hiddenFill>
            </a:ext>
          </a:extLst>
        </c:spPr>
        <c:txPr>
          <a:bodyPr rot="0" vert="horz"/>
          <a:lstStyle/>
          <a:p>
            <a:pPr>
              <a:defRPr lang="ja-JP"/>
            </a:pPr>
            <a:endParaRPr lang="en-US"/>
          </a:p>
        </c:txPr>
        <c:crossAx val="1415665887"/>
        <c:crosses val="autoZero"/>
        <c:auto val="1"/>
        <c:lblAlgn val="ctr"/>
        <c:lblOffset val="100"/>
        <c:noMultiLvlLbl val="0"/>
      </c:catAx>
      <c:valAx>
        <c:axId val="1415665887"/>
        <c:scaling>
          <c:orientation val="minMax"/>
        </c:scaling>
        <c:delete val="0"/>
        <c:axPos val="l"/>
        <c:majorGridlines>
          <c:spPr>
            <a:ln w="12700">
              <a:solidFill>
                <a:srgbClr val="CAD1D3"/>
              </a:solidFill>
              <a:prstDash val="solid"/>
            </a:ln>
          </c:spPr>
        </c:majorGridlines>
        <c:title>
          <c:tx>
            <c:rich>
              <a:bodyPr rot="0" vert="horz"/>
              <a:lstStyle/>
              <a:p>
                <a:pPr>
                  <a:defRPr lang="ja-JP"/>
                </a:pPr>
                <a:r>
                  <a:rPr lang="en-US" dirty="0"/>
                  <a:t>% of</a:t>
                </a:r>
                <a:r>
                  <a:rPr lang="en-US" baseline="0" dirty="0"/>
                  <a:t> </a:t>
                </a:r>
                <a:r>
                  <a:rPr lang="en-US" dirty="0"/>
                  <a:t>GDP</a:t>
                </a:r>
              </a:p>
            </c:rich>
          </c:tx>
          <c:layout>
            <c:manualLayout>
              <c:xMode val="edge"/>
              <c:yMode val="edge"/>
              <c:x val="4.4444444444444444E-3"/>
              <c:y val="0"/>
            </c:manualLayout>
          </c:layout>
          <c:overlay val="0"/>
          <c:spPr>
            <a:noFill/>
            <a:ln>
              <a:noFill/>
            </a:ln>
            <a:effectLst/>
            <a:extLst>
              <a:ext uri="{91240B29-F687-4F45-9708-019B960494DF}">
                <a14:hiddenLine xmlns:a14="http://schemas.microsoft.com/office/drawing/2010/main">
                  <a:noFill/>
                </a14:hiddenLine>
              </a:ext>
            </a:extLst>
          </c:spPr>
        </c:title>
        <c:numFmt formatCode="#,##0" sourceLinked="0"/>
        <c:majorTickMark val="none"/>
        <c:minorTickMark val="none"/>
        <c:tickLblPos val="nextTo"/>
        <c:spPr>
          <a:noFill/>
          <a:ln w="9525" cap="flat" cmpd="sng" algn="ctr">
            <a:noFill/>
            <a:prstDash val="solid"/>
            <a:round/>
          </a:ln>
          <a:effectLst/>
          <a:extLst>
            <a:ext uri="{909E8E84-426E-40DD-AFC4-6F175D3DCCD1}">
              <a14:hiddenFill xmlns:a14="http://schemas.microsoft.com/office/drawing/2010/main">
                <a:noFill/>
              </a14:hiddenFill>
            </a:ext>
            <a:ext uri="{91240B29-F687-4F45-9708-019B960494DF}">
              <a14:hiddenLine xmlns:a14="http://schemas.microsoft.com/office/drawing/2010/main" w="9525" cap="flat" cmpd="sng" algn="ctr">
                <a:solidFill>
                  <a:srgbClr val="435254"/>
                </a:solidFill>
                <a:prstDash val="solid"/>
                <a:round/>
              </a14:hiddenLine>
            </a:ext>
          </a:extLst>
        </c:spPr>
        <c:txPr>
          <a:bodyPr rot="0" vert="horz"/>
          <a:lstStyle/>
          <a:p>
            <a:pPr>
              <a:defRPr lang="ja-JP"/>
            </a:pPr>
            <a:endParaRPr lang="en-US"/>
          </a:p>
        </c:txPr>
        <c:crossAx val="1415658687"/>
        <c:crosses val="autoZero"/>
        <c:crossBetween val="between"/>
      </c:valAx>
      <c:spPr>
        <a:noFill/>
        <a:ln>
          <a:noFill/>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a:noFill/>
            </a14:hiddenLine>
          </a:ext>
        </a:extLst>
      </c:spPr>
    </c:plotArea>
    <c:legend>
      <c:legendPos val="b"/>
      <c:layout>
        <c:manualLayout>
          <c:xMode val="edge"/>
          <c:yMode val="edge"/>
          <c:x val="0.10960577427821522"/>
          <c:y val="5.1753559214189136E-2"/>
          <c:w val="0.78039423204127534"/>
          <c:h val="9.9726596675415585E-2"/>
        </c:manualLayout>
      </c:layout>
      <c:overlay val="0"/>
      <c:spPr>
        <a:noFill/>
        <a:ln>
          <a:noFill/>
        </a:ln>
        <a:effectLst/>
        <a:extLst>
          <a:ext uri="{909E8E84-426E-40DD-AFC4-6F175D3DCCD1}">
            <a14:hiddenFill xmlns:a14="http://schemas.microsoft.com/office/drawing/2010/main">
              <a:solidFill>
                <a:srgbClr val="435254"/>
              </a:solidFill>
            </a14:hiddenFill>
          </a:ext>
          <a:ext uri="{91240B29-F687-4F45-9708-019B960494DF}">
            <a14:hiddenLine xmlns:a14="http://schemas.microsoft.com/office/drawing/2010/main">
              <a:solidFill>
                <a:srgbClr val="435254"/>
              </a:solidFill>
            </a14:hiddenLine>
          </a:ext>
        </a:extLst>
      </c:spPr>
      <c:txPr>
        <a:bodyPr/>
        <a:lstStyle/>
        <a:p>
          <a:pPr>
            <a:defRPr lang="ja-JP" sz="2000"/>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12700" cap="flat" cmpd="sng" algn="ctr">
      <a:noFill/>
      <a:prstDash val="solid"/>
      <a:round/>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w="12700" cap="flat" cmpd="sng" algn="ctr">
          <a:solidFill>
            <a:sysClr val="windowText" lastClr="000000">
              <a:tint val="75000"/>
            </a:sysClr>
          </a:solidFill>
          <a:prstDash val="solid"/>
          <a:round/>
        </a14:hiddenLine>
      </a:ext>
    </a:extLst>
  </c:spPr>
  <c:txPr>
    <a:bodyPr/>
    <a:lstStyle/>
    <a:p>
      <a:pPr>
        <a:defRPr sz="1200"/>
      </a:pPr>
      <a:endParaRPr lang="en-US"/>
    </a:p>
  </c:txPr>
  <c:externalData r:id="rId1">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2.68971128608924E-2"/>
          <c:y val="4.436868686868687E-2"/>
          <c:w val="0.95806561679790025"/>
          <c:h val="0.84696273761234386"/>
        </c:manualLayout>
      </c:layout>
      <c:lineChart>
        <c:grouping val="standard"/>
        <c:varyColors val="0"/>
        <c:ser>
          <c:idx val="0"/>
          <c:order val="0"/>
          <c:tx>
            <c:strRef>
              <c:f>'10Yr_Gov'!$K$4</c:f>
              <c:strCache>
                <c:ptCount val="1"/>
                <c:pt idx="0">
                  <c:v>U.S.</c:v>
                </c:pt>
              </c:strCache>
            </c:strRef>
          </c:tx>
          <c:spPr>
            <a:ln w="25400" cap="rnd" cmpd="sng" algn="ctr">
              <a:solidFill>
                <a:srgbClr val="80BBAD"/>
              </a:solidFill>
              <a:prstDash val="solid"/>
              <a:round/>
              <a:headEnd type="none" w="med" len="med"/>
              <a:tailEnd type="none" w="med" len="med"/>
            </a:ln>
          </c:spPr>
          <c:marker>
            <c:symbol val="none"/>
          </c:marker>
          <c:cat>
            <c:numRef>
              <c:f>'10Yr_Gov'!$J$5:$J$1707</c:f>
              <c:numCache>
                <c:formatCode>m/d/yyyy</c:formatCode>
                <c:ptCount val="1703"/>
                <c:pt idx="0">
                  <c:v>43102</c:v>
                </c:pt>
                <c:pt idx="1">
                  <c:v>43103</c:v>
                </c:pt>
                <c:pt idx="2">
                  <c:v>43104</c:v>
                </c:pt>
                <c:pt idx="3">
                  <c:v>43105</c:v>
                </c:pt>
                <c:pt idx="4">
                  <c:v>43108</c:v>
                </c:pt>
                <c:pt idx="5">
                  <c:v>43109</c:v>
                </c:pt>
                <c:pt idx="6">
                  <c:v>43110</c:v>
                </c:pt>
                <c:pt idx="7">
                  <c:v>43111</c:v>
                </c:pt>
                <c:pt idx="8">
                  <c:v>43112</c:v>
                </c:pt>
                <c:pt idx="9">
                  <c:v>43115</c:v>
                </c:pt>
                <c:pt idx="10">
                  <c:v>43116</c:v>
                </c:pt>
                <c:pt idx="11">
                  <c:v>43117</c:v>
                </c:pt>
                <c:pt idx="12">
                  <c:v>43118</c:v>
                </c:pt>
                <c:pt idx="13">
                  <c:v>43119</c:v>
                </c:pt>
                <c:pt idx="14">
                  <c:v>43122</c:v>
                </c:pt>
                <c:pt idx="15">
                  <c:v>43123</c:v>
                </c:pt>
                <c:pt idx="16">
                  <c:v>43124</c:v>
                </c:pt>
                <c:pt idx="17">
                  <c:v>43125</c:v>
                </c:pt>
                <c:pt idx="18">
                  <c:v>43126</c:v>
                </c:pt>
                <c:pt idx="19">
                  <c:v>43129</c:v>
                </c:pt>
                <c:pt idx="20">
                  <c:v>43130</c:v>
                </c:pt>
                <c:pt idx="21">
                  <c:v>43131</c:v>
                </c:pt>
                <c:pt idx="22">
                  <c:v>43132</c:v>
                </c:pt>
                <c:pt idx="23">
                  <c:v>43133</c:v>
                </c:pt>
                <c:pt idx="24">
                  <c:v>43136</c:v>
                </c:pt>
                <c:pt idx="25">
                  <c:v>43137</c:v>
                </c:pt>
                <c:pt idx="26">
                  <c:v>43138</c:v>
                </c:pt>
                <c:pt idx="27">
                  <c:v>43139</c:v>
                </c:pt>
                <c:pt idx="28">
                  <c:v>43140</c:v>
                </c:pt>
                <c:pt idx="29">
                  <c:v>43143</c:v>
                </c:pt>
                <c:pt idx="30">
                  <c:v>43144</c:v>
                </c:pt>
                <c:pt idx="31">
                  <c:v>43145</c:v>
                </c:pt>
                <c:pt idx="32">
                  <c:v>43146</c:v>
                </c:pt>
                <c:pt idx="33">
                  <c:v>43147</c:v>
                </c:pt>
                <c:pt idx="34">
                  <c:v>43150</c:v>
                </c:pt>
                <c:pt idx="35">
                  <c:v>43151</c:v>
                </c:pt>
                <c:pt idx="36">
                  <c:v>43152</c:v>
                </c:pt>
                <c:pt idx="37">
                  <c:v>43153</c:v>
                </c:pt>
                <c:pt idx="38">
                  <c:v>43154</c:v>
                </c:pt>
                <c:pt idx="39">
                  <c:v>43157</c:v>
                </c:pt>
                <c:pt idx="40">
                  <c:v>43158</c:v>
                </c:pt>
                <c:pt idx="41">
                  <c:v>43159</c:v>
                </c:pt>
                <c:pt idx="42">
                  <c:v>43160</c:v>
                </c:pt>
                <c:pt idx="43">
                  <c:v>43161</c:v>
                </c:pt>
                <c:pt idx="44">
                  <c:v>43164</c:v>
                </c:pt>
                <c:pt idx="45">
                  <c:v>43165</c:v>
                </c:pt>
                <c:pt idx="46">
                  <c:v>43166</c:v>
                </c:pt>
                <c:pt idx="47">
                  <c:v>43167</c:v>
                </c:pt>
                <c:pt idx="48">
                  <c:v>43168</c:v>
                </c:pt>
                <c:pt idx="49">
                  <c:v>43171</c:v>
                </c:pt>
                <c:pt idx="50">
                  <c:v>43172</c:v>
                </c:pt>
                <c:pt idx="51">
                  <c:v>43173</c:v>
                </c:pt>
                <c:pt idx="52">
                  <c:v>43174</c:v>
                </c:pt>
                <c:pt idx="53">
                  <c:v>43175</c:v>
                </c:pt>
                <c:pt idx="54">
                  <c:v>43178</c:v>
                </c:pt>
                <c:pt idx="55">
                  <c:v>43179</c:v>
                </c:pt>
                <c:pt idx="56">
                  <c:v>43180</c:v>
                </c:pt>
                <c:pt idx="57">
                  <c:v>43181</c:v>
                </c:pt>
                <c:pt idx="58">
                  <c:v>43182</c:v>
                </c:pt>
                <c:pt idx="59">
                  <c:v>43185</c:v>
                </c:pt>
                <c:pt idx="60">
                  <c:v>43186</c:v>
                </c:pt>
                <c:pt idx="61">
                  <c:v>43187</c:v>
                </c:pt>
                <c:pt idx="62">
                  <c:v>43188</c:v>
                </c:pt>
                <c:pt idx="63">
                  <c:v>43189</c:v>
                </c:pt>
                <c:pt idx="64">
                  <c:v>43192</c:v>
                </c:pt>
                <c:pt idx="65">
                  <c:v>43193</c:v>
                </c:pt>
                <c:pt idx="66">
                  <c:v>43194</c:v>
                </c:pt>
                <c:pt idx="67">
                  <c:v>43195</c:v>
                </c:pt>
                <c:pt idx="68">
                  <c:v>43196</c:v>
                </c:pt>
                <c:pt idx="69">
                  <c:v>43199</c:v>
                </c:pt>
                <c:pt idx="70">
                  <c:v>43200</c:v>
                </c:pt>
                <c:pt idx="71">
                  <c:v>43201</c:v>
                </c:pt>
                <c:pt idx="72">
                  <c:v>43202</c:v>
                </c:pt>
                <c:pt idx="73">
                  <c:v>43203</c:v>
                </c:pt>
                <c:pt idx="74">
                  <c:v>43206</c:v>
                </c:pt>
                <c:pt idx="75">
                  <c:v>43207</c:v>
                </c:pt>
                <c:pt idx="76">
                  <c:v>43208</c:v>
                </c:pt>
                <c:pt idx="77">
                  <c:v>43209</c:v>
                </c:pt>
                <c:pt idx="78">
                  <c:v>43210</c:v>
                </c:pt>
                <c:pt idx="79">
                  <c:v>43213</c:v>
                </c:pt>
                <c:pt idx="80">
                  <c:v>43214</c:v>
                </c:pt>
                <c:pt idx="81">
                  <c:v>43215</c:v>
                </c:pt>
                <c:pt idx="82">
                  <c:v>43216</c:v>
                </c:pt>
                <c:pt idx="83">
                  <c:v>43217</c:v>
                </c:pt>
                <c:pt idx="84">
                  <c:v>43220</c:v>
                </c:pt>
                <c:pt idx="85">
                  <c:v>43221</c:v>
                </c:pt>
                <c:pt idx="86">
                  <c:v>43222</c:v>
                </c:pt>
                <c:pt idx="87">
                  <c:v>43223</c:v>
                </c:pt>
                <c:pt idx="88">
                  <c:v>43224</c:v>
                </c:pt>
                <c:pt idx="89">
                  <c:v>43227</c:v>
                </c:pt>
                <c:pt idx="90">
                  <c:v>43228</c:v>
                </c:pt>
                <c:pt idx="91">
                  <c:v>43229</c:v>
                </c:pt>
                <c:pt idx="92">
                  <c:v>43230</c:v>
                </c:pt>
                <c:pt idx="93">
                  <c:v>43231</c:v>
                </c:pt>
                <c:pt idx="94">
                  <c:v>43234</c:v>
                </c:pt>
                <c:pt idx="95">
                  <c:v>43235</c:v>
                </c:pt>
                <c:pt idx="96">
                  <c:v>43236</c:v>
                </c:pt>
                <c:pt idx="97">
                  <c:v>43237</c:v>
                </c:pt>
                <c:pt idx="98">
                  <c:v>43238</c:v>
                </c:pt>
                <c:pt idx="99">
                  <c:v>43241</c:v>
                </c:pt>
                <c:pt idx="100">
                  <c:v>43242</c:v>
                </c:pt>
                <c:pt idx="101">
                  <c:v>43243</c:v>
                </c:pt>
                <c:pt idx="102">
                  <c:v>43244</c:v>
                </c:pt>
                <c:pt idx="103">
                  <c:v>43245</c:v>
                </c:pt>
                <c:pt idx="104">
                  <c:v>43248</c:v>
                </c:pt>
                <c:pt idx="105">
                  <c:v>43249</c:v>
                </c:pt>
                <c:pt idx="106">
                  <c:v>43250</c:v>
                </c:pt>
                <c:pt idx="107">
                  <c:v>43251</c:v>
                </c:pt>
                <c:pt idx="108">
                  <c:v>43252</c:v>
                </c:pt>
                <c:pt idx="109">
                  <c:v>43255</c:v>
                </c:pt>
                <c:pt idx="110">
                  <c:v>43256</c:v>
                </c:pt>
                <c:pt idx="111">
                  <c:v>43257</c:v>
                </c:pt>
                <c:pt idx="112">
                  <c:v>43258</c:v>
                </c:pt>
                <c:pt idx="113">
                  <c:v>43259</c:v>
                </c:pt>
                <c:pt idx="114">
                  <c:v>43262</c:v>
                </c:pt>
                <c:pt idx="115">
                  <c:v>43263</c:v>
                </c:pt>
                <c:pt idx="116">
                  <c:v>43264</c:v>
                </c:pt>
                <c:pt idx="117">
                  <c:v>43265</c:v>
                </c:pt>
                <c:pt idx="118">
                  <c:v>43266</c:v>
                </c:pt>
                <c:pt idx="119">
                  <c:v>43269</c:v>
                </c:pt>
                <c:pt idx="120">
                  <c:v>43270</c:v>
                </c:pt>
                <c:pt idx="121">
                  <c:v>43271</c:v>
                </c:pt>
                <c:pt idx="122">
                  <c:v>43272</c:v>
                </c:pt>
                <c:pt idx="123">
                  <c:v>43273</c:v>
                </c:pt>
                <c:pt idx="124">
                  <c:v>43276</c:v>
                </c:pt>
                <c:pt idx="125">
                  <c:v>43277</c:v>
                </c:pt>
                <c:pt idx="126">
                  <c:v>43278</c:v>
                </c:pt>
                <c:pt idx="127">
                  <c:v>43279</c:v>
                </c:pt>
                <c:pt idx="128">
                  <c:v>43280</c:v>
                </c:pt>
                <c:pt idx="129">
                  <c:v>43283</c:v>
                </c:pt>
                <c:pt idx="130">
                  <c:v>43284</c:v>
                </c:pt>
                <c:pt idx="131">
                  <c:v>43285</c:v>
                </c:pt>
                <c:pt idx="132">
                  <c:v>43286</c:v>
                </c:pt>
                <c:pt idx="133">
                  <c:v>43287</c:v>
                </c:pt>
                <c:pt idx="134">
                  <c:v>43290</c:v>
                </c:pt>
                <c:pt idx="135">
                  <c:v>43291</c:v>
                </c:pt>
                <c:pt idx="136">
                  <c:v>43292</c:v>
                </c:pt>
                <c:pt idx="137">
                  <c:v>43293</c:v>
                </c:pt>
                <c:pt idx="138">
                  <c:v>43294</c:v>
                </c:pt>
                <c:pt idx="139">
                  <c:v>43297</c:v>
                </c:pt>
                <c:pt idx="140">
                  <c:v>43298</c:v>
                </c:pt>
                <c:pt idx="141">
                  <c:v>43299</c:v>
                </c:pt>
                <c:pt idx="142">
                  <c:v>43300</c:v>
                </c:pt>
                <c:pt idx="143">
                  <c:v>43301</c:v>
                </c:pt>
                <c:pt idx="144">
                  <c:v>43304</c:v>
                </c:pt>
                <c:pt idx="145">
                  <c:v>43305</c:v>
                </c:pt>
                <c:pt idx="146">
                  <c:v>43306</c:v>
                </c:pt>
                <c:pt idx="147">
                  <c:v>43307</c:v>
                </c:pt>
                <c:pt idx="148">
                  <c:v>43308</c:v>
                </c:pt>
                <c:pt idx="149">
                  <c:v>43311</c:v>
                </c:pt>
                <c:pt idx="150">
                  <c:v>43312</c:v>
                </c:pt>
                <c:pt idx="151">
                  <c:v>43313</c:v>
                </c:pt>
                <c:pt idx="152">
                  <c:v>43314</c:v>
                </c:pt>
                <c:pt idx="153">
                  <c:v>43315</c:v>
                </c:pt>
                <c:pt idx="154">
                  <c:v>43318</c:v>
                </c:pt>
                <c:pt idx="155">
                  <c:v>43319</c:v>
                </c:pt>
                <c:pt idx="156">
                  <c:v>43320</c:v>
                </c:pt>
                <c:pt idx="157">
                  <c:v>43321</c:v>
                </c:pt>
                <c:pt idx="158">
                  <c:v>43322</c:v>
                </c:pt>
                <c:pt idx="159">
                  <c:v>43325</c:v>
                </c:pt>
                <c:pt idx="160">
                  <c:v>43326</c:v>
                </c:pt>
                <c:pt idx="161">
                  <c:v>43327</c:v>
                </c:pt>
                <c:pt idx="162">
                  <c:v>43328</c:v>
                </c:pt>
                <c:pt idx="163">
                  <c:v>43329</c:v>
                </c:pt>
                <c:pt idx="164">
                  <c:v>43332</c:v>
                </c:pt>
                <c:pt idx="165">
                  <c:v>43333</c:v>
                </c:pt>
                <c:pt idx="166">
                  <c:v>43334</c:v>
                </c:pt>
                <c:pt idx="167">
                  <c:v>43335</c:v>
                </c:pt>
                <c:pt idx="168">
                  <c:v>43336</c:v>
                </c:pt>
                <c:pt idx="169">
                  <c:v>43339</c:v>
                </c:pt>
                <c:pt idx="170">
                  <c:v>43340</c:v>
                </c:pt>
                <c:pt idx="171">
                  <c:v>43341</c:v>
                </c:pt>
                <c:pt idx="172">
                  <c:v>43342</c:v>
                </c:pt>
                <c:pt idx="173">
                  <c:v>43343</c:v>
                </c:pt>
                <c:pt idx="174">
                  <c:v>43346</c:v>
                </c:pt>
                <c:pt idx="175">
                  <c:v>43347</c:v>
                </c:pt>
                <c:pt idx="176">
                  <c:v>43348</c:v>
                </c:pt>
                <c:pt idx="177">
                  <c:v>43349</c:v>
                </c:pt>
                <c:pt idx="178">
                  <c:v>43350</c:v>
                </c:pt>
                <c:pt idx="179">
                  <c:v>43353</c:v>
                </c:pt>
                <c:pt idx="180">
                  <c:v>43354</c:v>
                </c:pt>
                <c:pt idx="181">
                  <c:v>43355</c:v>
                </c:pt>
                <c:pt idx="182">
                  <c:v>43356</c:v>
                </c:pt>
                <c:pt idx="183">
                  <c:v>43357</c:v>
                </c:pt>
                <c:pt idx="184">
                  <c:v>43360</c:v>
                </c:pt>
                <c:pt idx="185">
                  <c:v>43361</c:v>
                </c:pt>
                <c:pt idx="186">
                  <c:v>43362</c:v>
                </c:pt>
                <c:pt idx="187">
                  <c:v>43363</c:v>
                </c:pt>
                <c:pt idx="188">
                  <c:v>43364</c:v>
                </c:pt>
                <c:pt idx="189">
                  <c:v>43367</c:v>
                </c:pt>
                <c:pt idx="190">
                  <c:v>43368</c:v>
                </c:pt>
                <c:pt idx="191">
                  <c:v>43369</c:v>
                </c:pt>
                <c:pt idx="192">
                  <c:v>43370</c:v>
                </c:pt>
                <c:pt idx="193">
                  <c:v>43371</c:v>
                </c:pt>
                <c:pt idx="194">
                  <c:v>43374</c:v>
                </c:pt>
                <c:pt idx="195">
                  <c:v>43375</c:v>
                </c:pt>
                <c:pt idx="196">
                  <c:v>43376</c:v>
                </c:pt>
                <c:pt idx="197">
                  <c:v>43377</c:v>
                </c:pt>
                <c:pt idx="198">
                  <c:v>43378</c:v>
                </c:pt>
                <c:pt idx="199">
                  <c:v>43381</c:v>
                </c:pt>
                <c:pt idx="200">
                  <c:v>43382</c:v>
                </c:pt>
                <c:pt idx="201">
                  <c:v>43383</c:v>
                </c:pt>
                <c:pt idx="202">
                  <c:v>43384</c:v>
                </c:pt>
                <c:pt idx="203">
                  <c:v>43385</c:v>
                </c:pt>
                <c:pt idx="204">
                  <c:v>43388</c:v>
                </c:pt>
                <c:pt idx="205">
                  <c:v>43389</c:v>
                </c:pt>
                <c:pt idx="206">
                  <c:v>43390</c:v>
                </c:pt>
                <c:pt idx="207">
                  <c:v>43391</c:v>
                </c:pt>
                <c:pt idx="208">
                  <c:v>43392</c:v>
                </c:pt>
                <c:pt idx="209">
                  <c:v>43395</c:v>
                </c:pt>
                <c:pt idx="210">
                  <c:v>43396</c:v>
                </c:pt>
                <c:pt idx="211">
                  <c:v>43397</c:v>
                </c:pt>
                <c:pt idx="212">
                  <c:v>43398</c:v>
                </c:pt>
                <c:pt idx="213">
                  <c:v>43399</c:v>
                </c:pt>
                <c:pt idx="214">
                  <c:v>43402</c:v>
                </c:pt>
                <c:pt idx="215">
                  <c:v>43403</c:v>
                </c:pt>
                <c:pt idx="216">
                  <c:v>43404</c:v>
                </c:pt>
                <c:pt idx="217">
                  <c:v>43405</c:v>
                </c:pt>
                <c:pt idx="218">
                  <c:v>43406</c:v>
                </c:pt>
                <c:pt idx="219">
                  <c:v>43409</c:v>
                </c:pt>
                <c:pt idx="220">
                  <c:v>43410</c:v>
                </c:pt>
                <c:pt idx="221">
                  <c:v>43411</c:v>
                </c:pt>
                <c:pt idx="222">
                  <c:v>43412</c:v>
                </c:pt>
                <c:pt idx="223">
                  <c:v>43413</c:v>
                </c:pt>
                <c:pt idx="224">
                  <c:v>43416</c:v>
                </c:pt>
                <c:pt idx="225">
                  <c:v>43417</c:v>
                </c:pt>
                <c:pt idx="226">
                  <c:v>43418</c:v>
                </c:pt>
                <c:pt idx="227">
                  <c:v>43419</c:v>
                </c:pt>
                <c:pt idx="228">
                  <c:v>43420</c:v>
                </c:pt>
                <c:pt idx="229">
                  <c:v>43423</c:v>
                </c:pt>
                <c:pt idx="230">
                  <c:v>43424</c:v>
                </c:pt>
                <c:pt idx="231">
                  <c:v>43425</c:v>
                </c:pt>
                <c:pt idx="232">
                  <c:v>43426</c:v>
                </c:pt>
                <c:pt idx="233">
                  <c:v>43427</c:v>
                </c:pt>
                <c:pt idx="234">
                  <c:v>43430</c:v>
                </c:pt>
                <c:pt idx="235">
                  <c:v>43431</c:v>
                </c:pt>
                <c:pt idx="236">
                  <c:v>43432</c:v>
                </c:pt>
                <c:pt idx="237">
                  <c:v>43433</c:v>
                </c:pt>
                <c:pt idx="238">
                  <c:v>43434</c:v>
                </c:pt>
                <c:pt idx="239">
                  <c:v>43437</c:v>
                </c:pt>
                <c:pt idx="240">
                  <c:v>43438</c:v>
                </c:pt>
                <c:pt idx="241">
                  <c:v>43439</c:v>
                </c:pt>
                <c:pt idx="242">
                  <c:v>43440</c:v>
                </c:pt>
                <c:pt idx="243">
                  <c:v>43441</c:v>
                </c:pt>
                <c:pt idx="244">
                  <c:v>43444</c:v>
                </c:pt>
                <c:pt idx="245">
                  <c:v>43445</c:v>
                </c:pt>
                <c:pt idx="246">
                  <c:v>43446</c:v>
                </c:pt>
                <c:pt idx="247">
                  <c:v>43447</c:v>
                </c:pt>
                <c:pt idx="248">
                  <c:v>43448</c:v>
                </c:pt>
                <c:pt idx="249">
                  <c:v>43451</c:v>
                </c:pt>
                <c:pt idx="250">
                  <c:v>43452</c:v>
                </c:pt>
                <c:pt idx="251">
                  <c:v>43453</c:v>
                </c:pt>
                <c:pt idx="252">
                  <c:v>43454</c:v>
                </c:pt>
                <c:pt idx="253">
                  <c:v>43455</c:v>
                </c:pt>
                <c:pt idx="254">
                  <c:v>43458</c:v>
                </c:pt>
                <c:pt idx="255">
                  <c:v>43459</c:v>
                </c:pt>
                <c:pt idx="256">
                  <c:v>43460</c:v>
                </c:pt>
                <c:pt idx="257">
                  <c:v>43461</c:v>
                </c:pt>
                <c:pt idx="258">
                  <c:v>43462</c:v>
                </c:pt>
                <c:pt idx="259">
                  <c:v>43465</c:v>
                </c:pt>
                <c:pt idx="260">
                  <c:v>43466</c:v>
                </c:pt>
                <c:pt idx="261">
                  <c:v>43467</c:v>
                </c:pt>
                <c:pt idx="262">
                  <c:v>43468</c:v>
                </c:pt>
                <c:pt idx="263">
                  <c:v>43469</c:v>
                </c:pt>
                <c:pt idx="264">
                  <c:v>43472</c:v>
                </c:pt>
                <c:pt idx="265">
                  <c:v>43473</c:v>
                </c:pt>
                <c:pt idx="266">
                  <c:v>43474</c:v>
                </c:pt>
                <c:pt idx="267">
                  <c:v>43475</c:v>
                </c:pt>
                <c:pt idx="268">
                  <c:v>43476</c:v>
                </c:pt>
                <c:pt idx="269">
                  <c:v>43479</c:v>
                </c:pt>
                <c:pt idx="270">
                  <c:v>43480</c:v>
                </c:pt>
                <c:pt idx="271">
                  <c:v>43481</c:v>
                </c:pt>
                <c:pt idx="272">
                  <c:v>43482</c:v>
                </c:pt>
                <c:pt idx="273">
                  <c:v>43483</c:v>
                </c:pt>
                <c:pt idx="274">
                  <c:v>43486</c:v>
                </c:pt>
                <c:pt idx="275">
                  <c:v>43487</c:v>
                </c:pt>
                <c:pt idx="276">
                  <c:v>43488</c:v>
                </c:pt>
                <c:pt idx="277">
                  <c:v>43489</c:v>
                </c:pt>
                <c:pt idx="278">
                  <c:v>43490</c:v>
                </c:pt>
                <c:pt idx="279">
                  <c:v>43493</c:v>
                </c:pt>
                <c:pt idx="280">
                  <c:v>43494</c:v>
                </c:pt>
                <c:pt idx="281">
                  <c:v>43495</c:v>
                </c:pt>
                <c:pt idx="282">
                  <c:v>43496</c:v>
                </c:pt>
                <c:pt idx="283">
                  <c:v>43497</c:v>
                </c:pt>
                <c:pt idx="284">
                  <c:v>43500</c:v>
                </c:pt>
                <c:pt idx="285">
                  <c:v>43501</c:v>
                </c:pt>
                <c:pt idx="286">
                  <c:v>43502</c:v>
                </c:pt>
                <c:pt idx="287">
                  <c:v>43503</c:v>
                </c:pt>
                <c:pt idx="288">
                  <c:v>43504</c:v>
                </c:pt>
                <c:pt idx="289">
                  <c:v>43507</c:v>
                </c:pt>
                <c:pt idx="290">
                  <c:v>43508</c:v>
                </c:pt>
                <c:pt idx="291">
                  <c:v>43509</c:v>
                </c:pt>
                <c:pt idx="292">
                  <c:v>43510</c:v>
                </c:pt>
                <c:pt idx="293">
                  <c:v>43511</c:v>
                </c:pt>
                <c:pt idx="294">
                  <c:v>43514</c:v>
                </c:pt>
                <c:pt idx="295">
                  <c:v>43515</c:v>
                </c:pt>
                <c:pt idx="296">
                  <c:v>43516</c:v>
                </c:pt>
                <c:pt idx="297">
                  <c:v>43517</c:v>
                </c:pt>
                <c:pt idx="298">
                  <c:v>43518</c:v>
                </c:pt>
                <c:pt idx="299">
                  <c:v>43521</c:v>
                </c:pt>
                <c:pt idx="300">
                  <c:v>43522</c:v>
                </c:pt>
                <c:pt idx="301">
                  <c:v>43523</c:v>
                </c:pt>
                <c:pt idx="302">
                  <c:v>43524</c:v>
                </c:pt>
                <c:pt idx="303">
                  <c:v>43525</c:v>
                </c:pt>
                <c:pt idx="304">
                  <c:v>43528</c:v>
                </c:pt>
                <c:pt idx="305">
                  <c:v>43529</c:v>
                </c:pt>
                <c:pt idx="306">
                  <c:v>43530</c:v>
                </c:pt>
                <c:pt idx="307">
                  <c:v>43531</c:v>
                </c:pt>
                <c:pt idx="308">
                  <c:v>43532</c:v>
                </c:pt>
                <c:pt idx="309">
                  <c:v>43535</c:v>
                </c:pt>
                <c:pt idx="310">
                  <c:v>43536</c:v>
                </c:pt>
                <c:pt idx="311">
                  <c:v>43537</c:v>
                </c:pt>
                <c:pt idx="312">
                  <c:v>43538</c:v>
                </c:pt>
                <c:pt idx="313">
                  <c:v>43539</c:v>
                </c:pt>
                <c:pt idx="314">
                  <c:v>43542</c:v>
                </c:pt>
                <c:pt idx="315">
                  <c:v>43543</c:v>
                </c:pt>
                <c:pt idx="316">
                  <c:v>43544</c:v>
                </c:pt>
                <c:pt idx="317">
                  <c:v>43545</c:v>
                </c:pt>
                <c:pt idx="318">
                  <c:v>43546</c:v>
                </c:pt>
                <c:pt idx="319">
                  <c:v>43549</c:v>
                </c:pt>
                <c:pt idx="320">
                  <c:v>43550</c:v>
                </c:pt>
                <c:pt idx="321">
                  <c:v>43551</c:v>
                </c:pt>
                <c:pt idx="322">
                  <c:v>43552</c:v>
                </c:pt>
                <c:pt idx="323">
                  <c:v>43553</c:v>
                </c:pt>
                <c:pt idx="324">
                  <c:v>43556</c:v>
                </c:pt>
                <c:pt idx="325">
                  <c:v>43557</c:v>
                </c:pt>
                <c:pt idx="326">
                  <c:v>43558</c:v>
                </c:pt>
                <c:pt idx="327">
                  <c:v>43559</c:v>
                </c:pt>
                <c:pt idx="328">
                  <c:v>43560</c:v>
                </c:pt>
                <c:pt idx="329">
                  <c:v>43563</c:v>
                </c:pt>
                <c:pt idx="330">
                  <c:v>43564</c:v>
                </c:pt>
                <c:pt idx="331">
                  <c:v>43565</c:v>
                </c:pt>
                <c:pt idx="332">
                  <c:v>43566</c:v>
                </c:pt>
                <c:pt idx="333">
                  <c:v>43567</c:v>
                </c:pt>
                <c:pt idx="334">
                  <c:v>43570</c:v>
                </c:pt>
                <c:pt idx="335">
                  <c:v>43571</c:v>
                </c:pt>
                <c:pt idx="336">
                  <c:v>43572</c:v>
                </c:pt>
                <c:pt idx="337">
                  <c:v>43573</c:v>
                </c:pt>
                <c:pt idx="338">
                  <c:v>43574</c:v>
                </c:pt>
                <c:pt idx="339">
                  <c:v>43577</c:v>
                </c:pt>
                <c:pt idx="340">
                  <c:v>43578</c:v>
                </c:pt>
                <c:pt idx="341">
                  <c:v>43579</c:v>
                </c:pt>
                <c:pt idx="342">
                  <c:v>43580</c:v>
                </c:pt>
                <c:pt idx="343">
                  <c:v>43581</c:v>
                </c:pt>
                <c:pt idx="344">
                  <c:v>43584</c:v>
                </c:pt>
                <c:pt idx="345">
                  <c:v>43585</c:v>
                </c:pt>
                <c:pt idx="346">
                  <c:v>43586</c:v>
                </c:pt>
                <c:pt idx="347">
                  <c:v>43587</c:v>
                </c:pt>
                <c:pt idx="348">
                  <c:v>43588</c:v>
                </c:pt>
                <c:pt idx="349">
                  <c:v>43591</c:v>
                </c:pt>
                <c:pt idx="350">
                  <c:v>43592</c:v>
                </c:pt>
                <c:pt idx="351">
                  <c:v>43593</c:v>
                </c:pt>
                <c:pt idx="352">
                  <c:v>43594</c:v>
                </c:pt>
                <c:pt idx="353">
                  <c:v>43595</c:v>
                </c:pt>
                <c:pt idx="354">
                  <c:v>43598</c:v>
                </c:pt>
                <c:pt idx="355">
                  <c:v>43599</c:v>
                </c:pt>
                <c:pt idx="356">
                  <c:v>43600</c:v>
                </c:pt>
                <c:pt idx="357">
                  <c:v>43601</c:v>
                </c:pt>
                <c:pt idx="358">
                  <c:v>43602</c:v>
                </c:pt>
                <c:pt idx="359">
                  <c:v>43605</c:v>
                </c:pt>
                <c:pt idx="360">
                  <c:v>43606</c:v>
                </c:pt>
                <c:pt idx="361">
                  <c:v>43607</c:v>
                </c:pt>
                <c:pt idx="362">
                  <c:v>43608</c:v>
                </c:pt>
                <c:pt idx="363">
                  <c:v>43609</c:v>
                </c:pt>
                <c:pt idx="364">
                  <c:v>43612</c:v>
                </c:pt>
                <c:pt idx="365">
                  <c:v>43613</c:v>
                </c:pt>
                <c:pt idx="366">
                  <c:v>43614</c:v>
                </c:pt>
                <c:pt idx="367">
                  <c:v>43615</c:v>
                </c:pt>
                <c:pt idx="368">
                  <c:v>43616</c:v>
                </c:pt>
                <c:pt idx="369">
                  <c:v>43619</c:v>
                </c:pt>
                <c:pt idx="370">
                  <c:v>43620</c:v>
                </c:pt>
                <c:pt idx="371">
                  <c:v>43621</c:v>
                </c:pt>
                <c:pt idx="372">
                  <c:v>43622</c:v>
                </c:pt>
                <c:pt idx="373">
                  <c:v>43623</c:v>
                </c:pt>
                <c:pt idx="374">
                  <c:v>43626</c:v>
                </c:pt>
                <c:pt idx="375">
                  <c:v>43627</c:v>
                </c:pt>
                <c:pt idx="376">
                  <c:v>43628</c:v>
                </c:pt>
                <c:pt idx="377">
                  <c:v>43629</c:v>
                </c:pt>
                <c:pt idx="378">
                  <c:v>43630</c:v>
                </c:pt>
                <c:pt idx="379">
                  <c:v>43633</c:v>
                </c:pt>
                <c:pt idx="380">
                  <c:v>43634</c:v>
                </c:pt>
                <c:pt idx="381">
                  <c:v>43635</c:v>
                </c:pt>
                <c:pt idx="382">
                  <c:v>43636</c:v>
                </c:pt>
                <c:pt idx="383">
                  <c:v>43637</c:v>
                </c:pt>
                <c:pt idx="384">
                  <c:v>43640</c:v>
                </c:pt>
                <c:pt idx="385">
                  <c:v>43641</c:v>
                </c:pt>
                <c:pt idx="386">
                  <c:v>43642</c:v>
                </c:pt>
                <c:pt idx="387">
                  <c:v>43643</c:v>
                </c:pt>
                <c:pt idx="388">
                  <c:v>43644</c:v>
                </c:pt>
                <c:pt idx="389">
                  <c:v>43647</c:v>
                </c:pt>
                <c:pt idx="390">
                  <c:v>43648</c:v>
                </c:pt>
                <c:pt idx="391">
                  <c:v>43649</c:v>
                </c:pt>
                <c:pt idx="392">
                  <c:v>43650</c:v>
                </c:pt>
                <c:pt idx="393">
                  <c:v>43651</c:v>
                </c:pt>
                <c:pt idx="394">
                  <c:v>43654</c:v>
                </c:pt>
                <c:pt idx="395">
                  <c:v>43655</c:v>
                </c:pt>
                <c:pt idx="396">
                  <c:v>43656</c:v>
                </c:pt>
                <c:pt idx="397">
                  <c:v>43657</c:v>
                </c:pt>
                <c:pt idx="398">
                  <c:v>43658</c:v>
                </c:pt>
                <c:pt idx="399">
                  <c:v>43661</c:v>
                </c:pt>
                <c:pt idx="400">
                  <c:v>43662</c:v>
                </c:pt>
                <c:pt idx="401">
                  <c:v>43663</c:v>
                </c:pt>
                <c:pt idx="402">
                  <c:v>43664</c:v>
                </c:pt>
                <c:pt idx="403">
                  <c:v>43665</c:v>
                </c:pt>
                <c:pt idx="404">
                  <c:v>43668</c:v>
                </c:pt>
                <c:pt idx="405">
                  <c:v>43669</c:v>
                </c:pt>
                <c:pt idx="406">
                  <c:v>43670</c:v>
                </c:pt>
                <c:pt idx="407">
                  <c:v>43671</c:v>
                </c:pt>
                <c:pt idx="408">
                  <c:v>43672</c:v>
                </c:pt>
                <c:pt idx="409">
                  <c:v>43675</c:v>
                </c:pt>
                <c:pt idx="410">
                  <c:v>43676</c:v>
                </c:pt>
                <c:pt idx="411">
                  <c:v>43677</c:v>
                </c:pt>
                <c:pt idx="412">
                  <c:v>43678</c:v>
                </c:pt>
                <c:pt idx="413">
                  <c:v>43679</c:v>
                </c:pt>
                <c:pt idx="414">
                  <c:v>43682</c:v>
                </c:pt>
                <c:pt idx="415">
                  <c:v>43683</c:v>
                </c:pt>
                <c:pt idx="416">
                  <c:v>43684</c:v>
                </c:pt>
                <c:pt idx="417">
                  <c:v>43685</c:v>
                </c:pt>
                <c:pt idx="418">
                  <c:v>43686</c:v>
                </c:pt>
                <c:pt idx="419">
                  <c:v>43689</c:v>
                </c:pt>
                <c:pt idx="420">
                  <c:v>43690</c:v>
                </c:pt>
                <c:pt idx="421">
                  <c:v>43691</c:v>
                </c:pt>
                <c:pt idx="422">
                  <c:v>43692</c:v>
                </c:pt>
                <c:pt idx="423">
                  <c:v>43693</c:v>
                </c:pt>
                <c:pt idx="424">
                  <c:v>43696</c:v>
                </c:pt>
                <c:pt idx="425">
                  <c:v>43697</c:v>
                </c:pt>
                <c:pt idx="426">
                  <c:v>43698</c:v>
                </c:pt>
                <c:pt idx="427">
                  <c:v>43699</c:v>
                </c:pt>
                <c:pt idx="428">
                  <c:v>43700</c:v>
                </c:pt>
                <c:pt idx="429">
                  <c:v>43703</c:v>
                </c:pt>
                <c:pt idx="430">
                  <c:v>43704</c:v>
                </c:pt>
                <c:pt idx="431">
                  <c:v>43705</c:v>
                </c:pt>
                <c:pt idx="432">
                  <c:v>43706</c:v>
                </c:pt>
                <c:pt idx="433">
                  <c:v>43707</c:v>
                </c:pt>
                <c:pt idx="434">
                  <c:v>43710</c:v>
                </c:pt>
                <c:pt idx="435">
                  <c:v>43711</c:v>
                </c:pt>
                <c:pt idx="436">
                  <c:v>43712</c:v>
                </c:pt>
                <c:pt idx="437">
                  <c:v>43713</c:v>
                </c:pt>
                <c:pt idx="438">
                  <c:v>43714</c:v>
                </c:pt>
                <c:pt idx="439">
                  <c:v>43717</c:v>
                </c:pt>
                <c:pt idx="440">
                  <c:v>43718</c:v>
                </c:pt>
                <c:pt idx="441">
                  <c:v>43719</c:v>
                </c:pt>
                <c:pt idx="442">
                  <c:v>43720</c:v>
                </c:pt>
                <c:pt idx="443">
                  <c:v>43721</c:v>
                </c:pt>
                <c:pt idx="444">
                  <c:v>43724</c:v>
                </c:pt>
                <c:pt idx="445">
                  <c:v>43725</c:v>
                </c:pt>
                <c:pt idx="446">
                  <c:v>43726</c:v>
                </c:pt>
                <c:pt idx="447">
                  <c:v>43727</c:v>
                </c:pt>
                <c:pt idx="448">
                  <c:v>43728</c:v>
                </c:pt>
                <c:pt idx="449">
                  <c:v>43731</c:v>
                </c:pt>
                <c:pt idx="450">
                  <c:v>43732</c:v>
                </c:pt>
                <c:pt idx="451">
                  <c:v>43733</c:v>
                </c:pt>
                <c:pt idx="452">
                  <c:v>43734</c:v>
                </c:pt>
                <c:pt idx="453">
                  <c:v>43735</c:v>
                </c:pt>
                <c:pt idx="454">
                  <c:v>43738</c:v>
                </c:pt>
                <c:pt idx="455">
                  <c:v>43739</c:v>
                </c:pt>
                <c:pt idx="456">
                  <c:v>43740</c:v>
                </c:pt>
                <c:pt idx="457">
                  <c:v>43741</c:v>
                </c:pt>
                <c:pt idx="458">
                  <c:v>43742</c:v>
                </c:pt>
                <c:pt idx="459">
                  <c:v>43745</c:v>
                </c:pt>
                <c:pt idx="460">
                  <c:v>43746</c:v>
                </c:pt>
                <c:pt idx="461">
                  <c:v>43747</c:v>
                </c:pt>
                <c:pt idx="462">
                  <c:v>43748</c:v>
                </c:pt>
                <c:pt idx="463">
                  <c:v>43749</c:v>
                </c:pt>
                <c:pt idx="464">
                  <c:v>43752</c:v>
                </c:pt>
                <c:pt idx="465">
                  <c:v>43753</c:v>
                </c:pt>
                <c:pt idx="466">
                  <c:v>43754</c:v>
                </c:pt>
                <c:pt idx="467">
                  <c:v>43755</c:v>
                </c:pt>
                <c:pt idx="468">
                  <c:v>43756</c:v>
                </c:pt>
                <c:pt idx="469">
                  <c:v>43759</c:v>
                </c:pt>
                <c:pt idx="470">
                  <c:v>43760</c:v>
                </c:pt>
                <c:pt idx="471">
                  <c:v>43761</c:v>
                </c:pt>
                <c:pt idx="472">
                  <c:v>43762</c:v>
                </c:pt>
                <c:pt idx="473">
                  <c:v>43763</c:v>
                </c:pt>
                <c:pt idx="474">
                  <c:v>43766</c:v>
                </c:pt>
                <c:pt idx="475">
                  <c:v>43767</c:v>
                </c:pt>
                <c:pt idx="476">
                  <c:v>43768</c:v>
                </c:pt>
                <c:pt idx="477">
                  <c:v>43769</c:v>
                </c:pt>
                <c:pt idx="478">
                  <c:v>43770</c:v>
                </c:pt>
                <c:pt idx="479">
                  <c:v>43773</c:v>
                </c:pt>
                <c:pt idx="480">
                  <c:v>43774</c:v>
                </c:pt>
                <c:pt idx="481">
                  <c:v>43775</c:v>
                </c:pt>
                <c:pt idx="482">
                  <c:v>43776</c:v>
                </c:pt>
                <c:pt idx="483">
                  <c:v>43777</c:v>
                </c:pt>
                <c:pt idx="484">
                  <c:v>43780</c:v>
                </c:pt>
                <c:pt idx="485">
                  <c:v>43781</c:v>
                </c:pt>
                <c:pt idx="486">
                  <c:v>43782</c:v>
                </c:pt>
                <c:pt idx="487">
                  <c:v>43783</c:v>
                </c:pt>
                <c:pt idx="488">
                  <c:v>43784</c:v>
                </c:pt>
                <c:pt idx="489">
                  <c:v>43787</c:v>
                </c:pt>
                <c:pt idx="490">
                  <c:v>43788</c:v>
                </c:pt>
                <c:pt idx="491">
                  <c:v>43789</c:v>
                </c:pt>
                <c:pt idx="492">
                  <c:v>43790</c:v>
                </c:pt>
                <c:pt idx="493">
                  <c:v>43791</c:v>
                </c:pt>
                <c:pt idx="494">
                  <c:v>43794</c:v>
                </c:pt>
                <c:pt idx="495">
                  <c:v>43795</c:v>
                </c:pt>
                <c:pt idx="496">
                  <c:v>43796</c:v>
                </c:pt>
                <c:pt idx="497">
                  <c:v>43797</c:v>
                </c:pt>
                <c:pt idx="498">
                  <c:v>43798</c:v>
                </c:pt>
                <c:pt idx="499">
                  <c:v>43801</c:v>
                </c:pt>
                <c:pt idx="500">
                  <c:v>43802</c:v>
                </c:pt>
                <c:pt idx="501">
                  <c:v>43803</c:v>
                </c:pt>
                <c:pt idx="502">
                  <c:v>43804</c:v>
                </c:pt>
                <c:pt idx="503">
                  <c:v>43805</c:v>
                </c:pt>
                <c:pt idx="504">
                  <c:v>43808</c:v>
                </c:pt>
                <c:pt idx="505">
                  <c:v>43809</c:v>
                </c:pt>
                <c:pt idx="506">
                  <c:v>43810</c:v>
                </c:pt>
                <c:pt idx="507">
                  <c:v>43811</c:v>
                </c:pt>
                <c:pt idx="508">
                  <c:v>43812</c:v>
                </c:pt>
                <c:pt idx="509">
                  <c:v>43815</c:v>
                </c:pt>
                <c:pt idx="510">
                  <c:v>43816</c:v>
                </c:pt>
                <c:pt idx="511">
                  <c:v>43817</c:v>
                </c:pt>
                <c:pt idx="512">
                  <c:v>43818</c:v>
                </c:pt>
                <c:pt idx="513">
                  <c:v>43819</c:v>
                </c:pt>
                <c:pt idx="514">
                  <c:v>43822</c:v>
                </c:pt>
                <c:pt idx="515">
                  <c:v>43823</c:v>
                </c:pt>
                <c:pt idx="516">
                  <c:v>43824</c:v>
                </c:pt>
                <c:pt idx="517">
                  <c:v>43825</c:v>
                </c:pt>
                <c:pt idx="518">
                  <c:v>43826</c:v>
                </c:pt>
                <c:pt idx="519">
                  <c:v>43829</c:v>
                </c:pt>
                <c:pt idx="520">
                  <c:v>43830</c:v>
                </c:pt>
                <c:pt idx="521">
                  <c:v>43831</c:v>
                </c:pt>
                <c:pt idx="522">
                  <c:v>43832</c:v>
                </c:pt>
                <c:pt idx="523">
                  <c:v>43833</c:v>
                </c:pt>
                <c:pt idx="524">
                  <c:v>43836</c:v>
                </c:pt>
                <c:pt idx="525">
                  <c:v>43837</c:v>
                </c:pt>
                <c:pt idx="526">
                  <c:v>43838</c:v>
                </c:pt>
                <c:pt idx="527">
                  <c:v>43839</c:v>
                </c:pt>
                <c:pt idx="528">
                  <c:v>43840</c:v>
                </c:pt>
                <c:pt idx="529">
                  <c:v>43843</c:v>
                </c:pt>
                <c:pt idx="530">
                  <c:v>43844</c:v>
                </c:pt>
                <c:pt idx="531">
                  <c:v>43845</c:v>
                </c:pt>
                <c:pt idx="532">
                  <c:v>43846</c:v>
                </c:pt>
                <c:pt idx="533">
                  <c:v>43847</c:v>
                </c:pt>
                <c:pt idx="534">
                  <c:v>43850</c:v>
                </c:pt>
                <c:pt idx="535">
                  <c:v>43851</c:v>
                </c:pt>
                <c:pt idx="536">
                  <c:v>43852</c:v>
                </c:pt>
                <c:pt idx="537">
                  <c:v>43853</c:v>
                </c:pt>
                <c:pt idx="538">
                  <c:v>43854</c:v>
                </c:pt>
                <c:pt idx="539">
                  <c:v>43857</c:v>
                </c:pt>
                <c:pt idx="540">
                  <c:v>43858</c:v>
                </c:pt>
                <c:pt idx="541">
                  <c:v>43859</c:v>
                </c:pt>
                <c:pt idx="542">
                  <c:v>43860</c:v>
                </c:pt>
                <c:pt idx="543">
                  <c:v>43861</c:v>
                </c:pt>
                <c:pt idx="544">
                  <c:v>43864</c:v>
                </c:pt>
                <c:pt idx="545">
                  <c:v>43865</c:v>
                </c:pt>
                <c:pt idx="546">
                  <c:v>43866</c:v>
                </c:pt>
                <c:pt idx="547">
                  <c:v>43867</c:v>
                </c:pt>
                <c:pt idx="548">
                  <c:v>43868</c:v>
                </c:pt>
                <c:pt idx="549">
                  <c:v>43871</c:v>
                </c:pt>
                <c:pt idx="550">
                  <c:v>43872</c:v>
                </c:pt>
                <c:pt idx="551">
                  <c:v>43873</c:v>
                </c:pt>
                <c:pt idx="552">
                  <c:v>43874</c:v>
                </c:pt>
                <c:pt idx="553">
                  <c:v>43875</c:v>
                </c:pt>
                <c:pt idx="554">
                  <c:v>43878</c:v>
                </c:pt>
                <c:pt idx="555">
                  <c:v>43879</c:v>
                </c:pt>
                <c:pt idx="556">
                  <c:v>43880</c:v>
                </c:pt>
                <c:pt idx="557">
                  <c:v>43881</c:v>
                </c:pt>
                <c:pt idx="558">
                  <c:v>43882</c:v>
                </c:pt>
                <c:pt idx="559">
                  <c:v>43885</c:v>
                </c:pt>
                <c:pt idx="560">
                  <c:v>43886</c:v>
                </c:pt>
                <c:pt idx="561">
                  <c:v>43887</c:v>
                </c:pt>
                <c:pt idx="562">
                  <c:v>43888</c:v>
                </c:pt>
                <c:pt idx="563">
                  <c:v>43889</c:v>
                </c:pt>
                <c:pt idx="564">
                  <c:v>43892</c:v>
                </c:pt>
                <c:pt idx="565">
                  <c:v>43893</c:v>
                </c:pt>
                <c:pt idx="566">
                  <c:v>43894</c:v>
                </c:pt>
                <c:pt idx="567">
                  <c:v>43895</c:v>
                </c:pt>
                <c:pt idx="568">
                  <c:v>43896</c:v>
                </c:pt>
                <c:pt idx="569">
                  <c:v>43899</c:v>
                </c:pt>
                <c:pt idx="570">
                  <c:v>43900</c:v>
                </c:pt>
                <c:pt idx="571">
                  <c:v>43901</c:v>
                </c:pt>
                <c:pt idx="572">
                  <c:v>43902</c:v>
                </c:pt>
                <c:pt idx="573">
                  <c:v>43903</c:v>
                </c:pt>
                <c:pt idx="574">
                  <c:v>43906</c:v>
                </c:pt>
                <c:pt idx="575">
                  <c:v>43907</c:v>
                </c:pt>
                <c:pt idx="576">
                  <c:v>43908</c:v>
                </c:pt>
                <c:pt idx="577">
                  <c:v>43909</c:v>
                </c:pt>
                <c:pt idx="578">
                  <c:v>43910</c:v>
                </c:pt>
                <c:pt idx="579">
                  <c:v>43913</c:v>
                </c:pt>
                <c:pt idx="580">
                  <c:v>43914</c:v>
                </c:pt>
                <c:pt idx="581">
                  <c:v>43915</c:v>
                </c:pt>
                <c:pt idx="582">
                  <c:v>43916</c:v>
                </c:pt>
                <c:pt idx="583">
                  <c:v>43917</c:v>
                </c:pt>
                <c:pt idx="584">
                  <c:v>43920</c:v>
                </c:pt>
                <c:pt idx="585">
                  <c:v>43921</c:v>
                </c:pt>
                <c:pt idx="586">
                  <c:v>43922</c:v>
                </c:pt>
                <c:pt idx="587">
                  <c:v>43923</c:v>
                </c:pt>
                <c:pt idx="588">
                  <c:v>43924</c:v>
                </c:pt>
                <c:pt idx="589">
                  <c:v>43927</c:v>
                </c:pt>
                <c:pt idx="590">
                  <c:v>43928</c:v>
                </c:pt>
                <c:pt idx="591">
                  <c:v>43929</c:v>
                </c:pt>
                <c:pt idx="592">
                  <c:v>43930</c:v>
                </c:pt>
                <c:pt idx="593">
                  <c:v>43931</c:v>
                </c:pt>
                <c:pt idx="594">
                  <c:v>43934</c:v>
                </c:pt>
                <c:pt idx="595">
                  <c:v>43935</c:v>
                </c:pt>
                <c:pt idx="596">
                  <c:v>43936</c:v>
                </c:pt>
                <c:pt idx="597">
                  <c:v>43937</c:v>
                </c:pt>
                <c:pt idx="598">
                  <c:v>43938</c:v>
                </c:pt>
                <c:pt idx="599">
                  <c:v>43941</c:v>
                </c:pt>
                <c:pt idx="600">
                  <c:v>43942</c:v>
                </c:pt>
                <c:pt idx="601">
                  <c:v>43943</c:v>
                </c:pt>
                <c:pt idx="602">
                  <c:v>43944</c:v>
                </c:pt>
                <c:pt idx="603">
                  <c:v>43945</c:v>
                </c:pt>
                <c:pt idx="604">
                  <c:v>43948</c:v>
                </c:pt>
                <c:pt idx="605">
                  <c:v>43949</c:v>
                </c:pt>
                <c:pt idx="606">
                  <c:v>43950</c:v>
                </c:pt>
                <c:pt idx="607">
                  <c:v>43951</c:v>
                </c:pt>
                <c:pt idx="608">
                  <c:v>43952</c:v>
                </c:pt>
                <c:pt idx="609">
                  <c:v>43955</c:v>
                </c:pt>
                <c:pt idx="610">
                  <c:v>43956</c:v>
                </c:pt>
                <c:pt idx="611">
                  <c:v>43957</c:v>
                </c:pt>
                <c:pt idx="612">
                  <c:v>43958</c:v>
                </c:pt>
                <c:pt idx="613">
                  <c:v>43959</c:v>
                </c:pt>
                <c:pt idx="614">
                  <c:v>43962</c:v>
                </c:pt>
                <c:pt idx="615">
                  <c:v>43963</c:v>
                </c:pt>
                <c:pt idx="616">
                  <c:v>43964</c:v>
                </c:pt>
                <c:pt idx="617">
                  <c:v>43965</c:v>
                </c:pt>
                <c:pt idx="618">
                  <c:v>43966</c:v>
                </c:pt>
                <c:pt idx="619">
                  <c:v>43969</c:v>
                </c:pt>
                <c:pt idx="620">
                  <c:v>43970</c:v>
                </c:pt>
                <c:pt idx="621">
                  <c:v>43971</c:v>
                </c:pt>
                <c:pt idx="622">
                  <c:v>43972</c:v>
                </c:pt>
                <c:pt idx="623">
                  <c:v>43973</c:v>
                </c:pt>
                <c:pt idx="624">
                  <c:v>43976</c:v>
                </c:pt>
                <c:pt idx="625">
                  <c:v>43977</c:v>
                </c:pt>
                <c:pt idx="626">
                  <c:v>43978</c:v>
                </c:pt>
                <c:pt idx="627">
                  <c:v>43979</c:v>
                </c:pt>
                <c:pt idx="628">
                  <c:v>43980</c:v>
                </c:pt>
                <c:pt idx="629">
                  <c:v>43983</c:v>
                </c:pt>
                <c:pt idx="630">
                  <c:v>43984</c:v>
                </c:pt>
                <c:pt idx="631">
                  <c:v>43985</c:v>
                </c:pt>
                <c:pt idx="632">
                  <c:v>43986</c:v>
                </c:pt>
                <c:pt idx="633">
                  <c:v>43987</c:v>
                </c:pt>
                <c:pt idx="634">
                  <c:v>43990</c:v>
                </c:pt>
                <c:pt idx="635">
                  <c:v>43991</c:v>
                </c:pt>
                <c:pt idx="636">
                  <c:v>43992</c:v>
                </c:pt>
                <c:pt idx="637">
                  <c:v>43993</c:v>
                </c:pt>
                <c:pt idx="638">
                  <c:v>43994</c:v>
                </c:pt>
                <c:pt idx="639">
                  <c:v>43997</c:v>
                </c:pt>
                <c:pt idx="640">
                  <c:v>43998</c:v>
                </c:pt>
                <c:pt idx="641">
                  <c:v>43999</c:v>
                </c:pt>
                <c:pt idx="642">
                  <c:v>44000</c:v>
                </c:pt>
                <c:pt idx="643">
                  <c:v>44001</c:v>
                </c:pt>
                <c:pt idx="644">
                  <c:v>44004</c:v>
                </c:pt>
                <c:pt idx="645">
                  <c:v>44005</c:v>
                </c:pt>
                <c:pt idx="646">
                  <c:v>44006</c:v>
                </c:pt>
                <c:pt idx="647">
                  <c:v>44007</c:v>
                </c:pt>
                <c:pt idx="648">
                  <c:v>44008</c:v>
                </c:pt>
                <c:pt idx="649">
                  <c:v>44011</c:v>
                </c:pt>
                <c:pt idx="650">
                  <c:v>44012</c:v>
                </c:pt>
                <c:pt idx="651">
                  <c:v>44013</c:v>
                </c:pt>
                <c:pt idx="652">
                  <c:v>44014</c:v>
                </c:pt>
                <c:pt idx="653">
                  <c:v>44015</c:v>
                </c:pt>
                <c:pt idx="654">
                  <c:v>44018</c:v>
                </c:pt>
                <c:pt idx="655">
                  <c:v>44019</c:v>
                </c:pt>
                <c:pt idx="656">
                  <c:v>44020</c:v>
                </c:pt>
                <c:pt idx="657">
                  <c:v>44021</c:v>
                </c:pt>
                <c:pt idx="658">
                  <c:v>44022</c:v>
                </c:pt>
                <c:pt idx="659">
                  <c:v>44025</c:v>
                </c:pt>
                <c:pt idx="660">
                  <c:v>44026</c:v>
                </c:pt>
                <c:pt idx="661">
                  <c:v>44027</c:v>
                </c:pt>
                <c:pt idx="662">
                  <c:v>44028</c:v>
                </c:pt>
                <c:pt idx="663">
                  <c:v>44029</c:v>
                </c:pt>
                <c:pt idx="664">
                  <c:v>44032</c:v>
                </c:pt>
                <c:pt idx="665">
                  <c:v>44033</c:v>
                </c:pt>
                <c:pt idx="666">
                  <c:v>44034</c:v>
                </c:pt>
                <c:pt idx="667">
                  <c:v>44035</c:v>
                </c:pt>
                <c:pt idx="668">
                  <c:v>44036</c:v>
                </c:pt>
                <c:pt idx="669">
                  <c:v>44039</c:v>
                </c:pt>
                <c:pt idx="670">
                  <c:v>44040</c:v>
                </c:pt>
                <c:pt idx="671">
                  <c:v>44041</c:v>
                </c:pt>
                <c:pt idx="672">
                  <c:v>44042</c:v>
                </c:pt>
                <c:pt idx="673">
                  <c:v>44043</c:v>
                </c:pt>
                <c:pt idx="674">
                  <c:v>44046</c:v>
                </c:pt>
                <c:pt idx="675">
                  <c:v>44047</c:v>
                </c:pt>
                <c:pt idx="676">
                  <c:v>44048</c:v>
                </c:pt>
                <c:pt idx="677">
                  <c:v>44049</c:v>
                </c:pt>
                <c:pt idx="678">
                  <c:v>44050</c:v>
                </c:pt>
                <c:pt idx="679">
                  <c:v>44053</c:v>
                </c:pt>
                <c:pt idx="680">
                  <c:v>44054</c:v>
                </c:pt>
                <c:pt idx="681">
                  <c:v>44055</c:v>
                </c:pt>
                <c:pt idx="682">
                  <c:v>44056</c:v>
                </c:pt>
                <c:pt idx="683">
                  <c:v>44057</c:v>
                </c:pt>
                <c:pt idx="684">
                  <c:v>44060</c:v>
                </c:pt>
                <c:pt idx="685">
                  <c:v>44061</c:v>
                </c:pt>
                <c:pt idx="686">
                  <c:v>44062</c:v>
                </c:pt>
                <c:pt idx="687">
                  <c:v>44063</c:v>
                </c:pt>
                <c:pt idx="688">
                  <c:v>44064</c:v>
                </c:pt>
                <c:pt idx="689">
                  <c:v>44067</c:v>
                </c:pt>
                <c:pt idx="690">
                  <c:v>44068</c:v>
                </c:pt>
                <c:pt idx="691">
                  <c:v>44069</c:v>
                </c:pt>
                <c:pt idx="692">
                  <c:v>44070</c:v>
                </c:pt>
                <c:pt idx="693">
                  <c:v>44071</c:v>
                </c:pt>
                <c:pt idx="694">
                  <c:v>44074</c:v>
                </c:pt>
                <c:pt idx="695">
                  <c:v>44075</c:v>
                </c:pt>
                <c:pt idx="696">
                  <c:v>44076</c:v>
                </c:pt>
                <c:pt idx="697">
                  <c:v>44077</c:v>
                </c:pt>
                <c:pt idx="698">
                  <c:v>44078</c:v>
                </c:pt>
                <c:pt idx="699">
                  <c:v>44081</c:v>
                </c:pt>
                <c:pt idx="700">
                  <c:v>44082</c:v>
                </c:pt>
                <c:pt idx="701">
                  <c:v>44083</c:v>
                </c:pt>
                <c:pt idx="702">
                  <c:v>44084</c:v>
                </c:pt>
                <c:pt idx="703">
                  <c:v>44085</c:v>
                </c:pt>
                <c:pt idx="704">
                  <c:v>44088</c:v>
                </c:pt>
                <c:pt idx="705">
                  <c:v>44089</c:v>
                </c:pt>
                <c:pt idx="706">
                  <c:v>44090</c:v>
                </c:pt>
                <c:pt idx="707">
                  <c:v>44091</c:v>
                </c:pt>
                <c:pt idx="708">
                  <c:v>44092</c:v>
                </c:pt>
                <c:pt idx="709">
                  <c:v>44095</c:v>
                </c:pt>
                <c:pt idx="710">
                  <c:v>44096</c:v>
                </c:pt>
                <c:pt idx="711">
                  <c:v>44097</c:v>
                </c:pt>
                <c:pt idx="712">
                  <c:v>44098</c:v>
                </c:pt>
                <c:pt idx="713">
                  <c:v>44099</c:v>
                </c:pt>
                <c:pt idx="714">
                  <c:v>44102</c:v>
                </c:pt>
                <c:pt idx="715">
                  <c:v>44103</c:v>
                </c:pt>
                <c:pt idx="716">
                  <c:v>44104</c:v>
                </c:pt>
                <c:pt idx="717">
                  <c:v>44105</c:v>
                </c:pt>
                <c:pt idx="718">
                  <c:v>44106</c:v>
                </c:pt>
                <c:pt idx="719">
                  <c:v>44109</c:v>
                </c:pt>
                <c:pt idx="720">
                  <c:v>44110</c:v>
                </c:pt>
                <c:pt idx="721">
                  <c:v>44111</c:v>
                </c:pt>
                <c:pt idx="722">
                  <c:v>44112</c:v>
                </c:pt>
                <c:pt idx="723">
                  <c:v>44113</c:v>
                </c:pt>
                <c:pt idx="724">
                  <c:v>44116</c:v>
                </c:pt>
                <c:pt idx="725">
                  <c:v>44117</c:v>
                </c:pt>
                <c:pt idx="726">
                  <c:v>44118</c:v>
                </c:pt>
                <c:pt idx="727">
                  <c:v>44119</c:v>
                </c:pt>
                <c:pt idx="728">
                  <c:v>44120</c:v>
                </c:pt>
                <c:pt idx="729">
                  <c:v>44123</c:v>
                </c:pt>
                <c:pt idx="730">
                  <c:v>44124</c:v>
                </c:pt>
                <c:pt idx="731">
                  <c:v>44125</c:v>
                </c:pt>
                <c:pt idx="732">
                  <c:v>44126</c:v>
                </c:pt>
                <c:pt idx="733">
                  <c:v>44127</c:v>
                </c:pt>
                <c:pt idx="734">
                  <c:v>44130</c:v>
                </c:pt>
                <c:pt idx="735">
                  <c:v>44131</c:v>
                </c:pt>
                <c:pt idx="736">
                  <c:v>44132</c:v>
                </c:pt>
                <c:pt idx="737">
                  <c:v>44133</c:v>
                </c:pt>
                <c:pt idx="738">
                  <c:v>44134</c:v>
                </c:pt>
                <c:pt idx="739">
                  <c:v>44137</c:v>
                </c:pt>
                <c:pt idx="740">
                  <c:v>44138</c:v>
                </c:pt>
                <c:pt idx="741">
                  <c:v>44139</c:v>
                </c:pt>
                <c:pt idx="742">
                  <c:v>44140</c:v>
                </c:pt>
                <c:pt idx="743">
                  <c:v>44141</c:v>
                </c:pt>
                <c:pt idx="744">
                  <c:v>44144</c:v>
                </c:pt>
                <c:pt idx="745">
                  <c:v>44145</c:v>
                </c:pt>
                <c:pt idx="746">
                  <c:v>44146</c:v>
                </c:pt>
                <c:pt idx="747">
                  <c:v>44147</c:v>
                </c:pt>
                <c:pt idx="748">
                  <c:v>44148</c:v>
                </c:pt>
                <c:pt idx="749">
                  <c:v>44151</c:v>
                </c:pt>
                <c:pt idx="750">
                  <c:v>44152</c:v>
                </c:pt>
                <c:pt idx="751">
                  <c:v>44153</c:v>
                </c:pt>
                <c:pt idx="752">
                  <c:v>44154</c:v>
                </c:pt>
                <c:pt idx="753">
                  <c:v>44155</c:v>
                </c:pt>
                <c:pt idx="754">
                  <c:v>44158</c:v>
                </c:pt>
                <c:pt idx="755">
                  <c:v>44159</c:v>
                </c:pt>
                <c:pt idx="756">
                  <c:v>44160</c:v>
                </c:pt>
                <c:pt idx="757">
                  <c:v>44161</c:v>
                </c:pt>
                <c:pt idx="758">
                  <c:v>44162</c:v>
                </c:pt>
                <c:pt idx="759">
                  <c:v>44165</c:v>
                </c:pt>
                <c:pt idx="760">
                  <c:v>44166</c:v>
                </c:pt>
                <c:pt idx="761">
                  <c:v>44167</c:v>
                </c:pt>
                <c:pt idx="762">
                  <c:v>44168</c:v>
                </c:pt>
                <c:pt idx="763">
                  <c:v>44169</c:v>
                </c:pt>
                <c:pt idx="764">
                  <c:v>44172</c:v>
                </c:pt>
                <c:pt idx="765">
                  <c:v>44173</c:v>
                </c:pt>
                <c:pt idx="766">
                  <c:v>44174</c:v>
                </c:pt>
                <c:pt idx="767">
                  <c:v>44175</c:v>
                </c:pt>
                <c:pt idx="768">
                  <c:v>44176</c:v>
                </c:pt>
                <c:pt idx="769">
                  <c:v>44179</c:v>
                </c:pt>
                <c:pt idx="770">
                  <c:v>44180</c:v>
                </c:pt>
                <c:pt idx="771">
                  <c:v>44181</c:v>
                </c:pt>
                <c:pt idx="772">
                  <c:v>44182</c:v>
                </c:pt>
                <c:pt idx="773">
                  <c:v>44183</c:v>
                </c:pt>
                <c:pt idx="774">
                  <c:v>44186</c:v>
                </c:pt>
                <c:pt idx="775">
                  <c:v>44187</c:v>
                </c:pt>
                <c:pt idx="776">
                  <c:v>44188</c:v>
                </c:pt>
                <c:pt idx="777">
                  <c:v>44189</c:v>
                </c:pt>
                <c:pt idx="778">
                  <c:v>44190</c:v>
                </c:pt>
                <c:pt idx="779">
                  <c:v>44193</c:v>
                </c:pt>
                <c:pt idx="780">
                  <c:v>44194</c:v>
                </c:pt>
                <c:pt idx="781">
                  <c:v>44195</c:v>
                </c:pt>
                <c:pt idx="782">
                  <c:v>44196</c:v>
                </c:pt>
                <c:pt idx="783">
                  <c:v>44197</c:v>
                </c:pt>
                <c:pt idx="784">
                  <c:v>44200</c:v>
                </c:pt>
                <c:pt idx="785">
                  <c:v>44201</c:v>
                </c:pt>
                <c:pt idx="786">
                  <c:v>44202</c:v>
                </c:pt>
                <c:pt idx="787">
                  <c:v>44203</c:v>
                </c:pt>
                <c:pt idx="788">
                  <c:v>44204</c:v>
                </c:pt>
                <c:pt idx="789">
                  <c:v>44207</c:v>
                </c:pt>
                <c:pt idx="790">
                  <c:v>44208</c:v>
                </c:pt>
                <c:pt idx="791">
                  <c:v>44209</c:v>
                </c:pt>
                <c:pt idx="792">
                  <c:v>44210</c:v>
                </c:pt>
                <c:pt idx="793">
                  <c:v>44211</c:v>
                </c:pt>
                <c:pt idx="794">
                  <c:v>44214</c:v>
                </c:pt>
                <c:pt idx="795">
                  <c:v>44215</c:v>
                </c:pt>
                <c:pt idx="796">
                  <c:v>44216</c:v>
                </c:pt>
                <c:pt idx="797">
                  <c:v>44217</c:v>
                </c:pt>
                <c:pt idx="798">
                  <c:v>44218</c:v>
                </c:pt>
                <c:pt idx="799">
                  <c:v>44221</c:v>
                </c:pt>
                <c:pt idx="800">
                  <c:v>44222</c:v>
                </c:pt>
                <c:pt idx="801">
                  <c:v>44223</c:v>
                </c:pt>
                <c:pt idx="802">
                  <c:v>44224</c:v>
                </c:pt>
                <c:pt idx="803">
                  <c:v>44225</c:v>
                </c:pt>
                <c:pt idx="804">
                  <c:v>44228</c:v>
                </c:pt>
                <c:pt idx="805">
                  <c:v>44229</c:v>
                </c:pt>
                <c:pt idx="806">
                  <c:v>44230</c:v>
                </c:pt>
                <c:pt idx="807">
                  <c:v>44231</c:v>
                </c:pt>
                <c:pt idx="808">
                  <c:v>44232</c:v>
                </c:pt>
                <c:pt idx="809">
                  <c:v>44235</c:v>
                </c:pt>
                <c:pt idx="810">
                  <c:v>44236</c:v>
                </c:pt>
                <c:pt idx="811">
                  <c:v>44237</c:v>
                </c:pt>
                <c:pt idx="812">
                  <c:v>44238</c:v>
                </c:pt>
                <c:pt idx="813">
                  <c:v>44239</c:v>
                </c:pt>
                <c:pt idx="814">
                  <c:v>44242</c:v>
                </c:pt>
                <c:pt idx="815">
                  <c:v>44243</c:v>
                </c:pt>
                <c:pt idx="816">
                  <c:v>44244</c:v>
                </c:pt>
                <c:pt idx="817">
                  <c:v>44245</c:v>
                </c:pt>
                <c:pt idx="818">
                  <c:v>44246</c:v>
                </c:pt>
                <c:pt idx="819">
                  <c:v>44249</c:v>
                </c:pt>
                <c:pt idx="820">
                  <c:v>44250</c:v>
                </c:pt>
                <c:pt idx="821">
                  <c:v>44251</c:v>
                </c:pt>
                <c:pt idx="822">
                  <c:v>44252</c:v>
                </c:pt>
                <c:pt idx="823">
                  <c:v>44253</c:v>
                </c:pt>
                <c:pt idx="824">
                  <c:v>44256</c:v>
                </c:pt>
                <c:pt idx="825">
                  <c:v>44257</c:v>
                </c:pt>
                <c:pt idx="826">
                  <c:v>44258</c:v>
                </c:pt>
                <c:pt idx="827">
                  <c:v>44259</c:v>
                </c:pt>
                <c:pt idx="828">
                  <c:v>44260</c:v>
                </c:pt>
                <c:pt idx="829">
                  <c:v>44263</c:v>
                </c:pt>
                <c:pt idx="830">
                  <c:v>44264</c:v>
                </c:pt>
                <c:pt idx="831">
                  <c:v>44265</c:v>
                </c:pt>
                <c:pt idx="832">
                  <c:v>44266</c:v>
                </c:pt>
                <c:pt idx="833">
                  <c:v>44267</c:v>
                </c:pt>
                <c:pt idx="834">
                  <c:v>44270</c:v>
                </c:pt>
                <c:pt idx="835">
                  <c:v>44271</c:v>
                </c:pt>
                <c:pt idx="836">
                  <c:v>44272</c:v>
                </c:pt>
                <c:pt idx="837">
                  <c:v>44273</c:v>
                </c:pt>
                <c:pt idx="838">
                  <c:v>44274</c:v>
                </c:pt>
                <c:pt idx="839">
                  <c:v>44277</c:v>
                </c:pt>
                <c:pt idx="840">
                  <c:v>44278</c:v>
                </c:pt>
                <c:pt idx="841">
                  <c:v>44279</c:v>
                </c:pt>
                <c:pt idx="842">
                  <c:v>44280</c:v>
                </c:pt>
                <c:pt idx="843">
                  <c:v>44281</c:v>
                </c:pt>
                <c:pt idx="844">
                  <c:v>44284</c:v>
                </c:pt>
                <c:pt idx="845">
                  <c:v>44285</c:v>
                </c:pt>
                <c:pt idx="846">
                  <c:v>44286</c:v>
                </c:pt>
                <c:pt idx="847">
                  <c:v>44287</c:v>
                </c:pt>
                <c:pt idx="848">
                  <c:v>44288</c:v>
                </c:pt>
                <c:pt idx="849">
                  <c:v>44291</c:v>
                </c:pt>
                <c:pt idx="850">
                  <c:v>44292</c:v>
                </c:pt>
                <c:pt idx="851">
                  <c:v>44293</c:v>
                </c:pt>
                <c:pt idx="852">
                  <c:v>44294</c:v>
                </c:pt>
                <c:pt idx="853">
                  <c:v>44295</c:v>
                </c:pt>
                <c:pt idx="854">
                  <c:v>44298</c:v>
                </c:pt>
                <c:pt idx="855">
                  <c:v>44299</c:v>
                </c:pt>
                <c:pt idx="856">
                  <c:v>44300</c:v>
                </c:pt>
                <c:pt idx="857">
                  <c:v>44301</c:v>
                </c:pt>
                <c:pt idx="858">
                  <c:v>44302</c:v>
                </c:pt>
                <c:pt idx="859">
                  <c:v>44305</c:v>
                </c:pt>
                <c:pt idx="860">
                  <c:v>44306</c:v>
                </c:pt>
                <c:pt idx="861">
                  <c:v>44307</c:v>
                </c:pt>
                <c:pt idx="862">
                  <c:v>44308</c:v>
                </c:pt>
                <c:pt idx="863">
                  <c:v>44309</c:v>
                </c:pt>
                <c:pt idx="864">
                  <c:v>44312</c:v>
                </c:pt>
                <c:pt idx="865">
                  <c:v>44313</c:v>
                </c:pt>
                <c:pt idx="866">
                  <c:v>44314</c:v>
                </c:pt>
                <c:pt idx="867">
                  <c:v>44315</c:v>
                </c:pt>
                <c:pt idx="868">
                  <c:v>44316</c:v>
                </c:pt>
                <c:pt idx="869">
                  <c:v>44319</c:v>
                </c:pt>
                <c:pt idx="870">
                  <c:v>44320</c:v>
                </c:pt>
                <c:pt idx="871">
                  <c:v>44321</c:v>
                </c:pt>
                <c:pt idx="872">
                  <c:v>44322</c:v>
                </c:pt>
                <c:pt idx="873">
                  <c:v>44323</c:v>
                </c:pt>
                <c:pt idx="874">
                  <c:v>44326</c:v>
                </c:pt>
                <c:pt idx="875">
                  <c:v>44327</c:v>
                </c:pt>
                <c:pt idx="876">
                  <c:v>44328</c:v>
                </c:pt>
                <c:pt idx="877">
                  <c:v>44329</c:v>
                </c:pt>
                <c:pt idx="878">
                  <c:v>44330</c:v>
                </c:pt>
                <c:pt idx="879">
                  <c:v>44333</c:v>
                </c:pt>
                <c:pt idx="880">
                  <c:v>44334</c:v>
                </c:pt>
                <c:pt idx="881">
                  <c:v>44335</c:v>
                </c:pt>
                <c:pt idx="882">
                  <c:v>44336</c:v>
                </c:pt>
                <c:pt idx="883">
                  <c:v>44337</c:v>
                </c:pt>
                <c:pt idx="884">
                  <c:v>44340</c:v>
                </c:pt>
                <c:pt idx="885">
                  <c:v>44341</c:v>
                </c:pt>
                <c:pt idx="886">
                  <c:v>44342</c:v>
                </c:pt>
                <c:pt idx="887">
                  <c:v>44343</c:v>
                </c:pt>
                <c:pt idx="888">
                  <c:v>44344</c:v>
                </c:pt>
                <c:pt idx="889">
                  <c:v>44347</c:v>
                </c:pt>
                <c:pt idx="890">
                  <c:v>44348</c:v>
                </c:pt>
                <c:pt idx="891">
                  <c:v>44349</c:v>
                </c:pt>
                <c:pt idx="892">
                  <c:v>44350</c:v>
                </c:pt>
                <c:pt idx="893">
                  <c:v>44351</c:v>
                </c:pt>
                <c:pt idx="894">
                  <c:v>44354</c:v>
                </c:pt>
                <c:pt idx="895">
                  <c:v>44355</c:v>
                </c:pt>
                <c:pt idx="896">
                  <c:v>44356</c:v>
                </c:pt>
                <c:pt idx="897">
                  <c:v>44357</c:v>
                </c:pt>
                <c:pt idx="898">
                  <c:v>44358</c:v>
                </c:pt>
                <c:pt idx="899">
                  <c:v>44361</c:v>
                </c:pt>
                <c:pt idx="900">
                  <c:v>44362</c:v>
                </c:pt>
                <c:pt idx="901">
                  <c:v>44363</c:v>
                </c:pt>
                <c:pt idx="902">
                  <c:v>44364</c:v>
                </c:pt>
                <c:pt idx="903">
                  <c:v>44365</c:v>
                </c:pt>
                <c:pt idx="904">
                  <c:v>44368</c:v>
                </c:pt>
                <c:pt idx="905">
                  <c:v>44369</c:v>
                </c:pt>
                <c:pt idx="906">
                  <c:v>44370</c:v>
                </c:pt>
                <c:pt idx="907">
                  <c:v>44371</c:v>
                </c:pt>
                <c:pt idx="908">
                  <c:v>44372</c:v>
                </c:pt>
                <c:pt idx="909">
                  <c:v>44375</c:v>
                </c:pt>
                <c:pt idx="910">
                  <c:v>44376</c:v>
                </c:pt>
                <c:pt idx="911">
                  <c:v>44377</c:v>
                </c:pt>
                <c:pt idx="912">
                  <c:v>44378</c:v>
                </c:pt>
                <c:pt idx="913">
                  <c:v>44379</c:v>
                </c:pt>
                <c:pt idx="914">
                  <c:v>44382</c:v>
                </c:pt>
                <c:pt idx="915">
                  <c:v>44383</c:v>
                </c:pt>
                <c:pt idx="916">
                  <c:v>44384</c:v>
                </c:pt>
                <c:pt idx="917">
                  <c:v>44385</c:v>
                </c:pt>
                <c:pt idx="918">
                  <c:v>44386</c:v>
                </c:pt>
                <c:pt idx="919">
                  <c:v>44389</c:v>
                </c:pt>
                <c:pt idx="920">
                  <c:v>44390</c:v>
                </c:pt>
                <c:pt idx="921">
                  <c:v>44391</c:v>
                </c:pt>
                <c:pt idx="922">
                  <c:v>44392</c:v>
                </c:pt>
                <c:pt idx="923">
                  <c:v>44393</c:v>
                </c:pt>
                <c:pt idx="924">
                  <c:v>44396</c:v>
                </c:pt>
                <c:pt idx="925">
                  <c:v>44397</c:v>
                </c:pt>
                <c:pt idx="926">
                  <c:v>44398</c:v>
                </c:pt>
                <c:pt idx="927">
                  <c:v>44399</c:v>
                </c:pt>
                <c:pt idx="928">
                  <c:v>44400</c:v>
                </c:pt>
                <c:pt idx="929">
                  <c:v>44403</c:v>
                </c:pt>
                <c:pt idx="930">
                  <c:v>44404</c:v>
                </c:pt>
                <c:pt idx="931">
                  <c:v>44405</c:v>
                </c:pt>
                <c:pt idx="932">
                  <c:v>44406</c:v>
                </c:pt>
                <c:pt idx="933">
                  <c:v>44407</c:v>
                </c:pt>
                <c:pt idx="934">
                  <c:v>44410</c:v>
                </c:pt>
                <c:pt idx="935">
                  <c:v>44411</c:v>
                </c:pt>
                <c:pt idx="936">
                  <c:v>44412</c:v>
                </c:pt>
                <c:pt idx="937">
                  <c:v>44413</c:v>
                </c:pt>
                <c:pt idx="938">
                  <c:v>44414</c:v>
                </c:pt>
                <c:pt idx="939">
                  <c:v>44417</c:v>
                </c:pt>
                <c:pt idx="940">
                  <c:v>44418</c:v>
                </c:pt>
                <c:pt idx="941">
                  <c:v>44419</c:v>
                </c:pt>
                <c:pt idx="942">
                  <c:v>44420</c:v>
                </c:pt>
                <c:pt idx="943">
                  <c:v>44421</c:v>
                </c:pt>
                <c:pt idx="944">
                  <c:v>44424</c:v>
                </c:pt>
                <c:pt idx="945">
                  <c:v>44425</c:v>
                </c:pt>
                <c:pt idx="946">
                  <c:v>44426</c:v>
                </c:pt>
                <c:pt idx="947">
                  <c:v>44427</c:v>
                </c:pt>
                <c:pt idx="948">
                  <c:v>44428</c:v>
                </c:pt>
                <c:pt idx="949">
                  <c:v>44431</c:v>
                </c:pt>
                <c:pt idx="950">
                  <c:v>44432</c:v>
                </c:pt>
                <c:pt idx="951">
                  <c:v>44433</c:v>
                </c:pt>
                <c:pt idx="952">
                  <c:v>44434</c:v>
                </c:pt>
                <c:pt idx="953">
                  <c:v>44435</c:v>
                </c:pt>
                <c:pt idx="954">
                  <c:v>44438</c:v>
                </c:pt>
                <c:pt idx="955">
                  <c:v>44439</c:v>
                </c:pt>
                <c:pt idx="956">
                  <c:v>44440</c:v>
                </c:pt>
                <c:pt idx="957">
                  <c:v>44441</c:v>
                </c:pt>
                <c:pt idx="958">
                  <c:v>44442</c:v>
                </c:pt>
                <c:pt idx="959">
                  <c:v>44445</c:v>
                </c:pt>
                <c:pt idx="960">
                  <c:v>44446</c:v>
                </c:pt>
                <c:pt idx="961">
                  <c:v>44447</c:v>
                </c:pt>
                <c:pt idx="962">
                  <c:v>44448</c:v>
                </c:pt>
                <c:pt idx="963">
                  <c:v>44449</c:v>
                </c:pt>
                <c:pt idx="964">
                  <c:v>44452</c:v>
                </c:pt>
                <c:pt idx="965">
                  <c:v>44453</c:v>
                </c:pt>
                <c:pt idx="966">
                  <c:v>44454</c:v>
                </c:pt>
                <c:pt idx="967">
                  <c:v>44455</c:v>
                </c:pt>
                <c:pt idx="968">
                  <c:v>44456</c:v>
                </c:pt>
                <c:pt idx="969">
                  <c:v>44459</c:v>
                </c:pt>
                <c:pt idx="970">
                  <c:v>44460</c:v>
                </c:pt>
                <c:pt idx="971">
                  <c:v>44461</c:v>
                </c:pt>
                <c:pt idx="972">
                  <c:v>44462</c:v>
                </c:pt>
                <c:pt idx="973">
                  <c:v>44463</c:v>
                </c:pt>
                <c:pt idx="974">
                  <c:v>44466</c:v>
                </c:pt>
                <c:pt idx="975">
                  <c:v>44467</c:v>
                </c:pt>
                <c:pt idx="976">
                  <c:v>44468</c:v>
                </c:pt>
                <c:pt idx="977">
                  <c:v>44469</c:v>
                </c:pt>
                <c:pt idx="978">
                  <c:v>44470</c:v>
                </c:pt>
                <c:pt idx="979">
                  <c:v>44473</c:v>
                </c:pt>
                <c:pt idx="980">
                  <c:v>44474</c:v>
                </c:pt>
                <c:pt idx="981">
                  <c:v>44475</c:v>
                </c:pt>
                <c:pt idx="982">
                  <c:v>44476</c:v>
                </c:pt>
                <c:pt idx="983">
                  <c:v>44477</c:v>
                </c:pt>
                <c:pt idx="984">
                  <c:v>44480</c:v>
                </c:pt>
                <c:pt idx="985">
                  <c:v>44481</c:v>
                </c:pt>
                <c:pt idx="986">
                  <c:v>44482</c:v>
                </c:pt>
                <c:pt idx="987">
                  <c:v>44483</c:v>
                </c:pt>
                <c:pt idx="988">
                  <c:v>44484</c:v>
                </c:pt>
                <c:pt idx="989">
                  <c:v>44487</c:v>
                </c:pt>
                <c:pt idx="990">
                  <c:v>44488</c:v>
                </c:pt>
                <c:pt idx="991">
                  <c:v>44489</c:v>
                </c:pt>
                <c:pt idx="992">
                  <c:v>44490</c:v>
                </c:pt>
                <c:pt idx="993">
                  <c:v>44491</c:v>
                </c:pt>
                <c:pt idx="994">
                  <c:v>44494</c:v>
                </c:pt>
                <c:pt idx="995">
                  <c:v>44495</c:v>
                </c:pt>
                <c:pt idx="996">
                  <c:v>44496</c:v>
                </c:pt>
                <c:pt idx="997">
                  <c:v>44497</c:v>
                </c:pt>
                <c:pt idx="998">
                  <c:v>44498</c:v>
                </c:pt>
                <c:pt idx="999">
                  <c:v>44501</c:v>
                </c:pt>
                <c:pt idx="1000">
                  <c:v>44502</c:v>
                </c:pt>
                <c:pt idx="1001">
                  <c:v>44503</c:v>
                </c:pt>
                <c:pt idx="1002">
                  <c:v>44504</c:v>
                </c:pt>
                <c:pt idx="1003">
                  <c:v>44505</c:v>
                </c:pt>
                <c:pt idx="1004">
                  <c:v>44508</c:v>
                </c:pt>
                <c:pt idx="1005">
                  <c:v>44509</c:v>
                </c:pt>
                <c:pt idx="1006">
                  <c:v>44510</c:v>
                </c:pt>
                <c:pt idx="1007">
                  <c:v>44511</c:v>
                </c:pt>
                <c:pt idx="1008">
                  <c:v>44512</c:v>
                </c:pt>
                <c:pt idx="1009">
                  <c:v>44515</c:v>
                </c:pt>
                <c:pt idx="1010">
                  <c:v>44516</c:v>
                </c:pt>
                <c:pt idx="1011">
                  <c:v>44517</c:v>
                </c:pt>
                <c:pt idx="1012">
                  <c:v>44518</c:v>
                </c:pt>
                <c:pt idx="1013">
                  <c:v>44519</c:v>
                </c:pt>
                <c:pt idx="1014">
                  <c:v>44522</c:v>
                </c:pt>
                <c:pt idx="1015">
                  <c:v>44523</c:v>
                </c:pt>
                <c:pt idx="1016">
                  <c:v>44524</c:v>
                </c:pt>
                <c:pt idx="1017">
                  <c:v>44525</c:v>
                </c:pt>
                <c:pt idx="1018">
                  <c:v>44526</c:v>
                </c:pt>
                <c:pt idx="1019">
                  <c:v>44529</c:v>
                </c:pt>
                <c:pt idx="1020">
                  <c:v>44530</c:v>
                </c:pt>
                <c:pt idx="1021">
                  <c:v>44531</c:v>
                </c:pt>
                <c:pt idx="1022">
                  <c:v>44532</c:v>
                </c:pt>
                <c:pt idx="1023">
                  <c:v>44533</c:v>
                </c:pt>
                <c:pt idx="1024">
                  <c:v>44536</c:v>
                </c:pt>
                <c:pt idx="1025">
                  <c:v>44537</c:v>
                </c:pt>
                <c:pt idx="1026">
                  <c:v>44538</c:v>
                </c:pt>
                <c:pt idx="1027">
                  <c:v>44539</c:v>
                </c:pt>
                <c:pt idx="1028">
                  <c:v>44540</c:v>
                </c:pt>
                <c:pt idx="1029">
                  <c:v>44543</c:v>
                </c:pt>
                <c:pt idx="1030">
                  <c:v>44544</c:v>
                </c:pt>
                <c:pt idx="1031">
                  <c:v>44545</c:v>
                </c:pt>
                <c:pt idx="1032">
                  <c:v>44546</c:v>
                </c:pt>
                <c:pt idx="1033">
                  <c:v>44547</c:v>
                </c:pt>
                <c:pt idx="1034">
                  <c:v>44550</c:v>
                </c:pt>
                <c:pt idx="1035">
                  <c:v>44551</c:v>
                </c:pt>
                <c:pt idx="1036">
                  <c:v>44552</c:v>
                </c:pt>
                <c:pt idx="1037">
                  <c:v>44553</c:v>
                </c:pt>
                <c:pt idx="1038">
                  <c:v>44554</c:v>
                </c:pt>
                <c:pt idx="1039">
                  <c:v>44557</c:v>
                </c:pt>
                <c:pt idx="1040">
                  <c:v>44558</c:v>
                </c:pt>
                <c:pt idx="1041">
                  <c:v>44559</c:v>
                </c:pt>
                <c:pt idx="1042">
                  <c:v>44560</c:v>
                </c:pt>
                <c:pt idx="1043">
                  <c:v>44561</c:v>
                </c:pt>
                <c:pt idx="1044">
                  <c:v>44564</c:v>
                </c:pt>
                <c:pt idx="1045">
                  <c:v>44565</c:v>
                </c:pt>
                <c:pt idx="1046">
                  <c:v>44566</c:v>
                </c:pt>
                <c:pt idx="1047">
                  <c:v>44567</c:v>
                </c:pt>
                <c:pt idx="1048">
                  <c:v>44568</c:v>
                </c:pt>
                <c:pt idx="1049">
                  <c:v>44571</c:v>
                </c:pt>
                <c:pt idx="1050">
                  <c:v>44572</c:v>
                </c:pt>
                <c:pt idx="1051">
                  <c:v>44573</c:v>
                </c:pt>
                <c:pt idx="1052">
                  <c:v>44574</c:v>
                </c:pt>
                <c:pt idx="1053">
                  <c:v>44575</c:v>
                </c:pt>
                <c:pt idx="1054">
                  <c:v>44578</c:v>
                </c:pt>
                <c:pt idx="1055">
                  <c:v>44579</c:v>
                </c:pt>
                <c:pt idx="1056">
                  <c:v>44580</c:v>
                </c:pt>
                <c:pt idx="1057">
                  <c:v>44581</c:v>
                </c:pt>
                <c:pt idx="1058">
                  <c:v>44582</c:v>
                </c:pt>
                <c:pt idx="1059">
                  <c:v>44585</c:v>
                </c:pt>
                <c:pt idx="1060">
                  <c:v>44586</c:v>
                </c:pt>
                <c:pt idx="1061">
                  <c:v>44587</c:v>
                </c:pt>
                <c:pt idx="1062">
                  <c:v>44588</c:v>
                </c:pt>
                <c:pt idx="1063">
                  <c:v>44589</c:v>
                </c:pt>
                <c:pt idx="1064">
                  <c:v>44592</c:v>
                </c:pt>
                <c:pt idx="1065">
                  <c:v>44593</c:v>
                </c:pt>
                <c:pt idx="1066">
                  <c:v>44594</c:v>
                </c:pt>
                <c:pt idx="1067">
                  <c:v>44595</c:v>
                </c:pt>
                <c:pt idx="1068">
                  <c:v>44596</c:v>
                </c:pt>
                <c:pt idx="1069">
                  <c:v>44599</c:v>
                </c:pt>
                <c:pt idx="1070">
                  <c:v>44600</c:v>
                </c:pt>
                <c:pt idx="1071">
                  <c:v>44601</c:v>
                </c:pt>
                <c:pt idx="1072">
                  <c:v>44602</c:v>
                </c:pt>
                <c:pt idx="1073">
                  <c:v>44603</c:v>
                </c:pt>
                <c:pt idx="1074">
                  <c:v>44606</c:v>
                </c:pt>
                <c:pt idx="1075">
                  <c:v>44607</c:v>
                </c:pt>
                <c:pt idx="1076">
                  <c:v>44608</c:v>
                </c:pt>
                <c:pt idx="1077">
                  <c:v>44609</c:v>
                </c:pt>
                <c:pt idx="1078">
                  <c:v>44610</c:v>
                </c:pt>
                <c:pt idx="1079">
                  <c:v>44613</c:v>
                </c:pt>
                <c:pt idx="1080">
                  <c:v>44614</c:v>
                </c:pt>
                <c:pt idx="1081">
                  <c:v>44615</c:v>
                </c:pt>
                <c:pt idx="1082">
                  <c:v>44616</c:v>
                </c:pt>
                <c:pt idx="1083">
                  <c:v>44617</c:v>
                </c:pt>
                <c:pt idx="1084">
                  <c:v>44620</c:v>
                </c:pt>
                <c:pt idx="1085">
                  <c:v>44621</c:v>
                </c:pt>
                <c:pt idx="1086">
                  <c:v>44622</c:v>
                </c:pt>
                <c:pt idx="1087">
                  <c:v>44623</c:v>
                </c:pt>
                <c:pt idx="1088">
                  <c:v>44624</c:v>
                </c:pt>
                <c:pt idx="1089">
                  <c:v>44627</c:v>
                </c:pt>
                <c:pt idx="1090">
                  <c:v>44628</c:v>
                </c:pt>
                <c:pt idx="1091">
                  <c:v>44629</c:v>
                </c:pt>
                <c:pt idx="1092">
                  <c:v>44630</c:v>
                </c:pt>
                <c:pt idx="1093">
                  <c:v>44631</c:v>
                </c:pt>
                <c:pt idx="1094">
                  <c:v>44634</c:v>
                </c:pt>
                <c:pt idx="1095">
                  <c:v>44635</c:v>
                </c:pt>
                <c:pt idx="1096">
                  <c:v>44636</c:v>
                </c:pt>
                <c:pt idx="1097">
                  <c:v>44637</c:v>
                </c:pt>
                <c:pt idx="1098">
                  <c:v>44638</c:v>
                </c:pt>
                <c:pt idx="1099">
                  <c:v>44641</c:v>
                </c:pt>
                <c:pt idx="1100">
                  <c:v>44642</c:v>
                </c:pt>
                <c:pt idx="1101">
                  <c:v>44643</c:v>
                </c:pt>
                <c:pt idx="1102">
                  <c:v>44644</c:v>
                </c:pt>
                <c:pt idx="1103">
                  <c:v>44645</c:v>
                </c:pt>
                <c:pt idx="1104">
                  <c:v>44648</c:v>
                </c:pt>
                <c:pt idx="1105">
                  <c:v>44649</c:v>
                </c:pt>
                <c:pt idx="1106">
                  <c:v>44650</c:v>
                </c:pt>
                <c:pt idx="1107">
                  <c:v>44651</c:v>
                </c:pt>
                <c:pt idx="1108">
                  <c:v>44652</c:v>
                </c:pt>
                <c:pt idx="1109">
                  <c:v>44655</c:v>
                </c:pt>
                <c:pt idx="1110">
                  <c:v>44656</c:v>
                </c:pt>
                <c:pt idx="1111">
                  <c:v>44657</c:v>
                </c:pt>
                <c:pt idx="1112">
                  <c:v>44658</c:v>
                </c:pt>
                <c:pt idx="1113">
                  <c:v>44659</c:v>
                </c:pt>
                <c:pt idx="1114">
                  <c:v>44662</c:v>
                </c:pt>
                <c:pt idx="1115">
                  <c:v>44663</c:v>
                </c:pt>
                <c:pt idx="1116">
                  <c:v>44664</c:v>
                </c:pt>
                <c:pt idx="1117">
                  <c:v>44665</c:v>
                </c:pt>
                <c:pt idx="1118">
                  <c:v>44666</c:v>
                </c:pt>
                <c:pt idx="1119">
                  <c:v>44669</c:v>
                </c:pt>
                <c:pt idx="1120">
                  <c:v>44670</c:v>
                </c:pt>
                <c:pt idx="1121">
                  <c:v>44671</c:v>
                </c:pt>
                <c:pt idx="1122">
                  <c:v>44672</c:v>
                </c:pt>
                <c:pt idx="1123">
                  <c:v>44673</c:v>
                </c:pt>
                <c:pt idx="1124">
                  <c:v>44676</c:v>
                </c:pt>
                <c:pt idx="1125">
                  <c:v>44677</c:v>
                </c:pt>
                <c:pt idx="1126">
                  <c:v>44678</c:v>
                </c:pt>
                <c:pt idx="1127">
                  <c:v>44679</c:v>
                </c:pt>
                <c:pt idx="1128">
                  <c:v>44680</c:v>
                </c:pt>
                <c:pt idx="1129">
                  <c:v>44683</c:v>
                </c:pt>
                <c:pt idx="1130">
                  <c:v>44684</c:v>
                </c:pt>
                <c:pt idx="1131">
                  <c:v>44685</c:v>
                </c:pt>
                <c:pt idx="1132">
                  <c:v>44686</c:v>
                </c:pt>
                <c:pt idx="1133">
                  <c:v>44687</c:v>
                </c:pt>
                <c:pt idx="1134">
                  <c:v>44690</c:v>
                </c:pt>
                <c:pt idx="1135">
                  <c:v>44691</c:v>
                </c:pt>
                <c:pt idx="1136">
                  <c:v>44692</c:v>
                </c:pt>
                <c:pt idx="1137">
                  <c:v>44693</c:v>
                </c:pt>
                <c:pt idx="1138">
                  <c:v>44694</c:v>
                </c:pt>
                <c:pt idx="1139">
                  <c:v>44697</c:v>
                </c:pt>
                <c:pt idx="1140">
                  <c:v>44698</c:v>
                </c:pt>
                <c:pt idx="1141">
                  <c:v>44699</c:v>
                </c:pt>
                <c:pt idx="1142">
                  <c:v>44700</c:v>
                </c:pt>
                <c:pt idx="1143">
                  <c:v>44701</c:v>
                </c:pt>
                <c:pt idx="1144">
                  <c:v>44704</c:v>
                </c:pt>
                <c:pt idx="1145">
                  <c:v>44705</c:v>
                </c:pt>
                <c:pt idx="1146">
                  <c:v>44706</c:v>
                </c:pt>
                <c:pt idx="1147">
                  <c:v>44707</c:v>
                </c:pt>
                <c:pt idx="1148">
                  <c:v>44708</c:v>
                </c:pt>
                <c:pt idx="1149">
                  <c:v>44711</c:v>
                </c:pt>
                <c:pt idx="1150">
                  <c:v>44712</c:v>
                </c:pt>
                <c:pt idx="1151">
                  <c:v>44713</c:v>
                </c:pt>
                <c:pt idx="1152">
                  <c:v>44714</c:v>
                </c:pt>
                <c:pt idx="1153">
                  <c:v>44715</c:v>
                </c:pt>
                <c:pt idx="1154">
                  <c:v>44718</c:v>
                </c:pt>
                <c:pt idx="1155">
                  <c:v>44719</c:v>
                </c:pt>
                <c:pt idx="1156">
                  <c:v>44720</c:v>
                </c:pt>
                <c:pt idx="1157">
                  <c:v>44721</c:v>
                </c:pt>
                <c:pt idx="1158">
                  <c:v>44722</c:v>
                </c:pt>
                <c:pt idx="1159">
                  <c:v>44725</c:v>
                </c:pt>
                <c:pt idx="1160">
                  <c:v>44726</c:v>
                </c:pt>
                <c:pt idx="1161">
                  <c:v>44727</c:v>
                </c:pt>
                <c:pt idx="1162">
                  <c:v>44728</c:v>
                </c:pt>
                <c:pt idx="1163">
                  <c:v>44729</c:v>
                </c:pt>
                <c:pt idx="1164">
                  <c:v>44732</c:v>
                </c:pt>
                <c:pt idx="1165">
                  <c:v>44733</c:v>
                </c:pt>
                <c:pt idx="1166">
                  <c:v>44734</c:v>
                </c:pt>
                <c:pt idx="1167">
                  <c:v>44735</c:v>
                </c:pt>
                <c:pt idx="1168">
                  <c:v>44736</c:v>
                </c:pt>
                <c:pt idx="1169">
                  <c:v>44739</c:v>
                </c:pt>
                <c:pt idx="1170">
                  <c:v>44740</c:v>
                </c:pt>
                <c:pt idx="1171">
                  <c:v>44741</c:v>
                </c:pt>
                <c:pt idx="1172">
                  <c:v>44742</c:v>
                </c:pt>
                <c:pt idx="1173">
                  <c:v>44743</c:v>
                </c:pt>
                <c:pt idx="1174">
                  <c:v>44746</c:v>
                </c:pt>
                <c:pt idx="1175">
                  <c:v>44747</c:v>
                </c:pt>
                <c:pt idx="1176">
                  <c:v>44748</c:v>
                </c:pt>
                <c:pt idx="1177">
                  <c:v>44749</c:v>
                </c:pt>
                <c:pt idx="1178">
                  <c:v>44750</c:v>
                </c:pt>
                <c:pt idx="1179">
                  <c:v>44753</c:v>
                </c:pt>
                <c:pt idx="1180">
                  <c:v>44754</c:v>
                </c:pt>
                <c:pt idx="1181">
                  <c:v>44755</c:v>
                </c:pt>
                <c:pt idx="1182">
                  <c:v>44756</c:v>
                </c:pt>
                <c:pt idx="1183">
                  <c:v>44757</c:v>
                </c:pt>
                <c:pt idx="1184">
                  <c:v>44760</c:v>
                </c:pt>
                <c:pt idx="1185">
                  <c:v>44761</c:v>
                </c:pt>
                <c:pt idx="1186">
                  <c:v>44762</c:v>
                </c:pt>
                <c:pt idx="1187">
                  <c:v>44763</c:v>
                </c:pt>
                <c:pt idx="1188">
                  <c:v>44764</c:v>
                </c:pt>
                <c:pt idx="1189">
                  <c:v>44767</c:v>
                </c:pt>
                <c:pt idx="1190">
                  <c:v>44768</c:v>
                </c:pt>
                <c:pt idx="1191">
                  <c:v>44769</c:v>
                </c:pt>
                <c:pt idx="1192">
                  <c:v>44770</c:v>
                </c:pt>
                <c:pt idx="1193">
                  <c:v>44771</c:v>
                </c:pt>
                <c:pt idx="1194">
                  <c:v>44774</c:v>
                </c:pt>
                <c:pt idx="1195">
                  <c:v>44775</c:v>
                </c:pt>
                <c:pt idx="1196">
                  <c:v>44776</c:v>
                </c:pt>
                <c:pt idx="1197">
                  <c:v>44777</c:v>
                </c:pt>
                <c:pt idx="1198">
                  <c:v>44778</c:v>
                </c:pt>
                <c:pt idx="1199">
                  <c:v>44781</c:v>
                </c:pt>
                <c:pt idx="1200">
                  <c:v>44782</c:v>
                </c:pt>
                <c:pt idx="1201">
                  <c:v>44783</c:v>
                </c:pt>
                <c:pt idx="1202">
                  <c:v>44784</c:v>
                </c:pt>
                <c:pt idx="1203">
                  <c:v>44785</c:v>
                </c:pt>
                <c:pt idx="1204">
                  <c:v>44788</c:v>
                </c:pt>
                <c:pt idx="1205">
                  <c:v>44789</c:v>
                </c:pt>
                <c:pt idx="1206">
                  <c:v>44790</c:v>
                </c:pt>
                <c:pt idx="1207">
                  <c:v>44791</c:v>
                </c:pt>
                <c:pt idx="1208">
                  <c:v>44792</c:v>
                </c:pt>
                <c:pt idx="1209">
                  <c:v>44795</c:v>
                </c:pt>
                <c:pt idx="1210">
                  <c:v>44796</c:v>
                </c:pt>
                <c:pt idx="1211">
                  <c:v>44797</c:v>
                </c:pt>
                <c:pt idx="1212">
                  <c:v>44798</c:v>
                </c:pt>
                <c:pt idx="1213">
                  <c:v>44799</c:v>
                </c:pt>
                <c:pt idx="1214">
                  <c:v>44802</c:v>
                </c:pt>
                <c:pt idx="1215">
                  <c:v>44803</c:v>
                </c:pt>
                <c:pt idx="1216">
                  <c:v>44804</c:v>
                </c:pt>
                <c:pt idx="1217">
                  <c:v>44805</c:v>
                </c:pt>
                <c:pt idx="1218">
                  <c:v>44806</c:v>
                </c:pt>
                <c:pt idx="1219">
                  <c:v>44809</c:v>
                </c:pt>
                <c:pt idx="1220">
                  <c:v>44810</c:v>
                </c:pt>
                <c:pt idx="1221">
                  <c:v>44811</c:v>
                </c:pt>
                <c:pt idx="1222">
                  <c:v>44812</c:v>
                </c:pt>
                <c:pt idx="1223">
                  <c:v>44813</c:v>
                </c:pt>
                <c:pt idx="1224">
                  <c:v>44816</c:v>
                </c:pt>
                <c:pt idx="1225">
                  <c:v>44817</c:v>
                </c:pt>
                <c:pt idx="1226">
                  <c:v>44818</c:v>
                </c:pt>
                <c:pt idx="1227">
                  <c:v>44819</c:v>
                </c:pt>
                <c:pt idx="1228">
                  <c:v>44820</c:v>
                </c:pt>
                <c:pt idx="1229">
                  <c:v>44823</c:v>
                </c:pt>
                <c:pt idx="1230">
                  <c:v>44824</c:v>
                </c:pt>
                <c:pt idx="1231">
                  <c:v>44825</c:v>
                </c:pt>
                <c:pt idx="1232">
                  <c:v>44826</c:v>
                </c:pt>
                <c:pt idx="1233">
                  <c:v>44827</c:v>
                </c:pt>
                <c:pt idx="1234">
                  <c:v>44830</c:v>
                </c:pt>
                <c:pt idx="1235">
                  <c:v>44831</c:v>
                </c:pt>
                <c:pt idx="1236">
                  <c:v>44832</c:v>
                </c:pt>
                <c:pt idx="1237">
                  <c:v>44833</c:v>
                </c:pt>
                <c:pt idx="1238">
                  <c:v>44834</c:v>
                </c:pt>
                <c:pt idx="1239">
                  <c:v>44837</c:v>
                </c:pt>
                <c:pt idx="1240">
                  <c:v>44838</c:v>
                </c:pt>
                <c:pt idx="1241">
                  <c:v>44839</c:v>
                </c:pt>
                <c:pt idx="1242">
                  <c:v>44840</c:v>
                </c:pt>
                <c:pt idx="1243">
                  <c:v>44841</c:v>
                </c:pt>
                <c:pt idx="1244">
                  <c:v>44844</c:v>
                </c:pt>
                <c:pt idx="1245">
                  <c:v>44845</c:v>
                </c:pt>
                <c:pt idx="1246">
                  <c:v>44846</c:v>
                </c:pt>
                <c:pt idx="1247">
                  <c:v>44847</c:v>
                </c:pt>
                <c:pt idx="1248">
                  <c:v>44848</c:v>
                </c:pt>
                <c:pt idx="1249">
                  <c:v>44851</c:v>
                </c:pt>
                <c:pt idx="1250">
                  <c:v>44852</c:v>
                </c:pt>
                <c:pt idx="1251">
                  <c:v>44853</c:v>
                </c:pt>
                <c:pt idx="1252">
                  <c:v>44854</c:v>
                </c:pt>
                <c:pt idx="1253">
                  <c:v>44855</c:v>
                </c:pt>
                <c:pt idx="1254">
                  <c:v>44858</c:v>
                </c:pt>
                <c:pt idx="1255">
                  <c:v>44859</c:v>
                </c:pt>
                <c:pt idx="1256">
                  <c:v>44860</c:v>
                </c:pt>
                <c:pt idx="1257">
                  <c:v>44861</c:v>
                </c:pt>
                <c:pt idx="1258">
                  <c:v>44862</c:v>
                </c:pt>
                <c:pt idx="1259">
                  <c:v>44865</c:v>
                </c:pt>
                <c:pt idx="1260">
                  <c:v>44866</c:v>
                </c:pt>
                <c:pt idx="1261">
                  <c:v>44867</c:v>
                </c:pt>
                <c:pt idx="1262">
                  <c:v>44868</c:v>
                </c:pt>
                <c:pt idx="1263">
                  <c:v>44869</c:v>
                </c:pt>
                <c:pt idx="1264">
                  <c:v>44872</c:v>
                </c:pt>
                <c:pt idx="1265">
                  <c:v>44873</c:v>
                </c:pt>
                <c:pt idx="1266">
                  <c:v>44874</c:v>
                </c:pt>
                <c:pt idx="1267">
                  <c:v>44875</c:v>
                </c:pt>
                <c:pt idx="1268">
                  <c:v>44876</c:v>
                </c:pt>
                <c:pt idx="1269">
                  <c:v>44879</c:v>
                </c:pt>
                <c:pt idx="1270">
                  <c:v>44880</c:v>
                </c:pt>
                <c:pt idx="1271">
                  <c:v>44881</c:v>
                </c:pt>
                <c:pt idx="1272">
                  <c:v>44882</c:v>
                </c:pt>
                <c:pt idx="1273">
                  <c:v>44883</c:v>
                </c:pt>
                <c:pt idx="1274">
                  <c:v>44886</c:v>
                </c:pt>
                <c:pt idx="1275">
                  <c:v>44887</c:v>
                </c:pt>
                <c:pt idx="1276">
                  <c:v>44888</c:v>
                </c:pt>
                <c:pt idx="1277">
                  <c:v>44889</c:v>
                </c:pt>
                <c:pt idx="1278">
                  <c:v>44890</c:v>
                </c:pt>
                <c:pt idx="1279">
                  <c:v>44893</c:v>
                </c:pt>
                <c:pt idx="1280">
                  <c:v>44894</c:v>
                </c:pt>
                <c:pt idx="1281">
                  <c:v>44895</c:v>
                </c:pt>
                <c:pt idx="1282">
                  <c:v>44896</c:v>
                </c:pt>
                <c:pt idx="1283">
                  <c:v>44897</c:v>
                </c:pt>
                <c:pt idx="1284">
                  <c:v>44900</c:v>
                </c:pt>
                <c:pt idx="1285">
                  <c:v>44901</c:v>
                </c:pt>
                <c:pt idx="1286">
                  <c:v>44902</c:v>
                </c:pt>
                <c:pt idx="1287">
                  <c:v>44903</c:v>
                </c:pt>
                <c:pt idx="1288">
                  <c:v>44904</c:v>
                </c:pt>
                <c:pt idx="1289">
                  <c:v>44907</c:v>
                </c:pt>
                <c:pt idx="1290">
                  <c:v>44908</c:v>
                </c:pt>
                <c:pt idx="1291">
                  <c:v>44909</c:v>
                </c:pt>
                <c:pt idx="1292">
                  <c:v>44910</c:v>
                </c:pt>
                <c:pt idx="1293">
                  <c:v>44911</c:v>
                </c:pt>
                <c:pt idx="1294">
                  <c:v>44914</c:v>
                </c:pt>
                <c:pt idx="1295">
                  <c:v>44915</c:v>
                </c:pt>
                <c:pt idx="1296">
                  <c:v>44916</c:v>
                </c:pt>
                <c:pt idx="1297">
                  <c:v>44917</c:v>
                </c:pt>
                <c:pt idx="1298">
                  <c:v>44918</c:v>
                </c:pt>
                <c:pt idx="1299">
                  <c:v>44921</c:v>
                </c:pt>
                <c:pt idx="1300">
                  <c:v>44922</c:v>
                </c:pt>
                <c:pt idx="1301">
                  <c:v>44923</c:v>
                </c:pt>
                <c:pt idx="1302">
                  <c:v>44924</c:v>
                </c:pt>
                <c:pt idx="1303">
                  <c:v>44925</c:v>
                </c:pt>
                <c:pt idx="1304">
                  <c:v>44928</c:v>
                </c:pt>
                <c:pt idx="1305">
                  <c:v>44929</c:v>
                </c:pt>
                <c:pt idx="1306">
                  <c:v>44930</c:v>
                </c:pt>
                <c:pt idx="1307">
                  <c:v>44931</c:v>
                </c:pt>
                <c:pt idx="1308">
                  <c:v>44932</c:v>
                </c:pt>
                <c:pt idx="1309">
                  <c:v>44935</c:v>
                </c:pt>
                <c:pt idx="1310">
                  <c:v>44936</c:v>
                </c:pt>
                <c:pt idx="1311">
                  <c:v>44937</c:v>
                </c:pt>
                <c:pt idx="1312">
                  <c:v>44938</c:v>
                </c:pt>
                <c:pt idx="1313">
                  <c:v>44939</c:v>
                </c:pt>
                <c:pt idx="1314">
                  <c:v>44942</c:v>
                </c:pt>
                <c:pt idx="1315">
                  <c:v>44943</c:v>
                </c:pt>
                <c:pt idx="1316">
                  <c:v>44944</c:v>
                </c:pt>
                <c:pt idx="1317">
                  <c:v>44945</c:v>
                </c:pt>
                <c:pt idx="1318">
                  <c:v>44946</c:v>
                </c:pt>
                <c:pt idx="1319">
                  <c:v>44949</c:v>
                </c:pt>
                <c:pt idx="1320">
                  <c:v>44950</c:v>
                </c:pt>
                <c:pt idx="1321">
                  <c:v>44951</c:v>
                </c:pt>
                <c:pt idx="1322">
                  <c:v>44952</c:v>
                </c:pt>
                <c:pt idx="1323">
                  <c:v>44953</c:v>
                </c:pt>
                <c:pt idx="1324">
                  <c:v>44956</c:v>
                </c:pt>
                <c:pt idx="1325">
                  <c:v>44957</c:v>
                </c:pt>
                <c:pt idx="1326">
                  <c:v>44958</c:v>
                </c:pt>
                <c:pt idx="1327">
                  <c:v>44959</c:v>
                </c:pt>
                <c:pt idx="1328">
                  <c:v>44960</c:v>
                </c:pt>
                <c:pt idx="1329">
                  <c:v>44963</c:v>
                </c:pt>
                <c:pt idx="1330">
                  <c:v>44964</c:v>
                </c:pt>
                <c:pt idx="1331">
                  <c:v>44965</c:v>
                </c:pt>
                <c:pt idx="1332">
                  <c:v>44966</c:v>
                </c:pt>
                <c:pt idx="1333">
                  <c:v>44967</c:v>
                </c:pt>
                <c:pt idx="1334">
                  <c:v>44970</c:v>
                </c:pt>
                <c:pt idx="1335">
                  <c:v>44971</c:v>
                </c:pt>
                <c:pt idx="1336">
                  <c:v>44972</c:v>
                </c:pt>
                <c:pt idx="1337">
                  <c:v>44973</c:v>
                </c:pt>
                <c:pt idx="1338">
                  <c:v>44974</c:v>
                </c:pt>
                <c:pt idx="1339">
                  <c:v>44977</c:v>
                </c:pt>
                <c:pt idx="1340">
                  <c:v>44978</c:v>
                </c:pt>
                <c:pt idx="1341">
                  <c:v>44979</c:v>
                </c:pt>
                <c:pt idx="1342">
                  <c:v>44980</c:v>
                </c:pt>
                <c:pt idx="1343">
                  <c:v>44981</c:v>
                </c:pt>
                <c:pt idx="1344">
                  <c:v>44984</c:v>
                </c:pt>
                <c:pt idx="1345">
                  <c:v>44985</c:v>
                </c:pt>
                <c:pt idx="1346">
                  <c:v>44986</c:v>
                </c:pt>
                <c:pt idx="1347">
                  <c:v>44987</c:v>
                </c:pt>
                <c:pt idx="1348">
                  <c:v>44988</c:v>
                </c:pt>
                <c:pt idx="1349">
                  <c:v>44991</c:v>
                </c:pt>
                <c:pt idx="1350">
                  <c:v>44992</c:v>
                </c:pt>
                <c:pt idx="1351">
                  <c:v>44993</c:v>
                </c:pt>
                <c:pt idx="1352">
                  <c:v>44994</c:v>
                </c:pt>
                <c:pt idx="1353">
                  <c:v>44995</c:v>
                </c:pt>
                <c:pt idx="1354">
                  <c:v>44998</c:v>
                </c:pt>
                <c:pt idx="1355">
                  <c:v>44999</c:v>
                </c:pt>
                <c:pt idx="1356">
                  <c:v>45000</c:v>
                </c:pt>
                <c:pt idx="1357">
                  <c:v>45001</c:v>
                </c:pt>
                <c:pt idx="1358">
                  <c:v>45002</c:v>
                </c:pt>
                <c:pt idx="1359">
                  <c:v>45005</c:v>
                </c:pt>
                <c:pt idx="1360">
                  <c:v>45006</c:v>
                </c:pt>
                <c:pt idx="1361">
                  <c:v>45007</c:v>
                </c:pt>
                <c:pt idx="1362">
                  <c:v>45008</c:v>
                </c:pt>
                <c:pt idx="1363">
                  <c:v>45009</c:v>
                </c:pt>
                <c:pt idx="1364">
                  <c:v>45012</c:v>
                </c:pt>
                <c:pt idx="1365">
                  <c:v>45013</c:v>
                </c:pt>
                <c:pt idx="1366">
                  <c:v>45014</c:v>
                </c:pt>
                <c:pt idx="1367">
                  <c:v>45015</c:v>
                </c:pt>
                <c:pt idx="1368">
                  <c:v>45016</c:v>
                </c:pt>
                <c:pt idx="1369">
                  <c:v>45019</c:v>
                </c:pt>
                <c:pt idx="1370">
                  <c:v>45020</c:v>
                </c:pt>
                <c:pt idx="1371">
                  <c:v>45021</c:v>
                </c:pt>
                <c:pt idx="1372">
                  <c:v>45022</c:v>
                </c:pt>
                <c:pt idx="1373">
                  <c:v>45023</c:v>
                </c:pt>
                <c:pt idx="1374">
                  <c:v>45026</c:v>
                </c:pt>
                <c:pt idx="1375">
                  <c:v>45027</c:v>
                </c:pt>
                <c:pt idx="1376">
                  <c:v>45028</c:v>
                </c:pt>
                <c:pt idx="1377">
                  <c:v>45029</c:v>
                </c:pt>
                <c:pt idx="1378">
                  <c:v>45030</c:v>
                </c:pt>
                <c:pt idx="1379">
                  <c:v>45033</c:v>
                </c:pt>
                <c:pt idx="1380">
                  <c:v>45034</c:v>
                </c:pt>
                <c:pt idx="1381">
                  <c:v>45035</c:v>
                </c:pt>
                <c:pt idx="1382">
                  <c:v>45036</c:v>
                </c:pt>
                <c:pt idx="1383">
                  <c:v>45037</c:v>
                </c:pt>
                <c:pt idx="1384">
                  <c:v>45040</c:v>
                </c:pt>
                <c:pt idx="1385">
                  <c:v>45041</c:v>
                </c:pt>
                <c:pt idx="1386">
                  <c:v>45042</c:v>
                </c:pt>
                <c:pt idx="1387">
                  <c:v>45043</c:v>
                </c:pt>
                <c:pt idx="1388">
                  <c:v>45044</c:v>
                </c:pt>
                <c:pt idx="1389">
                  <c:v>45047</c:v>
                </c:pt>
                <c:pt idx="1390">
                  <c:v>45048</c:v>
                </c:pt>
                <c:pt idx="1391">
                  <c:v>45049</c:v>
                </c:pt>
                <c:pt idx="1392">
                  <c:v>45050</c:v>
                </c:pt>
                <c:pt idx="1393">
                  <c:v>45051</c:v>
                </c:pt>
                <c:pt idx="1394">
                  <c:v>45054</c:v>
                </c:pt>
                <c:pt idx="1395">
                  <c:v>45055</c:v>
                </c:pt>
                <c:pt idx="1396">
                  <c:v>45056</c:v>
                </c:pt>
                <c:pt idx="1397">
                  <c:v>45057</c:v>
                </c:pt>
                <c:pt idx="1398">
                  <c:v>45058</c:v>
                </c:pt>
                <c:pt idx="1399">
                  <c:v>45061</c:v>
                </c:pt>
                <c:pt idx="1400">
                  <c:v>45062</c:v>
                </c:pt>
                <c:pt idx="1401">
                  <c:v>45063</c:v>
                </c:pt>
                <c:pt idx="1402">
                  <c:v>45064</c:v>
                </c:pt>
                <c:pt idx="1403">
                  <c:v>45065</c:v>
                </c:pt>
                <c:pt idx="1404">
                  <c:v>45068</c:v>
                </c:pt>
                <c:pt idx="1405">
                  <c:v>45069</c:v>
                </c:pt>
                <c:pt idx="1406">
                  <c:v>45070</c:v>
                </c:pt>
                <c:pt idx="1407">
                  <c:v>45071</c:v>
                </c:pt>
                <c:pt idx="1408">
                  <c:v>45072</c:v>
                </c:pt>
                <c:pt idx="1409">
                  <c:v>45075</c:v>
                </c:pt>
                <c:pt idx="1410">
                  <c:v>45076</c:v>
                </c:pt>
                <c:pt idx="1411">
                  <c:v>45077</c:v>
                </c:pt>
                <c:pt idx="1412">
                  <c:v>45078</c:v>
                </c:pt>
                <c:pt idx="1413">
                  <c:v>45079</c:v>
                </c:pt>
                <c:pt idx="1414">
                  <c:v>45082</c:v>
                </c:pt>
                <c:pt idx="1415">
                  <c:v>45083</c:v>
                </c:pt>
                <c:pt idx="1416">
                  <c:v>45084</c:v>
                </c:pt>
                <c:pt idx="1417">
                  <c:v>45085</c:v>
                </c:pt>
                <c:pt idx="1418">
                  <c:v>45086</c:v>
                </c:pt>
                <c:pt idx="1419">
                  <c:v>45089</c:v>
                </c:pt>
                <c:pt idx="1420">
                  <c:v>45090</c:v>
                </c:pt>
                <c:pt idx="1421">
                  <c:v>45091</c:v>
                </c:pt>
                <c:pt idx="1422">
                  <c:v>45092</c:v>
                </c:pt>
                <c:pt idx="1423">
                  <c:v>45093</c:v>
                </c:pt>
                <c:pt idx="1424">
                  <c:v>45096</c:v>
                </c:pt>
                <c:pt idx="1425">
                  <c:v>45097</c:v>
                </c:pt>
                <c:pt idx="1426">
                  <c:v>45098</c:v>
                </c:pt>
                <c:pt idx="1427">
                  <c:v>45099</c:v>
                </c:pt>
                <c:pt idx="1428">
                  <c:v>45100</c:v>
                </c:pt>
                <c:pt idx="1429">
                  <c:v>45103</c:v>
                </c:pt>
                <c:pt idx="1430">
                  <c:v>45104</c:v>
                </c:pt>
                <c:pt idx="1431">
                  <c:v>45105</c:v>
                </c:pt>
                <c:pt idx="1432">
                  <c:v>45106</c:v>
                </c:pt>
                <c:pt idx="1433">
                  <c:v>45107</c:v>
                </c:pt>
                <c:pt idx="1434">
                  <c:v>45110</c:v>
                </c:pt>
                <c:pt idx="1435">
                  <c:v>45111</c:v>
                </c:pt>
                <c:pt idx="1436">
                  <c:v>45112</c:v>
                </c:pt>
                <c:pt idx="1437">
                  <c:v>45113</c:v>
                </c:pt>
                <c:pt idx="1438">
                  <c:v>45114</c:v>
                </c:pt>
                <c:pt idx="1439">
                  <c:v>45117</c:v>
                </c:pt>
                <c:pt idx="1440">
                  <c:v>45118</c:v>
                </c:pt>
                <c:pt idx="1441">
                  <c:v>45119</c:v>
                </c:pt>
                <c:pt idx="1442">
                  <c:v>45120</c:v>
                </c:pt>
                <c:pt idx="1443">
                  <c:v>45121</c:v>
                </c:pt>
                <c:pt idx="1444">
                  <c:v>45124</c:v>
                </c:pt>
                <c:pt idx="1445">
                  <c:v>45125</c:v>
                </c:pt>
                <c:pt idx="1446">
                  <c:v>45126</c:v>
                </c:pt>
                <c:pt idx="1447">
                  <c:v>45127</c:v>
                </c:pt>
                <c:pt idx="1448">
                  <c:v>45128</c:v>
                </c:pt>
                <c:pt idx="1449">
                  <c:v>45131</c:v>
                </c:pt>
                <c:pt idx="1450">
                  <c:v>45132</c:v>
                </c:pt>
                <c:pt idx="1451">
                  <c:v>45133</c:v>
                </c:pt>
                <c:pt idx="1452">
                  <c:v>45134</c:v>
                </c:pt>
                <c:pt idx="1453">
                  <c:v>45135</c:v>
                </c:pt>
                <c:pt idx="1454">
                  <c:v>45138</c:v>
                </c:pt>
                <c:pt idx="1455">
                  <c:v>45139</c:v>
                </c:pt>
                <c:pt idx="1456">
                  <c:v>45140</c:v>
                </c:pt>
                <c:pt idx="1457">
                  <c:v>45141</c:v>
                </c:pt>
                <c:pt idx="1458">
                  <c:v>45142</c:v>
                </c:pt>
                <c:pt idx="1459">
                  <c:v>45145</c:v>
                </c:pt>
                <c:pt idx="1460">
                  <c:v>45146</c:v>
                </c:pt>
                <c:pt idx="1461">
                  <c:v>45147</c:v>
                </c:pt>
                <c:pt idx="1462">
                  <c:v>45148</c:v>
                </c:pt>
                <c:pt idx="1463">
                  <c:v>45149</c:v>
                </c:pt>
                <c:pt idx="1464">
                  <c:v>45152</c:v>
                </c:pt>
                <c:pt idx="1465">
                  <c:v>45153</c:v>
                </c:pt>
                <c:pt idx="1466">
                  <c:v>45154</c:v>
                </c:pt>
                <c:pt idx="1467">
                  <c:v>45155</c:v>
                </c:pt>
                <c:pt idx="1468">
                  <c:v>45156</c:v>
                </c:pt>
                <c:pt idx="1469">
                  <c:v>45159</c:v>
                </c:pt>
                <c:pt idx="1470">
                  <c:v>45160</c:v>
                </c:pt>
                <c:pt idx="1471">
                  <c:v>45161</c:v>
                </c:pt>
                <c:pt idx="1472">
                  <c:v>45162</c:v>
                </c:pt>
                <c:pt idx="1473">
                  <c:v>45163</c:v>
                </c:pt>
                <c:pt idx="1474">
                  <c:v>45166</c:v>
                </c:pt>
                <c:pt idx="1475">
                  <c:v>45167</c:v>
                </c:pt>
                <c:pt idx="1476">
                  <c:v>45168</c:v>
                </c:pt>
                <c:pt idx="1477">
                  <c:v>45169</c:v>
                </c:pt>
                <c:pt idx="1478">
                  <c:v>45170</c:v>
                </c:pt>
                <c:pt idx="1479">
                  <c:v>45173</c:v>
                </c:pt>
                <c:pt idx="1480">
                  <c:v>45174</c:v>
                </c:pt>
                <c:pt idx="1481">
                  <c:v>45175</c:v>
                </c:pt>
                <c:pt idx="1482">
                  <c:v>45176</c:v>
                </c:pt>
                <c:pt idx="1483">
                  <c:v>45177</c:v>
                </c:pt>
                <c:pt idx="1484">
                  <c:v>45180</c:v>
                </c:pt>
                <c:pt idx="1485">
                  <c:v>45181</c:v>
                </c:pt>
                <c:pt idx="1486">
                  <c:v>45182</c:v>
                </c:pt>
                <c:pt idx="1487">
                  <c:v>45183</c:v>
                </c:pt>
                <c:pt idx="1488">
                  <c:v>45184</c:v>
                </c:pt>
                <c:pt idx="1489">
                  <c:v>45187</c:v>
                </c:pt>
                <c:pt idx="1490">
                  <c:v>45188</c:v>
                </c:pt>
                <c:pt idx="1491">
                  <c:v>45189</c:v>
                </c:pt>
                <c:pt idx="1492">
                  <c:v>45190</c:v>
                </c:pt>
                <c:pt idx="1493">
                  <c:v>45191</c:v>
                </c:pt>
                <c:pt idx="1494">
                  <c:v>45194</c:v>
                </c:pt>
                <c:pt idx="1495">
                  <c:v>45195</c:v>
                </c:pt>
                <c:pt idx="1496">
                  <c:v>45196</c:v>
                </c:pt>
                <c:pt idx="1497">
                  <c:v>45197</c:v>
                </c:pt>
                <c:pt idx="1498">
                  <c:v>45198</c:v>
                </c:pt>
                <c:pt idx="1499">
                  <c:v>45201</c:v>
                </c:pt>
                <c:pt idx="1500">
                  <c:v>45202</c:v>
                </c:pt>
                <c:pt idx="1501">
                  <c:v>45203</c:v>
                </c:pt>
                <c:pt idx="1502">
                  <c:v>45204</c:v>
                </c:pt>
                <c:pt idx="1503">
                  <c:v>45205</c:v>
                </c:pt>
                <c:pt idx="1504">
                  <c:v>45208</c:v>
                </c:pt>
                <c:pt idx="1505">
                  <c:v>45209</c:v>
                </c:pt>
                <c:pt idx="1506">
                  <c:v>45210</c:v>
                </c:pt>
                <c:pt idx="1507">
                  <c:v>45211</c:v>
                </c:pt>
                <c:pt idx="1508">
                  <c:v>45212</c:v>
                </c:pt>
                <c:pt idx="1509">
                  <c:v>45215</c:v>
                </c:pt>
                <c:pt idx="1510">
                  <c:v>45216</c:v>
                </c:pt>
                <c:pt idx="1511">
                  <c:v>45217</c:v>
                </c:pt>
                <c:pt idx="1512">
                  <c:v>45218</c:v>
                </c:pt>
                <c:pt idx="1513">
                  <c:v>45219</c:v>
                </c:pt>
                <c:pt idx="1514">
                  <c:v>45222</c:v>
                </c:pt>
                <c:pt idx="1515">
                  <c:v>45223</c:v>
                </c:pt>
                <c:pt idx="1516">
                  <c:v>45224</c:v>
                </c:pt>
                <c:pt idx="1517">
                  <c:v>45225</c:v>
                </c:pt>
                <c:pt idx="1518">
                  <c:v>45226</c:v>
                </c:pt>
                <c:pt idx="1519">
                  <c:v>45229</c:v>
                </c:pt>
                <c:pt idx="1520">
                  <c:v>45230</c:v>
                </c:pt>
                <c:pt idx="1521">
                  <c:v>45231</c:v>
                </c:pt>
                <c:pt idx="1522">
                  <c:v>45232</c:v>
                </c:pt>
                <c:pt idx="1523">
                  <c:v>45233</c:v>
                </c:pt>
                <c:pt idx="1524">
                  <c:v>45236</c:v>
                </c:pt>
                <c:pt idx="1525">
                  <c:v>45237</c:v>
                </c:pt>
                <c:pt idx="1526">
                  <c:v>45238</c:v>
                </c:pt>
                <c:pt idx="1527">
                  <c:v>45239</c:v>
                </c:pt>
                <c:pt idx="1528">
                  <c:v>45240</c:v>
                </c:pt>
                <c:pt idx="1529">
                  <c:v>45243</c:v>
                </c:pt>
                <c:pt idx="1530">
                  <c:v>45244</c:v>
                </c:pt>
                <c:pt idx="1531">
                  <c:v>45245</c:v>
                </c:pt>
                <c:pt idx="1532">
                  <c:v>45246</c:v>
                </c:pt>
                <c:pt idx="1533">
                  <c:v>45247</c:v>
                </c:pt>
                <c:pt idx="1534">
                  <c:v>45250</c:v>
                </c:pt>
                <c:pt idx="1535">
                  <c:v>45251</c:v>
                </c:pt>
                <c:pt idx="1536">
                  <c:v>45252</c:v>
                </c:pt>
                <c:pt idx="1537">
                  <c:v>45253</c:v>
                </c:pt>
                <c:pt idx="1538">
                  <c:v>45254</c:v>
                </c:pt>
                <c:pt idx="1539">
                  <c:v>45257</c:v>
                </c:pt>
                <c:pt idx="1540">
                  <c:v>45258</c:v>
                </c:pt>
                <c:pt idx="1541">
                  <c:v>45259</c:v>
                </c:pt>
                <c:pt idx="1542">
                  <c:v>45260</c:v>
                </c:pt>
                <c:pt idx="1543">
                  <c:v>45261</c:v>
                </c:pt>
                <c:pt idx="1544">
                  <c:v>45264</c:v>
                </c:pt>
                <c:pt idx="1545">
                  <c:v>45265</c:v>
                </c:pt>
                <c:pt idx="1546">
                  <c:v>45266</c:v>
                </c:pt>
                <c:pt idx="1547">
                  <c:v>45267</c:v>
                </c:pt>
                <c:pt idx="1548">
                  <c:v>45268</c:v>
                </c:pt>
                <c:pt idx="1549">
                  <c:v>45271</c:v>
                </c:pt>
                <c:pt idx="1550">
                  <c:v>45272</c:v>
                </c:pt>
                <c:pt idx="1551">
                  <c:v>45273</c:v>
                </c:pt>
                <c:pt idx="1552">
                  <c:v>45274</c:v>
                </c:pt>
                <c:pt idx="1553">
                  <c:v>45275</c:v>
                </c:pt>
                <c:pt idx="1554">
                  <c:v>45278</c:v>
                </c:pt>
                <c:pt idx="1555">
                  <c:v>45279</c:v>
                </c:pt>
                <c:pt idx="1556">
                  <c:v>45280</c:v>
                </c:pt>
                <c:pt idx="1557">
                  <c:v>45281</c:v>
                </c:pt>
                <c:pt idx="1558">
                  <c:v>45282</c:v>
                </c:pt>
                <c:pt idx="1559">
                  <c:v>45285</c:v>
                </c:pt>
                <c:pt idx="1560">
                  <c:v>45286</c:v>
                </c:pt>
                <c:pt idx="1561">
                  <c:v>45287</c:v>
                </c:pt>
                <c:pt idx="1562">
                  <c:v>45288</c:v>
                </c:pt>
                <c:pt idx="1563">
                  <c:v>45289</c:v>
                </c:pt>
                <c:pt idx="1564">
                  <c:v>45292</c:v>
                </c:pt>
                <c:pt idx="1565">
                  <c:v>45293</c:v>
                </c:pt>
                <c:pt idx="1566">
                  <c:v>45294</c:v>
                </c:pt>
                <c:pt idx="1567">
                  <c:v>45295</c:v>
                </c:pt>
                <c:pt idx="1568">
                  <c:v>45296</c:v>
                </c:pt>
                <c:pt idx="1569">
                  <c:v>45299</c:v>
                </c:pt>
                <c:pt idx="1570">
                  <c:v>45300</c:v>
                </c:pt>
                <c:pt idx="1571">
                  <c:v>45301</c:v>
                </c:pt>
                <c:pt idx="1572">
                  <c:v>45302</c:v>
                </c:pt>
                <c:pt idx="1573">
                  <c:v>45303</c:v>
                </c:pt>
                <c:pt idx="1574">
                  <c:v>45306</c:v>
                </c:pt>
                <c:pt idx="1575">
                  <c:v>45307</c:v>
                </c:pt>
                <c:pt idx="1576">
                  <c:v>45308</c:v>
                </c:pt>
                <c:pt idx="1577">
                  <c:v>45309</c:v>
                </c:pt>
                <c:pt idx="1578">
                  <c:v>45310</c:v>
                </c:pt>
                <c:pt idx="1579">
                  <c:v>45313</c:v>
                </c:pt>
                <c:pt idx="1580">
                  <c:v>45314</c:v>
                </c:pt>
                <c:pt idx="1581">
                  <c:v>45315</c:v>
                </c:pt>
                <c:pt idx="1582">
                  <c:v>45316</c:v>
                </c:pt>
                <c:pt idx="1583">
                  <c:v>45317</c:v>
                </c:pt>
                <c:pt idx="1584">
                  <c:v>45320</c:v>
                </c:pt>
                <c:pt idx="1585">
                  <c:v>45321</c:v>
                </c:pt>
                <c:pt idx="1586">
                  <c:v>45322</c:v>
                </c:pt>
                <c:pt idx="1587">
                  <c:v>45323</c:v>
                </c:pt>
                <c:pt idx="1588">
                  <c:v>45324</c:v>
                </c:pt>
                <c:pt idx="1589">
                  <c:v>45327</c:v>
                </c:pt>
                <c:pt idx="1590">
                  <c:v>45328</c:v>
                </c:pt>
                <c:pt idx="1591">
                  <c:v>45329</c:v>
                </c:pt>
                <c:pt idx="1592">
                  <c:v>45330</c:v>
                </c:pt>
                <c:pt idx="1593">
                  <c:v>45331</c:v>
                </c:pt>
                <c:pt idx="1594">
                  <c:v>45334</c:v>
                </c:pt>
                <c:pt idx="1595">
                  <c:v>45335</c:v>
                </c:pt>
                <c:pt idx="1596">
                  <c:v>45336</c:v>
                </c:pt>
                <c:pt idx="1597">
                  <c:v>45337</c:v>
                </c:pt>
                <c:pt idx="1598">
                  <c:v>45338</c:v>
                </c:pt>
                <c:pt idx="1599">
                  <c:v>45341</c:v>
                </c:pt>
                <c:pt idx="1600">
                  <c:v>45342</c:v>
                </c:pt>
                <c:pt idx="1601">
                  <c:v>45343</c:v>
                </c:pt>
                <c:pt idx="1602">
                  <c:v>45344</c:v>
                </c:pt>
                <c:pt idx="1603">
                  <c:v>45345</c:v>
                </c:pt>
                <c:pt idx="1604">
                  <c:v>45348</c:v>
                </c:pt>
                <c:pt idx="1605">
                  <c:v>45349</c:v>
                </c:pt>
                <c:pt idx="1606">
                  <c:v>45350</c:v>
                </c:pt>
                <c:pt idx="1607">
                  <c:v>45351</c:v>
                </c:pt>
                <c:pt idx="1608">
                  <c:v>45352</c:v>
                </c:pt>
                <c:pt idx="1609">
                  <c:v>45355</c:v>
                </c:pt>
                <c:pt idx="1610">
                  <c:v>45356</c:v>
                </c:pt>
                <c:pt idx="1611">
                  <c:v>45357</c:v>
                </c:pt>
                <c:pt idx="1612">
                  <c:v>45358</c:v>
                </c:pt>
                <c:pt idx="1613">
                  <c:v>45359</c:v>
                </c:pt>
                <c:pt idx="1614">
                  <c:v>45362</c:v>
                </c:pt>
                <c:pt idx="1615">
                  <c:v>45363</c:v>
                </c:pt>
                <c:pt idx="1616">
                  <c:v>45364</c:v>
                </c:pt>
                <c:pt idx="1617">
                  <c:v>45365</c:v>
                </c:pt>
                <c:pt idx="1618">
                  <c:v>45366</c:v>
                </c:pt>
                <c:pt idx="1619">
                  <c:v>45369</c:v>
                </c:pt>
                <c:pt idx="1620">
                  <c:v>45370</c:v>
                </c:pt>
                <c:pt idx="1621">
                  <c:v>45371</c:v>
                </c:pt>
                <c:pt idx="1622">
                  <c:v>45372</c:v>
                </c:pt>
                <c:pt idx="1623">
                  <c:v>45373</c:v>
                </c:pt>
                <c:pt idx="1624">
                  <c:v>45376</c:v>
                </c:pt>
                <c:pt idx="1625">
                  <c:v>45377</c:v>
                </c:pt>
                <c:pt idx="1626">
                  <c:v>45378</c:v>
                </c:pt>
                <c:pt idx="1627">
                  <c:v>45379</c:v>
                </c:pt>
                <c:pt idx="1628">
                  <c:v>45380</c:v>
                </c:pt>
                <c:pt idx="1629">
                  <c:v>45383</c:v>
                </c:pt>
                <c:pt idx="1630">
                  <c:v>45384</c:v>
                </c:pt>
                <c:pt idx="1631">
                  <c:v>45385</c:v>
                </c:pt>
                <c:pt idx="1632">
                  <c:v>45386</c:v>
                </c:pt>
                <c:pt idx="1633">
                  <c:v>45387</c:v>
                </c:pt>
                <c:pt idx="1634">
                  <c:v>45390</c:v>
                </c:pt>
                <c:pt idx="1635">
                  <c:v>45391</c:v>
                </c:pt>
                <c:pt idx="1636">
                  <c:v>45392</c:v>
                </c:pt>
                <c:pt idx="1637">
                  <c:v>45393</c:v>
                </c:pt>
                <c:pt idx="1638">
                  <c:v>45394</c:v>
                </c:pt>
                <c:pt idx="1639">
                  <c:v>45397</c:v>
                </c:pt>
                <c:pt idx="1640">
                  <c:v>45398</c:v>
                </c:pt>
                <c:pt idx="1641">
                  <c:v>45399</c:v>
                </c:pt>
                <c:pt idx="1642">
                  <c:v>45400</c:v>
                </c:pt>
                <c:pt idx="1643">
                  <c:v>45401</c:v>
                </c:pt>
                <c:pt idx="1644">
                  <c:v>45404</c:v>
                </c:pt>
                <c:pt idx="1645">
                  <c:v>45405</c:v>
                </c:pt>
                <c:pt idx="1646">
                  <c:v>45406</c:v>
                </c:pt>
                <c:pt idx="1647">
                  <c:v>45407</c:v>
                </c:pt>
                <c:pt idx="1648">
                  <c:v>45408</c:v>
                </c:pt>
                <c:pt idx="1649">
                  <c:v>45411</c:v>
                </c:pt>
                <c:pt idx="1650">
                  <c:v>45412</c:v>
                </c:pt>
                <c:pt idx="1651">
                  <c:v>45413</c:v>
                </c:pt>
                <c:pt idx="1652">
                  <c:v>45414</c:v>
                </c:pt>
                <c:pt idx="1653">
                  <c:v>45415</c:v>
                </c:pt>
                <c:pt idx="1654">
                  <c:v>45418</c:v>
                </c:pt>
                <c:pt idx="1655">
                  <c:v>45419</c:v>
                </c:pt>
                <c:pt idx="1656">
                  <c:v>45420</c:v>
                </c:pt>
                <c:pt idx="1657">
                  <c:v>45421</c:v>
                </c:pt>
                <c:pt idx="1658">
                  <c:v>45422</c:v>
                </c:pt>
                <c:pt idx="1659">
                  <c:v>45425</c:v>
                </c:pt>
                <c:pt idx="1660">
                  <c:v>45426</c:v>
                </c:pt>
                <c:pt idx="1661">
                  <c:v>45427</c:v>
                </c:pt>
                <c:pt idx="1662">
                  <c:v>45428</c:v>
                </c:pt>
                <c:pt idx="1663">
                  <c:v>45429</c:v>
                </c:pt>
                <c:pt idx="1664">
                  <c:v>45432</c:v>
                </c:pt>
                <c:pt idx="1665">
                  <c:v>45433</c:v>
                </c:pt>
                <c:pt idx="1666">
                  <c:v>45434</c:v>
                </c:pt>
                <c:pt idx="1667">
                  <c:v>45435</c:v>
                </c:pt>
                <c:pt idx="1668">
                  <c:v>45436</c:v>
                </c:pt>
                <c:pt idx="1669">
                  <c:v>45439</c:v>
                </c:pt>
                <c:pt idx="1670">
                  <c:v>45440</c:v>
                </c:pt>
                <c:pt idx="1671">
                  <c:v>45441</c:v>
                </c:pt>
                <c:pt idx="1672">
                  <c:v>45442</c:v>
                </c:pt>
                <c:pt idx="1673">
                  <c:v>45443</c:v>
                </c:pt>
                <c:pt idx="1674">
                  <c:v>45446</c:v>
                </c:pt>
                <c:pt idx="1675">
                  <c:v>45447</c:v>
                </c:pt>
                <c:pt idx="1676">
                  <c:v>45448</c:v>
                </c:pt>
                <c:pt idx="1677">
                  <c:v>45449</c:v>
                </c:pt>
                <c:pt idx="1678">
                  <c:v>45450</c:v>
                </c:pt>
                <c:pt idx="1679">
                  <c:v>45453</c:v>
                </c:pt>
                <c:pt idx="1680">
                  <c:v>45454</c:v>
                </c:pt>
                <c:pt idx="1681">
                  <c:v>45455</c:v>
                </c:pt>
                <c:pt idx="1682">
                  <c:v>45456</c:v>
                </c:pt>
                <c:pt idx="1683">
                  <c:v>45457</c:v>
                </c:pt>
                <c:pt idx="1684">
                  <c:v>45460</c:v>
                </c:pt>
                <c:pt idx="1685">
                  <c:v>45461</c:v>
                </c:pt>
                <c:pt idx="1686">
                  <c:v>45462</c:v>
                </c:pt>
                <c:pt idx="1687">
                  <c:v>45463</c:v>
                </c:pt>
                <c:pt idx="1688">
                  <c:v>45464</c:v>
                </c:pt>
                <c:pt idx="1689">
                  <c:v>45467</c:v>
                </c:pt>
                <c:pt idx="1690">
                  <c:v>45468</c:v>
                </c:pt>
                <c:pt idx="1691">
                  <c:v>45469</c:v>
                </c:pt>
                <c:pt idx="1692">
                  <c:v>45470</c:v>
                </c:pt>
                <c:pt idx="1693">
                  <c:v>45471</c:v>
                </c:pt>
                <c:pt idx="1694">
                  <c:v>45474</c:v>
                </c:pt>
                <c:pt idx="1695">
                  <c:v>45475</c:v>
                </c:pt>
                <c:pt idx="1696">
                  <c:v>45476</c:v>
                </c:pt>
                <c:pt idx="1697">
                  <c:v>45477</c:v>
                </c:pt>
                <c:pt idx="1698">
                  <c:v>45478</c:v>
                </c:pt>
                <c:pt idx="1699">
                  <c:v>45481</c:v>
                </c:pt>
                <c:pt idx="1700">
                  <c:v>45482</c:v>
                </c:pt>
                <c:pt idx="1701">
                  <c:v>45483</c:v>
                </c:pt>
                <c:pt idx="1702">
                  <c:v>45484</c:v>
                </c:pt>
              </c:numCache>
            </c:numRef>
          </c:cat>
          <c:val>
            <c:numRef>
              <c:f>'10Yr_Gov'!$K$5:$K$1707</c:f>
              <c:numCache>
                <c:formatCode>General</c:formatCode>
                <c:ptCount val="1703"/>
                <c:pt idx="0">
                  <c:v>2.46</c:v>
                </c:pt>
                <c:pt idx="1">
                  <c:v>2.44</c:v>
                </c:pt>
                <c:pt idx="2">
                  <c:v>2.46</c:v>
                </c:pt>
                <c:pt idx="3">
                  <c:v>2.4700000000000002</c:v>
                </c:pt>
                <c:pt idx="4">
                  <c:v>2.4900000000000002</c:v>
                </c:pt>
                <c:pt idx="5">
                  <c:v>2.5499999999999998</c:v>
                </c:pt>
                <c:pt idx="6">
                  <c:v>2.5499999999999998</c:v>
                </c:pt>
                <c:pt idx="7">
                  <c:v>2.54</c:v>
                </c:pt>
                <c:pt idx="8">
                  <c:v>2.5499999999999998</c:v>
                </c:pt>
                <c:pt idx="9">
                  <c:v>2.5499999999999998</c:v>
                </c:pt>
                <c:pt idx="10">
                  <c:v>2.54</c:v>
                </c:pt>
                <c:pt idx="11">
                  <c:v>2.57</c:v>
                </c:pt>
                <c:pt idx="12">
                  <c:v>2.62</c:v>
                </c:pt>
                <c:pt idx="13">
                  <c:v>2.64</c:v>
                </c:pt>
                <c:pt idx="14">
                  <c:v>2.66</c:v>
                </c:pt>
                <c:pt idx="15">
                  <c:v>2.63</c:v>
                </c:pt>
                <c:pt idx="16">
                  <c:v>2.65</c:v>
                </c:pt>
                <c:pt idx="17">
                  <c:v>2.63</c:v>
                </c:pt>
                <c:pt idx="18">
                  <c:v>2.66</c:v>
                </c:pt>
                <c:pt idx="19">
                  <c:v>2.7</c:v>
                </c:pt>
                <c:pt idx="20">
                  <c:v>2.73</c:v>
                </c:pt>
                <c:pt idx="21">
                  <c:v>2.72</c:v>
                </c:pt>
                <c:pt idx="22">
                  <c:v>2.78</c:v>
                </c:pt>
                <c:pt idx="23">
                  <c:v>2.84</c:v>
                </c:pt>
                <c:pt idx="24">
                  <c:v>2.77</c:v>
                </c:pt>
                <c:pt idx="25">
                  <c:v>2.79</c:v>
                </c:pt>
                <c:pt idx="26">
                  <c:v>2.84</c:v>
                </c:pt>
                <c:pt idx="27">
                  <c:v>2.85</c:v>
                </c:pt>
                <c:pt idx="28">
                  <c:v>2.83</c:v>
                </c:pt>
                <c:pt idx="29">
                  <c:v>2.86</c:v>
                </c:pt>
                <c:pt idx="30">
                  <c:v>2.83</c:v>
                </c:pt>
                <c:pt idx="31">
                  <c:v>2.91</c:v>
                </c:pt>
                <c:pt idx="32">
                  <c:v>2.9</c:v>
                </c:pt>
                <c:pt idx="33">
                  <c:v>2.87</c:v>
                </c:pt>
                <c:pt idx="34">
                  <c:v>2.87</c:v>
                </c:pt>
                <c:pt idx="35">
                  <c:v>2.88</c:v>
                </c:pt>
                <c:pt idx="36">
                  <c:v>2.94</c:v>
                </c:pt>
                <c:pt idx="37">
                  <c:v>2.92</c:v>
                </c:pt>
                <c:pt idx="38">
                  <c:v>2.88</c:v>
                </c:pt>
                <c:pt idx="39">
                  <c:v>2.86</c:v>
                </c:pt>
                <c:pt idx="40">
                  <c:v>2.9</c:v>
                </c:pt>
                <c:pt idx="41">
                  <c:v>2.87</c:v>
                </c:pt>
                <c:pt idx="42">
                  <c:v>2.81</c:v>
                </c:pt>
                <c:pt idx="43">
                  <c:v>2.86</c:v>
                </c:pt>
                <c:pt idx="44">
                  <c:v>2.88</c:v>
                </c:pt>
                <c:pt idx="45">
                  <c:v>2.88</c:v>
                </c:pt>
                <c:pt idx="46">
                  <c:v>2.89</c:v>
                </c:pt>
                <c:pt idx="47">
                  <c:v>2.86</c:v>
                </c:pt>
                <c:pt idx="48">
                  <c:v>2.9</c:v>
                </c:pt>
                <c:pt idx="49">
                  <c:v>2.87</c:v>
                </c:pt>
                <c:pt idx="50">
                  <c:v>2.84</c:v>
                </c:pt>
                <c:pt idx="51">
                  <c:v>2.81</c:v>
                </c:pt>
                <c:pt idx="52">
                  <c:v>2.82</c:v>
                </c:pt>
                <c:pt idx="53">
                  <c:v>2.85</c:v>
                </c:pt>
                <c:pt idx="54">
                  <c:v>2.85</c:v>
                </c:pt>
                <c:pt idx="55">
                  <c:v>2.89</c:v>
                </c:pt>
                <c:pt idx="56">
                  <c:v>2.89</c:v>
                </c:pt>
                <c:pt idx="57">
                  <c:v>2.83</c:v>
                </c:pt>
                <c:pt idx="58">
                  <c:v>2.82</c:v>
                </c:pt>
                <c:pt idx="59">
                  <c:v>2.85</c:v>
                </c:pt>
                <c:pt idx="60">
                  <c:v>2.78</c:v>
                </c:pt>
                <c:pt idx="61">
                  <c:v>2.77</c:v>
                </c:pt>
                <c:pt idx="62">
                  <c:v>2.74</c:v>
                </c:pt>
                <c:pt idx="63">
                  <c:v>2.74</c:v>
                </c:pt>
                <c:pt idx="64">
                  <c:v>2.73</c:v>
                </c:pt>
                <c:pt idx="65">
                  <c:v>2.79</c:v>
                </c:pt>
                <c:pt idx="66">
                  <c:v>2.79</c:v>
                </c:pt>
                <c:pt idx="67">
                  <c:v>2.83</c:v>
                </c:pt>
                <c:pt idx="68">
                  <c:v>2.77</c:v>
                </c:pt>
                <c:pt idx="69">
                  <c:v>2.78</c:v>
                </c:pt>
                <c:pt idx="70">
                  <c:v>2.8</c:v>
                </c:pt>
                <c:pt idx="71">
                  <c:v>2.79</c:v>
                </c:pt>
                <c:pt idx="72">
                  <c:v>2.83</c:v>
                </c:pt>
                <c:pt idx="73">
                  <c:v>2.82</c:v>
                </c:pt>
                <c:pt idx="74">
                  <c:v>2.83</c:v>
                </c:pt>
                <c:pt idx="75">
                  <c:v>2.82</c:v>
                </c:pt>
                <c:pt idx="76">
                  <c:v>2.87</c:v>
                </c:pt>
                <c:pt idx="77">
                  <c:v>2.92</c:v>
                </c:pt>
                <c:pt idx="78">
                  <c:v>2.96</c:v>
                </c:pt>
                <c:pt idx="79">
                  <c:v>2.98</c:v>
                </c:pt>
                <c:pt idx="80">
                  <c:v>3</c:v>
                </c:pt>
                <c:pt idx="81">
                  <c:v>3.03</c:v>
                </c:pt>
                <c:pt idx="82">
                  <c:v>3</c:v>
                </c:pt>
                <c:pt idx="83">
                  <c:v>2.96</c:v>
                </c:pt>
                <c:pt idx="84">
                  <c:v>2.95</c:v>
                </c:pt>
                <c:pt idx="85">
                  <c:v>2.97</c:v>
                </c:pt>
                <c:pt idx="86">
                  <c:v>2.97</c:v>
                </c:pt>
                <c:pt idx="87">
                  <c:v>2.94</c:v>
                </c:pt>
                <c:pt idx="88">
                  <c:v>2.95</c:v>
                </c:pt>
                <c:pt idx="89">
                  <c:v>2.95</c:v>
                </c:pt>
                <c:pt idx="90">
                  <c:v>2.97</c:v>
                </c:pt>
                <c:pt idx="91">
                  <c:v>3</c:v>
                </c:pt>
                <c:pt idx="92">
                  <c:v>2.97</c:v>
                </c:pt>
                <c:pt idx="93">
                  <c:v>2.97</c:v>
                </c:pt>
                <c:pt idx="94">
                  <c:v>3</c:v>
                </c:pt>
                <c:pt idx="95">
                  <c:v>3.08</c:v>
                </c:pt>
                <c:pt idx="96">
                  <c:v>3.09</c:v>
                </c:pt>
                <c:pt idx="97">
                  <c:v>3.11</c:v>
                </c:pt>
                <c:pt idx="98">
                  <c:v>3.06</c:v>
                </c:pt>
                <c:pt idx="99">
                  <c:v>3.06</c:v>
                </c:pt>
                <c:pt idx="100">
                  <c:v>3.06</c:v>
                </c:pt>
                <c:pt idx="101">
                  <c:v>3.01</c:v>
                </c:pt>
                <c:pt idx="102">
                  <c:v>2.98</c:v>
                </c:pt>
                <c:pt idx="103">
                  <c:v>2.93</c:v>
                </c:pt>
                <c:pt idx="104">
                  <c:v>2.93</c:v>
                </c:pt>
                <c:pt idx="105">
                  <c:v>2.77</c:v>
                </c:pt>
                <c:pt idx="106">
                  <c:v>2.84</c:v>
                </c:pt>
                <c:pt idx="107">
                  <c:v>2.83</c:v>
                </c:pt>
                <c:pt idx="108">
                  <c:v>2.89</c:v>
                </c:pt>
                <c:pt idx="109">
                  <c:v>2.94</c:v>
                </c:pt>
                <c:pt idx="110">
                  <c:v>2.92</c:v>
                </c:pt>
                <c:pt idx="111">
                  <c:v>2.97</c:v>
                </c:pt>
                <c:pt idx="112">
                  <c:v>2.93</c:v>
                </c:pt>
                <c:pt idx="113">
                  <c:v>2.93</c:v>
                </c:pt>
                <c:pt idx="114">
                  <c:v>2.96</c:v>
                </c:pt>
                <c:pt idx="115">
                  <c:v>2.96</c:v>
                </c:pt>
                <c:pt idx="116">
                  <c:v>2.98</c:v>
                </c:pt>
                <c:pt idx="117">
                  <c:v>2.94</c:v>
                </c:pt>
                <c:pt idx="118">
                  <c:v>2.93</c:v>
                </c:pt>
                <c:pt idx="119">
                  <c:v>2.92</c:v>
                </c:pt>
                <c:pt idx="120">
                  <c:v>2.89</c:v>
                </c:pt>
                <c:pt idx="121">
                  <c:v>2.93</c:v>
                </c:pt>
                <c:pt idx="122">
                  <c:v>2.9</c:v>
                </c:pt>
                <c:pt idx="123">
                  <c:v>2.9</c:v>
                </c:pt>
                <c:pt idx="124">
                  <c:v>2.87</c:v>
                </c:pt>
                <c:pt idx="125">
                  <c:v>2.88</c:v>
                </c:pt>
                <c:pt idx="126">
                  <c:v>2.83</c:v>
                </c:pt>
                <c:pt idx="127">
                  <c:v>2.84</c:v>
                </c:pt>
                <c:pt idx="128">
                  <c:v>2.85</c:v>
                </c:pt>
                <c:pt idx="129">
                  <c:v>2.87</c:v>
                </c:pt>
                <c:pt idx="130">
                  <c:v>2.83</c:v>
                </c:pt>
                <c:pt idx="131">
                  <c:v>2.83</c:v>
                </c:pt>
                <c:pt idx="132">
                  <c:v>2.84</c:v>
                </c:pt>
                <c:pt idx="133">
                  <c:v>2.82</c:v>
                </c:pt>
                <c:pt idx="134">
                  <c:v>2.86</c:v>
                </c:pt>
                <c:pt idx="135">
                  <c:v>2.87</c:v>
                </c:pt>
                <c:pt idx="136">
                  <c:v>2.85</c:v>
                </c:pt>
                <c:pt idx="137">
                  <c:v>2.85</c:v>
                </c:pt>
                <c:pt idx="138">
                  <c:v>2.83</c:v>
                </c:pt>
                <c:pt idx="139">
                  <c:v>2.85</c:v>
                </c:pt>
                <c:pt idx="140">
                  <c:v>2.86</c:v>
                </c:pt>
                <c:pt idx="141">
                  <c:v>2.88</c:v>
                </c:pt>
                <c:pt idx="142">
                  <c:v>2.84</c:v>
                </c:pt>
                <c:pt idx="143">
                  <c:v>2.89</c:v>
                </c:pt>
                <c:pt idx="144">
                  <c:v>2.96</c:v>
                </c:pt>
                <c:pt idx="145">
                  <c:v>2.95</c:v>
                </c:pt>
                <c:pt idx="146">
                  <c:v>2.94</c:v>
                </c:pt>
                <c:pt idx="147">
                  <c:v>2.98</c:v>
                </c:pt>
                <c:pt idx="148">
                  <c:v>2.96</c:v>
                </c:pt>
                <c:pt idx="149">
                  <c:v>2.98</c:v>
                </c:pt>
                <c:pt idx="150">
                  <c:v>2.96</c:v>
                </c:pt>
                <c:pt idx="151">
                  <c:v>3</c:v>
                </c:pt>
                <c:pt idx="152">
                  <c:v>2.98</c:v>
                </c:pt>
                <c:pt idx="153">
                  <c:v>2.95</c:v>
                </c:pt>
                <c:pt idx="154">
                  <c:v>2.94</c:v>
                </c:pt>
                <c:pt idx="155">
                  <c:v>2.98</c:v>
                </c:pt>
                <c:pt idx="156">
                  <c:v>2.96</c:v>
                </c:pt>
                <c:pt idx="157">
                  <c:v>2.93</c:v>
                </c:pt>
                <c:pt idx="158">
                  <c:v>2.87</c:v>
                </c:pt>
                <c:pt idx="159">
                  <c:v>2.88</c:v>
                </c:pt>
                <c:pt idx="160">
                  <c:v>2.89</c:v>
                </c:pt>
                <c:pt idx="161">
                  <c:v>2.86</c:v>
                </c:pt>
                <c:pt idx="162">
                  <c:v>2.87</c:v>
                </c:pt>
                <c:pt idx="163">
                  <c:v>2.87</c:v>
                </c:pt>
                <c:pt idx="164">
                  <c:v>2.82</c:v>
                </c:pt>
                <c:pt idx="165">
                  <c:v>2.85</c:v>
                </c:pt>
                <c:pt idx="166">
                  <c:v>2.82</c:v>
                </c:pt>
                <c:pt idx="167">
                  <c:v>2.82</c:v>
                </c:pt>
                <c:pt idx="168">
                  <c:v>2.82</c:v>
                </c:pt>
                <c:pt idx="169">
                  <c:v>2.85</c:v>
                </c:pt>
                <c:pt idx="170">
                  <c:v>2.88</c:v>
                </c:pt>
                <c:pt idx="171">
                  <c:v>2.89</c:v>
                </c:pt>
                <c:pt idx="172">
                  <c:v>2.86</c:v>
                </c:pt>
                <c:pt idx="173">
                  <c:v>2.86</c:v>
                </c:pt>
                <c:pt idx="174">
                  <c:v>2.86</c:v>
                </c:pt>
                <c:pt idx="175">
                  <c:v>2.9</c:v>
                </c:pt>
                <c:pt idx="176">
                  <c:v>2.9</c:v>
                </c:pt>
                <c:pt idx="177">
                  <c:v>2.88</c:v>
                </c:pt>
                <c:pt idx="178">
                  <c:v>2.94</c:v>
                </c:pt>
                <c:pt idx="179">
                  <c:v>2.94</c:v>
                </c:pt>
                <c:pt idx="180">
                  <c:v>2.98</c:v>
                </c:pt>
                <c:pt idx="181">
                  <c:v>2.97</c:v>
                </c:pt>
                <c:pt idx="182">
                  <c:v>2.97</c:v>
                </c:pt>
                <c:pt idx="183">
                  <c:v>2.99</c:v>
                </c:pt>
                <c:pt idx="184">
                  <c:v>2.99</c:v>
                </c:pt>
                <c:pt idx="185">
                  <c:v>3.05</c:v>
                </c:pt>
                <c:pt idx="186">
                  <c:v>3.08</c:v>
                </c:pt>
                <c:pt idx="187">
                  <c:v>3.07</c:v>
                </c:pt>
                <c:pt idx="188">
                  <c:v>3.07</c:v>
                </c:pt>
                <c:pt idx="189">
                  <c:v>3.08</c:v>
                </c:pt>
                <c:pt idx="190">
                  <c:v>3.1</c:v>
                </c:pt>
                <c:pt idx="191">
                  <c:v>3.06</c:v>
                </c:pt>
                <c:pt idx="192">
                  <c:v>3.06</c:v>
                </c:pt>
                <c:pt idx="193">
                  <c:v>3.05</c:v>
                </c:pt>
                <c:pt idx="194">
                  <c:v>3.09</c:v>
                </c:pt>
                <c:pt idx="195">
                  <c:v>3.05</c:v>
                </c:pt>
                <c:pt idx="196">
                  <c:v>3.15</c:v>
                </c:pt>
                <c:pt idx="197">
                  <c:v>3.19</c:v>
                </c:pt>
                <c:pt idx="198">
                  <c:v>3.23</c:v>
                </c:pt>
                <c:pt idx="199">
                  <c:v>3.23</c:v>
                </c:pt>
                <c:pt idx="200">
                  <c:v>3.21</c:v>
                </c:pt>
                <c:pt idx="201">
                  <c:v>3.22</c:v>
                </c:pt>
                <c:pt idx="202">
                  <c:v>3.14</c:v>
                </c:pt>
                <c:pt idx="203">
                  <c:v>3.15</c:v>
                </c:pt>
                <c:pt idx="204">
                  <c:v>3.16</c:v>
                </c:pt>
                <c:pt idx="205">
                  <c:v>3.16</c:v>
                </c:pt>
                <c:pt idx="206">
                  <c:v>3.19</c:v>
                </c:pt>
                <c:pt idx="207">
                  <c:v>3.17</c:v>
                </c:pt>
                <c:pt idx="208">
                  <c:v>3.2</c:v>
                </c:pt>
                <c:pt idx="209">
                  <c:v>3.2</c:v>
                </c:pt>
                <c:pt idx="210">
                  <c:v>3.17</c:v>
                </c:pt>
                <c:pt idx="211">
                  <c:v>3.1</c:v>
                </c:pt>
                <c:pt idx="212">
                  <c:v>3.14</c:v>
                </c:pt>
                <c:pt idx="213">
                  <c:v>3.08</c:v>
                </c:pt>
                <c:pt idx="214">
                  <c:v>3.08</c:v>
                </c:pt>
                <c:pt idx="215">
                  <c:v>3.12</c:v>
                </c:pt>
                <c:pt idx="216">
                  <c:v>3.15</c:v>
                </c:pt>
                <c:pt idx="217">
                  <c:v>3.14</c:v>
                </c:pt>
                <c:pt idx="218">
                  <c:v>3.22</c:v>
                </c:pt>
                <c:pt idx="219">
                  <c:v>3.2</c:v>
                </c:pt>
                <c:pt idx="220">
                  <c:v>3.22</c:v>
                </c:pt>
                <c:pt idx="221">
                  <c:v>3.22</c:v>
                </c:pt>
                <c:pt idx="222">
                  <c:v>3.24</c:v>
                </c:pt>
                <c:pt idx="223">
                  <c:v>3.19</c:v>
                </c:pt>
                <c:pt idx="224">
                  <c:v>3.19</c:v>
                </c:pt>
                <c:pt idx="225">
                  <c:v>3.14</c:v>
                </c:pt>
                <c:pt idx="226">
                  <c:v>3.12</c:v>
                </c:pt>
                <c:pt idx="227">
                  <c:v>3.11</c:v>
                </c:pt>
                <c:pt idx="228">
                  <c:v>3.08</c:v>
                </c:pt>
                <c:pt idx="229">
                  <c:v>3.06</c:v>
                </c:pt>
                <c:pt idx="230">
                  <c:v>3.06</c:v>
                </c:pt>
                <c:pt idx="231">
                  <c:v>3.06</c:v>
                </c:pt>
                <c:pt idx="232">
                  <c:v>3.06</c:v>
                </c:pt>
                <c:pt idx="233">
                  <c:v>3.05</c:v>
                </c:pt>
                <c:pt idx="234">
                  <c:v>3.07</c:v>
                </c:pt>
                <c:pt idx="235">
                  <c:v>3.06</c:v>
                </c:pt>
                <c:pt idx="236">
                  <c:v>3.06</c:v>
                </c:pt>
                <c:pt idx="237">
                  <c:v>3.03</c:v>
                </c:pt>
                <c:pt idx="238">
                  <c:v>3.01</c:v>
                </c:pt>
                <c:pt idx="239">
                  <c:v>2.98</c:v>
                </c:pt>
                <c:pt idx="240">
                  <c:v>2.91</c:v>
                </c:pt>
                <c:pt idx="241">
                  <c:v>2.91</c:v>
                </c:pt>
                <c:pt idx="242">
                  <c:v>2.87</c:v>
                </c:pt>
                <c:pt idx="243">
                  <c:v>2.85</c:v>
                </c:pt>
                <c:pt idx="244">
                  <c:v>2.85</c:v>
                </c:pt>
                <c:pt idx="245">
                  <c:v>2.89</c:v>
                </c:pt>
                <c:pt idx="246">
                  <c:v>2.91</c:v>
                </c:pt>
                <c:pt idx="247">
                  <c:v>2.91</c:v>
                </c:pt>
                <c:pt idx="248">
                  <c:v>2.89</c:v>
                </c:pt>
                <c:pt idx="249">
                  <c:v>2.86</c:v>
                </c:pt>
                <c:pt idx="250">
                  <c:v>2.82</c:v>
                </c:pt>
                <c:pt idx="251">
                  <c:v>2.77</c:v>
                </c:pt>
                <c:pt idx="252">
                  <c:v>2.79</c:v>
                </c:pt>
                <c:pt idx="253">
                  <c:v>2.79</c:v>
                </c:pt>
                <c:pt idx="254">
                  <c:v>2.74</c:v>
                </c:pt>
                <c:pt idx="255">
                  <c:v>2.74</c:v>
                </c:pt>
                <c:pt idx="256">
                  <c:v>2.81</c:v>
                </c:pt>
                <c:pt idx="257">
                  <c:v>2.77</c:v>
                </c:pt>
                <c:pt idx="258">
                  <c:v>2.72</c:v>
                </c:pt>
                <c:pt idx="259">
                  <c:v>2.69</c:v>
                </c:pt>
                <c:pt idx="260">
                  <c:v>2.69</c:v>
                </c:pt>
                <c:pt idx="261">
                  <c:v>2.66</c:v>
                </c:pt>
                <c:pt idx="262">
                  <c:v>2.56</c:v>
                </c:pt>
                <c:pt idx="263">
                  <c:v>2.67</c:v>
                </c:pt>
                <c:pt idx="264">
                  <c:v>2.7</c:v>
                </c:pt>
                <c:pt idx="265">
                  <c:v>2.73</c:v>
                </c:pt>
                <c:pt idx="266">
                  <c:v>2.74</c:v>
                </c:pt>
                <c:pt idx="267">
                  <c:v>2.74</c:v>
                </c:pt>
                <c:pt idx="268">
                  <c:v>2.71</c:v>
                </c:pt>
                <c:pt idx="269">
                  <c:v>2.71</c:v>
                </c:pt>
                <c:pt idx="270">
                  <c:v>2.72</c:v>
                </c:pt>
                <c:pt idx="271">
                  <c:v>2.73</c:v>
                </c:pt>
                <c:pt idx="272">
                  <c:v>2.75</c:v>
                </c:pt>
                <c:pt idx="273">
                  <c:v>2.79</c:v>
                </c:pt>
                <c:pt idx="274">
                  <c:v>2.79</c:v>
                </c:pt>
                <c:pt idx="275">
                  <c:v>2.74</c:v>
                </c:pt>
                <c:pt idx="276">
                  <c:v>2.76</c:v>
                </c:pt>
                <c:pt idx="277">
                  <c:v>2.72</c:v>
                </c:pt>
                <c:pt idx="278">
                  <c:v>2.76</c:v>
                </c:pt>
                <c:pt idx="279">
                  <c:v>2.75</c:v>
                </c:pt>
                <c:pt idx="280">
                  <c:v>2.72</c:v>
                </c:pt>
                <c:pt idx="281">
                  <c:v>2.7</c:v>
                </c:pt>
                <c:pt idx="282">
                  <c:v>2.63</c:v>
                </c:pt>
                <c:pt idx="283">
                  <c:v>2.7</c:v>
                </c:pt>
                <c:pt idx="284">
                  <c:v>2.73</c:v>
                </c:pt>
                <c:pt idx="285">
                  <c:v>2.71</c:v>
                </c:pt>
                <c:pt idx="286">
                  <c:v>2.7</c:v>
                </c:pt>
                <c:pt idx="287">
                  <c:v>2.65</c:v>
                </c:pt>
                <c:pt idx="288">
                  <c:v>2.63</c:v>
                </c:pt>
                <c:pt idx="289">
                  <c:v>2.65</c:v>
                </c:pt>
                <c:pt idx="290">
                  <c:v>2.68</c:v>
                </c:pt>
                <c:pt idx="291">
                  <c:v>2.71</c:v>
                </c:pt>
                <c:pt idx="292">
                  <c:v>2.66</c:v>
                </c:pt>
                <c:pt idx="293">
                  <c:v>2.66</c:v>
                </c:pt>
                <c:pt idx="294">
                  <c:v>2.66</c:v>
                </c:pt>
                <c:pt idx="295">
                  <c:v>2.65</c:v>
                </c:pt>
                <c:pt idx="296">
                  <c:v>2.65</c:v>
                </c:pt>
                <c:pt idx="297">
                  <c:v>2.69</c:v>
                </c:pt>
                <c:pt idx="298">
                  <c:v>2.65</c:v>
                </c:pt>
                <c:pt idx="299">
                  <c:v>2.67</c:v>
                </c:pt>
                <c:pt idx="300">
                  <c:v>2.64</c:v>
                </c:pt>
                <c:pt idx="301">
                  <c:v>2.69</c:v>
                </c:pt>
                <c:pt idx="302">
                  <c:v>2.73</c:v>
                </c:pt>
                <c:pt idx="303">
                  <c:v>2.76</c:v>
                </c:pt>
                <c:pt idx="304">
                  <c:v>2.72</c:v>
                </c:pt>
                <c:pt idx="305">
                  <c:v>2.72</c:v>
                </c:pt>
                <c:pt idx="306">
                  <c:v>2.69</c:v>
                </c:pt>
                <c:pt idx="307">
                  <c:v>2.64</c:v>
                </c:pt>
                <c:pt idx="308">
                  <c:v>2.62</c:v>
                </c:pt>
                <c:pt idx="309">
                  <c:v>2.64</c:v>
                </c:pt>
                <c:pt idx="310">
                  <c:v>2.61</c:v>
                </c:pt>
                <c:pt idx="311">
                  <c:v>2.61</c:v>
                </c:pt>
                <c:pt idx="312">
                  <c:v>2.63</c:v>
                </c:pt>
                <c:pt idx="313">
                  <c:v>2.59</c:v>
                </c:pt>
                <c:pt idx="314">
                  <c:v>2.6</c:v>
                </c:pt>
                <c:pt idx="315">
                  <c:v>2.61</c:v>
                </c:pt>
                <c:pt idx="316">
                  <c:v>2.54</c:v>
                </c:pt>
                <c:pt idx="317">
                  <c:v>2.54</c:v>
                </c:pt>
                <c:pt idx="318">
                  <c:v>2.44</c:v>
                </c:pt>
                <c:pt idx="319">
                  <c:v>2.4300000000000002</c:v>
                </c:pt>
                <c:pt idx="320">
                  <c:v>2.41</c:v>
                </c:pt>
                <c:pt idx="321">
                  <c:v>2.39</c:v>
                </c:pt>
                <c:pt idx="322">
                  <c:v>2.39</c:v>
                </c:pt>
                <c:pt idx="323">
                  <c:v>2.41</c:v>
                </c:pt>
                <c:pt idx="324">
                  <c:v>2.4900000000000002</c:v>
                </c:pt>
                <c:pt idx="325">
                  <c:v>2.48</c:v>
                </c:pt>
                <c:pt idx="326">
                  <c:v>2.52</c:v>
                </c:pt>
                <c:pt idx="327">
                  <c:v>2.5099999999999998</c:v>
                </c:pt>
                <c:pt idx="328">
                  <c:v>2.5</c:v>
                </c:pt>
                <c:pt idx="329">
                  <c:v>2.52</c:v>
                </c:pt>
                <c:pt idx="330">
                  <c:v>2.5099999999999998</c:v>
                </c:pt>
                <c:pt idx="331">
                  <c:v>2.48</c:v>
                </c:pt>
                <c:pt idx="332">
                  <c:v>2.5099999999999998</c:v>
                </c:pt>
                <c:pt idx="333">
                  <c:v>2.56</c:v>
                </c:pt>
                <c:pt idx="334">
                  <c:v>2.5499999999999998</c:v>
                </c:pt>
                <c:pt idx="335">
                  <c:v>2.6</c:v>
                </c:pt>
                <c:pt idx="336">
                  <c:v>2.59</c:v>
                </c:pt>
                <c:pt idx="337">
                  <c:v>2.57</c:v>
                </c:pt>
                <c:pt idx="338">
                  <c:v>2.57</c:v>
                </c:pt>
                <c:pt idx="339">
                  <c:v>2.59</c:v>
                </c:pt>
                <c:pt idx="340">
                  <c:v>2.57</c:v>
                </c:pt>
                <c:pt idx="341">
                  <c:v>2.5299999999999998</c:v>
                </c:pt>
                <c:pt idx="342">
                  <c:v>2.54</c:v>
                </c:pt>
                <c:pt idx="343">
                  <c:v>2.5099999999999998</c:v>
                </c:pt>
                <c:pt idx="344">
                  <c:v>2.54</c:v>
                </c:pt>
                <c:pt idx="345">
                  <c:v>2.5099999999999998</c:v>
                </c:pt>
                <c:pt idx="346">
                  <c:v>2.52</c:v>
                </c:pt>
                <c:pt idx="347">
                  <c:v>2.5499999999999998</c:v>
                </c:pt>
                <c:pt idx="348">
                  <c:v>2.54</c:v>
                </c:pt>
                <c:pt idx="349">
                  <c:v>2.5099999999999998</c:v>
                </c:pt>
                <c:pt idx="350">
                  <c:v>2.4500000000000002</c:v>
                </c:pt>
                <c:pt idx="351">
                  <c:v>2.4900000000000002</c:v>
                </c:pt>
                <c:pt idx="352">
                  <c:v>2.4500000000000002</c:v>
                </c:pt>
                <c:pt idx="353">
                  <c:v>2.4700000000000002</c:v>
                </c:pt>
                <c:pt idx="354">
                  <c:v>2.4</c:v>
                </c:pt>
                <c:pt idx="355">
                  <c:v>2.42</c:v>
                </c:pt>
                <c:pt idx="356">
                  <c:v>2.37</c:v>
                </c:pt>
                <c:pt idx="357">
                  <c:v>2.4</c:v>
                </c:pt>
                <c:pt idx="358">
                  <c:v>2.39</c:v>
                </c:pt>
                <c:pt idx="359">
                  <c:v>2.41</c:v>
                </c:pt>
                <c:pt idx="360">
                  <c:v>2.4300000000000002</c:v>
                </c:pt>
                <c:pt idx="361">
                  <c:v>2.39</c:v>
                </c:pt>
                <c:pt idx="362">
                  <c:v>2.31</c:v>
                </c:pt>
                <c:pt idx="363">
                  <c:v>2.3199999999999998</c:v>
                </c:pt>
                <c:pt idx="364">
                  <c:v>2.3199999999999998</c:v>
                </c:pt>
                <c:pt idx="365">
                  <c:v>2.2599999999999998</c:v>
                </c:pt>
                <c:pt idx="366">
                  <c:v>2.25</c:v>
                </c:pt>
                <c:pt idx="367">
                  <c:v>2.2200000000000002</c:v>
                </c:pt>
                <c:pt idx="368">
                  <c:v>2.14</c:v>
                </c:pt>
                <c:pt idx="369">
                  <c:v>2.0699999999999998</c:v>
                </c:pt>
                <c:pt idx="370">
                  <c:v>2.12</c:v>
                </c:pt>
                <c:pt idx="371">
                  <c:v>2.12</c:v>
                </c:pt>
                <c:pt idx="372">
                  <c:v>2.12</c:v>
                </c:pt>
                <c:pt idx="373">
                  <c:v>2.09</c:v>
                </c:pt>
                <c:pt idx="374">
                  <c:v>2.15</c:v>
                </c:pt>
                <c:pt idx="375">
                  <c:v>2.15</c:v>
                </c:pt>
                <c:pt idx="376">
                  <c:v>2.13</c:v>
                </c:pt>
                <c:pt idx="377">
                  <c:v>2.1</c:v>
                </c:pt>
                <c:pt idx="378">
                  <c:v>2.09</c:v>
                </c:pt>
                <c:pt idx="379">
                  <c:v>2.09</c:v>
                </c:pt>
                <c:pt idx="380">
                  <c:v>2.06</c:v>
                </c:pt>
                <c:pt idx="381">
                  <c:v>2.0299999999999998</c:v>
                </c:pt>
                <c:pt idx="382">
                  <c:v>2.0099999999999998</c:v>
                </c:pt>
                <c:pt idx="383">
                  <c:v>2.0699999999999998</c:v>
                </c:pt>
                <c:pt idx="384">
                  <c:v>2.02</c:v>
                </c:pt>
                <c:pt idx="385">
                  <c:v>2</c:v>
                </c:pt>
                <c:pt idx="386">
                  <c:v>2.0499999999999998</c:v>
                </c:pt>
                <c:pt idx="387">
                  <c:v>2.0099999999999998</c:v>
                </c:pt>
                <c:pt idx="388">
                  <c:v>2</c:v>
                </c:pt>
                <c:pt idx="389">
                  <c:v>2.0299999999999998</c:v>
                </c:pt>
                <c:pt idx="390">
                  <c:v>1.98</c:v>
                </c:pt>
                <c:pt idx="391">
                  <c:v>1.96</c:v>
                </c:pt>
                <c:pt idx="392">
                  <c:v>1.96</c:v>
                </c:pt>
                <c:pt idx="393">
                  <c:v>2.04</c:v>
                </c:pt>
                <c:pt idx="394">
                  <c:v>2.0499999999999998</c:v>
                </c:pt>
                <c:pt idx="395">
                  <c:v>2.0699999999999998</c:v>
                </c:pt>
                <c:pt idx="396">
                  <c:v>2.0699999999999998</c:v>
                </c:pt>
                <c:pt idx="397">
                  <c:v>2.13</c:v>
                </c:pt>
                <c:pt idx="398">
                  <c:v>2.12</c:v>
                </c:pt>
                <c:pt idx="399">
                  <c:v>2.09</c:v>
                </c:pt>
                <c:pt idx="400">
                  <c:v>2.13</c:v>
                </c:pt>
                <c:pt idx="401">
                  <c:v>2.06</c:v>
                </c:pt>
                <c:pt idx="402">
                  <c:v>2.04</c:v>
                </c:pt>
                <c:pt idx="403">
                  <c:v>2.0499999999999998</c:v>
                </c:pt>
                <c:pt idx="404">
                  <c:v>2.0499999999999998</c:v>
                </c:pt>
                <c:pt idx="405">
                  <c:v>2.08</c:v>
                </c:pt>
                <c:pt idx="406">
                  <c:v>2.0499999999999998</c:v>
                </c:pt>
                <c:pt idx="407">
                  <c:v>2.08</c:v>
                </c:pt>
                <c:pt idx="408">
                  <c:v>2.08</c:v>
                </c:pt>
                <c:pt idx="409">
                  <c:v>2.06</c:v>
                </c:pt>
                <c:pt idx="410">
                  <c:v>2.06</c:v>
                </c:pt>
                <c:pt idx="411">
                  <c:v>2.02</c:v>
                </c:pt>
                <c:pt idx="412">
                  <c:v>1.9</c:v>
                </c:pt>
                <c:pt idx="413">
                  <c:v>1.86</c:v>
                </c:pt>
                <c:pt idx="414">
                  <c:v>1.75</c:v>
                </c:pt>
                <c:pt idx="415">
                  <c:v>1.73</c:v>
                </c:pt>
                <c:pt idx="416">
                  <c:v>1.71</c:v>
                </c:pt>
                <c:pt idx="417">
                  <c:v>1.72</c:v>
                </c:pt>
                <c:pt idx="418">
                  <c:v>1.74</c:v>
                </c:pt>
                <c:pt idx="419">
                  <c:v>1.65</c:v>
                </c:pt>
                <c:pt idx="420">
                  <c:v>1.68</c:v>
                </c:pt>
                <c:pt idx="421">
                  <c:v>1.59</c:v>
                </c:pt>
                <c:pt idx="422">
                  <c:v>1.52</c:v>
                </c:pt>
                <c:pt idx="423">
                  <c:v>1.55</c:v>
                </c:pt>
                <c:pt idx="424">
                  <c:v>1.6</c:v>
                </c:pt>
                <c:pt idx="425">
                  <c:v>1.55</c:v>
                </c:pt>
                <c:pt idx="426">
                  <c:v>1.59</c:v>
                </c:pt>
                <c:pt idx="427">
                  <c:v>1.62</c:v>
                </c:pt>
                <c:pt idx="428">
                  <c:v>1.52</c:v>
                </c:pt>
                <c:pt idx="429">
                  <c:v>1.54</c:v>
                </c:pt>
                <c:pt idx="430">
                  <c:v>1.49</c:v>
                </c:pt>
                <c:pt idx="431">
                  <c:v>1.47</c:v>
                </c:pt>
                <c:pt idx="432">
                  <c:v>1.5</c:v>
                </c:pt>
                <c:pt idx="433">
                  <c:v>1.5</c:v>
                </c:pt>
                <c:pt idx="434">
                  <c:v>1.5</c:v>
                </c:pt>
                <c:pt idx="435">
                  <c:v>1.47</c:v>
                </c:pt>
                <c:pt idx="436">
                  <c:v>1.47</c:v>
                </c:pt>
                <c:pt idx="437">
                  <c:v>1.57</c:v>
                </c:pt>
                <c:pt idx="438">
                  <c:v>1.55</c:v>
                </c:pt>
                <c:pt idx="439">
                  <c:v>1.63</c:v>
                </c:pt>
                <c:pt idx="440">
                  <c:v>1.72</c:v>
                </c:pt>
                <c:pt idx="441">
                  <c:v>1.75</c:v>
                </c:pt>
                <c:pt idx="442">
                  <c:v>1.79</c:v>
                </c:pt>
                <c:pt idx="443">
                  <c:v>1.9</c:v>
                </c:pt>
                <c:pt idx="444">
                  <c:v>1.84</c:v>
                </c:pt>
                <c:pt idx="445">
                  <c:v>1.81</c:v>
                </c:pt>
                <c:pt idx="446">
                  <c:v>1.8</c:v>
                </c:pt>
                <c:pt idx="447">
                  <c:v>1.79</c:v>
                </c:pt>
                <c:pt idx="448">
                  <c:v>1.74</c:v>
                </c:pt>
                <c:pt idx="449">
                  <c:v>1.72</c:v>
                </c:pt>
                <c:pt idx="450">
                  <c:v>1.64</c:v>
                </c:pt>
                <c:pt idx="451">
                  <c:v>1.73</c:v>
                </c:pt>
                <c:pt idx="452">
                  <c:v>1.7</c:v>
                </c:pt>
                <c:pt idx="453">
                  <c:v>1.69</c:v>
                </c:pt>
                <c:pt idx="454">
                  <c:v>1.68</c:v>
                </c:pt>
                <c:pt idx="455">
                  <c:v>1.65</c:v>
                </c:pt>
                <c:pt idx="456">
                  <c:v>1.6</c:v>
                </c:pt>
                <c:pt idx="457">
                  <c:v>1.54</c:v>
                </c:pt>
                <c:pt idx="458">
                  <c:v>1.52</c:v>
                </c:pt>
                <c:pt idx="459">
                  <c:v>1.56</c:v>
                </c:pt>
                <c:pt idx="460">
                  <c:v>1.54</c:v>
                </c:pt>
                <c:pt idx="461">
                  <c:v>1.59</c:v>
                </c:pt>
                <c:pt idx="462">
                  <c:v>1.67</c:v>
                </c:pt>
                <c:pt idx="463">
                  <c:v>1.76</c:v>
                </c:pt>
                <c:pt idx="464">
                  <c:v>1.76</c:v>
                </c:pt>
                <c:pt idx="465">
                  <c:v>1.77</c:v>
                </c:pt>
                <c:pt idx="466">
                  <c:v>1.75</c:v>
                </c:pt>
                <c:pt idx="467">
                  <c:v>1.76</c:v>
                </c:pt>
                <c:pt idx="468">
                  <c:v>1.76</c:v>
                </c:pt>
                <c:pt idx="469">
                  <c:v>1.8</c:v>
                </c:pt>
                <c:pt idx="470">
                  <c:v>1.78</c:v>
                </c:pt>
                <c:pt idx="471">
                  <c:v>1.77</c:v>
                </c:pt>
                <c:pt idx="472">
                  <c:v>1.77</c:v>
                </c:pt>
                <c:pt idx="473">
                  <c:v>1.8</c:v>
                </c:pt>
                <c:pt idx="474">
                  <c:v>1.85</c:v>
                </c:pt>
                <c:pt idx="475">
                  <c:v>1.84</c:v>
                </c:pt>
                <c:pt idx="476">
                  <c:v>1.78</c:v>
                </c:pt>
                <c:pt idx="477">
                  <c:v>1.69</c:v>
                </c:pt>
                <c:pt idx="478">
                  <c:v>1.73</c:v>
                </c:pt>
                <c:pt idx="479">
                  <c:v>1.79</c:v>
                </c:pt>
                <c:pt idx="480">
                  <c:v>1.86</c:v>
                </c:pt>
                <c:pt idx="481">
                  <c:v>1.81</c:v>
                </c:pt>
                <c:pt idx="482">
                  <c:v>1.92</c:v>
                </c:pt>
                <c:pt idx="483">
                  <c:v>1.94</c:v>
                </c:pt>
                <c:pt idx="484">
                  <c:v>1.94</c:v>
                </c:pt>
                <c:pt idx="485">
                  <c:v>1.92</c:v>
                </c:pt>
                <c:pt idx="486">
                  <c:v>1.88</c:v>
                </c:pt>
                <c:pt idx="487">
                  <c:v>1.82</c:v>
                </c:pt>
                <c:pt idx="488">
                  <c:v>1.84</c:v>
                </c:pt>
                <c:pt idx="489">
                  <c:v>1.81</c:v>
                </c:pt>
                <c:pt idx="490">
                  <c:v>1.79</c:v>
                </c:pt>
                <c:pt idx="491">
                  <c:v>1.73</c:v>
                </c:pt>
                <c:pt idx="492">
                  <c:v>1.77</c:v>
                </c:pt>
                <c:pt idx="493">
                  <c:v>1.77</c:v>
                </c:pt>
                <c:pt idx="494">
                  <c:v>1.76</c:v>
                </c:pt>
                <c:pt idx="495">
                  <c:v>1.74</c:v>
                </c:pt>
                <c:pt idx="496">
                  <c:v>1.77</c:v>
                </c:pt>
                <c:pt idx="497">
                  <c:v>1.77</c:v>
                </c:pt>
                <c:pt idx="498">
                  <c:v>1.78</c:v>
                </c:pt>
                <c:pt idx="499">
                  <c:v>1.83</c:v>
                </c:pt>
                <c:pt idx="500">
                  <c:v>1.72</c:v>
                </c:pt>
                <c:pt idx="501">
                  <c:v>1.77</c:v>
                </c:pt>
                <c:pt idx="502">
                  <c:v>1.8</c:v>
                </c:pt>
                <c:pt idx="503">
                  <c:v>1.84</c:v>
                </c:pt>
                <c:pt idx="504">
                  <c:v>1.83</c:v>
                </c:pt>
                <c:pt idx="505">
                  <c:v>1.85</c:v>
                </c:pt>
                <c:pt idx="506">
                  <c:v>1.79</c:v>
                </c:pt>
                <c:pt idx="507">
                  <c:v>1.9</c:v>
                </c:pt>
                <c:pt idx="508">
                  <c:v>1.82</c:v>
                </c:pt>
                <c:pt idx="509">
                  <c:v>1.89</c:v>
                </c:pt>
                <c:pt idx="510">
                  <c:v>1.89</c:v>
                </c:pt>
                <c:pt idx="511">
                  <c:v>1.92</c:v>
                </c:pt>
                <c:pt idx="512">
                  <c:v>1.92</c:v>
                </c:pt>
                <c:pt idx="513">
                  <c:v>1.92</c:v>
                </c:pt>
                <c:pt idx="514">
                  <c:v>1.93</c:v>
                </c:pt>
                <c:pt idx="515">
                  <c:v>1.9</c:v>
                </c:pt>
                <c:pt idx="516">
                  <c:v>1.9</c:v>
                </c:pt>
                <c:pt idx="517">
                  <c:v>1.9</c:v>
                </c:pt>
                <c:pt idx="518">
                  <c:v>1.88</c:v>
                </c:pt>
                <c:pt idx="519">
                  <c:v>1.9</c:v>
                </c:pt>
                <c:pt idx="520">
                  <c:v>1.92</c:v>
                </c:pt>
                <c:pt idx="521">
                  <c:v>1.92</c:v>
                </c:pt>
                <c:pt idx="522">
                  <c:v>1.88</c:v>
                </c:pt>
                <c:pt idx="523">
                  <c:v>1.8</c:v>
                </c:pt>
                <c:pt idx="524">
                  <c:v>1.81</c:v>
                </c:pt>
                <c:pt idx="525">
                  <c:v>1.83</c:v>
                </c:pt>
                <c:pt idx="526">
                  <c:v>1.87</c:v>
                </c:pt>
                <c:pt idx="527">
                  <c:v>1.85</c:v>
                </c:pt>
                <c:pt idx="528">
                  <c:v>1.83</c:v>
                </c:pt>
                <c:pt idx="529">
                  <c:v>1.85</c:v>
                </c:pt>
                <c:pt idx="530">
                  <c:v>1.82</c:v>
                </c:pt>
                <c:pt idx="531">
                  <c:v>1.79</c:v>
                </c:pt>
                <c:pt idx="532">
                  <c:v>1.81</c:v>
                </c:pt>
                <c:pt idx="533">
                  <c:v>1.84</c:v>
                </c:pt>
                <c:pt idx="534">
                  <c:v>1.84</c:v>
                </c:pt>
                <c:pt idx="535">
                  <c:v>1.78</c:v>
                </c:pt>
                <c:pt idx="536">
                  <c:v>1.77</c:v>
                </c:pt>
                <c:pt idx="537">
                  <c:v>1.74</c:v>
                </c:pt>
                <c:pt idx="538">
                  <c:v>1.7</c:v>
                </c:pt>
                <c:pt idx="539">
                  <c:v>1.61</c:v>
                </c:pt>
                <c:pt idx="540">
                  <c:v>1.65</c:v>
                </c:pt>
                <c:pt idx="541">
                  <c:v>1.6</c:v>
                </c:pt>
                <c:pt idx="542">
                  <c:v>1.57</c:v>
                </c:pt>
                <c:pt idx="543">
                  <c:v>1.51</c:v>
                </c:pt>
                <c:pt idx="544">
                  <c:v>1.54</c:v>
                </c:pt>
                <c:pt idx="545">
                  <c:v>1.61</c:v>
                </c:pt>
                <c:pt idx="546">
                  <c:v>1.66</c:v>
                </c:pt>
                <c:pt idx="547">
                  <c:v>1.65</c:v>
                </c:pt>
                <c:pt idx="548">
                  <c:v>1.59</c:v>
                </c:pt>
                <c:pt idx="549">
                  <c:v>1.56</c:v>
                </c:pt>
                <c:pt idx="550">
                  <c:v>1.59</c:v>
                </c:pt>
                <c:pt idx="551">
                  <c:v>1.62</c:v>
                </c:pt>
                <c:pt idx="552">
                  <c:v>1.61</c:v>
                </c:pt>
                <c:pt idx="553">
                  <c:v>1.59</c:v>
                </c:pt>
                <c:pt idx="554">
                  <c:v>1.59</c:v>
                </c:pt>
                <c:pt idx="555">
                  <c:v>1.55</c:v>
                </c:pt>
                <c:pt idx="556">
                  <c:v>1.56</c:v>
                </c:pt>
                <c:pt idx="557">
                  <c:v>1.52</c:v>
                </c:pt>
                <c:pt idx="558">
                  <c:v>1.46</c:v>
                </c:pt>
                <c:pt idx="559">
                  <c:v>1.38</c:v>
                </c:pt>
                <c:pt idx="560">
                  <c:v>1.33</c:v>
                </c:pt>
                <c:pt idx="561">
                  <c:v>1.33</c:v>
                </c:pt>
                <c:pt idx="562">
                  <c:v>1.3</c:v>
                </c:pt>
                <c:pt idx="563">
                  <c:v>1.1299999999999999</c:v>
                </c:pt>
                <c:pt idx="564">
                  <c:v>1.1000000000000001</c:v>
                </c:pt>
                <c:pt idx="565">
                  <c:v>1.02</c:v>
                </c:pt>
                <c:pt idx="566">
                  <c:v>1.02</c:v>
                </c:pt>
                <c:pt idx="567">
                  <c:v>0.92</c:v>
                </c:pt>
                <c:pt idx="568">
                  <c:v>0.74</c:v>
                </c:pt>
                <c:pt idx="569">
                  <c:v>0.54</c:v>
                </c:pt>
                <c:pt idx="570">
                  <c:v>0.76</c:v>
                </c:pt>
                <c:pt idx="571">
                  <c:v>0.82</c:v>
                </c:pt>
                <c:pt idx="572">
                  <c:v>0.88</c:v>
                </c:pt>
                <c:pt idx="573">
                  <c:v>0.94</c:v>
                </c:pt>
                <c:pt idx="574">
                  <c:v>0.73</c:v>
                </c:pt>
                <c:pt idx="575">
                  <c:v>1.02</c:v>
                </c:pt>
                <c:pt idx="576">
                  <c:v>1.18</c:v>
                </c:pt>
                <c:pt idx="577">
                  <c:v>1.1200000000000001</c:v>
                </c:pt>
                <c:pt idx="578">
                  <c:v>0.92</c:v>
                </c:pt>
                <c:pt idx="579">
                  <c:v>0.76</c:v>
                </c:pt>
                <c:pt idx="580">
                  <c:v>0.84</c:v>
                </c:pt>
                <c:pt idx="581">
                  <c:v>0.88</c:v>
                </c:pt>
                <c:pt idx="582">
                  <c:v>0.83</c:v>
                </c:pt>
                <c:pt idx="583">
                  <c:v>0.72</c:v>
                </c:pt>
                <c:pt idx="584">
                  <c:v>0.7</c:v>
                </c:pt>
                <c:pt idx="585">
                  <c:v>0.7</c:v>
                </c:pt>
                <c:pt idx="586">
                  <c:v>0.62</c:v>
                </c:pt>
                <c:pt idx="587">
                  <c:v>0.63</c:v>
                </c:pt>
                <c:pt idx="588">
                  <c:v>0.62</c:v>
                </c:pt>
                <c:pt idx="589">
                  <c:v>0.67</c:v>
                </c:pt>
                <c:pt idx="590">
                  <c:v>0.75</c:v>
                </c:pt>
                <c:pt idx="591">
                  <c:v>0.77</c:v>
                </c:pt>
                <c:pt idx="592">
                  <c:v>0.73</c:v>
                </c:pt>
                <c:pt idx="593">
                  <c:v>0.73</c:v>
                </c:pt>
                <c:pt idx="594">
                  <c:v>0.76</c:v>
                </c:pt>
                <c:pt idx="595">
                  <c:v>0.76</c:v>
                </c:pt>
                <c:pt idx="596">
                  <c:v>0.63</c:v>
                </c:pt>
                <c:pt idx="597">
                  <c:v>0.61</c:v>
                </c:pt>
                <c:pt idx="598">
                  <c:v>0.65</c:v>
                </c:pt>
                <c:pt idx="599">
                  <c:v>0.63</c:v>
                </c:pt>
                <c:pt idx="600">
                  <c:v>0.57999999999999996</c:v>
                </c:pt>
                <c:pt idx="601">
                  <c:v>0.63</c:v>
                </c:pt>
                <c:pt idx="602">
                  <c:v>0.61</c:v>
                </c:pt>
                <c:pt idx="603">
                  <c:v>0.6</c:v>
                </c:pt>
                <c:pt idx="604">
                  <c:v>0.67</c:v>
                </c:pt>
                <c:pt idx="605">
                  <c:v>0.62</c:v>
                </c:pt>
                <c:pt idx="606">
                  <c:v>0.63</c:v>
                </c:pt>
                <c:pt idx="607">
                  <c:v>0.64</c:v>
                </c:pt>
                <c:pt idx="608">
                  <c:v>0.64</c:v>
                </c:pt>
                <c:pt idx="609">
                  <c:v>0.64</c:v>
                </c:pt>
                <c:pt idx="610">
                  <c:v>0.66</c:v>
                </c:pt>
                <c:pt idx="611">
                  <c:v>0.72</c:v>
                </c:pt>
                <c:pt idx="612">
                  <c:v>0.63</c:v>
                </c:pt>
                <c:pt idx="613">
                  <c:v>0.69</c:v>
                </c:pt>
                <c:pt idx="614">
                  <c:v>0.73</c:v>
                </c:pt>
                <c:pt idx="615">
                  <c:v>0.69</c:v>
                </c:pt>
                <c:pt idx="616">
                  <c:v>0.64</c:v>
                </c:pt>
                <c:pt idx="617">
                  <c:v>0.63</c:v>
                </c:pt>
                <c:pt idx="618">
                  <c:v>0.64</c:v>
                </c:pt>
                <c:pt idx="619">
                  <c:v>0.73</c:v>
                </c:pt>
                <c:pt idx="620">
                  <c:v>0.7</c:v>
                </c:pt>
                <c:pt idx="621">
                  <c:v>0.68</c:v>
                </c:pt>
                <c:pt idx="622">
                  <c:v>0.68</c:v>
                </c:pt>
                <c:pt idx="623">
                  <c:v>0.66</c:v>
                </c:pt>
                <c:pt idx="624">
                  <c:v>0.66</c:v>
                </c:pt>
                <c:pt idx="625">
                  <c:v>0.69</c:v>
                </c:pt>
                <c:pt idx="626">
                  <c:v>0.68</c:v>
                </c:pt>
                <c:pt idx="627">
                  <c:v>0.7</c:v>
                </c:pt>
                <c:pt idx="628">
                  <c:v>0.65</c:v>
                </c:pt>
                <c:pt idx="629">
                  <c:v>0.66</c:v>
                </c:pt>
                <c:pt idx="630">
                  <c:v>0.68</c:v>
                </c:pt>
                <c:pt idx="631">
                  <c:v>0.77</c:v>
                </c:pt>
                <c:pt idx="632">
                  <c:v>0.82</c:v>
                </c:pt>
                <c:pt idx="633">
                  <c:v>0.91</c:v>
                </c:pt>
                <c:pt idx="634">
                  <c:v>0.88</c:v>
                </c:pt>
                <c:pt idx="635">
                  <c:v>0.84</c:v>
                </c:pt>
                <c:pt idx="636">
                  <c:v>0.75</c:v>
                </c:pt>
                <c:pt idx="637">
                  <c:v>0.66</c:v>
                </c:pt>
                <c:pt idx="638">
                  <c:v>0.71</c:v>
                </c:pt>
                <c:pt idx="639">
                  <c:v>0.71</c:v>
                </c:pt>
                <c:pt idx="640">
                  <c:v>0.75</c:v>
                </c:pt>
                <c:pt idx="641">
                  <c:v>0.74</c:v>
                </c:pt>
                <c:pt idx="642">
                  <c:v>0.71</c:v>
                </c:pt>
                <c:pt idx="643">
                  <c:v>0.7</c:v>
                </c:pt>
                <c:pt idx="644">
                  <c:v>0.71</c:v>
                </c:pt>
                <c:pt idx="645">
                  <c:v>0.72</c:v>
                </c:pt>
                <c:pt idx="646">
                  <c:v>0.69</c:v>
                </c:pt>
                <c:pt idx="647">
                  <c:v>0.68</c:v>
                </c:pt>
                <c:pt idx="648">
                  <c:v>0.64</c:v>
                </c:pt>
                <c:pt idx="649">
                  <c:v>0.64</c:v>
                </c:pt>
                <c:pt idx="650">
                  <c:v>0.66</c:v>
                </c:pt>
                <c:pt idx="651">
                  <c:v>0.69</c:v>
                </c:pt>
                <c:pt idx="652">
                  <c:v>0.68</c:v>
                </c:pt>
                <c:pt idx="653">
                  <c:v>0.68</c:v>
                </c:pt>
                <c:pt idx="654">
                  <c:v>0.69</c:v>
                </c:pt>
                <c:pt idx="655">
                  <c:v>0.65</c:v>
                </c:pt>
                <c:pt idx="656">
                  <c:v>0.67</c:v>
                </c:pt>
                <c:pt idx="657">
                  <c:v>0.62</c:v>
                </c:pt>
                <c:pt idx="658">
                  <c:v>0.65</c:v>
                </c:pt>
                <c:pt idx="659">
                  <c:v>0.64</c:v>
                </c:pt>
                <c:pt idx="660">
                  <c:v>0.63</c:v>
                </c:pt>
                <c:pt idx="661">
                  <c:v>0.64</c:v>
                </c:pt>
                <c:pt idx="662">
                  <c:v>0.62</c:v>
                </c:pt>
                <c:pt idx="663">
                  <c:v>0.64</c:v>
                </c:pt>
                <c:pt idx="664">
                  <c:v>0.62</c:v>
                </c:pt>
                <c:pt idx="665">
                  <c:v>0.61</c:v>
                </c:pt>
                <c:pt idx="666">
                  <c:v>0.6</c:v>
                </c:pt>
                <c:pt idx="667">
                  <c:v>0.59</c:v>
                </c:pt>
                <c:pt idx="668">
                  <c:v>0.59</c:v>
                </c:pt>
                <c:pt idx="669">
                  <c:v>0.62</c:v>
                </c:pt>
                <c:pt idx="670">
                  <c:v>0.59</c:v>
                </c:pt>
                <c:pt idx="671">
                  <c:v>0.57999999999999996</c:v>
                </c:pt>
                <c:pt idx="672">
                  <c:v>0.55000000000000004</c:v>
                </c:pt>
                <c:pt idx="673">
                  <c:v>0.55000000000000004</c:v>
                </c:pt>
                <c:pt idx="674">
                  <c:v>0.56000000000000005</c:v>
                </c:pt>
                <c:pt idx="675">
                  <c:v>0.52</c:v>
                </c:pt>
                <c:pt idx="676">
                  <c:v>0.55000000000000004</c:v>
                </c:pt>
                <c:pt idx="677">
                  <c:v>0.55000000000000004</c:v>
                </c:pt>
                <c:pt idx="678">
                  <c:v>0.56999999999999995</c:v>
                </c:pt>
                <c:pt idx="679">
                  <c:v>0.59</c:v>
                </c:pt>
                <c:pt idx="680">
                  <c:v>0.64</c:v>
                </c:pt>
                <c:pt idx="681">
                  <c:v>0.69</c:v>
                </c:pt>
                <c:pt idx="682">
                  <c:v>0.71</c:v>
                </c:pt>
                <c:pt idx="683">
                  <c:v>0.71</c:v>
                </c:pt>
                <c:pt idx="684">
                  <c:v>0.69</c:v>
                </c:pt>
                <c:pt idx="685">
                  <c:v>0.67</c:v>
                </c:pt>
                <c:pt idx="686">
                  <c:v>0.68</c:v>
                </c:pt>
                <c:pt idx="687">
                  <c:v>0.65</c:v>
                </c:pt>
                <c:pt idx="688">
                  <c:v>0.64</c:v>
                </c:pt>
                <c:pt idx="689">
                  <c:v>0.65</c:v>
                </c:pt>
                <c:pt idx="690">
                  <c:v>0.69</c:v>
                </c:pt>
                <c:pt idx="691">
                  <c:v>0.69</c:v>
                </c:pt>
                <c:pt idx="692">
                  <c:v>0.74</c:v>
                </c:pt>
                <c:pt idx="693">
                  <c:v>0.74</c:v>
                </c:pt>
                <c:pt idx="694">
                  <c:v>0.72</c:v>
                </c:pt>
                <c:pt idx="695">
                  <c:v>0.68</c:v>
                </c:pt>
                <c:pt idx="696">
                  <c:v>0.66</c:v>
                </c:pt>
                <c:pt idx="697">
                  <c:v>0.63</c:v>
                </c:pt>
                <c:pt idx="698">
                  <c:v>0.72</c:v>
                </c:pt>
                <c:pt idx="699">
                  <c:v>0.72</c:v>
                </c:pt>
                <c:pt idx="700">
                  <c:v>0.69</c:v>
                </c:pt>
                <c:pt idx="701">
                  <c:v>0.71</c:v>
                </c:pt>
                <c:pt idx="702">
                  <c:v>0.68</c:v>
                </c:pt>
                <c:pt idx="703">
                  <c:v>0.67</c:v>
                </c:pt>
                <c:pt idx="704">
                  <c:v>0.68</c:v>
                </c:pt>
                <c:pt idx="705">
                  <c:v>0.68</c:v>
                </c:pt>
                <c:pt idx="706">
                  <c:v>0.69</c:v>
                </c:pt>
                <c:pt idx="707">
                  <c:v>0.69</c:v>
                </c:pt>
                <c:pt idx="708">
                  <c:v>0.7</c:v>
                </c:pt>
                <c:pt idx="709">
                  <c:v>0.68</c:v>
                </c:pt>
                <c:pt idx="710">
                  <c:v>0.68</c:v>
                </c:pt>
                <c:pt idx="711">
                  <c:v>0.68</c:v>
                </c:pt>
                <c:pt idx="712">
                  <c:v>0.67</c:v>
                </c:pt>
                <c:pt idx="713">
                  <c:v>0.66</c:v>
                </c:pt>
                <c:pt idx="714">
                  <c:v>0.67</c:v>
                </c:pt>
                <c:pt idx="715">
                  <c:v>0.66</c:v>
                </c:pt>
                <c:pt idx="716">
                  <c:v>0.69</c:v>
                </c:pt>
                <c:pt idx="717">
                  <c:v>0.68</c:v>
                </c:pt>
                <c:pt idx="718">
                  <c:v>0.7</c:v>
                </c:pt>
                <c:pt idx="719">
                  <c:v>0.78</c:v>
                </c:pt>
                <c:pt idx="720">
                  <c:v>0.76</c:v>
                </c:pt>
                <c:pt idx="721">
                  <c:v>0.81</c:v>
                </c:pt>
                <c:pt idx="722">
                  <c:v>0.78</c:v>
                </c:pt>
                <c:pt idx="723">
                  <c:v>0.79</c:v>
                </c:pt>
                <c:pt idx="724">
                  <c:v>0.79</c:v>
                </c:pt>
                <c:pt idx="725">
                  <c:v>0.74</c:v>
                </c:pt>
                <c:pt idx="726">
                  <c:v>0.73</c:v>
                </c:pt>
                <c:pt idx="727">
                  <c:v>0.74</c:v>
                </c:pt>
                <c:pt idx="728">
                  <c:v>0.76</c:v>
                </c:pt>
                <c:pt idx="729">
                  <c:v>0.78</c:v>
                </c:pt>
                <c:pt idx="730">
                  <c:v>0.81</c:v>
                </c:pt>
                <c:pt idx="731">
                  <c:v>0.83</c:v>
                </c:pt>
                <c:pt idx="732">
                  <c:v>0.87</c:v>
                </c:pt>
                <c:pt idx="733">
                  <c:v>0.85</c:v>
                </c:pt>
                <c:pt idx="734">
                  <c:v>0.81</c:v>
                </c:pt>
                <c:pt idx="735">
                  <c:v>0.79</c:v>
                </c:pt>
                <c:pt idx="736">
                  <c:v>0.79</c:v>
                </c:pt>
                <c:pt idx="737">
                  <c:v>0.85</c:v>
                </c:pt>
                <c:pt idx="738">
                  <c:v>0.88</c:v>
                </c:pt>
                <c:pt idx="739">
                  <c:v>0.87</c:v>
                </c:pt>
                <c:pt idx="740">
                  <c:v>0.9</c:v>
                </c:pt>
                <c:pt idx="741">
                  <c:v>0.78</c:v>
                </c:pt>
                <c:pt idx="742">
                  <c:v>0.79</c:v>
                </c:pt>
                <c:pt idx="743">
                  <c:v>0.83</c:v>
                </c:pt>
                <c:pt idx="744">
                  <c:v>0.96</c:v>
                </c:pt>
                <c:pt idx="745">
                  <c:v>0.98</c:v>
                </c:pt>
                <c:pt idx="746">
                  <c:v>0.98</c:v>
                </c:pt>
                <c:pt idx="747">
                  <c:v>0.88</c:v>
                </c:pt>
                <c:pt idx="748">
                  <c:v>0.89</c:v>
                </c:pt>
                <c:pt idx="749">
                  <c:v>0.91</c:v>
                </c:pt>
                <c:pt idx="750">
                  <c:v>0.87</c:v>
                </c:pt>
                <c:pt idx="751">
                  <c:v>0.88</c:v>
                </c:pt>
                <c:pt idx="752">
                  <c:v>0.86</c:v>
                </c:pt>
                <c:pt idx="753">
                  <c:v>0.83</c:v>
                </c:pt>
                <c:pt idx="754">
                  <c:v>0.86</c:v>
                </c:pt>
                <c:pt idx="755">
                  <c:v>0.88</c:v>
                </c:pt>
                <c:pt idx="756">
                  <c:v>0.88</c:v>
                </c:pt>
                <c:pt idx="757">
                  <c:v>0.88</c:v>
                </c:pt>
                <c:pt idx="758">
                  <c:v>0.84</c:v>
                </c:pt>
                <c:pt idx="759">
                  <c:v>0.84</c:v>
                </c:pt>
                <c:pt idx="760">
                  <c:v>0.92</c:v>
                </c:pt>
                <c:pt idx="761">
                  <c:v>0.95</c:v>
                </c:pt>
                <c:pt idx="762">
                  <c:v>0.92</c:v>
                </c:pt>
                <c:pt idx="763">
                  <c:v>0.97</c:v>
                </c:pt>
                <c:pt idx="764">
                  <c:v>0.94</c:v>
                </c:pt>
                <c:pt idx="765">
                  <c:v>0.92</c:v>
                </c:pt>
                <c:pt idx="766">
                  <c:v>0.95</c:v>
                </c:pt>
                <c:pt idx="767">
                  <c:v>0.92</c:v>
                </c:pt>
                <c:pt idx="768">
                  <c:v>0.9</c:v>
                </c:pt>
                <c:pt idx="769">
                  <c:v>0.9</c:v>
                </c:pt>
                <c:pt idx="770">
                  <c:v>0.92</c:v>
                </c:pt>
                <c:pt idx="771">
                  <c:v>0.92</c:v>
                </c:pt>
                <c:pt idx="772">
                  <c:v>0.94</c:v>
                </c:pt>
                <c:pt idx="773">
                  <c:v>0.95</c:v>
                </c:pt>
                <c:pt idx="774">
                  <c:v>0.95</c:v>
                </c:pt>
                <c:pt idx="775">
                  <c:v>0.93</c:v>
                </c:pt>
                <c:pt idx="776">
                  <c:v>0.96</c:v>
                </c:pt>
                <c:pt idx="777">
                  <c:v>0.94</c:v>
                </c:pt>
                <c:pt idx="778">
                  <c:v>0.94</c:v>
                </c:pt>
                <c:pt idx="779">
                  <c:v>0.94</c:v>
                </c:pt>
                <c:pt idx="780">
                  <c:v>0.94</c:v>
                </c:pt>
                <c:pt idx="781">
                  <c:v>0.93</c:v>
                </c:pt>
                <c:pt idx="782">
                  <c:v>0.93</c:v>
                </c:pt>
                <c:pt idx="783">
                  <c:v>0.93</c:v>
                </c:pt>
                <c:pt idx="784">
                  <c:v>0.93</c:v>
                </c:pt>
                <c:pt idx="785">
                  <c:v>0.96</c:v>
                </c:pt>
                <c:pt idx="786">
                  <c:v>1.04</c:v>
                </c:pt>
                <c:pt idx="787">
                  <c:v>1.08</c:v>
                </c:pt>
                <c:pt idx="788">
                  <c:v>1.1299999999999999</c:v>
                </c:pt>
                <c:pt idx="789">
                  <c:v>1.1499999999999999</c:v>
                </c:pt>
                <c:pt idx="790">
                  <c:v>1.1499999999999999</c:v>
                </c:pt>
                <c:pt idx="791">
                  <c:v>1.1000000000000001</c:v>
                </c:pt>
                <c:pt idx="792">
                  <c:v>1.1499999999999999</c:v>
                </c:pt>
                <c:pt idx="793">
                  <c:v>1.1100000000000001</c:v>
                </c:pt>
                <c:pt idx="794">
                  <c:v>1.1100000000000001</c:v>
                </c:pt>
                <c:pt idx="795">
                  <c:v>1.1000000000000001</c:v>
                </c:pt>
                <c:pt idx="796">
                  <c:v>1.1000000000000001</c:v>
                </c:pt>
                <c:pt idx="797">
                  <c:v>1.1200000000000001</c:v>
                </c:pt>
                <c:pt idx="798">
                  <c:v>1.1000000000000001</c:v>
                </c:pt>
                <c:pt idx="799">
                  <c:v>1.05</c:v>
                </c:pt>
                <c:pt idx="800">
                  <c:v>1.05</c:v>
                </c:pt>
                <c:pt idx="801">
                  <c:v>1.04</c:v>
                </c:pt>
                <c:pt idx="802">
                  <c:v>1.07</c:v>
                </c:pt>
                <c:pt idx="803">
                  <c:v>1.1100000000000001</c:v>
                </c:pt>
                <c:pt idx="804">
                  <c:v>1.0900000000000001</c:v>
                </c:pt>
                <c:pt idx="805">
                  <c:v>1.1200000000000001</c:v>
                </c:pt>
                <c:pt idx="806">
                  <c:v>1.1499999999999999</c:v>
                </c:pt>
                <c:pt idx="807">
                  <c:v>1.1499999999999999</c:v>
                </c:pt>
                <c:pt idx="808">
                  <c:v>1.19</c:v>
                </c:pt>
                <c:pt idx="809">
                  <c:v>1.19</c:v>
                </c:pt>
                <c:pt idx="810">
                  <c:v>1.18</c:v>
                </c:pt>
                <c:pt idx="811">
                  <c:v>1.1499999999999999</c:v>
                </c:pt>
                <c:pt idx="812">
                  <c:v>1.1599999999999999</c:v>
                </c:pt>
                <c:pt idx="813">
                  <c:v>1.2</c:v>
                </c:pt>
                <c:pt idx="814">
                  <c:v>1.2</c:v>
                </c:pt>
                <c:pt idx="815">
                  <c:v>1.3</c:v>
                </c:pt>
                <c:pt idx="816">
                  <c:v>1.29</c:v>
                </c:pt>
                <c:pt idx="817">
                  <c:v>1.29</c:v>
                </c:pt>
                <c:pt idx="818">
                  <c:v>1.34</c:v>
                </c:pt>
                <c:pt idx="819">
                  <c:v>1.37</c:v>
                </c:pt>
                <c:pt idx="820">
                  <c:v>1.37</c:v>
                </c:pt>
                <c:pt idx="821">
                  <c:v>1.38</c:v>
                </c:pt>
                <c:pt idx="822">
                  <c:v>1.54</c:v>
                </c:pt>
                <c:pt idx="823">
                  <c:v>1.44</c:v>
                </c:pt>
                <c:pt idx="824">
                  <c:v>1.45</c:v>
                </c:pt>
                <c:pt idx="825">
                  <c:v>1.42</c:v>
                </c:pt>
                <c:pt idx="826">
                  <c:v>1.47</c:v>
                </c:pt>
                <c:pt idx="827">
                  <c:v>1.54</c:v>
                </c:pt>
                <c:pt idx="828">
                  <c:v>1.56</c:v>
                </c:pt>
                <c:pt idx="829">
                  <c:v>1.59</c:v>
                </c:pt>
                <c:pt idx="830">
                  <c:v>1.55</c:v>
                </c:pt>
                <c:pt idx="831">
                  <c:v>1.53</c:v>
                </c:pt>
                <c:pt idx="832">
                  <c:v>1.54</c:v>
                </c:pt>
                <c:pt idx="833">
                  <c:v>1.64</c:v>
                </c:pt>
                <c:pt idx="834">
                  <c:v>1.62</c:v>
                </c:pt>
                <c:pt idx="835">
                  <c:v>1.62</c:v>
                </c:pt>
                <c:pt idx="836">
                  <c:v>1.63</c:v>
                </c:pt>
                <c:pt idx="837">
                  <c:v>1.71</c:v>
                </c:pt>
                <c:pt idx="838">
                  <c:v>1.74</c:v>
                </c:pt>
                <c:pt idx="839">
                  <c:v>1.69</c:v>
                </c:pt>
                <c:pt idx="840">
                  <c:v>1.63</c:v>
                </c:pt>
                <c:pt idx="841">
                  <c:v>1.62</c:v>
                </c:pt>
                <c:pt idx="842">
                  <c:v>1.63</c:v>
                </c:pt>
                <c:pt idx="843">
                  <c:v>1.67</c:v>
                </c:pt>
                <c:pt idx="844">
                  <c:v>1.73</c:v>
                </c:pt>
                <c:pt idx="845">
                  <c:v>1.73</c:v>
                </c:pt>
                <c:pt idx="846">
                  <c:v>1.74</c:v>
                </c:pt>
                <c:pt idx="847">
                  <c:v>1.69</c:v>
                </c:pt>
                <c:pt idx="848">
                  <c:v>1.72</c:v>
                </c:pt>
                <c:pt idx="849">
                  <c:v>1.73</c:v>
                </c:pt>
                <c:pt idx="850">
                  <c:v>1.67</c:v>
                </c:pt>
                <c:pt idx="851">
                  <c:v>1.68</c:v>
                </c:pt>
                <c:pt idx="852">
                  <c:v>1.64</c:v>
                </c:pt>
                <c:pt idx="853">
                  <c:v>1.67</c:v>
                </c:pt>
                <c:pt idx="854">
                  <c:v>1.69</c:v>
                </c:pt>
                <c:pt idx="855">
                  <c:v>1.64</c:v>
                </c:pt>
                <c:pt idx="856">
                  <c:v>1.64</c:v>
                </c:pt>
                <c:pt idx="857">
                  <c:v>1.56</c:v>
                </c:pt>
                <c:pt idx="858">
                  <c:v>1.59</c:v>
                </c:pt>
                <c:pt idx="859">
                  <c:v>1.61</c:v>
                </c:pt>
                <c:pt idx="860">
                  <c:v>1.58</c:v>
                </c:pt>
                <c:pt idx="861">
                  <c:v>1.57</c:v>
                </c:pt>
                <c:pt idx="862">
                  <c:v>1.57</c:v>
                </c:pt>
                <c:pt idx="863">
                  <c:v>1.58</c:v>
                </c:pt>
                <c:pt idx="864">
                  <c:v>1.58</c:v>
                </c:pt>
                <c:pt idx="865">
                  <c:v>1.63</c:v>
                </c:pt>
                <c:pt idx="866">
                  <c:v>1.63</c:v>
                </c:pt>
                <c:pt idx="867">
                  <c:v>1.65</c:v>
                </c:pt>
                <c:pt idx="868">
                  <c:v>1.65</c:v>
                </c:pt>
                <c:pt idx="869">
                  <c:v>1.63</c:v>
                </c:pt>
                <c:pt idx="870">
                  <c:v>1.61</c:v>
                </c:pt>
                <c:pt idx="871">
                  <c:v>1.59</c:v>
                </c:pt>
                <c:pt idx="872">
                  <c:v>1.58</c:v>
                </c:pt>
                <c:pt idx="873">
                  <c:v>1.6</c:v>
                </c:pt>
                <c:pt idx="874">
                  <c:v>1.63</c:v>
                </c:pt>
                <c:pt idx="875">
                  <c:v>1.64</c:v>
                </c:pt>
                <c:pt idx="876">
                  <c:v>1.69</c:v>
                </c:pt>
                <c:pt idx="877">
                  <c:v>1.66</c:v>
                </c:pt>
                <c:pt idx="878">
                  <c:v>1.63</c:v>
                </c:pt>
                <c:pt idx="879">
                  <c:v>1.64</c:v>
                </c:pt>
                <c:pt idx="880">
                  <c:v>1.64</c:v>
                </c:pt>
                <c:pt idx="881">
                  <c:v>1.68</c:v>
                </c:pt>
                <c:pt idx="882">
                  <c:v>1.63</c:v>
                </c:pt>
                <c:pt idx="883">
                  <c:v>1.63</c:v>
                </c:pt>
                <c:pt idx="884">
                  <c:v>1.61</c:v>
                </c:pt>
                <c:pt idx="885">
                  <c:v>1.56</c:v>
                </c:pt>
                <c:pt idx="886">
                  <c:v>1.58</c:v>
                </c:pt>
                <c:pt idx="887">
                  <c:v>1.61</c:v>
                </c:pt>
                <c:pt idx="888">
                  <c:v>1.58</c:v>
                </c:pt>
                <c:pt idx="889">
                  <c:v>1.58</c:v>
                </c:pt>
                <c:pt idx="890">
                  <c:v>1.62</c:v>
                </c:pt>
                <c:pt idx="891">
                  <c:v>1.59</c:v>
                </c:pt>
                <c:pt idx="892">
                  <c:v>1.63</c:v>
                </c:pt>
                <c:pt idx="893">
                  <c:v>1.56</c:v>
                </c:pt>
                <c:pt idx="894">
                  <c:v>1.57</c:v>
                </c:pt>
                <c:pt idx="895">
                  <c:v>1.53</c:v>
                </c:pt>
                <c:pt idx="896">
                  <c:v>1.5</c:v>
                </c:pt>
                <c:pt idx="897">
                  <c:v>1.45</c:v>
                </c:pt>
                <c:pt idx="898">
                  <c:v>1.47</c:v>
                </c:pt>
                <c:pt idx="899">
                  <c:v>1.51</c:v>
                </c:pt>
                <c:pt idx="900">
                  <c:v>1.51</c:v>
                </c:pt>
                <c:pt idx="901">
                  <c:v>1.57</c:v>
                </c:pt>
                <c:pt idx="902">
                  <c:v>1.52</c:v>
                </c:pt>
                <c:pt idx="903">
                  <c:v>1.45</c:v>
                </c:pt>
                <c:pt idx="904">
                  <c:v>1.5</c:v>
                </c:pt>
                <c:pt idx="905">
                  <c:v>1.48</c:v>
                </c:pt>
                <c:pt idx="906">
                  <c:v>1.5</c:v>
                </c:pt>
                <c:pt idx="907">
                  <c:v>1.49</c:v>
                </c:pt>
                <c:pt idx="908">
                  <c:v>1.54</c:v>
                </c:pt>
                <c:pt idx="909">
                  <c:v>1.49</c:v>
                </c:pt>
                <c:pt idx="910">
                  <c:v>1.49</c:v>
                </c:pt>
                <c:pt idx="911">
                  <c:v>1.45</c:v>
                </c:pt>
                <c:pt idx="912">
                  <c:v>1.48</c:v>
                </c:pt>
                <c:pt idx="913">
                  <c:v>1.44</c:v>
                </c:pt>
                <c:pt idx="914">
                  <c:v>1.44</c:v>
                </c:pt>
                <c:pt idx="915">
                  <c:v>1.37</c:v>
                </c:pt>
                <c:pt idx="916">
                  <c:v>1.33</c:v>
                </c:pt>
                <c:pt idx="917">
                  <c:v>1.3</c:v>
                </c:pt>
                <c:pt idx="918">
                  <c:v>1.37</c:v>
                </c:pt>
                <c:pt idx="919">
                  <c:v>1.38</c:v>
                </c:pt>
                <c:pt idx="920">
                  <c:v>1.42</c:v>
                </c:pt>
                <c:pt idx="921">
                  <c:v>1.37</c:v>
                </c:pt>
                <c:pt idx="922">
                  <c:v>1.31</c:v>
                </c:pt>
                <c:pt idx="923">
                  <c:v>1.31</c:v>
                </c:pt>
                <c:pt idx="924">
                  <c:v>1.19</c:v>
                </c:pt>
                <c:pt idx="925">
                  <c:v>1.23</c:v>
                </c:pt>
                <c:pt idx="926">
                  <c:v>1.3</c:v>
                </c:pt>
                <c:pt idx="927">
                  <c:v>1.27</c:v>
                </c:pt>
                <c:pt idx="928">
                  <c:v>1.3</c:v>
                </c:pt>
                <c:pt idx="929">
                  <c:v>1.29</c:v>
                </c:pt>
                <c:pt idx="930">
                  <c:v>1.25</c:v>
                </c:pt>
                <c:pt idx="931">
                  <c:v>1.26</c:v>
                </c:pt>
                <c:pt idx="932">
                  <c:v>1.28</c:v>
                </c:pt>
                <c:pt idx="933">
                  <c:v>1.24</c:v>
                </c:pt>
                <c:pt idx="934">
                  <c:v>1.2</c:v>
                </c:pt>
                <c:pt idx="935">
                  <c:v>1.19</c:v>
                </c:pt>
                <c:pt idx="936">
                  <c:v>1.19</c:v>
                </c:pt>
                <c:pt idx="937">
                  <c:v>1.23</c:v>
                </c:pt>
                <c:pt idx="938">
                  <c:v>1.31</c:v>
                </c:pt>
                <c:pt idx="939">
                  <c:v>1.33</c:v>
                </c:pt>
                <c:pt idx="940">
                  <c:v>1.36</c:v>
                </c:pt>
                <c:pt idx="941">
                  <c:v>1.35</c:v>
                </c:pt>
                <c:pt idx="942">
                  <c:v>1.36</c:v>
                </c:pt>
                <c:pt idx="943">
                  <c:v>1.29</c:v>
                </c:pt>
                <c:pt idx="944">
                  <c:v>1.26</c:v>
                </c:pt>
                <c:pt idx="945">
                  <c:v>1.26</c:v>
                </c:pt>
                <c:pt idx="946">
                  <c:v>1.27</c:v>
                </c:pt>
                <c:pt idx="947">
                  <c:v>1.24</c:v>
                </c:pt>
                <c:pt idx="948">
                  <c:v>1.26</c:v>
                </c:pt>
                <c:pt idx="949">
                  <c:v>1.25</c:v>
                </c:pt>
                <c:pt idx="950">
                  <c:v>1.29</c:v>
                </c:pt>
                <c:pt idx="951">
                  <c:v>1.35</c:v>
                </c:pt>
                <c:pt idx="952">
                  <c:v>1.34</c:v>
                </c:pt>
                <c:pt idx="953">
                  <c:v>1.31</c:v>
                </c:pt>
                <c:pt idx="954">
                  <c:v>1.29</c:v>
                </c:pt>
                <c:pt idx="955">
                  <c:v>1.3</c:v>
                </c:pt>
                <c:pt idx="956">
                  <c:v>1.31</c:v>
                </c:pt>
                <c:pt idx="957">
                  <c:v>1.29</c:v>
                </c:pt>
                <c:pt idx="958">
                  <c:v>1.33</c:v>
                </c:pt>
                <c:pt idx="959">
                  <c:v>1.33</c:v>
                </c:pt>
                <c:pt idx="960">
                  <c:v>1.38</c:v>
                </c:pt>
                <c:pt idx="961">
                  <c:v>1.35</c:v>
                </c:pt>
                <c:pt idx="962">
                  <c:v>1.3</c:v>
                </c:pt>
                <c:pt idx="963">
                  <c:v>1.35</c:v>
                </c:pt>
                <c:pt idx="964">
                  <c:v>1.33</c:v>
                </c:pt>
                <c:pt idx="965">
                  <c:v>1.28</c:v>
                </c:pt>
                <c:pt idx="966">
                  <c:v>1.31</c:v>
                </c:pt>
                <c:pt idx="967">
                  <c:v>1.34</c:v>
                </c:pt>
                <c:pt idx="968">
                  <c:v>1.37</c:v>
                </c:pt>
                <c:pt idx="969">
                  <c:v>1.31</c:v>
                </c:pt>
                <c:pt idx="970">
                  <c:v>1.33</c:v>
                </c:pt>
                <c:pt idx="971">
                  <c:v>1.32</c:v>
                </c:pt>
                <c:pt idx="972">
                  <c:v>1.41</c:v>
                </c:pt>
                <c:pt idx="973">
                  <c:v>1.47</c:v>
                </c:pt>
                <c:pt idx="974">
                  <c:v>1.48</c:v>
                </c:pt>
                <c:pt idx="975">
                  <c:v>1.54</c:v>
                </c:pt>
                <c:pt idx="976">
                  <c:v>1.55</c:v>
                </c:pt>
                <c:pt idx="977">
                  <c:v>1.52</c:v>
                </c:pt>
                <c:pt idx="978">
                  <c:v>1.48</c:v>
                </c:pt>
                <c:pt idx="979">
                  <c:v>1.49</c:v>
                </c:pt>
                <c:pt idx="980">
                  <c:v>1.54</c:v>
                </c:pt>
                <c:pt idx="981">
                  <c:v>1.53</c:v>
                </c:pt>
                <c:pt idx="982">
                  <c:v>1.58</c:v>
                </c:pt>
                <c:pt idx="983">
                  <c:v>1.61</c:v>
                </c:pt>
                <c:pt idx="984">
                  <c:v>1.61</c:v>
                </c:pt>
                <c:pt idx="985">
                  <c:v>1.59</c:v>
                </c:pt>
                <c:pt idx="986">
                  <c:v>1.56</c:v>
                </c:pt>
                <c:pt idx="987">
                  <c:v>1.52</c:v>
                </c:pt>
                <c:pt idx="988">
                  <c:v>1.59</c:v>
                </c:pt>
                <c:pt idx="989">
                  <c:v>1.59</c:v>
                </c:pt>
                <c:pt idx="990">
                  <c:v>1.65</c:v>
                </c:pt>
                <c:pt idx="991">
                  <c:v>1.65</c:v>
                </c:pt>
                <c:pt idx="992">
                  <c:v>1.68</c:v>
                </c:pt>
                <c:pt idx="993">
                  <c:v>1.66</c:v>
                </c:pt>
                <c:pt idx="994">
                  <c:v>1.64</c:v>
                </c:pt>
                <c:pt idx="995">
                  <c:v>1.63</c:v>
                </c:pt>
                <c:pt idx="996">
                  <c:v>1.54</c:v>
                </c:pt>
                <c:pt idx="997">
                  <c:v>1.57</c:v>
                </c:pt>
                <c:pt idx="998">
                  <c:v>1.55</c:v>
                </c:pt>
                <c:pt idx="999">
                  <c:v>1.58</c:v>
                </c:pt>
                <c:pt idx="1000">
                  <c:v>1.56</c:v>
                </c:pt>
                <c:pt idx="1001">
                  <c:v>1.6</c:v>
                </c:pt>
                <c:pt idx="1002">
                  <c:v>1.53</c:v>
                </c:pt>
                <c:pt idx="1003">
                  <c:v>1.45</c:v>
                </c:pt>
                <c:pt idx="1004">
                  <c:v>1.51</c:v>
                </c:pt>
                <c:pt idx="1005">
                  <c:v>1.46</c:v>
                </c:pt>
                <c:pt idx="1006">
                  <c:v>1.56</c:v>
                </c:pt>
                <c:pt idx="1007">
                  <c:v>1.56</c:v>
                </c:pt>
                <c:pt idx="1008">
                  <c:v>1.58</c:v>
                </c:pt>
                <c:pt idx="1009">
                  <c:v>1.63</c:v>
                </c:pt>
                <c:pt idx="1010">
                  <c:v>1.63</c:v>
                </c:pt>
                <c:pt idx="1011">
                  <c:v>1.6</c:v>
                </c:pt>
                <c:pt idx="1012">
                  <c:v>1.59</c:v>
                </c:pt>
                <c:pt idx="1013">
                  <c:v>1.54</c:v>
                </c:pt>
                <c:pt idx="1014">
                  <c:v>1.63</c:v>
                </c:pt>
                <c:pt idx="1015">
                  <c:v>1.67</c:v>
                </c:pt>
                <c:pt idx="1016">
                  <c:v>1.64</c:v>
                </c:pt>
                <c:pt idx="1017">
                  <c:v>1.64</c:v>
                </c:pt>
                <c:pt idx="1018">
                  <c:v>1.48</c:v>
                </c:pt>
                <c:pt idx="1019">
                  <c:v>1.52</c:v>
                </c:pt>
                <c:pt idx="1020">
                  <c:v>1.43</c:v>
                </c:pt>
                <c:pt idx="1021">
                  <c:v>1.43</c:v>
                </c:pt>
                <c:pt idx="1022">
                  <c:v>1.44</c:v>
                </c:pt>
                <c:pt idx="1023">
                  <c:v>1.35</c:v>
                </c:pt>
                <c:pt idx="1024">
                  <c:v>1.43</c:v>
                </c:pt>
                <c:pt idx="1025">
                  <c:v>1.48</c:v>
                </c:pt>
                <c:pt idx="1026">
                  <c:v>1.52</c:v>
                </c:pt>
                <c:pt idx="1027">
                  <c:v>1.49</c:v>
                </c:pt>
                <c:pt idx="1028">
                  <c:v>1.48</c:v>
                </c:pt>
                <c:pt idx="1029">
                  <c:v>1.42</c:v>
                </c:pt>
                <c:pt idx="1030">
                  <c:v>1.44</c:v>
                </c:pt>
                <c:pt idx="1031">
                  <c:v>1.47</c:v>
                </c:pt>
                <c:pt idx="1032">
                  <c:v>1.44</c:v>
                </c:pt>
                <c:pt idx="1033">
                  <c:v>1.41</c:v>
                </c:pt>
                <c:pt idx="1034">
                  <c:v>1.43</c:v>
                </c:pt>
                <c:pt idx="1035">
                  <c:v>1.48</c:v>
                </c:pt>
                <c:pt idx="1036">
                  <c:v>1.46</c:v>
                </c:pt>
                <c:pt idx="1037">
                  <c:v>1.5</c:v>
                </c:pt>
                <c:pt idx="1038">
                  <c:v>1.5</c:v>
                </c:pt>
                <c:pt idx="1039">
                  <c:v>1.48</c:v>
                </c:pt>
                <c:pt idx="1040">
                  <c:v>1.49</c:v>
                </c:pt>
                <c:pt idx="1041">
                  <c:v>1.55</c:v>
                </c:pt>
                <c:pt idx="1042">
                  <c:v>1.52</c:v>
                </c:pt>
                <c:pt idx="1043">
                  <c:v>1.52</c:v>
                </c:pt>
                <c:pt idx="1044">
                  <c:v>1.63</c:v>
                </c:pt>
                <c:pt idx="1045">
                  <c:v>1.66</c:v>
                </c:pt>
                <c:pt idx="1046">
                  <c:v>1.71</c:v>
                </c:pt>
                <c:pt idx="1047">
                  <c:v>1.73</c:v>
                </c:pt>
                <c:pt idx="1048">
                  <c:v>1.76</c:v>
                </c:pt>
                <c:pt idx="1049">
                  <c:v>1.78</c:v>
                </c:pt>
                <c:pt idx="1050">
                  <c:v>1.75</c:v>
                </c:pt>
                <c:pt idx="1051">
                  <c:v>1.74</c:v>
                </c:pt>
                <c:pt idx="1052">
                  <c:v>1.7</c:v>
                </c:pt>
                <c:pt idx="1053">
                  <c:v>1.78</c:v>
                </c:pt>
                <c:pt idx="1054">
                  <c:v>1.78</c:v>
                </c:pt>
                <c:pt idx="1055">
                  <c:v>1.87</c:v>
                </c:pt>
                <c:pt idx="1056">
                  <c:v>1.83</c:v>
                </c:pt>
                <c:pt idx="1057">
                  <c:v>1.83</c:v>
                </c:pt>
                <c:pt idx="1058">
                  <c:v>1.75</c:v>
                </c:pt>
                <c:pt idx="1059">
                  <c:v>1.75</c:v>
                </c:pt>
                <c:pt idx="1060">
                  <c:v>1.78</c:v>
                </c:pt>
                <c:pt idx="1061">
                  <c:v>1.85</c:v>
                </c:pt>
                <c:pt idx="1062">
                  <c:v>1.81</c:v>
                </c:pt>
                <c:pt idx="1063">
                  <c:v>1.78</c:v>
                </c:pt>
                <c:pt idx="1064">
                  <c:v>1.79</c:v>
                </c:pt>
                <c:pt idx="1065">
                  <c:v>1.81</c:v>
                </c:pt>
                <c:pt idx="1066">
                  <c:v>1.78</c:v>
                </c:pt>
                <c:pt idx="1067">
                  <c:v>1.82</c:v>
                </c:pt>
                <c:pt idx="1068">
                  <c:v>1.93</c:v>
                </c:pt>
                <c:pt idx="1069">
                  <c:v>1.92</c:v>
                </c:pt>
                <c:pt idx="1070">
                  <c:v>1.96</c:v>
                </c:pt>
                <c:pt idx="1071">
                  <c:v>1.94</c:v>
                </c:pt>
                <c:pt idx="1072">
                  <c:v>2.0299999999999998</c:v>
                </c:pt>
                <c:pt idx="1073">
                  <c:v>1.92</c:v>
                </c:pt>
                <c:pt idx="1074">
                  <c:v>1.98</c:v>
                </c:pt>
                <c:pt idx="1075">
                  <c:v>2.0499999999999998</c:v>
                </c:pt>
                <c:pt idx="1076">
                  <c:v>2.0299999999999998</c:v>
                </c:pt>
                <c:pt idx="1077">
                  <c:v>1.97</c:v>
                </c:pt>
                <c:pt idx="1078">
                  <c:v>1.92</c:v>
                </c:pt>
                <c:pt idx="1079">
                  <c:v>1.92</c:v>
                </c:pt>
                <c:pt idx="1080">
                  <c:v>1.94</c:v>
                </c:pt>
                <c:pt idx="1081">
                  <c:v>1.99</c:v>
                </c:pt>
                <c:pt idx="1082">
                  <c:v>1.96</c:v>
                </c:pt>
                <c:pt idx="1083">
                  <c:v>1.97</c:v>
                </c:pt>
                <c:pt idx="1084">
                  <c:v>1.83</c:v>
                </c:pt>
                <c:pt idx="1085">
                  <c:v>1.72</c:v>
                </c:pt>
                <c:pt idx="1086">
                  <c:v>1.86</c:v>
                </c:pt>
                <c:pt idx="1087">
                  <c:v>1.86</c:v>
                </c:pt>
                <c:pt idx="1088">
                  <c:v>1.74</c:v>
                </c:pt>
                <c:pt idx="1089">
                  <c:v>1.78</c:v>
                </c:pt>
                <c:pt idx="1090">
                  <c:v>1.86</c:v>
                </c:pt>
                <c:pt idx="1091">
                  <c:v>1.94</c:v>
                </c:pt>
                <c:pt idx="1092">
                  <c:v>1.98</c:v>
                </c:pt>
                <c:pt idx="1093">
                  <c:v>2</c:v>
                </c:pt>
                <c:pt idx="1094">
                  <c:v>2.14</c:v>
                </c:pt>
                <c:pt idx="1095">
                  <c:v>2.15</c:v>
                </c:pt>
                <c:pt idx="1096">
                  <c:v>2.19</c:v>
                </c:pt>
                <c:pt idx="1097">
                  <c:v>2.2000000000000002</c:v>
                </c:pt>
                <c:pt idx="1098">
                  <c:v>2.14</c:v>
                </c:pt>
                <c:pt idx="1099">
                  <c:v>2.3199999999999998</c:v>
                </c:pt>
                <c:pt idx="1100">
                  <c:v>2.38</c:v>
                </c:pt>
                <c:pt idx="1101">
                  <c:v>2.3199999999999998</c:v>
                </c:pt>
                <c:pt idx="1102">
                  <c:v>2.34</c:v>
                </c:pt>
                <c:pt idx="1103">
                  <c:v>2.48</c:v>
                </c:pt>
                <c:pt idx="1104">
                  <c:v>2.46</c:v>
                </c:pt>
                <c:pt idx="1105">
                  <c:v>2.41</c:v>
                </c:pt>
                <c:pt idx="1106">
                  <c:v>2.35</c:v>
                </c:pt>
                <c:pt idx="1107">
                  <c:v>2.3199999999999998</c:v>
                </c:pt>
                <c:pt idx="1108">
                  <c:v>2.39</c:v>
                </c:pt>
                <c:pt idx="1109">
                  <c:v>2.42</c:v>
                </c:pt>
                <c:pt idx="1110">
                  <c:v>2.54</c:v>
                </c:pt>
                <c:pt idx="1111">
                  <c:v>2.61</c:v>
                </c:pt>
                <c:pt idx="1112">
                  <c:v>2.66</c:v>
                </c:pt>
                <c:pt idx="1113">
                  <c:v>2.72</c:v>
                </c:pt>
                <c:pt idx="1114">
                  <c:v>2.79</c:v>
                </c:pt>
                <c:pt idx="1115">
                  <c:v>2.72</c:v>
                </c:pt>
                <c:pt idx="1116">
                  <c:v>2.7</c:v>
                </c:pt>
                <c:pt idx="1117">
                  <c:v>2.83</c:v>
                </c:pt>
                <c:pt idx="1118">
                  <c:v>2.83</c:v>
                </c:pt>
                <c:pt idx="1119">
                  <c:v>2.85</c:v>
                </c:pt>
                <c:pt idx="1120">
                  <c:v>2.93</c:v>
                </c:pt>
                <c:pt idx="1121">
                  <c:v>2.85</c:v>
                </c:pt>
                <c:pt idx="1122">
                  <c:v>2.9</c:v>
                </c:pt>
                <c:pt idx="1123">
                  <c:v>2.9</c:v>
                </c:pt>
                <c:pt idx="1124">
                  <c:v>2.81</c:v>
                </c:pt>
                <c:pt idx="1125">
                  <c:v>2.77</c:v>
                </c:pt>
                <c:pt idx="1126">
                  <c:v>2.82</c:v>
                </c:pt>
                <c:pt idx="1127">
                  <c:v>2.85</c:v>
                </c:pt>
                <c:pt idx="1128">
                  <c:v>2.89</c:v>
                </c:pt>
                <c:pt idx="1129">
                  <c:v>2.99</c:v>
                </c:pt>
                <c:pt idx="1130">
                  <c:v>2.97</c:v>
                </c:pt>
                <c:pt idx="1131">
                  <c:v>2.93</c:v>
                </c:pt>
                <c:pt idx="1132">
                  <c:v>3.05</c:v>
                </c:pt>
                <c:pt idx="1133">
                  <c:v>3.12</c:v>
                </c:pt>
                <c:pt idx="1134">
                  <c:v>3.05</c:v>
                </c:pt>
                <c:pt idx="1135">
                  <c:v>2.99</c:v>
                </c:pt>
                <c:pt idx="1136">
                  <c:v>2.91</c:v>
                </c:pt>
                <c:pt idx="1137">
                  <c:v>2.84</c:v>
                </c:pt>
                <c:pt idx="1138">
                  <c:v>2.93</c:v>
                </c:pt>
                <c:pt idx="1139">
                  <c:v>2.88</c:v>
                </c:pt>
                <c:pt idx="1140">
                  <c:v>2.98</c:v>
                </c:pt>
                <c:pt idx="1141">
                  <c:v>2.89</c:v>
                </c:pt>
                <c:pt idx="1142">
                  <c:v>2.84</c:v>
                </c:pt>
                <c:pt idx="1143">
                  <c:v>2.78</c:v>
                </c:pt>
                <c:pt idx="1144">
                  <c:v>2.86</c:v>
                </c:pt>
                <c:pt idx="1145">
                  <c:v>2.76</c:v>
                </c:pt>
                <c:pt idx="1146">
                  <c:v>2.75</c:v>
                </c:pt>
                <c:pt idx="1147">
                  <c:v>2.75</c:v>
                </c:pt>
                <c:pt idx="1148">
                  <c:v>2.74</c:v>
                </c:pt>
                <c:pt idx="1149">
                  <c:v>2.74</c:v>
                </c:pt>
                <c:pt idx="1150">
                  <c:v>2.85</c:v>
                </c:pt>
                <c:pt idx="1151">
                  <c:v>2.94</c:v>
                </c:pt>
                <c:pt idx="1152">
                  <c:v>2.92</c:v>
                </c:pt>
                <c:pt idx="1153">
                  <c:v>2.96</c:v>
                </c:pt>
                <c:pt idx="1154">
                  <c:v>3.04</c:v>
                </c:pt>
                <c:pt idx="1155">
                  <c:v>2.98</c:v>
                </c:pt>
                <c:pt idx="1156">
                  <c:v>3.03</c:v>
                </c:pt>
                <c:pt idx="1157">
                  <c:v>3.04</c:v>
                </c:pt>
                <c:pt idx="1158">
                  <c:v>3.15</c:v>
                </c:pt>
                <c:pt idx="1159">
                  <c:v>3.43</c:v>
                </c:pt>
                <c:pt idx="1160">
                  <c:v>3.49</c:v>
                </c:pt>
                <c:pt idx="1161">
                  <c:v>3.33</c:v>
                </c:pt>
                <c:pt idx="1162">
                  <c:v>3.28</c:v>
                </c:pt>
                <c:pt idx="1163">
                  <c:v>3.25</c:v>
                </c:pt>
                <c:pt idx="1164">
                  <c:v>3.25</c:v>
                </c:pt>
                <c:pt idx="1165">
                  <c:v>3.31</c:v>
                </c:pt>
                <c:pt idx="1166">
                  <c:v>3.16</c:v>
                </c:pt>
                <c:pt idx="1167">
                  <c:v>3.09</c:v>
                </c:pt>
                <c:pt idx="1168">
                  <c:v>3.13</c:v>
                </c:pt>
                <c:pt idx="1169">
                  <c:v>3.2</c:v>
                </c:pt>
                <c:pt idx="1170">
                  <c:v>3.2</c:v>
                </c:pt>
                <c:pt idx="1171">
                  <c:v>3.1</c:v>
                </c:pt>
                <c:pt idx="1172">
                  <c:v>2.98</c:v>
                </c:pt>
                <c:pt idx="1173">
                  <c:v>2.88</c:v>
                </c:pt>
                <c:pt idx="1174">
                  <c:v>2.88</c:v>
                </c:pt>
                <c:pt idx="1175">
                  <c:v>2.82</c:v>
                </c:pt>
                <c:pt idx="1176">
                  <c:v>2.93</c:v>
                </c:pt>
                <c:pt idx="1177">
                  <c:v>3.01</c:v>
                </c:pt>
                <c:pt idx="1178">
                  <c:v>3.09</c:v>
                </c:pt>
                <c:pt idx="1179">
                  <c:v>2.99</c:v>
                </c:pt>
                <c:pt idx="1180">
                  <c:v>2.96</c:v>
                </c:pt>
                <c:pt idx="1181">
                  <c:v>2.91</c:v>
                </c:pt>
                <c:pt idx="1182">
                  <c:v>2.96</c:v>
                </c:pt>
                <c:pt idx="1183">
                  <c:v>2.93</c:v>
                </c:pt>
                <c:pt idx="1184">
                  <c:v>2.96</c:v>
                </c:pt>
                <c:pt idx="1185">
                  <c:v>3.01</c:v>
                </c:pt>
                <c:pt idx="1186">
                  <c:v>3.04</c:v>
                </c:pt>
                <c:pt idx="1187">
                  <c:v>2.91</c:v>
                </c:pt>
                <c:pt idx="1188">
                  <c:v>2.77</c:v>
                </c:pt>
                <c:pt idx="1189">
                  <c:v>2.81</c:v>
                </c:pt>
                <c:pt idx="1190">
                  <c:v>2.81</c:v>
                </c:pt>
                <c:pt idx="1191">
                  <c:v>2.78</c:v>
                </c:pt>
                <c:pt idx="1192">
                  <c:v>2.68</c:v>
                </c:pt>
                <c:pt idx="1193">
                  <c:v>2.67</c:v>
                </c:pt>
                <c:pt idx="1194">
                  <c:v>2.6</c:v>
                </c:pt>
                <c:pt idx="1195">
                  <c:v>2.75</c:v>
                </c:pt>
                <c:pt idx="1196">
                  <c:v>2.73</c:v>
                </c:pt>
                <c:pt idx="1197">
                  <c:v>2.68</c:v>
                </c:pt>
                <c:pt idx="1198">
                  <c:v>2.83</c:v>
                </c:pt>
                <c:pt idx="1199">
                  <c:v>2.77</c:v>
                </c:pt>
                <c:pt idx="1200">
                  <c:v>2.8</c:v>
                </c:pt>
                <c:pt idx="1201">
                  <c:v>2.78</c:v>
                </c:pt>
                <c:pt idx="1202">
                  <c:v>2.87</c:v>
                </c:pt>
                <c:pt idx="1203">
                  <c:v>2.84</c:v>
                </c:pt>
                <c:pt idx="1204">
                  <c:v>2.79</c:v>
                </c:pt>
                <c:pt idx="1205">
                  <c:v>2.82</c:v>
                </c:pt>
                <c:pt idx="1206">
                  <c:v>2.89</c:v>
                </c:pt>
                <c:pt idx="1207">
                  <c:v>2.88</c:v>
                </c:pt>
                <c:pt idx="1208">
                  <c:v>2.98</c:v>
                </c:pt>
                <c:pt idx="1209">
                  <c:v>3.03</c:v>
                </c:pt>
                <c:pt idx="1210">
                  <c:v>3.05</c:v>
                </c:pt>
                <c:pt idx="1211">
                  <c:v>3.11</c:v>
                </c:pt>
                <c:pt idx="1212">
                  <c:v>3.03</c:v>
                </c:pt>
                <c:pt idx="1213">
                  <c:v>3.04</c:v>
                </c:pt>
                <c:pt idx="1214">
                  <c:v>3.12</c:v>
                </c:pt>
                <c:pt idx="1215">
                  <c:v>3.11</c:v>
                </c:pt>
                <c:pt idx="1216">
                  <c:v>3.15</c:v>
                </c:pt>
                <c:pt idx="1217">
                  <c:v>3.26</c:v>
                </c:pt>
                <c:pt idx="1218">
                  <c:v>3.2</c:v>
                </c:pt>
                <c:pt idx="1219">
                  <c:v>3.2</c:v>
                </c:pt>
                <c:pt idx="1220">
                  <c:v>3.33</c:v>
                </c:pt>
                <c:pt idx="1221">
                  <c:v>3.27</c:v>
                </c:pt>
                <c:pt idx="1222">
                  <c:v>3.29</c:v>
                </c:pt>
                <c:pt idx="1223">
                  <c:v>3.33</c:v>
                </c:pt>
                <c:pt idx="1224">
                  <c:v>3.37</c:v>
                </c:pt>
                <c:pt idx="1225">
                  <c:v>3.42</c:v>
                </c:pt>
                <c:pt idx="1226">
                  <c:v>3.41</c:v>
                </c:pt>
                <c:pt idx="1227">
                  <c:v>3.45</c:v>
                </c:pt>
                <c:pt idx="1228">
                  <c:v>3.45</c:v>
                </c:pt>
                <c:pt idx="1229">
                  <c:v>3.49</c:v>
                </c:pt>
                <c:pt idx="1230">
                  <c:v>3.57</c:v>
                </c:pt>
                <c:pt idx="1231">
                  <c:v>3.51</c:v>
                </c:pt>
                <c:pt idx="1232">
                  <c:v>3.7</c:v>
                </c:pt>
                <c:pt idx="1233">
                  <c:v>3.69</c:v>
                </c:pt>
                <c:pt idx="1234">
                  <c:v>3.88</c:v>
                </c:pt>
                <c:pt idx="1235">
                  <c:v>3.97</c:v>
                </c:pt>
                <c:pt idx="1236">
                  <c:v>3.72</c:v>
                </c:pt>
                <c:pt idx="1237">
                  <c:v>3.76</c:v>
                </c:pt>
                <c:pt idx="1238">
                  <c:v>3.83</c:v>
                </c:pt>
                <c:pt idx="1239">
                  <c:v>3.67</c:v>
                </c:pt>
                <c:pt idx="1240">
                  <c:v>3.62</c:v>
                </c:pt>
                <c:pt idx="1241">
                  <c:v>3.76</c:v>
                </c:pt>
                <c:pt idx="1242">
                  <c:v>3.83</c:v>
                </c:pt>
                <c:pt idx="1243">
                  <c:v>3.89</c:v>
                </c:pt>
                <c:pt idx="1244">
                  <c:v>3.89</c:v>
                </c:pt>
                <c:pt idx="1245">
                  <c:v>3.93</c:v>
                </c:pt>
                <c:pt idx="1246">
                  <c:v>3.91</c:v>
                </c:pt>
                <c:pt idx="1247">
                  <c:v>3.97</c:v>
                </c:pt>
                <c:pt idx="1248">
                  <c:v>4</c:v>
                </c:pt>
                <c:pt idx="1249">
                  <c:v>4.0199999999999996</c:v>
                </c:pt>
                <c:pt idx="1250">
                  <c:v>4.01</c:v>
                </c:pt>
                <c:pt idx="1251">
                  <c:v>4.1399999999999997</c:v>
                </c:pt>
                <c:pt idx="1252">
                  <c:v>4.24</c:v>
                </c:pt>
                <c:pt idx="1253">
                  <c:v>4.21</c:v>
                </c:pt>
                <c:pt idx="1254">
                  <c:v>4.25</c:v>
                </c:pt>
                <c:pt idx="1255">
                  <c:v>4.0999999999999996</c:v>
                </c:pt>
                <c:pt idx="1256">
                  <c:v>4.04</c:v>
                </c:pt>
                <c:pt idx="1257">
                  <c:v>3.96</c:v>
                </c:pt>
                <c:pt idx="1258">
                  <c:v>4.0199999999999996</c:v>
                </c:pt>
                <c:pt idx="1259">
                  <c:v>4.0999999999999996</c:v>
                </c:pt>
                <c:pt idx="1260">
                  <c:v>4.07</c:v>
                </c:pt>
                <c:pt idx="1261">
                  <c:v>4.0999999999999996</c:v>
                </c:pt>
                <c:pt idx="1262">
                  <c:v>4.1399999999999997</c:v>
                </c:pt>
                <c:pt idx="1263">
                  <c:v>4.17</c:v>
                </c:pt>
                <c:pt idx="1264">
                  <c:v>4.22</c:v>
                </c:pt>
                <c:pt idx="1265">
                  <c:v>4.1399999999999997</c:v>
                </c:pt>
                <c:pt idx="1266">
                  <c:v>4.12</c:v>
                </c:pt>
                <c:pt idx="1267">
                  <c:v>3.82</c:v>
                </c:pt>
                <c:pt idx="1268">
                  <c:v>3.82</c:v>
                </c:pt>
                <c:pt idx="1269">
                  <c:v>3.88</c:v>
                </c:pt>
                <c:pt idx="1270">
                  <c:v>3.8</c:v>
                </c:pt>
                <c:pt idx="1271">
                  <c:v>3.67</c:v>
                </c:pt>
                <c:pt idx="1272">
                  <c:v>3.77</c:v>
                </c:pt>
                <c:pt idx="1273">
                  <c:v>3.82</c:v>
                </c:pt>
                <c:pt idx="1274">
                  <c:v>3.83</c:v>
                </c:pt>
                <c:pt idx="1275">
                  <c:v>3.76</c:v>
                </c:pt>
                <c:pt idx="1276">
                  <c:v>3.71</c:v>
                </c:pt>
                <c:pt idx="1277">
                  <c:v>3.71</c:v>
                </c:pt>
                <c:pt idx="1278">
                  <c:v>3.68</c:v>
                </c:pt>
                <c:pt idx="1279">
                  <c:v>3.69</c:v>
                </c:pt>
                <c:pt idx="1280">
                  <c:v>3.75</c:v>
                </c:pt>
                <c:pt idx="1281">
                  <c:v>3.68</c:v>
                </c:pt>
                <c:pt idx="1282">
                  <c:v>3.53</c:v>
                </c:pt>
                <c:pt idx="1283">
                  <c:v>3.51</c:v>
                </c:pt>
                <c:pt idx="1284">
                  <c:v>3.6</c:v>
                </c:pt>
                <c:pt idx="1285">
                  <c:v>3.51</c:v>
                </c:pt>
                <c:pt idx="1286">
                  <c:v>3.42</c:v>
                </c:pt>
                <c:pt idx="1287">
                  <c:v>3.48</c:v>
                </c:pt>
                <c:pt idx="1288">
                  <c:v>3.57</c:v>
                </c:pt>
                <c:pt idx="1289">
                  <c:v>3.61</c:v>
                </c:pt>
                <c:pt idx="1290">
                  <c:v>3.51</c:v>
                </c:pt>
                <c:pt idx="1291">
                  <c:v>3.49</c:v>
                </c:pt>
                <c:pt idx="1292">
                  <c:v>3.44</c:v>
                </c:pt>
                <c:pt idx="1293">
                  <c:v>3.48</c:v>
                </c:pt>
                <c:pt idx="1294">
                  <c:v>3.57</c:v>
                </c:pt>
                <c:pt idx="1295">
                  <c:v>3.69</c:v>
                </c:pt>
                <c:pt idx="1296">
                  <c:v>3.68</c:v>
                </c:pt>
                <c:pt idx="1297">
                  <c:v>3.67</c:v>
                </c:pt>
                <c:pt idx="1298">
                  <c:v>3.75</c:v>
                </c:pt>
                <c:pt idx="1299">
                  <c:v>3.75</c:v>
                </c:pt>
                <c:pt idx="1300">
                  <c:v>3.84</c:v>
                </c:pt>
                <c:pt idx="1301">
                  <c:v>3.88</c:v>
                </c:pt>
                <c:pt idx="1302">
                  <c:v>3.83</c:v>
                </c:pt>
                <c:pt idx="1303">
                  <c:v>3.88</c:v>
                </c:pt>
                <c:pt idx="1304">
                  <c:v>3.88</c:v>
                </c:pt>
                <c:pt idx="1305">
                  <c:v>3.79</c:v>
                </c:pt>
                <c:pt idx="1306">
                  <c:v>3.69</c:v>
                </c:pt>
                <c:pt idx="1307">
                  <c:v>3.71</c:v>
                </c:pt>
                <c:pt idx="1308">
                  <c:v>3.55</c:v>
                </c:pt>
                <c:pt idx="1309">
                  <c:v>3.53</c:v>
                </c:pt>
                <c:pt idx="1310">
                  <c:v>3.61</c:v>
                </c:pt>
                <c:pt idx="1311">
                  <c:v>3.54</c:v>
                </c:pt>
                <c:pt idx="1312">
                  <c:v>3.43</c:v>
                </c:pt>
                <c:pt idx="1313">
                  <c:v>3.49</c:v>
                </c:pt>
                <c:pt idx="1314">
                  <c:v>3.49</c:v>
                </c:pt>
                <c:pt idx="1315">
                  <c:v>3.53</c:v>
                </c:pt>
                <c:pt idx="1316">
                  <c:v>3.37</c:v>
                </c:pt>
                <c:pt idx="1317">
                  <c:v>3.39</c:v>
                </c:pt>
                <c:pt idx="1318">
                  <c:v>3.48</c:v>
                </c:pt>
                <c:pt idx="1319">
                  <c:v>3.52</c:v>
                </c:pt>
                <c:pt idx="1320">
                  <c:v>3.46</c:v>
                </c:pt>
                <c:pt idx="1321">
                  <c:v>3.46</c:v>
                </c:pt>
                <c:pt idx="1322">
                  <c:v>3.49</c:v>
                </c:pt>
                <c:pt idx="1323">
                  <c:v>3.52</c:v>
                </c:pt>
                <c:pt idx="1324">
                  <c:v>3.55</c:v>
                </c:pt>
                <c:pt idx="1325">
                  <c:v>3.52</c:v>
                </c:pt>
                <c:pt idx="1326">
                  <c:v>3.39</c:v>
                </c:pt>
                <c:pt idx="1327">
                  <c:v>3.4</c:v>
                </c:pt>
                <c:pt idx="1328">
                  <c:v>3.53</c:v>
                </c:pt>
                <c:pt idx="1329">
                  <c:v>3.63</c:v>
                </c:pt>
                <c:pt idx="1330">
                  <c:v>3.67</c:v>
                </c:pt>
                <c:pt idx="1331">
                  <c:v>3.63</c:v>
                </c:pt>
                <c:pt idx="1332">
                  <c:v>3.67</c:v>
                </c:pt>
                <c:pt idx="1333">
                  <c:v>3.74</c:v>
                </c:pt>
                <c:pt idx="1334">
                  <c:v>3.72</c:v>
                </c:pt>
                <c:pt idx="1335">
                  <c:v>3.77</c:v>
                </c:pt>
                <c:pt idx="1336">
                  <c:v>3.81</c:v>
                </c:pt>
                <c:pt idx="1337">
                  <c:v>3.86</c:v>
                </c:pt>
                <c:pt idx="1338">
                  <c:v>3.82</c:v>
                </c:pt>
                <c:pt idx="1339">
                  <c:v>3.82</c:v>
                </c:pt>
                <c:pt idx="1340">
                  <c:v>3.95</c:v>
                </c:pt>
                <c:pt idx="1341">
                  <c:v>3.93</c:v>
                </c:pt>
                <c:pt idx="1342">
                  <c:v>3.88</c:v>
                </c:pt>
                <c:pt idx="1343">
                  <c:v>3.95</c:v>
                </c:pt>
                <c:pt idx="1344">
                  <c:v>3.92</c:v>
                </c:pt>
                <c:pt idx="1345">
                  <c:v>3.92</c:v>
                </c:pt>
                <c:pt idx="1346">
                  <c:v>4.01</c:v>
                </c:pt>
                <c:pt idx="1347">
                  <c:v>4.08</c:v>
                </c:pt>
                <c:pt idx="1348">
                  <c:v>3.97</c:v>
                </c:pt>
                <c:pt idx="1349">
                  <c:v>3.98</c:v>
                </c:pt>
                <c:pt idx="1350">
                  <c:v>3.97</c:v>
                </c:pt>
                <c:pt idx="1351">
                  <c:v>3.98</c:v>
                </c:pt>
                <c:pt idx="1352">
                  <c:v>3.93</c:v>
                </c:pt>
                <c:pt idx="1353">
                  <c:v>3.7</c:v>
                </c:pt>
                <c:pt idx="1354">
                  <c:v>3.55</c:v>
                </c:pt>
                <c:pt idx="1355">
                  <c:v>3.64</c:v>
                </c:pt>
                <c:pt idx="1356">
                  <c:v>3.51</c:v>
                </c:pt>
                <c:pt idx="1357">
                  <c:v>3.56</c:v>
                </c:pt>
                <c:pt idx="1358">
                  <c:v>3.39</c:v>
                </c:pt>
                <c:pt idx="1359">
                  <c:v>3.47</c:v>
                </c:pt>
                <c:pt idx="1360">
                  <c:v>3.59</c:v>
                </c:pt>
                <c:pt idx="1361">
                  <c:v>3.48</c:v>
                </c:pt>
                <c:pt idx="1362">
                  <c:v>3.38</c:v>
                </c:pt>
                <c:pt idx="1363">
                  <c:v>3.38</c:v>
                </c:pt>
                <c:pt idx="1364">
                  <c:v>3.53</c:v>
                </c:pt>
                <c:pt idx="1365">
                  <c:v>3.55</c:v>
                </c:pt>
                <c:pt idx="1366">
                  <c:v>3.57</c:v>
                </c:pt>
                <c:pt idx="1367">
                  <c:v>3.55</c:v>
                </c:pt>
                <c:pt idx="1368">
                  <c:v>3.48</c:v>
                </c:pt>
                <c:pt idx="1369">
                  <c:v>3.43</c:v>
                </c:pt>
                <c:pt idx="1370">
                  <c:v>3.35</c:v>
                </c:pt>
                <c:pt idx="1371">
                  <c:v>3.3</c:v>
                </c:pt>
                <c:pt idx="1372">
                  <c:v>3.3</c:v>
                </c:pt>
                <c:pt idx="1373">
                  <c:v>3.39</c:v>
                </c:pt>
                <c:pt idx="1374">
                  <c:v>3.41</c:v>
                </c:pt>
                <c:pt idx="1375">
                  <c:v>3.43</c:v>
                </c:pt>
                <c:pt idx="1376">
                  <c:v>3.41</c:v>
                </c:pt>
                <c:pt idx="1377">
                  <c:v>3.45</c:v>
                </c:pt>
                <c:pt idx="1378">
                  <c:v>3.52</c:v>
                </c:pt>
                <c:pt idx="1379">
                  <c:v>3.6</c:v>
                </c:pt>
                <c:pt idx="1380">
                  <c:v>3.58</c:v>
                </c:pt>
                <c:pt idx="1381">
                  <c:v>3.6</c:v>
                </c:pt>
                <c:pt idx="1382">
                  <c:v>3.54</c:v>
                </c:pt>
                <c:pt idx="1383">
                  <c:v>3.57</c:v>
                </c:pt>
                <c:pt idx="1384">
                  <c:v>3.52</c:v>
                </c:pt>
                <c:pt idx="1385">
                  <c:v>3.4</c:v>
                </c:pt>
                <c:pt idx="1386">
                  <c:v>3.43</c:v>
                </c:pt>
                <c:pt idx="1387">
                  <c:v>3.53</c:v>
                </c:pt>
                <c:pt idx="1388">
                  <c:v>3.44</c:v>
                </c:pt>
                <c:pt idx="1389">
                  <c:v>3.59</c:v>
                </c:pt>
                <c:pt idx="1390">
                  <c:v>3.44</c:v>
                </c:pt>
                <c:pt idx="1391">
                  <c:v>3.38</c:v>
                </c:pt>
                <c:pt idx="1392">
                  <c:v>3.37</c:v>
                </c:pt>
                <c:pt idx="1393">
                  <c:v>3.44</c:v>
                </c:pt>
                <c:pt idx="1394">
                  <c:v>3.52</c:v>
                </c:pt>
                <c:pt idx="1395">
                  <c:v>3.53</c:v>
                </c:pt>
                <c:pt idx="1396">
                  <c:v>3.43</c:v>
                </c:pt>
                <c:pt idx="1397">
                  <c:v>3.39</c:v>
                </c:pt>
                <c:pt idx="1398">
                  <c:v>3.46</c:v>
                </c:pt>
                <c:pt idx="1399">
                  <c:v>3.5</c:v>
                </c:pt>
                <c:pt idx="1400">
                  <c:v>3.54</c:v>
                </c:pt>
                <c:pt idx="1401">
                  <c:v>3.57</c:v>
                </c:pt>
                <c:pt idx="1402">
                  <c:v>3.65</c:v>
                </c:pt>
                <c:pt idx="1403">
                  <c:v>3.7</c:v>
                </c:pt>
                <c:pt idx="1404">
                  <c:v>3.72</c:v>
                </c:pt>
                <c:pt idx="1405">
                  <c:v>3.7</c:v>
                </c:pt>
                <c:pt idx="1406">
                  <c:v>3.73</c:v>
                </c:pt>
                <c:pt idx="1407">
                  <c:v>3.83</c:v>
                </c:pt>
                <c:pt idx="1408">
                  <c:v>3.8</c:v>
                </c:pt>
                <c:pt idx="1409">
                  <c:v>3.8</c:v>
                </c:pt>
                <c:pt idx="1410">
                  <c:v>3.69</c:v>
                </c:pt>
                <c:pt idx="1411">
                  <c:v>3.64</c:v>
                </c:pt>
                <c:pt idx="1412">
                  <c:v>3.61</c:v>
                </c:pt>
                <c:pt idx="1413">
                  <c:v>3.69</c:v>
                </c:pt>
                <c:pt idx="1414">
                  <c:v>3.69</c:v>
                </c:pt>
                <c:pt idx="1415">
                  <c:v>3.7</c:v>
                </c:pt>
                <c:pt idx="1416">
                  <c:v>3.79</c:v>
                </c:pt>
                <c:pt idx="1417">
                  <c:v>3.73</c:v>
                </c:pt>
                <c:pt idx="1418">
                  <c:v>3.75</c:v>
                </c:pt>
                <c:pt idx="1419">
                  <c:v>3.73</c:v>
                </c:pt>
                <c:pt idx="1420">
                  <c:v>3.84</c:v>
                </c:pt>
                <c:pt idx="1421">
                  <c:v>3.83</c:v>
                </c:pt>
                <c:pt idx="1422">
                  <c:v>3.72</c:v>
                </c:pt>
                <c:pt idx="1423">
                  <c:v>3.77</c:v>
                </c:pt>
                <c:pt idx="1424">
                  <c:v>3.77</c:v>
                </c:pt>
                <c:pt idx="1425">
                  <c:v>3.74</c:v>
                </c:pt>
                <c:pt idx="1426">
                  <c:v>3.72</c:v>
                </c:pt>
                <c:pt idx="1427">
                  <c:v>3.8</c:v>
                </c:pt>
                <c:pt idx="1428">
                  <c:v>3.74</c:v>
                </c:pt>
                <c:pt idx="1429">
                  <c:v>3.72</c:v>
                </c:pt>
                <c:pt idx="1430">
                  <c:v>3.77</c:v>
                </c:pt>
                <c:pt idx="1431">
                  <c:v>3.71</c:v>
                </c:pt>
                <c:pt idx="1432">
                  <c:v>3.85</c:v>
                </c:pt>
                <c:pt idx="1433">
                  <c:v>3.81</c:v>
                </c:pt>
                <c:pt idx="1434">
                  <c:v>3.86</c:v>
                </c:pt>
                <c:pt idx="1435">
                  <c:v>3.86</c:v>
                </c:pt>
                <c:pt idx="1436">
                  <c:v>3.95</c:v>
                </c:pt>
                <c:pt idx="1437">
                  <c:v>4.05</c:v>
                </c:pt>
                <c:pt idx="1438">
                  <c:v>4.0599999999999996</c:v>
                </c:pt>
                <c:pt idx="1439">
                  <c:v>4.01</c:v>
                </c:pt>
                <c:pt idx="1440">
                  <c:v>3.99</c:v>
                </c:pt>
                <c:pt idx="1441">
                  <c:v>3.86</c:v>
                </c:pt>
                <c:pt idx="1442">
                  <c:v>3.76</c:v>
                </c:pt>
                <c:pt idx="1443">
                  <c:v>3.83</c:v>
                </c:pt>
                <c:pt idx="1444">
                  <c:v>3.81</c:v>
                </c:pt>
                <c:pt idx="1445">
                  <c:v>3.8</c:v>
                </c:pt>
                <c:pt idx="1446">
                  <c:v>3.75</c:v>
                </c:pt>
                <c:pt idx="1447">
                  <c:v>3.85</c:v>
                </c:pt>
                <c:pt idx="1448">
                  <c:v>3.84</c:v>
                </c:pt>
                <c:pt idx="1449">
                  <c:v>3.86</c:v>
                </c:pt>
                <c:pt idx="1450">
                  <c:v>3.91</c:v>
                </c:pt>
                <c:pt idx="1451">
                  <c:v>3.86</c:v>
                </c:pt>
                <c:pt idx="1452">
                  <c:v>4.01</c:v>
                </c:pt>
                <c:pt idx="1453">
                  <c:v>3.96</c:v>
                </c:pt>
                <c:pt idx="1454">
                  <c:v>3.97</c:v>
                </c:pt>
                <c:pt idx="1455">
                  <c:v>4.05</c:v>
                </c:pt>
                <c:pt idx="1456">
                  <c:v>4.08</c:v>
                </c:pt>
                <c:pt idx="1457">
                  <c:v>4.2</c:v>
                </c:pt>
                <c:pt idx="1458">
                  <c:v>4.05</c:v>
                </c:pt>
                <c:pt idx="1459">
                  <c:v>4.09</c:v>
                </c:pt>
                <c:pt idx="1460">
                  <c:v>4.0199999999999996</c:v>
                </c:pt>
                <c:pt idx="1461">
                  <c:v>4</c:v>
                </c:pt>
                <c:pt idx="1462">
                  <c:v>4.09</c:v>
                </c:pt>
                <c:pt idx="1463">
                  <c:v>4.16</c:v>
                </c:pt>
                <c:pt idx="1464">
                  <c:v>4.1900000000000004</c:v>
                </c:pt>
                <c:pt idx="1465">
                  <c:v>4.21</c:v>
                </c:pt>
                <c:pt idx="1466">
                  <c:v>4.28</c:v>
                </c:pt>
                <c:pt idx="1467">
                  <c:v>4.3</c:v>
                </c:pt>
                <c:pt idx="1468">
                  <c:v>4.26</c:v>
                </c:pt>
                <c:pt idx="1469">
                  <c:v>4.34</c:v>
                </c:pt>
                <c:pt idx="1470">
                  <c:v>4.34</c:v>
                </c:pt>
                <c:pt idx="1471">
                  <c:v>4.1900000000000004</c:v>
                </c:pt>
                <c:pt idx="1472">
                  <c:v>4.2300000000000004</c:v>
                </c:pt>
                <c:pt idx="1473">
                  <c:v>4.25</c:v>
                </c:pt>
                <c:pt idx="1474">
                  <c:v>4.2</c:v>
                </c:pt>
                <c:pt idx="1475">
                  <c:v>4.12</c:v>
                </c:pt>
                <c:pt idx="1476">
                  <c:v>4.12</c:v>
                </c:pt>
                <c:pt idx="1477">
                  <c:v>4.09</c:v>
                </c:pt>
                <c:pt idx="1478">
                  <c:v>4.18</c:v>
                </c:pt>
                <c:pt idx="1479">
                  <c:v>4.18</c:v>
                </c:pt>
                <c:pt idx="1480">
                  <c:v>4.2699999999999996</c:v>
                </c:pt>
                <c:pt idx="1481">
                  <c:v>4.3</c:v>
                </c:pt>
                <c:pt idx="1482">
                  <c:v>4.2699999999999996</c:v>
                </c:pt>
                <c:pt idx="1483">
                  <c:v>4.26</c:v>
                </c:pt>
                <c:pt idx="1484">
                  <c:v>4.29</c:v>
                </c:pt>
                <c:pt idx="1485">
                  <c:v>4.2699999999999996</c:v>
                </c:pt>
                <c:pt idx="1486">
                  <c:v>4.25</c:v>
                </c:pt>
                <c:pt idx="1487">
                  <c:v>4.29</c:v>
                </c:pt>
                <c:pt idx="1488">
                  <c:v>4.33</c:v>
                </c:pt>
                <c:pt idx="1489">
                  <c:v>4.32</c:v>
                </c:pt>
                <c:pt idx="1490">
                  <c:v>4.37</c:v>
                </c:pt>
                <c:pt idx="1491">
                  <c:v>4.3499999999999996</c:v>
                </c:pt>
                <c:pt idx="1492">
                  <c:v>4.49</c:v>
                </c:pt>
                <c:pt idx="1493">
                  <c:v>4.4400000000000004</c:v>
                </c:pt>
                <c:pt idx="1494">
                  <c:v>4.55</c:v>
                </c:pt>
                <c:pt idx="1495">
                  <c:v>4.5599999999999996</c:v>
                </c:pt>
                <c:pt idx="1496">
                  <c:v>4.6100000000000003</c:v>
                </c:pt>
                <c:pt idx="1497">
                  <c:v>4.59</c:v>
                </c:pt>
                <c:pt idx="1498">
                  <c:v>4.59</c:v>
                </c:pt>
                <c:pt idx="1499">
                  <c:v>4.6900000000000004</c:v>
                </c:pt>
                <c:pt idx="1500">
                  <c:v>4.8099999999999996</c:v>
                </c:pt>
                <c:pt idx="1501">
                  <c:v>4.7300000000000004</c:v>
                </c:pt>
                <c:pt idx="1502">
                  <c:v>4.72</c:v>
                </c:pt>
                <c:pt idx="1503">
                  <c:v>4.78</c:v>
                </c:pt>
                <c:pt idx="1504">
                  <c:v>4.78</c:v>
                </c:pt>
                <c:pt idx="1505">
                  <c:v>4.66</c:v>
                </c:pt>
                <c:pt idx="1506">
                  <c:v>4.58</c:v>
                </c:pt>
                <c:pt idx="1507">
                  <c:v>4.7</c:v>
                </c:pt>
                <c:pt idx="1508">
                  <c:v>4.63</c:v>
                </c:pt>
                <c:pt idx="1509">
                  <c:v>4.71</c:v>
                </c:pt>
                <c:pt idx="1510">
                  <c:v>4.83</c:v>
                </c:pt>
                <c:pt idx="1511">
                  <c:v>4.91</c:v>
                </c:pt>
                <c:pt idx="1512">
                  <c:v>4.9800000000000004</c:v>
                </c:pt>
                <c:pt idx="1513">
                  <c:v>4.93</c:v>
                </c:pt>
                <c:pt idx="1514">
                  <c:v>4.8600000000000003</c:v>
                </c:pt>
                <c:pt idx="1515">
                  <c:v>4.83</c:v>
                </c:pt>
                <c:pt idx="1516">
                  <c:v>4.95</c:v>
                </c:pt>
                <c:pt idx="1517">
                  <c:v>4.8600000000000003</c:v>
                </c:pt>
                <c:pt idx="1518">
                  <c:v>4.84</c:v>
                </c:pt>
                <c:pt idx="1519">
                  <c:v>4.88</c:v>
                </c:pt>
                <c:pt idx="1520">
                  <c:v>4.88</c:v>
                </c:pt>
                <c:pt idx="1521">
                  <c:v>4.7699999999999996</c:v>
                </c:pt>
                <c:pt idx="1522">
                  <c:v>4.67</c:v>
                </c:pt>
                <c:pt idx="1523">
                  <c:v>4.57</c:v>
                </c:pt>
                <c:pt idx="1524">
                  <c:v>4.67</c:v>
                </c:pt>
                <c:pt idx="1525">
                  <c:v>4.58</c:v>
                </c:pt>
                <c:pt idx="1526">
                  <c:v>4.49</c:v>
                </c:pt>
                <c:pt idx="1527">
                  <c:v>4.62</c:v>
                </c:pt>
                <c:pt idx="1528">
                  <c:v>4.6100000000000003</c:v>
                </c:pt>
                <c:pt idx="1529">
                  <c:v>4.63</c:v>
                </c:pt>
                <c:pt idx="1530">
                  <c:v>4.4400000000000004</c:v>
                </c:pt>
                <c:pt idx="1531">
                  <c:v>4.53</c:v>
                </c:pt>
                <c:pt idx="1532">
                  <c:v>4.45</c:v>
                </c:pt>
                <c:pt idx="1533">
                  <c:v>4.4400000000000004</c:v>
                </c:pt>
                <c:pt idx="1534">
                  <c:v>4.42</c:v>
                </c:pt>
                <c:pt idx="1535">
                  <c:v>4.41</c:v>
                </c:pt>
                <c:pt idx="1536">
                  <c:v>4.42</c:v>
                </c:pt>
                <c:pt idx="1537">
                  <c:v>4.42</c:v>
                </c:pt>
                <c:pt idx="1538">
                  <c:v>4.47</c:v>
                </c:pt>
                <c:pt idx="1539">
                  <c:v>4.3899999999999997</c:v>
                </c:pt>
                <c:pt idx="1540">
                  <c:v>4.34</c:v>
                </c:pt>
                <c:pt idx="1541">
                  <c:v>4.2699999999999996</c:v>
                </c:pt>
                <c:pt idx="1542">
                  <c:v>4.37</c:v>
                </c:pt>
                <c:pt idx="1543">
                  <c:v>4.22</c:v>
                </c:pt>
                <c:pt idx="1544">
                  <c:v>4.28</c:v>
                </c:pt>
                <c:pt idx="1545">
                  <c:v>4.18</c:v>
                </c:pt>
                <c:pt idx="1546">
                  <c:v>4.12</c:v>
                </c:pt>
                <c:pt idx="1547">
                  <c:v>4.1399999999999997</c:v>
                </c:pt>
                <c:pt idx="1548">
                  <c:v>4.2300000000000004</c:v>
                </c:pt>
                <c:pt idx="1549">
                  <c:v>4.2300000000000004</c:v>
                </c:pt>
                <c:pt idx="1550">
                  <c:v>4.2</c:v>
                </c:pt>
                <c:pt idx="1551">
                  <c:v>4.04</c:v>
                </c:pt>
                <c:pt idx="1552">
                  <c:v>3.92</c:v>
                </c:pt>
                <c:pt idx="1553">
                  <c:v>3.91</c:v>
                </c:pt>
                <c:pt idx="1554">
                  <c:v>3.95</c:v>
                </c:pt>
                <c:pt idx="1555">
                  <c:v>3.93</c:v>
                </c:pt>
                <c:pt idx="1556">
                  <c:v>3.86</c:v>
                </c:pt>
                <c:pt idx="1557">
                  <c:v>3.89</c:v>
                </c:pt>
                <c:pt idx="1558">
                  <c:v>3.9</c:v>
                </c:pt>
                <c:pt idx="1559">
                  <c:v>3.9</c:v>
                </c:pt>
                <c:pt idx="1560">
                  <c:v>3.89</c:v>
                </c:pt>
                <c:pt idx="1561">
                  <c:v>3.79</c:v>
                </c:pt>
                <c:pt idx="1562">
                  <c:v>3.84</c:v>
                </c:pt>
                <c:pt idx="1563">
                  <c:v>3.88</c:v>
                </c:pt>
                <c:pt idx="1564">
                  <c:v>3.88</c:v>
                </c:pt>
                <c:pt idx="1565">
                  <c:v>3.95</c:v>
                </c:pt>
                <c:pt idx="1566">
                  <c:v>3.91</c:v>
                </c:pt>
                <c:pt idx="1567">
                  <c:v>3.99</c:v>
                </c:pt>
                <c:pt idx="1568">
                  <c:v>4.05</c:v>
                </c:pt>
                <c:pt idx="1569">
                  <c:v>4.01</c:v>
                </c:pt>
                <c:pt idx="1570">
                  <c:v>4.0199999999999996</c:v>
                </c:pt>
                <c:pt idx="1571">
                  <c:v>4.04</c:v>
                </c:pt>
                <c:pt idx="1572">
                  <c:v>3.98</c:v>
                </c:pt>
                <c:pt idx="1573">
                  <c:v>3.96</c:v>
                </c:pt>
                <c:pt idx="1574">
                  <c:v>3.96</c:v>
                </c:pt>
                <c:pt idx="1575">
                  <c:v>4.07</c:v>
                </c:pt>
                <c:pt idx="1576">
                  <c:v>4.0999999999999996</c:v>
                </c:pt>
                <c:pt idx="1577">
                  <c:v>4.1399999999999997</c:v>
                </c:pt>
                <c:pt idx="1578">
                  <c:v>4.1500000000000004</c:v>
                </c:pt>
                <c:pt idx="1579">
                  <c:v>4.1100000000000003</c:v>
                </c:pt>
                <c:pt idx="1580">
                  <c:v>4.1399999999999997</c:v>
                </c:pt>
                <c:pt idx="1581">
                  <c:v>4.18</c:v>
                </c:pt>
                <c:pt idx="1582">
                  <c:v>4.1399999999999997</c:v>
                </c:pt>
                <c:pt idx="1583">
                  <c:v>4.1500000000000004</c:v>
                </c:pt>
                <c:pt idx="1584">
                  <c:v>4.08</c:v>
                </c:pt>
                <c:pt idx="1585">
                  <c:v>4.0599999999999996</c:v>
                </c:pt>
                <c:pt idx="1586">
                  <c:v>3.99</c:v>
                </c:pt>
                <c:pt idx="1587">
                  <c:v>3.87</c:v>
                </c:pt>
                <c:pt idx="1588">
                  <c:v>4.03</c:v>
                </c:pt>
                <c:pt idx="1589">
                  <c:v>4.17</c:v>
                </c:pt>
                <c:pt idx="1590">
                  <c:v>4.09</c:v>
                </c:pt>
                <c:pt idx="1591">
                  <c:v>4.09</c:v>
                </c:pt>
                <c:pt idx="1592">
                  <c:v>4.1500000000000004</c:v>
                </c:pt>
                <c:pt idx="1593">
                  <c:v>4.17</c:v>
                </c:pt>
                <c:pt idx="1594">
                  <c:v>4.17</c:v>
                </c:pt>
                <c:pt idx="1595">
                  <c:v>4.3099999999999996</c:v>
                </c:pt>
                <c:pt idx="1596">
                  <c:v>4.2699999999999996</c:v>
                </c:pt>
                <c:pt idx="1597">
                  <c:v>4.24</c:v>
                </c:pt>
                <c:pt idx="1598">
                  <c:v>4.3</c:v>
                </c:pt>
                <c:pt idx="1599">
                  <c:v>4.3</c:v>
                </c:pt>
                <c:pt idx="1600">
                  <c:v>4.2699999999999996</c:v>
                </c:pt>
                <c:pt idx="1601">
                  <c:v>4.32</c:v>
                </c:pt>
                <c:pt idx="1602">
                  <c:v>4.33</c:v>
                </c:pt>
                <c:pt idx="1603">
                  <c:v>4.26</c:v>
                </c:pt>
                <c:pt idx="1604">
                  <c:v>4.28</c:v>
                </c:pt>
                <c:pt idx="1605">
                  <c:v>4.3099999999999996</c:v>
                </c:pt>
                <c:pt idx="1606">
                  <c:v>4.2699999999999996</c:v>
                </c:pt>
                <c:pt idx="1607">
                  <c:v>4.25</c:v>
                </c:pt>
                <c:pt idx="1608">
                  <c:v>4.1900000000000004</c:v>
                </c:pt>
                <c:pt idx="1609">
                  <c:v>4.22</c:v>
                </c:pt>
                <c:pt idx="1610">
                  <c:v>4.13</c:v>
                </c:pt>
                <c:pt idx="1611">
                  <c:v>4.1100000000000003</c:v>
                </c:pt>
                <c:pt idx="1612">
                  <c:v>4.09</c:v>
                </c:pt>
                <c:pt idx="1613">
                  <c:v>4.09</c:v>
                </c:pt>
                <c:pt idx="1614">
                  <c:v>4.0999999999999996</c:v>
                </c:pt>
                <c:pt idx="1615">
                  <c:v>4.16</c:v>
                </c:pt>
                <c:pt idx="1616">
                  <c:v>4.1900000000000004</c:v>
                </c:pt>
                <c:pt idx="1617">
                  <c:v>4.29</c:v>
                </c:pt>
                <c:pt idx="1618">
                  <c:v>4.3099999999999996</c:v>
                </c:pt>
                <c:pt idx="1619">
                  <c:v>4.34</c:v>
                </c:pt>
                <c:pt idx="1620">
                  <c:v>4.3</c:v>
                </c:pt>
                <c:pt idx="1621">
                  <c:v>4.2699999999999996</c:v>
                </c:pt>
                <c:pt idx="1622">
                  <c:v>4.2699999999999996</c:v>
                </c:pt>
                <c:pt idx="1623">
                  <c:v>4.22</c:v>
                </c:pt>
                <c:pt idx="1624">
                  <c:v>4.25</c:v>
                </c:pt>
                <c:pt idx="1625">
                  <c:v>4.24</c:v>
                </c:pt>
                <c:pt idx="1626">
                  <c:v>4.2</c:v>
                </c:pt>
                <c:pt idx="1627">
                  <c:v>4.2</c:v>
                </c:pt>
                <c:pt idx="1628">
                  <c:v>4.2</c:v>
                </c:pt>
                <c:pt idx="1629">
                  <c:v>4.33</c:v>
                </c:pt>
                <c:pt idx="1630">
                  <c:v>4.3600000000000003</c:v>
                </c:pt>
                <c:pt idx="1631">
                  <c:v>4.3600000000000003</c:v>
                </c:pt>
                <c:pt idx="1632">
                  <c:v>4.3099999999999996</c:v>
                </c:pt>
                <c:pt idx="1633">
                  <c:v>4.3899999999999997</c:v>
                </c:pt>
                <c:pt idx="1634">
                  <c:v>4.42</c:v>
                </c:pt>
                <c:pt idx="1635">
                  <c:v>4.3600000000000003</c:v>
                </c:pt>
                <c:pt idx="1636">
                  <c:v>4.55</c:v>
                </c:pt>
                <c:pt idx="1637">
                  <c:v>4.5599999999999996</c:v>
                </c:pt>
                <c:pt idx="1638">
                  <c:v>4.5</c:v>
                </c:pt>
                <c:pt idx="1639">
                  <c:v>4.63</c:v>
                </c:pt>
                <c:pt idx="1640">
                  <c:v>4.67</c:v>
                </c:pt>
                <c:pt idx="1641">
                  <c:v>4.59</c:v>
                </c:pt>
                <c:pt idx="1642">
                  <c:v>4.6399999999999997</c:v>
                </c:pt>
                <c:pt idx="1643">
                  <c:v>4.62</c:v>
                </c:pt>
                <c:pt idx="1644">
                  <c:v>4.62</c:v>
                </c:pt>
                <c:pt idx="1645">
                  <c:v>4.6100000000000003</c:v>
                </c:pt>
                <c:pt idx="1646">
                  <c:v>4.6500000000000004</c:v>
                </c:pt>
                <c:pt idx="1647">
                  <c:v>4.7</c:v>
                </c:pt>
                <c:pt idx="1648">
                  <c:v>4.67</c:v>
                </c:pt>
                <c:pt idx="1649">
                  <c:v>4.63</c:v>
                </c:pt>
                <c:pt idx="1650">
                  <c:v>4.6900000000000004</c:v>
                </c:pt>
                <c:pt idx="1651">
                  <c:v>4.63</c:v>
                </c:pt>
                <c:pt idx="1652">
                  <c:v>4.58</c:v>
                </c:pt>
                <c:pt idx="1653">
                  <c:v>4.5</c:v>
                </c:pt>
                <c:pt idx="1654">
                  <c:v>4.49</c:v>
                </c:pt>
                <c:pt idx="1655">
                  <c:v>4.47</c:v>
                </c:pt>
                <c:pt idx="1656">
                  <c:v>4.4800000000000004</c:v>
                </c:pt>
                <c:pt idx="1657">
                  <c:v>4.45</c:v>
                </c:pt>
                <c:pt idx="1658">
                  <c:v>4.5</c:v>
                </c:pt>
                <c:pt idx="1659">
                  <c:v>4.4800000000000004</c:v>
                </c:pt>
                <c:pt idx="1660">
                  <c:v>4.45</c:v>
                </c:pt>
                <c:pt idx="1661">
                  <c:v>4.3600000000000003</c:v>
                </c:pt>
                <c:pt idx="1662">
                  <c:v>4.38</c:v>
                </c:pt>
                <c:pt idx="1663">
                  <c:v>4.42</c:v>
                </c:pt>
                <c:pt idx="1664">
                  <c:v>4.4400000000000004</c:v>
                </c:pt>
                <c:pt idx="1665">
                  <c:v>4.41</c:v>
                </c:pt>
                <c:pt idx="1666">
                  <c:v>4.43</c:v>
                </c:pt>
                <c:pt idx="1667">
                  <c:v>4.47</c:v>
                </c:pt>
                <c:pt idx="1668">
                  <c:v>4.46</c:v>
                </c:pt>
                <c:pt idx="1669">
                  <c:v>4.46</c:v>
                </c:pt>
                <c:pt idx="1670">
                  <c:v>4.54</c:v>
                </c:pt>
                <c:pt idx="1671">
                  <c:v>4.6100000000000003</c:v>
                </c:pt>
                <c:pt idx="1672">
                  <c:v>4.55</c:v>
                </c:pt>
                <c:pt idx="1673">
                  <c:v>4.51</c:v>
                </c:pt>
                <c:pt idx="1674">
                  <c:v>4.41</c:v>
                </c:pt>
                <c:pt idx="1675">
                  <c:v>4.33</c:v>
                </c:pt>
                <c:pt idx="1676">
                  <c:v>4.29</c:v>
                </c:pt>
                <c:pt idx="1677">
                  <c:v>4.28</c:v>
                </c:pt>
                <c:pt idx="1678">
                  <c:v>4.43</c:v>
                </c:pt>
                <c:pt idx="1679">
                  <c:v>4.47</c:v>
                </c:pt>
                <c:pt idx="1680">
                  <c:v>4.3899999999999997</c:v>
                </c:pt>
                <c:pt idx="1681">
                  <c:v>4.3099999999999996</c:v>
                </c:pt>
                <c:pt idx="1682">
                  <c:v>4.24</c:v>
                </c:pt>
                <c:pt idx="1683">
                  <c:v>4.2</c:v>
                </c:pt>
                <c:pt idx="1684">
                  <c:v>4.28</c:v>
                </c:pt>
                <c:pt idx="1685">
                  <c:v>4.22</c:v>
                </c:pt>
                <c:pt idx="1686">
                  <c:v>4.22</c:v>
                </c:pt>
                <c:pt idx="1687">
                  <c:v>4.25</c:v>
                </c:pt>
                <c:pt idx="1688">
                  <c:v>4.25</c:v>
                </c:pt>
                <c:pt idx="1689">
                  <c:v>4.25</c:v>
                </c:pt>
                <c:pt idx="1690">
                  <c:v>4.2300000000000004</c:v>
                </c:pt>
                <c:pt idx="1691">
                  <c:v>4.32</c:v>
                </c:pt>
                <c:pt idx="1692">
                  <c:v>4.29</c:v>
                </c:pt>
                <c:pt idx="1693">
                  <c:v>4.3600000000000003</c:v>
                </c:pt>
                <c:pt idx="1694">
                  <c:v>4.4800000000000004</c:v>
                </c:pt>
                <c:pt idx="1695">
                  <c:v>4.43</c:v>
                </c:pt>
                <c:pt idx="1696">
                  <c:v>4.3600000000000003</c:v>
                </c:pt>
                <c:pt idx="1697">
                  <c:v>4.3600000000000003</c:v>
                </c:pt>
                <c:pt idx="1698">
                  <c:v>4.28</c:v>
                </c:pt>
                <c:pt idx="1699">
                  <c:v>4.28</c:v>
                </c:pt>
                <c:pt idx="1700">
                  <c:v>4.3</c:v>
                </c:pt>
                <c:pt idx="1701">
                  <c:v>4.28</c:v>
                </c:pt>
                <c:pt idx="1702">
                  <c:v>4.2</c:v>
                </c:pt>
              </c:numCache>
            </c:numRef>
          </c:val>
          <c:smooth val="0"/>
          <c:extLst>
            <c:ext xmlns:c16="http://schemas.microsoft.com/office/drawing/2014/chart" uri="{C3380CC4-5D6E-409C-BE32-E72D297353CC}">
              <c16:uniqueId val="{00000000-B7C2-4DA8-9E62-F4E45D0D7C69}"/>
            </c:ext>
          </c:extLst>
        </c:ser>
        <c:ser>
          <c:idx val="1"/>
          <c:order val="1"/>
          <c:tx>
            <c:strRef>
              <c:f>'10Yr_Gov'!$L$4</c:f>
              <c:strCache>
                <c:ptCount val="1"/>
                <c:pt idx="0">
                  <c:v>U.K.</c:v>
                </c:pt>
              </c:strCache>
            </c:strRef>
          </c:tx>
          <c:spPr>
            <a:ln w="25400" cap="rnd" cmpd="sng" algn="ctr">
              <a:solidFill>
                <a:srgbClr val="435254"/>
              </a:solidFill>
              <a:prstDash val="solid"/>
              <a:round/>
              <a:headEnd type="none" w="med" len="med"/>
              <a:tailEnd type="none" w="med" len="med"/>
            </a:ln>
          </c:spPr>
          <c:marker>
            <c:symbol val="none"/>
          </c:marker>
          <c:cat>
            <c:numRef>
              <c:f>'10Yr_Gov'!$J$5:$J$1707</c:f>
              <c:numCache>
                <c:formatCode>m/d/yyyy</c:formatCode>
                <c:ptCount val="1703"/>
                <c:pt idx="0">
                  <c:v>43102</c:v>
                </c:pt>
                <c:pt idx="1">
                  <c:v>43103</c:v>
                </c:pt>
                <c:pt idx="2">
                  <c:v>43104</c:v>
                </c:pt>
                <c:pt idx="3">
                  <c:v>43105</c:v>
                </c:pt>
                <c:pt idx="4">
                  <c:v>43108</c:v>
                </c:pt>
                <c:pt idx="5">
                  <c:v>43109</c:v>
                </c:pt>
                <c:pt idx="6">
                  <c:v>43110</c:v>
                </c:pt>
                <c:pt idx="7">
                  <c:v>43111</c:v>
                </c:pt>
                <c:pt idx="8">
                  <c:v>43112</c:v>
                </c:pt>
                <c:pt idx="9">
                  <c:v>43115</c:v>
                </c:pt>
                <c:pt idx="10">
                  <c:v>43116</c:v>
                </c:pt>
                <c:pt idx="11">
                  <c:v>43117</c:v>
                </c:pt>
                <c:pt idx="12">
                  <c:v>43118</c:v>
                </c:pt>
                <c:pt idx="13">
                  <c:v>43119</c:v>
                </c:pt>
                <c:pt idx="14">
                  <c:v>43122</c:v>
                </c:pt>
                <c:pt idx="15">
                  <c:v>43123</c:v>
                </c:pt>
                <c:pt idx="16">
                  <c:v>43124</c:v>
                </c:pt>
                <c:pt idx="17">
                  <c:v>43125</c:v>
                </c:pt>
                <c:pt idx="18">
                  <c:v>43126</c:v>
                </c:pt>
                <c:pt idx="19">
                  <c:v>43129</c:v>
                </c:pt>
                <c:pt idx="20">
                  <c:v>43130</c:v>
                </c:pt>
                <c:pt idx="21">
                  <c:v>43131</c:v>
                </c:pt>
                <c:pt idx="22">
                  <c:v>43132</c:v>
                </c:pt>
                <c:pt idx="23">
                  <c:v>43133</c:v>
                </c:pt>
                <c:pt idx="24">
                  <c:v>43136</c:v>
                </c:pt>
                <c:pt idx="25">
                  <c:v>43137</c:v>
                </c:pt>
                <c:pt idx="26">
                  <c:v>43138</c:v>
                </c:pt>
                <c:pt idx="27">
                  <c:v>43139</c:v>
                </c:pt>
                <c:pt idx="28">
                  <c:v>43140</c:v>
                </c:pt>
                <c:pt idx="29">
                  <c:v>43143</c:v>
                </c:pt>
                <c:pt idx="30">
                  <c:v>43144</c:v>
                </c:pt>
                <c:pt idx="31">
                  <c:v>43145</c:v>
                </c:pt>
                <c:pt idx="32">
                  <c:v>43146</c:v>
                </c:pt>
                <c:pt idx="33">
                  <c:v>43147</c:v>
                </c:pt>
                <c:pt idx="34">
                  <c:v>43150</c:v>
                </c:pt>
                <c:pt idx="35">
                  <c:v>43151</c:v>
                </c:pt>
                <c:pt idx="36">
                  <c:v>43152</c:v>
                </c:pt>
                <c:pt idx="37">
                  <c:v>43153</c:v>
                </c:pt>
                <c:pt idx="38">
                  <c:v>43154</c:v>
                </c:pt>
                <c:pt idx="39">
                  <c:v>43157</c:v>
                </c:pt>
                <c:pt idx="40">
                  <c:v>43158</c:v>
                </c:pt>
                <c:pt idx="41">
                  <c:v>43159</c:v>
                </c:pt>
                <c:pt idx="42">
                  <c:v>43160</c:v>
                </c:pt>
                <c:pt idx="43">
                  <c:v>43161</c:v>
                </c:pt>
                <c:pt idx="44">
                  <c:v>43164</c:v>
                </c:pt>
                <c:pt idx="45">
                  <c:v>43165</c:v>
                </c:pt>
                <c:pt idx="46">
                  <c:v>43166</c:v>
                </c:pt>
                <c:pt idx="47">
                  <c:v>43167</c:v>
                </c:pt>
                <c:pt idx="48">
                  <c:v>43168</c:v>
                </c:pt>
                <c:pt idx="49">
                  <c:v>43171</c:v>
                </c:pt>
                <c:pt idx="50">
                  <c:v>43172</c:v>
                </c:pt>
                <c:pt idx="51">
                  <c:v>43173</c:v>
                </c:pt>
                <c:pt idx="52">
                  <c:v>43174</c:v>
                </c:pt>
                <c:pt idx="53">
                  <c:v>43175</c:v>
                </c:pt>
                <c:pt idx="54">
                  <c:v>43178</c:v>
                </c:pt>
                <c:pt idx="55">
                  <c:v>43179</c:v>
                </c:pt>
                <c:pt idx="56">
                  <c:v>43180</c:v>
                </c:pt>
                <c:pt idx="57">
                  <c:v>43181</c:v>
                </c:pt>
                <c:pt idx="58">
                  <c:v>43182</c:v>
                </c:pt>
                <c:pt idx="59">
                  <c:v>43185</c:v>
                </c:pt>
                <c:pt idx="60">
                  <c:v>43186</c:v>
                </c:pt>
                <c:pt idx="61">
                  <c:v>43187</c:v>
                </c:pt>
                <c:pt idx="62">
                  <c:v>43188</c:v>
                </c:pt>
                <c:pt idx="63">
                  <c:v>43189</c:v>
                </c:pt>
                <c:pt idx="64">
                  <c:v>43192</c:v>
                </c:pt>
                <c:pt idx="65">
                  <c:v>43193</c:v>
                </c:pt>
                <c:pt idx="66">
                  <c:v>43194</c:v>
                </c:pt>
                <c:pt idx="67">
                  <c:v>43195</c:v>
                </c:pt>
                <c:pt idx="68">
                  <c:v>43196</c:v>
                </c:pt>
                <c:pt idx="69">
                  <c:v>43199</c:v>
                </c:pt>
                <c:pt idx="70">
                  <c:v>43200</c:v>
                </c:pt>
                <c:pt idx="71">
                  <c:v>43201</c:v>
                </c:pt>
                <c:pt idx="72">
                  <c:v>43202</c:v>
                </c:pt>
                <c:pt idx="73">
                  <c:v>43203</c:v>
                </c:pt>
                <c:pt idx="74">
                  <c:v>43206</c:v>
                </c:pt>
                <c:pt idx="75">
                  <c:v>43207</c:v>
                </c:pt>
                <c:pt idx="76">
                  <c:v>43208</c:v>
                </c:pt>
                <c:pt idx="77">
                  <c:v>43209</c:v>
                </c:pt>
                <c:pt idx="78">
                  <c:v>43210</c:v>
                </c:pt>
                <c:pt idx="79">
                  <c:v>43213</c:v>
                </c:pt>
                <c:pt idx="80">
                  <c:v>43214</c:v>
                </c:pt>
                <c:pt idx="81">
                  <c:v>43215</c:v>
                </c:pt>
                <c:pt idx="82">
                  <c:v>43216</c:v>
                </c:pt>
                <c:pt idx="83">
                  <c:v>43217</c:v>
                </c:pt>
                <c:pt idx="84">
                  <c:v>43220</c:v>
                </c:pt>
                <c:pt idx="85">
                  <c:v>43221</c:v>
                </c:pt>
                <c:pt idx="86">
                  <c:v>43222</c:v>
                </c:pt>
                <c:pt idx="87">
                  <c:v>43223</c:v>
                </c:pt>
                <c:pt idx="88">
                  <c:v>43224</c:v>
                </c:pt>
                <c:pt idx="89">
                  <c:v>43227</c:v>
                </c:pt>
                <c:pt idx="90">
                  <c:v>43228</c:v>
                </c:pt>
                <c:pt idx="91">
                  <c:v>43229</c:v>
                </c:pt>
                <c:pt idx="92">
                  <c:v>43230</c:v>
                </c:pt>
                <c:pt idx="93">
                  <c:v>43231</c:v>
                </c:pt>
                <c:pt idx="94">
                  <c:v>43234</c:v>
                </c:pt>
                <c:pt idx="95">
                  <c:v>43235</c:v>
                </c:pt>
                <c:pt idx="96">
                  <c:v>43236</c:v>
                </c:pt>
                <c:pt idx="97">
                  <c:v>43237</c:v>
                </c:pt>
                <c:pt idx="98">
                  <c:v>43238</c:v>
                </c:pt>
                <c:pt idx="99">
                  <c:v>43241</c:v>
                </c:pt>
                <c:pt idx="100">
                  <c:v>43242</c:v>
                </c:pt>
                <c:pt idx="101">
                  <c:v>43243</c:v>
                </c:pt>
                <c:pt idx="102">
                  <c:v>43244</c:v>
                </c:pt>
                <c:pt idx="103">
                  <c:v>43245</c:v>
                </c:pt>
                <c:pt idx="104">
                  <c:v>43248</c:v>
                </c:pt>
                <c:pt idx="105">
                  <c:v>43249</c:v>
                </c:pt>
                <c:pt idx="106">
                  <c:v>43250</c:v>
                </c:pt>
                <c:pt idx="107">
                  <c:v>43251</c:v>
                </c:pt>
                <c:pt idx="108">
                  <c:v>43252</c:v>
                </c:pt>
                <c:pt idx="109">
                  <c:v>43255</c:v>
                </c:pt>
                <c:pt idx="110">
                  <c:v>43256</c:v>
                </c:pt>
                <c:pt idx="111">
                  <c:v>43257</c:v>
                </c:pt>
                <c:pt idx="112">
                  <c:v>43258</c:v>
                </c:pt>
                <c:pt idx="113">
                  <c:v>43259</c:v>
                </c:pt>
                <c:pt idx="114">
                  <c:v>43262</c:v>
                </c:pt>
                <c:pt idx="115">
                  <c:v>43263</c:v>
                </c:pt>
                <c:pt idx="116">
                  <c:v>43264</c:v>
                </c:pt>
                <c:pt idx="117">
                  <c:v>43265</c:v>
                </c:pt>
                <c:pt idx="118">
                  <c:v>43266</c:v>
                </c:pt>
                <c:pt idx="119">
                  <c:v>43269</c:v>
                </c:pt>
                <c:pt idx="120">
                  <c:v>43270</c:v>
                </c:pt>
                <c:pt idx="121">
                  <c:v>43271</c:v>
                </c:pt>
                <c:pt idx="122">
                  <c:v>43272</c:v>
                </c:pt>
                <c:pt idx="123">
                  <c:v>43273</c:v>
                </c:pt>
                <c:pt idx="124">
                  <c:v>43276</c:v>
                </c:pt>
                <c:pt idx="125">
                  <c:v>43277</c:v>
                </c:pt>
                <c:pt idx="126">
                  <c:v>43278</c:v>
                </c:pt>
                <c:pt idx="127">
                  <c:v>43279</c:v>
                </c:pt>
                <c:pt idx="128">
                  <c:v>43280</c:v>
                </c:pt>
                <c:pt idx="129">
                  <c:v>43283</c:v>
                </c:pt>
                <c:pt idx="130">
                  <c:v>43284</c:v>
                </c:pt>
                <c:pt idx="131">
                  <c:v>43285</c:v>
                </c:pt>
                <c:pt idx="132">
                  <c:v>43286</c:v>
                </c:pt>
                <c:pt idx="133">
                  <c:v>43287</c:v>
                </c:pt>
                <c:pt idx="134">
                  <c:v>43290</c:v>
                </c:pt>
                <c:pt idx="135">
                  <c:v>43291</c:v>
                </c:pt>
                <c:pt idx="136">
                  <c:v>43292</c:v>
                </c:pt>
                <c:pt idx="137">
                  <c:v>43293</c:v>
                </c:pt>
                <c:pt idx="138">
                  <c:v>43294</c:v>
                </c:pt>
                <c:pt idx="139">
                  <c:v>43297</c:v>
                </c:pt>
                <c:pt idx="140">
                  <c:v>43298</c:v>
                </c:pt>
                <c:pt idx="141">
                  <c:v>43299</c:v>
                </c:pt>
                <c:pt idx="142">
                  <c:v>43300</c:v>
                </c:pt>
                <c:pt idx="143">
                  <c:v>43301</c:v>
                </c:pt>
                <c:pt idx="144">
                  <c:v>43304</c:v>
                </c:pt>
                <c:pt idx="145">
                  <c:v>43305</c:v>
                </c:pt>
                <c:pt idx="146">
                  <c:v>43306</c:v>
                </c:pt>
                <c:pt idx="147">
                  <c:v>43307</c:v>
                </c:pt>
                <c:pt idx="148">
                  <c:v>43308</c:v>
                </c:pt>
                <c:pt idx="149">
                  <c:v>43311</c:v>
                </c:pt>
                <c:pt idx="150">
                  <c:v>43312</c:v>
                </c:pt>
                <c:pt idx="151">
                  <c:v>43313</c:v>
                </c:pt>
                <c:pt idx="152">
                  <c:v>43314</c:v>
                </c:pt>
                <c:pt idx="153">
                  <c:v>43315</c:v>
                </c:pt>
                <c:pt idx="154">
                  <c:v>43318</c:v>
                </c:pt>
                <c:pt idx="155">
                  <c:v>43319</c:v>
                </c:pt>
                <c:pt idx="156">
                  <c:v>43320</c:v>
                </c:pt>
                <c:pt idx="157">
                  <c:v>43321</c:v>
                </c:pt>
                <c:pt idx="158">
                  <c:v>43322</c:v>
                </c:pt>
                <c:pt idx="159">
                  <c:v>43325</c:v>
                </c:pt>
                <c:pt idx="160">
                  <c:v>43326</c:v>
                </c:pt>
                <c:pt idx="161">
                  <c:v>43327</c:v>
                </c:pt>
                <c:pt idx="162">
                  <c:v>43328</c:v>
                </c:pt>
                <c:pt idx="163">
                  <c:v>43329</c:v>
                </c:pt>
                <c:pt idx="164">
                  <c:v>43332</c:v>
                </c:pt>
                <c:pt idx="165">
                  <c:v>43333</c:v>
                </c:pt>
                <c:pt idx="166">
                  <c:v>43334</c:v>
                </c:pt>
                <c:pt idx="167">
                  <c:v>43335</c:v>
                </c:pt>
                <c:pt idx="168">
                  <c:v>43336</c:v>
                </c:pt>
                <c:pt idx="169">
                  <c:v>43339</c:v>
                </c:pt>
                <c:pt idx="170">
                  <c:v>43340</c:v>
                </c:pt>
                <c:pt idx="171">
                  <c:v>43341</c:v>
                </c:pt>
                <c:pt idx="172">
                  <c:v>43342</c:v>
                </c:pt>
                <c:pt idx="173">
                  <c:v>43343</c:v>
                </c:pt>
                <c:pt idx="174">
                  <c:v>43346</c:v>
                </c:pt>
                <c:pt idx="175">
                  <c:v>43347</c:v>
                </c:pt>
                <c:pt idx="176">
                  <c:v>43348</c:v>
                </c:pt>
                <c:pt idx="177">
                  <c:v>43349</c:v>
                </c:pt>
                <c:pt idx="178">
                  <c:v>43350</c:v>
                </c:pt>
                <c:pt idx="179">
                  <c:v>43353</c:v>
                </c:pt>
                <c:pt idx="180">
                  <c:v>43354</c:v>
                </c:pt>
                <c:pt idx="181">
                  <c:v>43355</c:v>
                </c:pt>
                <c:pt idx="182">
                  <c:v>43356</c:v>
                </c:pt>
                <c:pt idx="183">
                  <c:v>43357</c:v>
                </c:pt>
                <c:pt idx="184">
                  <c:v>43360</c:v>
                </c:pt>
                <c:pt idx="185">
                  <c:v>43361</c:v>
                </c:pt>
                <c:pt idx="186">
                  <c:v>43362</c:v>
                </c:pt>
                <c:pt idx="187">
                  <c:v>43363</c:v>
                </c:pt>
                <c:pt idx="188">
                  <c:v>43364</c:v>
                </c:pt>
                <c:pt idx="189">
                  <c:v>43367</c:v>
                </c:pt>
                <c:pt idx="190">
                  <c:v>43368</c:v>
                </c:pt>
                <c:pt idx="191">
                  <c:v>43369</c:v>
                </c:pt>
                <c:pt idx="192">
                  <c:v>43370</c:v>
                </c:pt>
                <c:pt idx="193">
                  <c:v>43371</c:v>
                </c:pt>
                <c:pt idx="194">
                  <c:v>43374</c:v>
                </c:pt>
                <c:pt idx="195">
                  <c:v>43375</c:v>
                </c:pt>
                <c:pt idx="196">
                  <c:v>43376</c:v>
                </c:pt>
                <c:pt idx="197">
                  <c:v>43377</c:v>
                </c:pt>
                <c:pt idx="198">
                  <c:v>43378</c:v>
                </c:pt>
                <c:pt idx="199">
                  <c:v>43381</c:v>
                </c:pt>
                <c:pt idx="200">
                  <c:v>43382</c:v>
                </c:pt>
                <c:pt idx="201">
                  <c:v>43383</c:v>
                </c:pt>
                <c:pt idx="202">
                  <c:v>43384</c:v>
                </c:pt>
                <c:pt idx="203">
                  <c:v>43385</c:v>
                </c:pt>
                <c:pt idx="204">
                  <c:v>43388</c:v>
                </c:pt>
                <c:pt idx="205">
                  <c:v>43389</c:v>
                </c:pt>
                <c:pt idx="206">
                  <c:v>43390</c:v>
                </c:pt>
                <c:pt idx="207">
                  <c:v>43391</c:v>
                </c:pt>
                <c:pt idx="208">
                  <c:v>43392</c:v>
                </c:pt>
                <c:pt idx="209">
                  <c:v>43395</c:v>
                </c:pt>
                <c:pt idx="210">
                  <c:v>43396</c:v>
                </c:pt>
                <c:pt idx="211">
                  <c:v>43397</c:v>
                </c:pt>
                <c:pt idx="212">
                  <c:v>43398</c:v>
                </c:pt>
                <c:pt idx="213">
                  <c:v>43399</c:v>
                </c:pt>
                <c:pt idx="214">
                  <c:v>43402</c:v>
                </c:pt>
                <c:pt idx="215">
                  <c:v>43403</c:v>
                </c:pt>
                <c:pt idx="216">
                  <c:v>43404</c:v>
                </c:pt>
                <c:pt idx="217">
                  <c:v>43405</c:v>
                </c:pt>
                <c:pt idx="218">
                  <c:v>43406</c:v>
                </c:pt>
                <c:pt idx="219">
                  <c:v>43409</c:v>
                </c:pt>
                <c:pt idx="220">
                  <c:v>43410</c:v>
                </c:pt>
                <c:pt idx="221">
                  <c:v>43411</c:v>
                </c:pt>
                <c:pt idx="222">
                  <c:v>43412</c:v>
                </c:pt>
                <c:pt idx="223">
                  <c:v>43413</c:v>
                </c:pt>
                <c:pt idx="224">
                  <c:v>43416</c:v>
                </c:pt>
                <c:pt idx="225">
                  <c:v>43417</c:v>
                </c:pt>
                <c:pt idx="226">
                  <c:v>43418</c:v>
                </c:pt>
                <c:pt idx="227">
                  <c:v>43419</c:v>
                </c:pt>
                <c:pt idx="228">
                  <c:v>43420</c:v>
                </c:pt>
                <c:pt idx="229">
                  <c:v>43423</c:v>
                </c:pt>
                <c:pt idx="230">
                  <c:v>43424</c:v>
                </c:pt>
                <c:pt idx="231">
                  <c:v>43425</c:v>
                </c:pt>
                <c:pt idx="232">
                  <c:v>43426</c:v>
                </c:pt>
                <c:pt idx="233">
                  <c:v>43427</c:v>
                </c:pt>
                <c:pt idx="234">
                  <c:v>43430</c:v>
                </c:pt>
                <c:pt idx="235">
                  <c:v>43431</c:v>
                </c:pt>
                <c:pt idx="236">
                  <c:v>43432</c:v>
                </c:pt>
                <c:pt idx="237">
                  <c:v>43433</c:v>
                </c:pt>
                <c:pt idx="238">
                  <c:v>43434</c:v>
                </c:pt>
                <c:pt idx="239">
                  <c:v>43437</c:v>
                </c:pt>
                <c:pt idx="240">
                  <c:v>43438</c:v>
                </c:pt>
                <c:pt idx="241">
                  <c:v>43439</c:v>
                </c:pt>
                <c:pt idx="242">
                  <c:v>43440</c:v>
                </c:pt>
                <c:pt idx="243">
                  <c:v>43441</c:v>
                </c:pt>
                <c:pt idx="244">
                  <c:v>43444</c:v>
                </c:pt>
                <c:pt idx="245">
                  <c:v>43445</c:v>
                </c:pt>
                <c:pt idx="246">
                  <c:v>43446</c:v>
                </c:pt>
                <c:pt idx="247">
                  <c:v>43447</c:v>
                </c:pt>
                <c:pt idx="248">
                  <c:v>43448</c:v>
                </c:pt>
                <c:pt idx="249">
                  <c:v>43451</c:v>
                </c:pt>
                <c:pt idx="250">
                  <c:v>43452</c:v>
                </c:pt>
                <c:pt idx="251">
                  <c:v>43453</c:v>
                </c:pt>
                <c:pt idx="252">
                  <c:v>43454</c:v>
                </c:pt>
                <c:pt idx="253">
                  <c:v>43455</c:v>
                </c:pt>
                <c:pt idx="254">
                  <c:v>43458</c:v>
                </c:pt>
                <c:pt idx="255">
                  <c:v>43459</c:v>
                </c:pt>
                <c:pt idx="256">
                  <c:v>43460</c:v>
                </c:pt>
                <c:pt idx="257">
                  <c:v>43461</c:v>
                </c:pt>
                <c:pt idx="258">
                  <c:v>43462</c:v>
                </c:pt>
                <c:pt idx="259">
                  <c:v>43465</c:v>
                </c:pt>
                <c:pt idx="260">
                  <c:v>43466</c:v>
                </c:pt>
                <c:pt idx="261">
                  <c:v>43467</c:v>
                </c:pt>
                <c:pt idx="262">
                  <c:v>43468</c:v>
                </c:pt>
                <c:pt idx="263">
                  <c:v>43469</c:v>
                </c:pt>
                <c:pt idx="264">
                  <c:v>43472</c:v>
                </c:pt>
                <c:pt idx="265">
                  <c:v>43473</c:v>
                </c:pt>
                <c:pt idx="266">
                  <c:v>43474</c:v>
                </c:pt>
                <c:pt idx="267">
                  <c:v>43475</c:v>
                </c:pt>
                <c:pt idx="268">
                  <c:v>43476</c:v>
                </c:pt>
                <c:pt idx="269">
                  <c:v>43479</c:v>
                </c:pt>
                <c:pt idx="270">
                  <c:v>43480</c:v>
                </c:pt>
                <c:pt idx="271">
                  <c:v>43481</c:v>
                </c:pt>
                <c:pt idx="272">
                  <c:v>43482</c:v>
                </c:pt>
                <c:pt idx="273">
                  <c:v>43483</c:v>
                </c:pt>
                <c:pt idx="274">
                  <c:v>43486</c:v>
                </c:pt>
                <c:pt idx="275">
                  <c:v>43487</c:v>
                </c:pt>
                <c:pt idx="276">
                  <c:v>43488</c:v>
                </c:pt>
                <c:pt idx="277">
                  <c:v>43489</c:v>
                </c:pt>
                <c:pt idx="278">
                  <c:v>43490</c:v>
                </c:pt>
                <c:pt idx="279">
                  <c:v>43493</c:v>
                </c:pt>
                <c:pt idx="280">
                  <c:v>43494</c:v>
                </c:pt>
                <c:pt idx="281">
                  <c:v>43495</c:v>
                </c:pt>
                <c:pt idx="282">
                  <c:v>43496</c:v>
                </c:pt>
                <c:pt idx="283">
                  <c:v>43497</c:v>
                </c:pt>
                <c:pt idx="284">
                  <c:v>43500</c:v>
                </c:pt>
                <c:pt idx="285">
                  <c:v>43501</c:v>
                </c:pt>
                <c:pt idx="286">
                  <c:v>43502</c:v>
                </c:pt>
                <c:pt idx="287">
                  <c:v>43503</c:v>
                </c:pt>
                <c:pt idx="288">
                  <c:v>43504</c:v>
                </c:pt>
                <c:pt idx="289">
                  <c:v>43507</c:v>
                </c:pt>
                <c:pt idx="290">
                  <c:v>43508</c:v>
                </c:pt>
                <c:pt idx="291">
                  <c:v>43509</c:v>
                </c:pt>
                <c:pt idx="292">
                  <c:v>43510</c:v>
                </c:pt>
                <c:pt idx="293">
                  <c:v>43511</c:v>
                </c:pt>
                <c:pt idx="294">
                  <c:v>43514</c:v>
                </c:pt>
                <c:pt idx="295">
                  <c:v>43515</c:v>
                </c:pt>
                <c:pt idx="296">
                  <c:v>43516</c:v>
                </c:pt>
                <c:pt idx="297">
                  <c:v>43517</c:v>
                </c:pt>
                <c:pt idx="298">
                  <c:v>43518</c:v>
                </c:pt>
                <c:pt idx="299">
                  <c:v>43521</c:v>
                </c:pt>
                <c:pt idx="300">
                  <c:v>43522</c:v>
                </c:pt>
                <c:pt idx="301">
                  <c:v>43523</c:v>
                </c:pt>
                <c:pt idx="302">
                  <c:v>43524</c:v>
                </c:pt>
                <c:pt idx="303">
                  <c:v>43525</c:v>
                </c:pt>
                <c:pt idx="304">
                  <c:v>43528</c:v>
                </c:pt>
                <c:pt idx="305">
                  <c:v>43529</c:v>
                </c:pt>
                <c:pt idx="306">
                  <c:v>43530</c:v>
                </c:pt>
                <c:pt idx="307">
                  <c:v>43531</c:v>
                </c:pt>
                <c:pt idx="308">
                  <c:v>43532</c:v>
                </c:pt>
                <c:pt idx="309">
                  <c:v>43535</c:v>
                </c:pt>
                <c:pt idx="310">
                  <c:v>43536</c:v>
                </c:pt>
                <c:pt idx="311">
                  <c:v>43537</c:v>
                </c:pt>
                <c:pt idx="312">
                  <c:v>43538</c:v>
                </c:pt>
                <c:pt idx="313">
                  <c:v>43539</c:v>
                </c:pt>
                <c:pt idx="314">
                  <c:v>43542</c:v>
                </c:pt>
                <c:pt idx="315">
                  <c:v>43543</c:v>
                </c:pt>
                <c:pt idx="316">
                  <c:v>43544</c:v>
                </c:pt>
                <c:pt idx="317">
                  <c:v>43545</c:v>
                </c:pt>
                <c:pt idx="318">
                  <c:v>43546</c:v>
                </c:pt>
                <c:pt idx="319">
                  <c:v>43549</c:v>
                </c:pt>
                <c:pt idx="320">
                  <c:v>43550</c:v>
                </c:pt>
                <c:pt idx="321">
                  <c:v>43551</c:v>
                </c:pt>
                <c:pt idx="322">
                  <c:v>43552</c:v>
                </c:pt>
                <c:pt idx="323">
                  <c:v>43553</c:v>
                </c:pt>
                <c:pt idx="324">
                  <c:v>43556</c:v>
                </c:pt>
                <c:pt idx="325">
                  <c:v>43557</c:v>
                </c:pt>
                <c:pt idx="326">
                  <c:v>43558</c:v>
                </c:pt>
                <c:pt idx="327">
                  <c:v>43559</c:v>
                </c:pt>
                <c:pt idx="328">
                  <c:v>43560</c:v>
                </c:pt>
                <c:pt idx="329">
                  <c:v>43563</c:v>
                </c:pt>
                <c:pt idx="330">
                  <c:v>43564</c:v>
                </c:pt>
                <c:pt idx="331">
                  <c:v>43565</c:v>
                </c:pt>
                <c:pt idx="332">
                  <c:v>43566</c:v>
                </c:pt>
                <c:pt idx="333">
                  <c:v>43567</c:v>
                </c:pt>
                <c:pt idx="334">
                  <c:v>43570</c:v>
                </c:pt>
                <c:pt idx="335">
                  <c:v>43571</c:v>
                </c:pt>
                <c:pt idx="336">
                  <c:v>43572</c:v>
                </c:pt>
                <c:pt idx="337">
                  <c:v>43573</c:v>
                </c:pt>
                <c:pt idx="338">
                  <c:v>43574</c:v>
                </c:pt>
                <c:pt idx="339">
                  <c:v>43577</c:v>
                </c:pt>
                <c:pt idx="340">
                  <c:v>43578</c:v>
                </c:pt>
                <c:pt idx="341">
                  <c:v>43579</c:v>
                </c:pt>
                <c:pt idx="342">
                  <c:v>43580</c:v>
                </c:pt>
                <c:pt idx="343">
                  <c:v>43581</c:v>
                </c:pt>
                <c:pt idx="344">
                  <c:v>43584</c:v>
                </c:pt>
                <c:pt idx="345">
                  <c:v>43585</c:v>
                </c:pt>
                <c:pt idx="346">
                  <c:v>43586</c:v>
                </c:pt>
                <c:pt idx="347">
                  <c:v>43587</c:v>
                </c:pt>
                <c:pt idx="348">
                  <c:v>43588</c:v>
                </c:pt>
                <c:pt idx="349">
                  <c:v>43591</c:v>
                </c:pt>
                <c:pt idx="350">
                  <c:v>43592</c:v>
                </c:pt>
                <c:pt idx="351">
                  <c:v>43593</c:v>
                </c:pt>
                <c:pt idx="352">
                  <c:v>43594</c:v>
                </c:pt>
                <c:pt idx="353">
                  <c:v>43595</c:v>
                </c:pt>
                <c:pt idx="354">
                  <c:v>43598</c:v>
                </c:pt>
                <c:pt idx="355">
                  <c:v>43599</c:v>
                </c:pt>
                <c:pt idx="356">
                  <c:v>43600</c:v>
                </c:pt>
                <c:pt idx="357">
                  <c:v>43601</c:v>
                </c:pt>
                <c:pt idx="358">
                  <c:v>43602</c:v>
                </c:pt>
                <c:pt idx="359">
                  <c:v>43605</c:v>
                </c:pt>
                <c:pt idx="360">
                  <c:v>43606</c:v>
                </c:pt>
                <c:pt idx="361">
                  <c:v>43607</c:v>
                </c:pt>
                <c:pt idx="362">
                  <c:v>43608</c:v>
                </c:pt>
                <c:pt idx="363">
                  <c:v>43609</c:v>
                </c:pt>
                <c:pt idx="364">
                  <c:v>43612</c:v>
                </c:pt>
                <c:pt idx="365">
                  <c:v>43613</c:v>
                </c:pt>
                <c:pt idx="366">
                  <c:v>43614</c:v>
                </c:pt>
                <c:pt idx="367">
                  <c:v>43615</c:v>
                </c:pt>
                <c:pt idx="368">
                  <c:v>43616</c:v>
                </c:pt>
                <c:pt idx="369">
                  <c:v>43619</c:v>
                </c:pt>
                <c:pt idx="370">
                  <c:v>43620</c:v>
                </c:pt>
                <c:pt idx="371">
                  <c:v>43621</c:v>
                </c:pt>
                <c:pt idx="372">
                  <c:v>43622</c:v>
                </c:pt>
                <c:pt idx="373">
                  <c:v>43623</c:v>
                </c:pt>
                <c:pt idx="374">
                  <c:v>43626</c:v>
                </c:pt>
                <c:pt idx="375">
                  <c:v>43627</c:v>
                </c:pt>
                <c:pt idx="376">
                  <c:v>43628</c:v>
                </c:pt>
                <c:pt idx="377">
                  <c:v>43629</c:v>
                </c:pt>
                <c:pt idx="378">
                  <c:v>43630</c:v>
                </c:pt>
                <c:pt idx="379">
                  <c:v>43633</c:v>
                </c:pt>
                <c:pt idx="380">
                  <c:v>43634</c:v>
                </c:pt>
                <c:pt idx="381">
                  <c:v>43635</c:v>
                </c:pt>
                <c:pt idx="382">
                  <c:v>43636</c:v>
                </c:pt>
                <c:pt idx="383">
                  <c:v>43637</c:v>
                </c:pt>
                <c:pt idx="384">
                  <c:v>43640</c:v>
                </c:pt>
                <c:pt idx="385">
                  <c:v>43641</c:v>
                </c:pt>
                <c:pt idx="386">
                  <c:v>43642</c:v>
                </c:pt>
                <c:pt idx="387">
                  <c:v>43643</c:v>
                </c:pt>
                <c:pt idx="388">
                  <c:v>43644</c:v>
                </c:pt>
                <c:pt idx="389">
                  <c:v>43647</c:v>
                </c:pt>
                <c:pt idx="390">
                  <c:v>43648</c:v>
                </c:pt>
                <c:pt idx="391">
                  <c:v>43649</c:v>
                </c:pt>
                <c:pt idx="392">
                  <c:v>43650</c:v>
                </c:pt>
                <c:pt idx="393">
                  <c:v>43651</c:v>
                </c:pt>
                <c:pt idx="394">
                  <c:v>43654</c:v>
                </c:pt>
                <c:pt idx="395">
                  <c:v>43655</c:v>
                </c:pt>
                <c:pt idx="396">
                  <c:v>43656</c:v>
                </c:pt>
                <c:pt idx="397">
                  <c:v>43657</c:v>
                </c:pt>
                <c:pt idx="398">
                  <c:v>43658</c:v>
                </c:pt>
                <c:pt idx="399">
                  <c:v>43661</c:v>
                </c:pt>
                <c:pt idx="400">
                  <c:v>43662</c:v>
                </c:pt>
                <c:pt idx="401">
                  <c:v>43663</c:v>
                </c:pt>
                <c:pt idx="402">
                  <c:v>43664</c:v>
                </c:pt>
                <c:pt idx="403">
                  <c:v>43665</c:v>
                </c:pt>
                <c:pt idx="404">
                  <c:v>43668</c:v>
                </c:pt>
                <c:pt idx="405">
                  <c:v>43669</c:v>
                </c:pt>
                <c:pt idx="406">
                  <c:v>43670</c:v>
                </c:pt>
                <c:pt idx="407">
                  <c:v>43671</c:v>
                </c:pt>
                <c:pt idx="408">
                  <c:v>43672</c:v>
                </c:pt>
                <c:pt idx="409">
                  <c:v>43675</c:v>
                </c:pt>
                <c:pt idx="410">
                  <c:v>43676</c:v>
                </c:pt>
                <c:pt idx="411">
                  <c:v>43677</c:v>
                </c:pt>
                <c:pt idx="412">
                  <c:v>43678</c:v>
                </c:pt>
                <c:pt idx="413">
                  <c:v>43679</c:v>
                </c:pt>
                <c:pt idx="414">
                  <c:v>43682</c:v>
                </c:pt>
                <c:pt idx="415">
                  <c:v>43683</c:v>
                </c:pt>
                <c:pt idx="416">
                  <c:v>43684</c:v>
                </c:pt>
                <c:pt idx="417">
                  <c:v>43685</c:v>
                </c:pt>
                <c:pt idx="418">
                  <c:v>43686</c:v>
                </c:pt>
                <c:pt idx="419">
                  <c:v>43689</c:v>
                </c:pt>
                <c:pt idx="420">
                  <c:v>43690</c:v>
                </c:pt>
                <c:pt idx="421">
                  <c:v>43691</c:v>
                </c:pt>
                <c:pt idx="422">
                  <c:v>43692</c:v>
                </c:pt>
                <c:pt idx="423">
                  <c:v>43693</c:v>
                </c:pt>
                <c:pt idx="424">
                  <c:v>43696</c:v>
                </c:pt>
                <c:pt idx="425">
                  <c:v>43697</c:v>
                </c:pt>
                <c:pt idx="426">
                  <c:v>43698</c:v>
                </c:pt>
                <c:pt idx="427">
                  <c:v>43699</c:v>
                </c:pt>
                <c:pt idx="428">
                  <c:v>43700</c:v>
                </c:pt>
                <c:pt idx="429">
                  <c:v>43703</c:v>
                </c:pt>
                <c:pt idx="430">
                  <c:v>43704</c:v>
                </c:pt>
                <c:pt idx="431">
                  <c:v>43705</c:v>
                </c:pt>
                <c:pt idx="432">
                  <c:v>43706</c:v>
                </c:pt>
                <c:pt idx="433">
                  <c:v>43707</c:v>
                </c:pt>
                <c:pt idx="434">
                  <c:v>43710</c:v>
                </c:pt>
                <c:pt idx="435">
                  <c:v>43711</c:v>
                </c:pt>
                <c:pt idx="436">
                  <c:v>43712</c:v>
                </c:pt>
                <c:pt idx="437">
                  <c:v>43713</c:v>
                </c:pt>
                <c:pt idx="438">
                  <c:v>43714</c:v>
                </c:pt>
                <c:pt idx="439">
                  <c:v>43717</c:v>
                </c:pt>
                <c:pt idx="440">
                  <c:v>43718</c:v>
                </c:pt>
                <c:pt idx="441">
                  <c:v>43719</c:v>
                </c:pt>
                <c:pt idx="442">
                  <c:v>43720</c:v>
                </c:pt>
                <c:pt idx="443">
                  <c:v>43721</c:v>
                </c:pt>
                <c:pt idx="444">
                  <c:v>43724</c:v>
                </c:pt>
                <c:pt idx="445">
                  <c:v>43725</c:v>
                </c:pt>
                <c:pt idx="446">
                  <c:v>43726</c:v>
                </c:pt>
                <c:pt idx="447">
                  <c:v>43727</c:v>
                </c:pt>
                <c:pt idx="448">
                  <c:v>43728</c:v>
                </c:pt>
                <c:pt idx="449">
                  <c:v>43731</c:v>
                </c:pt>
                <c:pt idx="450">
                  <c:v>43732</c:v>
                </c:pt>
                <c:pt idx="451">
                  <c:v>43733</c:v>
                </c:pt>
                <c:pt idx="452">
                  <c:v>43734</c:v>
                </c:pt>
                <c:pt idx="453">
                  <c:v>43735</c:v>
                </c:pt>
                <c:pt idx="454">
                  <c:v>43738</c:v>
                </c:pt>
                <c:pt idx="455">
                  <c:v>43739</c:v>
                </c:pt>
                <c:pt idx="456">
                  <c:v>43740</c:v>
                </c:pt>
                <c:pt idx="457">
                  <c:v>43741</c:v>
                </c:pt>
                <c:pt idx="458">
                  <c:v>43742</c:v>
                </c:pt>
                <c:pt idx="459">
                  <c:v>43745</c:v>
                </c:pt>
                <c:pt idx="460">
                  <c:v>43746</c:v>
                </c:pt>
                <c:pt idx="461">
                  <c:v>43747</c:v>
                </c:pt>
                <c:pt idx="462">
                  <c:v>43748</c:v>
                </c:pt>
                <c:pt idx="463">
                  <c:v>43749</c:v>
                </c:pt>
                <c:pt idx="464">
                  <c:v>43752</c:v>
                </c:pt>
                <c:pt idx="465">
                  <c:v>43753</c:v>
                </c:pt>
                <c:pt idx="466">
                  <c:v>43754</c:v>
                </c:pt>
                <c:pt idx="467">
                  <c:v>43755</c:v>
                </c:pt>
                <c:pt idx="468">
                  <c:v>43756</c:v>
                </c:pt>
                <c:pt idx="469">
                  <c:v>43759</c:v>
                </c:pt>
                <c:pt idx="470">
                  <c:v>43760</c:v>
                </c:pt>
                <c:pt idx="471">
                  <c:v>43761</c:v>
                </c:pt>
                <c:pt idx="472">
                  <c:v>43762</c:v>
                </c:pt>
                <c:pt idx="473">
                  <c:v>43763</c:v>
                </c:pt>
                <c:pt idx="474">
                  <c:v>43766</c:v>
                </c:pt>
                <c:pt idx="475">
                  <c:v>43767</c:v>
                </c:pt>
                <c:pt idx="476">
                  <c:v>43768</c:v>
                </c:pt>
                <c:pt idx="477">
                  <c:v>43769</c:v>
                </c:pt>
                <c:pt idx="478">
                  <c:v>43770</c:v>
                </c:pt>
                <c:pt idx="479">
                  <c:v>43773</c:v>
                </c:pt>
                <c:pt idx="480">
                  <c:v>43774</c:v>
                </c:pt>
                <c:pt idx="481">
                  <c:v>43775</c:v>
                </c:pt>
                <c:pt idx="482">
                  <c:v>43776</c:v>
                </c:pt>
                <c:pt idx="483">
                  <c:v>43777</c:v>
                </c:pt>
                <c:pt idx="484">
                  <c:v>43780</c:v>
                </c:pt>
                <c:pt idx="485">
                  <c:v>43781</c:v>
                </c:pt>
                <c:pt idx="486">
                  <c:v>43782</c:v>
                </c:pt>
                <c:pt idx="487">
                  <c:v>43783</c:v>
                </c:pt>
                <c:pt idx="488">
                  <c:v>43784</c:v>
                </c:pt>
                <c:pt idx="489">
                  <c:v>43787</c:v>
                </c:pt>
                <c:pt idx="490">
                  <c:v>43788</c:v>
                </c:pt>
                <c:pt idx="491">
                  <c:v>43789</c:v>
                </c:pt>
                <c:pt idx="492">
                  <c:v>43790</c:v>
                </c:pt>
                <c:pt idx="493">
                  <c:v>43791</c:v>
                </c:pt>
                <c:pt idx="494">
                  <c:v>43794</c:v>
                </c:pt>
                <c:pt idx="495">
                  <c:v>43795</c:v>
                </c:pt>
                <c:pt idx="496">
                  <c:v>43796</c:v>
                </c:pt>
                <c:pt idx="497">
                  <c:v>43797</c:v>
                </c:pt>
                <c:pt idx="498">
                  <c:v>43798</c:v>
                </c:pt>
                <c:pt idx="499">
                  <c:v>43801</c:v>
                </c:pt>
                <c:pt idx="500">
                  <c:v>43802</c:v>
                </c:pt>
                <c:pt idx="501">
                  <c:v>43803</c:v>
                </c:pt>
                <c:pt idx="502">
                  <c:v>43804</c:v>
                </c:pt>
                <c:pt idx="503">
                  <c:v>43805</c:v>
                </c:pt>
                <c:pt idx="504">
                  <c:v>43808</c:v>
                </c:pt>
                <c:pt idx="505">
                  <c:v>43809</c:v>
                </c:pt>
                <c:pt idx="506">
                  <c:v>43810</c:v>
                </c:pt>
                <c:pt idx="507">
                  <c:v>43811</c:v>
                </c:pt>
                <c:pt idx="508">
                  <c:v>43812</c:v>
                </c:pt>
                <c:pt idx="509">
                  <c:v>43815</c:v>
                </c:pt>
                <c:pt idx="510">
                  <c:v>43816</c:v>
                </c:pt>
                <c:pt idx="511">
                  <c:v>43817</c:v>
                </c:pt>
                <c:pt idx="512">
                  <c:v>43818</c:v>
                </c:pt>
                <c:pt idx="513">
                  <c:v>43819</c:v>
                </c:pt>
                <c:pt idx="514">
                  <c:v>43822</c:v>
                </c:pt>
                <c:pt idx="515">
                  <c:v>43823</c:v>
                </c:pt>
                <c:pt idx="516">
                  <c:v>43824</c:v>
                </c:pt>
                <c:pt idx="517">
                  <c:v>43825</c:v>
                </c:pt>
                <c:pt idx="518">
                  <c:v>43826</c:v>
                </c:pt>
                <c:pt idx="519">
                  <c:v>43829</c:v>
                </c:pt>
                <c:pt idx="520">
                  <c:v>43830</c:v>
                </c:pt>
                <c:pt idx="521">
                  <c:v>43831</c:v>
                </c:pt>
                <c:pt idx="522">
                  <c:v>43832</c:v>
                </c:pt>
                <c:pt idx="523">
                  <c:v>43833</c:v>
                </c:pt>
                <c:pt idx="524">
                  <c:v>43836</c:v>
                </c:pt>
                <c:pt idx="525">
                  <c:v>43837</c:v>
                </c:pt>
                <c:pt idx="526">
                  <c:v>43838</c:v>
                </c:pt>
                <c:pt idx="527">
                  <c:v>43839</c:v>
                </c:pt>
                <c:pt idx="528">
                  <c:v>43840</c:v>
                </c:pt>
                <c:pt idx="529">
                  <c:v>43843</c:v>
                </c:pt>
                <c:pt idx="530">
                  <c:v>43844</c:v>
                </c:pt>
                <c:pt idx="531">
                  <c:v>43845</c:v>
                </c:pt>
                <c:pt idx="532">
                  <c:v>43846</c:v>
                </c:pt>
                <c:pt idx="533">
                  <c:v>43847</c:v>
                </c:pt>
                <c:pt idx="534">
                  <c:v>43850</c:v>
                </c:pt>
                <c:pt idx="535">
                  <c:v>43851</c:v>
                </c:pt>
                <c:pt idx="536">
                  <c:v>43852</c:v>
                </c:pt>
                <c:pt idx="537">
                  <c:v>43853</c:v>
                </c:pt>
                <c:pt idx="538">
                  <c:v>43854</c:v>
                </c:pt>
                <c:pt idx="539">
                  <c:v>43857</c:v>
                </c:pt>
                <c:pt idx="540">
                  <c:v>43858</c:v>
                </c:pt>
                <c:pt idx="541">
                  <c:v>43859</c:v>
                </c:pt>
                <c:pt idx="542">
                  <c:v>43860</c:v>
                </c:pt>
                <c:pt idx="543">
                  <c:v>43861</c:v>
                </c:pt>
                <c:pt idx="544">
                  <c:v>43864</c:v>
                </c:pt>
                <c:pt idx="545">
                  <c:v>43865</c:v>
                </c:pt>
                <c:pt idx="546">
                  <c:v>43866</c:v>
                </c:pt>
                <c:pt idx="547">
                  <c:v>43867</c:v>
                </c:pt>
                <c:pt idx="548">
                  <c:v>43868</c:v>
                </c:pt>
                <c:pt idx="549">
                  <c:v>43871</c:v>
                </c:pt>
                <c:pt idx="550">
                  <c:v>43872</c:v>
                </c:pt>
                <c:pt idx="551">
                  <c:v>43873</c:v>
                </c:pt>
                <c:pt idx="552">
                  <c:v>43874</c:v>
                </c:pt>
                <c:pt idx="553">
                  <c:v>43875</c:v>
                </c:pt>
                <c:pt idx="554">
                  <c:v>43878</c:v>
                </c:pt>
                <c:pt idx="555">
                  <c:v>43879</c:v>
                </c:pt>
                <c:pt idx="556">
                  <c:v>43880</c:v>
                </c:pt>
                <c:pt idx="557">
                  <c:v>43881</c:v>
                </c:pt>
                <c:pt idx="558">
                  <c:v>43882</c:v>
                </c:pt>
                <c:pt idx="559">
                  <c:v>43885</c:v>
                </c:pt>
                <c:pt idx="560">
                  <c:v>43886</c:v>
                </c:pt>
                <c:pt idx="561">
                  <c:v>43887</c:v>
                </c:pt>
                <c:pt idx="562">
                  <c:v>43888</c:v>
                </c:pt>
                <c:pt idx="563">
                  <c:v>43889</c:v>
                </c:pt>
                <c:pt idx="564">
                  <c:v>43892</c:v>
                </c:pt>
                <c:pt idx="565">
                  <c:v>43893</c:v>
                </c:pt>
                <c:pt idx="566">
                  <c:v>43894</c:v>
                </c:pt>
                <c:pt idx="567">
                  <c:v>43895</c:v>
                </c:pt>
                <c:pt idx="568">
                  <c:v>43896</c:v>
                </c:pt>
                <c:pt idx="569">
                  <c:v>43899</c:v>
                </c:pt>
                <c:pt idx="570">
                  <c:v>43900</c:v>
                </c:pt>
                <c:pt idx="571">
                  <c:v>43901</c:v>
                </c:pt>
                <c:pt idx="572">
                  <c:v>43902</c:v>
                </c:pt>
                <c:pt idx="573">
                  <c:v>43903</c:v>
                </c:pt>
                <c:pt idx="574">
                  <c:v>43906</c:v>
                </c:pt>
                <c:pt idx="575">
                  <c:v>43907</c:v>
                </c:pt>
                <c:pt idx="576">
                  <c:v>43908</c:v>
                </c:pt>
                <c:pt idx="577">
                  <c:v>43909</c:v>
                </c:pt>
                <c:pt idx="578">
                  <c:v>43910</c:v>
                </c:pt>
                <c:pt idx="579">
                  <c:v>43913</c:v>
                </c:pt>
                <c:pt idx="580">
                  <c:v>43914</c:v>
                </c:pt>
                <c:pt idx="581">
                  <c:v>43915</c:v>
                </c:pt>
                <c:pt idx="582">
                  <c:v>43916</c:v>
                </c:pt>
                <c:pt idx="583">
                  <c:v>43917</c:v>
                </c:pt>
                <c:pt idx="584">
                  <c:v>43920</c:v>
                </c:pt>
                <c:pt idx="585">
                  <c:v>43921</c:v>
                </c:pt>
                <c:pt idx="586">
                  <c:v>43922</c:v>
                </c:pt>
                <c:pt idx="587">
                  <c:v>43923</c:v>
                </c:pt>
                <c:pt idx="588">
                  <c:v>43924</c:v>
                </c:pt>
                <c:pt idx="589">
                  <c:v>43927</c:v>
                </c:pt>
                <c:pt idx="590">
                  <c:v>43928</c:v>
                </c:pt>
                <c:pt idx="591">
                  <c:v>43929</c:v>
                </c:pt>
                <c:pt idx="592">
                  <c:v>43930</c:v>
                </c:pt>
                <c:pt idx="593">
                  <c:v>43931</c:v>
                </c:pt>
                <c:pt idx="594">
                  <c:v>43934</c:v>
                </c:pt>
                <c:pt idx="595">
                  <c:v>43935</c:v>
                </c:pt>
                <c:pt idx="596">
                  <c:v>43936</c:v>
                </c:pt>
                <c:pt idx="597">
                  <c:v>43937</c:v>
                </c:pt>
                <c:pt idx="598">
                  <c:v>43938</c:v>
                </c:pt>
                <c:pt idx="599">
                  <c:v>43941</c:v>
                </c:pt>
                <c:pt idx="600">
                  <c:v>43942</c:v>
                </c:pt>
                <c:pt idx="601">
                  <c:v>43943</c:v>
                </c:pt>
                <c:pt idx="602">
                  <c:v>43944</c:v>
                </c:pt>
                <c:pt idx="603">
                  <c:v>43945</c:v>
                </c:pt>
                <c:pt idx="604">
                  <c:v>43948</c:v>
                </c:pt>
                <c:pt idx="605">
                  <c:v>43949</c:v>
                </c:pt>
                <c:pt idx="606">
                  <c:v>43950</c:v>
                </c:pt>
                <c:pt idx="607">
                  <c:v>43951</c:v>
                </c:pt>
                <c:pt idx="608">
                  <c:v>43952</c:v>
                </c:pt>
                <c:pt idx="609">
                  <c:v>43955</c:v>
                </c:pt>
                <c:pt idx="610">
                  <c:v>43956</c:v>
                </c:pt>
                <c:pt idx="611">
                  <c:v>43957</c:v>
                </c:pt>
                <c:pt idx="612">
                  <c:v>43958</c:v>
                </c:pt>
                <c:pt idx="613">
                  <c:v>43959</c:v>
                </c:pt>
                <c:pt idx="614">
                  <c:v>43962</c:v>
                </c:pt>
                <c:pt idx="615">
                  <c:v>43963</c:v>
                </c:pt>
                <c:pt idx="616">
                  <c:v>43964</c:v>
                </c:pt>
                <c:pt idx="617">
                  <c:v>43965</c:v>
                </c:pt>
                <c:pt idx="618">
                  <c:v>43966</c:v>
                </c:pt>
                <c:pt idx="619">
                  <c:v>43969</c:v>
                </c:pt>
                <c:pt idx="620">
                  <c:v>43970</c:v>
                </c:pt>
                <c:pt idx="621">
                  <c:v>43971</c:v>
                </c:pt>
                <c:pt idx="622">
                  <c:v>43972</c:v>
                </c:pt>
                <c:pt idx="623">
                  <c:v>43973</c:v>
                </c:pt>
                <c:pt idx="624">
                  <c:v>43976</c:v>
                </c:pt>
                <c:pt idx="625">
                  <c:v>43977</c:v>
                </c:pt>
                <c:pt idx="626">
                  <c:v>43978</c:v>
                </c:pt>
                <c:pt idx="627">
                  <c:v>43979</c:v>
                </c:pt>
                <c:pt idx="628">
                  <c:v>43980</c:v>
                </c:pt>
                <c:pt idx="629">
                  <c:v>43983</c:v>
                </c:pt>
                <c:pt idx="630">
                  <c:v>43984</c:v>
                </c:pt>
                <c:pt idx="631">
                  <c:v>43985</c:v>
                </c:pt>
                <c:pt idx="632">
                  <c:v>43986</c:v>
                </c:pt>
                <c:pt idx="633">
                  <c:v>43987</c:v>
                </c:pt>
                <c:pt idx="634">
                  <c:v>43990</c:v>
                </c:pt>
                <c:pt idx="635">
                  <c:v>43991</c:v>
                </c:pt>
                <c:pt idx="636">
                  <c:v>43992</c:v>
                </c:pt>
                <c:pt idx="637">
                  <c:v>43993</c:v>
                </c:pt>
                <c:pt idx="638">
                  <c:v>43994</c:v>
                </c:pt>
                <c:pt idx="639">
                  <c:v>43997</c:v>
                </c:pt>
                <c:pt idx="640">
                  <c:v>43998</c:v>
                </c:pt>
                <c:pt idx="641">
                  <c:v>43999</c:v>
                </c:pt>
                <c:pt idx="642">
                  <c:v>44000</c:v>
                </c:pt>
                <c:pt idx="643">
                  <c:v>44001</c:v>
                </c:pt>
                <c:pt idx="644">
                  <c:v>44004</c:v>
                </c:pt>
                <c:pt idx="645">
                  <c:v>44005</c:v>
                </c:pt>
                <c:pt idx="646">
                  <c:v>44006</c:v>
                </c:pt>
                <c:pt idx="647">
                  <c:v>44007</c:v>
                </c:pt>
                <c:pt idx="648">
                  <c:v>44008</c:v>
                </c:pt>
                <c:pt idx="649">
                  <c:v>44011</c:v>
                </c:pt>
                <c:pt idx="650">
                  <c:v>44012</c:v>
                </c:pt>
                <c:pt idx="651">
                  <c:v>44013</c:v>
                </c:pt>
                <c:pt idx="652">
                  <c:v>44014</c:v>
                </c:pt>
                <c:pt idx="653">
                  <c:v>44015</c:v>
                </c:pt>
                <c:pt idx="654">
                  <c:v>44018</c:v>
                </c:pt>
                <c:pt idx="655">
                  <c:v>44019</c:v>
                </c:pt>
                <c:pt idx="656">
                  <c:v>44020</c:v>
                </c:pt>
                <c:pt idx="657">
                  <c:v>44021</c:v>
                </c:pt>
                <c:pt idx="658">
                  <c:v>44022</c:v>
                </c:pt>
                <c:pt idx="659">
                  <c:v>44025</c:v>
                </c:pt>
                <c:pt idx="660">
                  <c:v>44026</c:v>
                </c:pt>
                <c:pt idx="661">
                  <c:v>44027</c:v>
                </c:pt>
                <c:pt idx="662">
                  <c:v>44028</c:v>
                </c:pt>
                <c:pt idx="663">
                  <c:v>44029</c:v>
                </c:pt>
                <c:pt idx="664">
                  <c:v>44032</c:v>
                </c:pt>
                <c:pt idx="665">
                  <c:v>44033</c:v>
                </c:pt>
                <c:pt idx="666">
                  <c:v>44034</c:v>
                </c:pt>
                <c:pt idx="667">
                  <c:v>44035</c:v>
                </c:pt>
                <c:pt idx="668">
                  <c:v>44036</c:v>
                </c:pt>
                <c:pt idx="669">
                  <c:v>44039</c:v>
                </c:pt>
                <c:pt idx="670">
                  <c:v>44040</c:v>
                </c:pt>
                <c:pt idx="671">
                  <c:v>44041</c:v>
                </c:pt>
                <c:pt idx="672">
                  <c:v>44042</c:v>
                </c:pt>
                <c:pt idx="673">
                  <c:v>44043</c:v>
                </c:pt>
                <c:pt idx="674">
                  <c:v>44046</c:v>
                </c:pt>
                <c:pt idx="675">
                  <c:v>44047</c:v>
                </c:pt>
                <c:pt idx="676">
                  <c:v>44048</c:v>
                </c:pt>
                <c:pt idx="677">
                  <c:v>44049</c:v>
                </c:pt>
                <c:pt idx="678">
                  <c:v>44050</c:v>
                </c:pt>
                <c:pt idx="679">
                  <c:v>44053</c:v>
                </c:pt>
                <c:pt idx="680">
                  <c:v>44054</c:v>
                </c:pt>
                <c:pt idx="681">
                  <c:v>44055</c:v>
                </c:pt>
                <c:pt idx="682">
                  <c:v>44056</c:v>
                </c:pt>
                <c:pt idx="683">
                  <c:v>44057</c:v>
                </c:pt>
                <c:pt idx="684">
                  <c:v>44060</c:v>
                </c:pt>
                <c:pt idx="685">
                  <c:v>44061</c:v>
                </c:pt>
                <c:pt idx="686">
                  <c:v>44062</c:v>
                </c:pt>
                <c:pt idx="687">
                  <c:v>44063</c:v>
                </c:pt>
                <c:pt idx="688">
                  <c:v>44064</c:v>
                </c:pt>
                <c:pt idx="689">
                  <c:v>44067</c:v>
                </c:pt>
                <c:pt idx="690">
                  <c:v>44068</c:v>
                </c:pt>
                <c:pt idx="691">
                  <c:v>44069</c:v>
                </c:pt>
                <c:pt idx="692">
                  <c:v>44070</c:v>
                </c:pt>
                <c:pt idx="693">
                  <c:v>44071</c:v>
                </c:pt>
                <c:pt idx="694">
                  <c:v>44074</c:v>
                </c:pt>
                <c:pt idx="695">
                  <c:v>44075</c:v>
                </c:pt>
                <c:pt idx="696">
                  <c:v>44076</c:v>
                </c:pt>
                <c:pt idx="697">
                  <c:v>44077</c:v>
                </c:pt>
                <c:pt idx="698">
                  <c:v>44078</c:v>
                </c:pt>
                <c:pt idx="699">
                  <c:v>44081</c:v>
                </c:pt>
                <c:pt idx="700">
                  <c:v>44082</c:v>
                </c:pt>
                <c:pt idx="701">
                  <c:v>44083</c:v>
                </c:pt>
                <c:pt idx="702">
                  <c:v>44084</c:v>
                </c:pt>
                <c:pt idx="703">
                  <c:v>44085</c:v>
                </c:pt>
                <c:pt idx="704">
                  <c:v>44088</c:v>
                </c:pt>
                <c:pt idx="705">
                  <c:v>44089</c:v>
                </c:pt>
                <c:pt idx="706">
                  <c:v>44090</c:v>
                </c:pt>
                <c:pt idx="707">
                  <c:v>44091</c:v>
                </c:pt>
                <c:pt idx="708">
                  <c:v>44092</c:v>
                </c:pt>
                <c:pt idx="709">
                  <c:v>44095</c:v>
                </c:pt>
                <c:pt idx="710">
                  <c:v>44096</c:v>
                </c:pt>
                <c:pt idx="711">
                  <c:v>44097</c:v>
                </c:pt>
                <c:pt idx="712">
                  <c:v>44098</c:v>
                </c:pt>
                <c:pt idx="713">
                  <c:v>44099</c:v>
                </c:pt>
                <c:pt idx="714">
                  <c:v>44102</c:v>
                </c:pt>
                <c:pt idx="715">
                  <c:v>44103</c:v>
                </c:pt>
                <c:pt idx="716">
                  <c:v>44104</c:v>
                </c:pt>
                <c:pt idx="717">
                  <c:v>44105</c:v>
                </c:pt>
                <c:pt idx="718">
                  <c:v>44106</c:v>
                </c:pt>
                <c:pt idx="719">
                  <c:v>44109</c:v>
                </c:pt>
                <c:pt idx="720">
                  <c:v>44110</c:v>
                </c:pt>
                <c:pt idx="721">
                  <c:v>44111</c:v>
                </c:pt>
                <c:pt idx="722">
                  <c:v>44112</c:v>
                </c:pt>
                <c:pt idx="723">
                  <c:v>44113</c:v>
                </c:pt>
                <c:pt idx="724">
                  <c:v>44116</c:v>
                </c:pt>
                <c:pt idx="725">
                  <c:v>44117</c:v>
                </c:pt>
                <c:pt idx="726">
                  <c:v>44118</c:v>
                </c:pt>
                <c:pt idx="727">
                  <c:v>44119</c:v>
                </c:pt>
                <c:pt idx="728">
                  <c:v>44120</c:v>
                </c:pt>
                <c:pt idx="729">
                  <c:v>44123</c:v>
                </c:pt>
                <c:pt idx="730">
                  <c:v>44124</c:v>
                </c:pt>
                <c:pt idx="731">
                  <c:v>44125</c:v>
                </c:pt>
                <c:pt idx="732">
                  <c:v>44126</c:v>
                </c:pt>
                <c:pt idx="733">
                  <c:v>44127</c:v>
                </c:pt>
                <c:pt idx="734">
                  <c:v>44130</c:v>
                </c:pt>
                <c:pt idx="735">
                  <c:v>44131</c:v>
                </c:pt>
                <c:pt idx="736">
                  <c:v>44132</c:v>
                </c:pt>
                <c:pt idx="737">
                  <c:v>44133</c:v>
                </c:pt>
                <c:pt idx="738">
                  <c:v>44134</c:v>
                </c:pt>
                <c:pt idx="739">
                  <c:v>44137</c:v>
                </c:pt>
                <c:pt idx="740">
                  <c:v>44138</c:v>
                </c:pt>
                <c:pt idx="741">
                  <c:v>44139</c:v>
                </c:pt>
                <c:pt idx="742">
                  <c:v>44140</c:v>
                </c:pt>
                <c:pt idx="743">
                  <c:v>44141</c:v>
                </c:pt>
                <c:pt idx="744">
                  <c:v>44144</c:v>
                </c:pt>
                <c:pt idx="745">
                  <c:v>44145</c:v>
                </c:pt>
                <c:pt idx="746">
                  <c:v>44146</c:v>
                </c:pt>
                <c:pt idx="747">
                  <c:v>44147</c:v>
                </c:pt>
                <c:pt idx="748">
                  <c:v>44148</c:v>
                </c:pt>
                <c:pt idx="749">
                  <c:v>44151</c:v>
                </c:pt>
                <c:pt idx="750">
                  <c:v>44152</c:v>
                </c:pt>
                <c:pt idx="751">
                  <c:v>44153</c:v>
                </c:pt>
                <c:pt idx="752">
                  <c:v>44154</c:v>
                </c:pt>
                <c:pt idx="753">
                  <c:v>44155</c:v>
                </c:pt>
                <c:pt idx="754">
                  <c:v>44158</c:v>
                </c:pt>
                <c:pt idx="755">
                  <c:v>44159</c:v>
                </c:pt>
                <c:pt idx="756">
                  <c:v>44160</c:v>
                </c:pt>
                <c:pt idx="757">
                  <c:v>44161</c:v>
                </c:pt>
                <c:pt idx="758">
                  <c:v>44162</c:v>
                </c:pt>
                <c:pt idx="759">
                  <c:v>44165</c:v>
                </c:pt>
                <c:pt idx="760">
                  <c:v>44166</c:v>
                </c:pt>
                <c:pt idx="761">
                  <c:v>44167</c:v>
                </c:pt>
                <c:pt idx="762">
                  <c:v>44168</c:v>
                </c:pt>
                <c:pt idx="763">
                  <c:v>44169</c:v>
                </c:pt>
                <c:pt idx="764">
                  <c:v>44172</c:v>
                </c:pt>
                <c:pt idx="765">
                  <c:v>44173</c:v>
                </c:pt>
                <c:pt idx="766">
                  <c:v>44174</c:v>
                </c:pt>
                <c:pt idx="767">
                  <c:v>44175</c:v>
                </c:pt>
                <c:pt idx="768">
                  <c:v>44176</c:v>
                </c:pt>
                <c:pt idx="769">
                  <c:v>44179</c:v>
                </c:pt>
                <c:pt idx="770">
                  <c:v>44180</c:v>
                </c:pt>
                <c:pt idx="771">
                  <c:v>44181</c:v>
                </c:pt>
                <c:pt idx="772">
                  <c:v>44182</c:v>
                </c:pt>
                <c:pt idx="773">
                  <c:v>44183</c:v>
                </c:pt>
                <c:pt idx="774">
                  <c:v>44186</c:v>
                </c:pt>
                <c:pt idx="775">
                  <c:v>44187</c:v>
                </c:pt>
                <c:pt idx="776">
                  <c:v>44188</c:v>
                </c:pt>
                <c:pt idx="777">
                  <c:v>44189</c:v>
                </c:pt>
                <c:pt idx="778">
                  <c:v>44190</c:v>
                </c:pt>
                <c:pt idx="779">
                  <c:v>44193</c:v>
                </c:pt>
                <c:pt idx="780">
                  <c:v>44194</c:v>
                </c:pt>
                <c:pt idx="781">
                  <c:v>44195</c:v>
                </c:pt>
                <c:pt idx="782">
                  <c:v>44196</c:v>
                </c:pt>
                <c:pt idx="783">
                  <c:v>44197</c:v>
                </c:pt>
                <c:pt idx="784">
                  <c:v>44200</c:v>
                </c:pt>
                <c:pt idx="785">
                  <c:v>44201</c:v>
                </c:pt>
                <c:pt idx="786">
                  <c:v>44202</c:v>
                </c:pt>
                <c:pt idx="787">
                  <c:v>44203</c:v>
                </c:pt>
                <c:pt idx="788">
                  <c:v>44204</c:v>
                </c:pt>
                <c:pt idx="789">
                  <c:v>44207</c:v>
                </c:pt>
                <c:pt idx="790">
                  <c:v>44208</c:v>
                </c:pt>
                <c:pt idx="791">
                  <c:v>44209</c:v>
                </c:pt>
                <c:pt idx="792">
                  <c:v>44210</c:v>
                </c:pt>
                <c:pt idx="793">
                  <c:v>44211</c:v>
                </c:pt>
                <c:pt idx="794">
                  <c:v>44214</c:v>
                </c:pt>
                <c:pt idx="795">
                  <c:v>44215</c:v>
                </c:pt>
                <c:pt idx="796">
                  <c:v>44216</c:v>
                </c:pt>
                <c:pt idx="797">
                  <c:v>44217</c:v>
                </c:pt>
                <c:pt idx="798">
                  <c:v>44218</c:v>
                </c:pt>
                <c:pt idx="799">
                  <c:v>44221</c:v>
                </c:pt>
                <c:pt idx="800">
                  <c:v>44222</c:v>
                </c:pt>
                <c:pt idx="801">
                  <c:v>44223</c:v>
                </c:pt>
                <c:pt idx="802">
                  <c:v>44224</c:v>
                </c:pt>
                <c:pt idx="803">
                  <c:v>44225</c:v>
                </c:pt>
                <c:pt idx="804">
                  <c:v>44228</c:v>
                </c:pt>
                <c:pt idx="805">
                  <c:v>44229</c:v>
                </c:pt>
                <c:pt idx="806">
                  <c:v>44230</c:v>
                </c:pt>
                <c:pt idx="807">
                  <c:v>44231</c:v>
                </c:pt>
                <c:pt idx="808">
                  <c:v>44232</c:v>
                </c:pt>
                <c:pt idx="809">
                  <c:v>44235</c:v>
                </c:pt>
                <c:pt idx="810">
                  <c:v>44236</c:v>
                </c:pt>
                <c:pt idx="811">
                  <c:v>44237</c:v>
                </c:pt>
                <c:pt idx="812">
                  <c:v>44238</c:v>
                </c:pt>
                <c:pt idx="813">
                  <c:v>44239</c:v>
                </c:pt>
                <c:pt idx="814">
                  <c:v>44242</c:v>
                </c:pt>
                <c:pt idx="815">
                  <c:v>44243</c:v>
                </c:pt>
                <c:pt idx="816">
                  <c:v>44244</c:v>
                </c:pt>
                <c:pt idx="817">
                  <c:v>44245</c:v>
                </c:pt>
                <c:pt idx="818">
                  <c:v>44246</c:v>
                </c:pt>
                <c:pt idx="819">
                  <c:v>44249</c:v>
                </c:pt>
                <c:pt idx="820">
                  <c:v>44250</c:v>
                </c:pt>
                <c:pt idx="821">
                  <c:v>44251</c:v>
                </c:pt>
                <c:pt idx="822">
                  <c:v>44252</c:v>
                </c:pt>
                <c:pt idx="823">
                  <c:v>44253</c:v>
                </c:pt>
                <c:pt idx="824">
                  <c:v>44256</c:v>
                </c:pt>
                <c:pt idx="825">
                  <c:v>44257</c:v>
                </c:pt>
                <c:pt idx="826">
                  <c:v>44258</c:v>
                </c:pt>
                <c:pt idx="827">
                  <c:v>44259</c:v>
                </c:pt>
                <c:pt idx="828">
                  <c:v>44260</c:v>
                </c:pt>
                <c:pt idx="829">
                  <c:v>44263</c:v>
                </c:pt>
                <c:pt idx="830">
                  <c:v>44264</c:v>
                </c:pt>
                <c:pt idx="831">
                  <c:v>44265</c:v>
                </c:pt>
                <c:pt idx="832">
                  <c:v>44266</c:v>
                </c:pt>
                <c:pt idx="833">
                  <c:v>44267</c:v>
                </c:pt>
                <c:pt idx="834">
                  <c:v>44270</c:v>
                </c:pt>
                <c:pt idx="835">
                  <c:v>44271</c:v>
                </c:pt>
                <c:pt idx="836">
                  <c:v>44272</c:v>
                </c:pt>
                <c:pt idx="837">
                  <c:v>44273</c:v>
                </c:pt>
                <c:pt idx="838">
                  <c:v>44274</c:v>
                </c:pt>
                <c:pt idx="839">
                  <c:v>44277</c:v>
                </c:pt>
                <c:pt idx="840">
                  <c:v>44278</c:v>
                </c:pt>
                <c:pt idx="841">
                  <c:v>44279</c:v>
                </c:pt>
                <c:pt idx="842">
                  <c:v>44280</c:v>
                </c:pt>
                <c:pt idx="843">
                  <c:v>44281</c:v>
                </c:pt>
                <c:pt idx="844">
                  <c:v>44284</c:v>
                </c:pt>
                <c:pt idx="845">
                  <c:v>44285</c:v>
                </c:pt>
                <c:pt idx="846">
                  <c:v>44286</c:v>
                </c:pt>
                <c:pt idx="847">
                  <c:v>44287</c:v>
                </c:pt>
                <c:pt idx="848">
                  <c:v>44288</c:v>
                </c:pt>
                <c:pt idx="849">
                  <c:v>44291</c:v>
                </c:pt>
                <c:pt idx="850">
                  <c:v>44292</c:v>
                </c:pt>
                <c:pt idx="851">
                  <c:v>44293</c:v>
                </c:pt>
                <c:pt idx="852">
                  <c:v>44294</c:v>
                </c:pt>
                <c:pt idx="853">
                  <c:v>44295</c:v>
                </c:pt>
                <c:pt idx="854">
                  <c:v>44298</c:v>
                </c:pt>
                <c:pt idx="855">
                  <c:v>44299</c:v>
                </c:pt>
                <c:pt idx="856">
                  <c:v>44300</c:v>
                </c:pt>
                <c:pt idx="857">
                  <c:v>44301</c:v>
                </c:pt>
                <c:pt idx="858">
                  <c:v>44302</c:v>
                </c:pt>
                <c:pt idx="859">
                  <c:v>44305</c:v>
                </c:pt>
                <c:pt idx="860">
                  <c:v>44306</c:v>
                </c:pt>
                <c:pt idx="861">
                  <c:v>44307</c:v>
                </c:pt>
                <c:pt idx="862">
                  <c:v>44308</c:v>
                </c:pt>
                <c:pt idx="863">
                  <c:v>44309</c:v>
                </c:pt>
                <c:pt idx="864">
                  <c:v>44312</c:v>
                </c:pt>
                <c:pt idx="865">
                  <c:v>44313</c:v>
                </c:pt>
                <c:pt idx="866">
                  <c:v>44314</c:v>
                </c:pt>
                <c:pt idx="867">
                  <c:v>44315</c:v>
                </c:pt>
                <c:pt idx="868">
                  <c:v>44316</c:v>
                </c:pt>
                <c:pt idx="869">
                  <c:v>44319</c:v>
                </c:pt>
                <c:pt idx="870">
                  <c:v>44320</c:v>
                </c:pt>
                <c:pt idx="871">
                  <c:v>44321</c:v>
                </c:pt>
                <c:pt idx="872">
                  <c:v>44322</c:v>
                </c:pt>
                <c:pt idx="873">
                  <c:v>44323</c:v>
                </c:pt>
                <c:pt idx="874">
                  <c:v>44326</c:v>
                </c:pt>
                <c:pt idx="875">
                  <c:v>44327</c:v>
                </c:pt>
                <c:pt idx="876">
                  <c:v>44328</c:v>
                </c:pt>
                <c:pt idx="877">
                  <c:v>44329</c:v>
                </c:pt>
                <c:pt idx="878">
                  <c:v>44330</c:v>
                </c:pt>
                <c:pt idx="879">
                  <c:v>44333</c:v>
                </c:pt>
                <c:pt idx="880">
                  <c:v>44334</c:v>
                </c:pt>
                <c:pt idx="881">
                  <c:v>44335</c:v>
                </c:pt>
                <c:pt idx="882">
                  <c:v>44336</c:v>
                </c:pt>
                <c:pt idx="883">
                  <c:v>44337</c:v>
                </c:pt>
                <c:pt idx="884">
                  <c:v>44340</c:v>
                </c:pt>
                <c:pt idx="885">
                  <c:v>44341</c:v>
                </c:pt>
                <c:pt idx="886">
                  <c:v>44342</c:v>
                </c:pt>
                <c:pt idx="887">
                  <c:v>44343</c:v>
                </c:pt>
                <c:pt idx="888">
                  <c:v>44344</c:v>
                </c:pt>
                <c:pt idx="889">
                  <c:v>44347</c:v>
                </c:pt>
                <c:pt idx="890">
                  <c:v>44348</c:v>
                </c:pt>
                <c:pt idx="891">
                  <c:v>44349</c:v>
                </c:pt>
                <c:pt idx="892">
                  <c:v>44350</c:v>
                </c:pt>
                <c:pt idx="893">
                  <c:v>44351</c:v>
                </c:pt>
                <c:pt idx="894">
                  <c:v>44354</c:v>
                </c:pt>
                <c:pt idx="895">
                  <c:v>44355</c:v>
                </c:pt>
                <c:pt idx="896">
                  <c:v>44356</c:v>
                </c:pt>
                <c:pt idx="897">
                  <c:v>44357</c:v>
                </c:pt>
                <c:pt idx="898">
                  <c:v>44358</c:v>
                </c:pt>
                <c:pt idx="899">
                  <c:v>44361</c:v>
                </c:pt>
                <c:pt idx="900">
                  <c:v>44362</c:v>
                </c:pt>
                <c:pt idx="901">
                  <c:v>44363</c:v>
                </c:pt>
                <c:pt idx="902">
                  <c:v>44364</c:v>
                </c:pt>
                <c:pt idx="903">
                  <c:v>44365</c:v>
                </c:pt>
                <c:pt idx="904">
                  <c:v>44368</c:v>
                </c:pt>
                <c:pt idx="905">
                  <c:v>44369</c:v>
                </c:pt>
                <c:pt idx="906">
                  <c:v>44370</c:v>
                </c:pt>
                <c:pt idx="907">
                  <c:v>44371</c:v>
                </c:pt>
                <c:pt idx="908">
                  <c:v>44372</c:v>
                </c:pt>
                <c:pt idx="909">
                  <c:v>44375</c:v>
                </c:pt>
                <c:pt idx="910">
                  <c:v>44376</c:v>
                </c:pt>
                <c:pt idx="911">
                  <c:v>44377</c:v>
                </c:pt>
                <c:pt idx="912">
                  <c:v>44378</c:v>
                </c:pt>
                <c:pt idx="913">
                  <c:v>44379</c:v>
                </c:pt>
                <c:pt idx="914">
                  <c:v>44382</c:v>
                </c:pt>
                <c:pt idx="915">
                  <c:v>44383</c:v>
                </c:pt>
                <c:pt idx="916">
                  <c:v>44384</c:v>
                </c:pt>
                <c:pt idx="917">
                  <c:v>44385</c:v>
                </c:pt>
                <c:pt idx="918">
                  <c:v>44386</c:v>
                </c:pt>
                <c:pt idx="919">
                  <c:v>44389</c:v>
                </c:pt>
                <c:pt idx="920">
                  <c:v>44390</c:v>
                </c:pt>
                <c:pt idx="921">
                  <c:v>44391</c:v>
                </c:pt>
                <c:pt idx="922">
                  <c:v>44392</c:v>
                </c:pt>
                <c:pt idx="923">
                  <c:v>44393</c:v>
                </c:pt>
                <c:pt idx="924">
                  <c:v>44396</c:v>
                </c:pt>
                <c:pt idx="925">
                  <c:v>44397</c:v>
                </c:pt>
                <c:pt idx="926">
                  <c:v>44398</c:v>
                </c:pt>
                <c:pt idx="927">
                  <c:v>44399</c:v>
                </c:pt>
                <c:pt idx="928">
                  <c:v>44400</c:v>
                </c:pt>
                <c:pt idx="929">
                  <c:v>44403</c:v>
                </c:pt>
                <c:pt idx="930">
                  <c:v>44404</c:v>
                </c:pt>
                <c:pt idx="931">
                  <c:v>44405</c:v>
                </c:pt>
                <c:pt idx="932">
                  <c:v>44406</c:v>
                </c:pt>
                <c:pt idx="933">
                  <c:v>44407</c:v>
                </c:pt>
                <c:pt idx="934">
                  <c:v>44410</c:v>
                </c:pt>
                <c:pt idx="935">
                  <c:v>44411</c:v>
                </c:pt>
                <c:pt idx="936">
                  <c:v>44412</c:v>
                </c:pt>
                <c:pt idx="937">
                  <c:v>44413</c:v>
                </c:pt>
                <c:pt idx="938">
                  <c:v>44414</c:v>
                </c:pt>
                <c:pt idx="939">
                  <c:v>44417</c:v>
                </c:pt>
                <c:pt idx="940">
                  <c:v>44418</c:v>
                </c:pt>
                <c:pt idx="941">
                  <c:v>44419</c:v>
                </c:pt>
                <c:pt idx="942">
                  <c:v>44420</c:v>
                </c:pt>
                <c:pt idx="943">
                  <c:v>44421</c:v>
                </c:pt>
                <c:pt idx="944">
                  <c:v>44424</c:v>
                </c:pt>
                <c:pt idx="945">
                  <c:v>44425</c:v>
                </c:pt>
                <c:pt idx="946">
                  <c:v>44426</c:v>
                </c:pt>
                <c:pt idx="947">
                  <c:v>44427</c:v>
                </c:pt>
                <c:pt idx="948">
                  <c:v>44428</c:v>
                </c:pt>
                <c:pt idx="949">
                  <c:v>44431</c:v>
                </c:pt>
                <c:pt idx="950">
                  <c:v>44432</c:v>
                </c:pt>
                <c:pt idx="951">
                  <c:v>44433</c:v>
                </c:pt>
                <c:pt idx="952">
                  <c:v>44434</c:v>
                </c:pt>
                <c:pt idx="953">
                  <c:v>44435</c:v>
                </c:pt>
                <c:pt idx="954">
                  <c:v>44438</c:v>
                </c:pt>
                <c:pt idx="955">
                  <c:v>44439</c:v>
                </c:pt>
                <c:pt idx="956">
                  <c:v>44440</c:v>
                </c:pt>
                <c:pt idx="957">
                  <c:v>44441</c:v>
                </c:pt>
                <c:pt idx="958">
                  <c:v>44442</c:v>
                </c:pt>
                <c:pt idx="959">
                  <c:v>44445</c:v>
                </c:pt>
                <c:pt idx="960">
                  <c:v>44446</c:v>
                </c:pt>
                <c:pt idx="961">
                  <c:v>44447</c:v>
                </c:pt>
                <c:pt idx="962">
                  <c:v>44448</c:v>
                </c:pt>
                <c:pt idx="963">
                  <c:v>44449</c:v>
                </c:pt>
                <c:pt idx="964">
                  <c:v>44452</c:v>
                </c:pt>
                <c:pt idx="965">
                  <c:v>44453</c:v>
                </c:pt>
                <c:pt idx="966">
                  <c:v>44454</c:v>
                </c:pt>
                <c:pt idx="967">
                  <c:v>44455</c:v>
                </c:pt>
                <c:pt idx="968">
                  <c:v>44456</c:v>
                </c:pt>
                <c:pt idx="969">
                  <c:v>44459</c:v>
                </c:pt>
                <c:pt idx="970">
                  <c:v>44460</c:v>
                </c:pt>
                <c:pt idx="971">
                  <c:v>44461</c:v>
                </c:pt>
                <c:pt idx="972">
                  <c:v>44462</c:v>
                </c:pt>
                <c:pt idx="973">
                  <c:v>44463</c:v>
                </c:pt>
                <c:pt idx="974">
                  <c:v>44466</c:v>
                </c:pt>
                <c:pt idx="975">
                  <c:v>44467</c:v>
                </c:pt>
                <c:pt idx="976">
                  <c:v>44468</c:v>
                </c:pt>
                <c:pt idx="977">
                  <c:v>44469</c:v>
                </c:pt>
                <c:pt idx="978">
                  <c:v>44470</c:v>
                </c:pt>
                <c:pt idx="979">
                  <c:v>44473</c:v>
                </c:pt>
                <c:pt idx="980">
                  <c:v>44474</c:v>
                </c:pt>
                <c:pt idx="981">
                  <c:v>44475</c:v>
                </c:pt>
                <c:pt idx="982">
                  <c:v>44476</c:v>
                </c:pt>
                <c:pt idx="983">
                  <c:v>44477</c:v>
                </c:pt>
                <c:pt idx="984">
                  <c:v>44480</c:v>
                </c:pt>
                <c:pt idx="985">
                  <c:v>44481</c:v>
                </c:pt>
                <c:pt idx="986">
                  <c:v>44482</c:v>
                </c:pt>
                <c:pt idx="987">
                  <c:v>44483</c:v>
                </c:pt>
                <c:pt idx="988">
                  <c:v>44484</c:v>
                </c:pt>
                <c:pt idx="989">
                  <c:v>44487</c:v>
                </c:pt>
                <c:pt idx="990">
                  <c:v>44488</c:v>
                </c:pt>
                <c:pt idx="991">
                  <c:v>44489</c:v>
                </c:pt>
                <c:pt idx="992">
                  <c:v>44490</c:v>
                </c:pt>
                <c:pt idx="993">
                  <c:v>44491</c:v>
                </c:pt>
                <c:pt idx="994">
                  <c:v>44494</c:v>
                </c:pt>
                <c:pt idx="995">
                  <c:v>44495</c:v>
                </c:pt>
                <c:pt idx="996">
                  <c:v>44496</c:v>
                </c:pt>
                <c:pt idx="997">
                  <c:v>44497</c:v>
                </c:pt>
                <c:pt idx="998">
                  <c:v>44498</c:v>
                </c:pt>
                <c:pt idx="999">
                  <c:v>44501</c:v>
                </c:pt>
                <c:pt idx="1000">
                  <c:v>44502</c:v>
                </c:pt>
                <c:pt idx="1001">
                  <c:v>44503</c:v>
                </c:pt>
                <c:pt idx="1002">
                  <c:v>44504</c:v>
                </c:pt>
                <c:pt idx="1003">
                  <c:v>44505</c:v>
                </c:pt>
                <c:pt idx="1004">
                  <c:v>44508</c:v>
                </c:pt>
                <c:pt idx="1005">
                  <c:v>44509</c:v>
                </c:pt>
                <c:pt idx="1006">
                  <c:v>44510</c:v>
                </c:pt>
                <c:pt idx="1007">
                  <c:v>44511</c:v>
                </c:pt>
                <c:pt idx="1008">
                  <c:v>44512</c:v>
                </c:pt>
                <c:pt idx="1009">
                  <c:v>44515</c:v>
                </c:pt>
                <c:pt idx="1010">
                  <c:v>44516</c:v>
                </c:pt>
                <c:pt idx="1011">
                  <c:v>44517</c:v>
                </c:pt>
                <c:pt idx="1012">
                  <c:v>44518</c:v>
                </c:pt>
                <c:pt idx="1013">
                  <c:v>44519</c:v>
                </c:pt>
                <c:pt idx="1014">
                  <c:v>44522</c:v>
                </c:pt>
                <c:pt idx="1015">
                  <c:v>44523</c:v>
                </c:pt>
                <c:pt idx="1016">
                  <c:v>44524</c:v>
                </c:pt>
                <c:pt idx="1017">
                  <c:v>44525</c:v>
                </c:pt>
                <c:pt idx="1018">
                  <c:v>44526</c:v>
                </c:pt>
                <c:pt idx="1019">
                  <c:v>44529</c:v>
                </c:pt>
                <c:pt idx="1020">
                  <c:v>44530</c:v>
                </c:pt>
                <c:pt idx="1021">
                  <c:v>44531</c:v>
                </c:pt>
                <c:pt idx="1022">
                  <c:v>44532</c:v>
                </c:pt>
                <c:pt idx="1023">
                  <c:v>44533</c:v>
                </c:pt>
                <c:pt idx="1024">
                  <c:v>44536</c:v>
                </c:pt>
                <c:pt idx="1025">
                  <c:v>44537</c:v>
                </c:pt>
                <c:pt idx="1026">
                  <c:v>44538</c:v>
                </c:pt>
                <c:pt idx="1027">
                  <c:v>44539</c:v>
                </c:pt>
                <c:pt idx="1028">
                  <c:v>44540</c:v>
                </c:pt>
                <c:pt idx="1029">
                  <c:v>44543</c:v>
                </c:pt>
                <c:pt idx="1030">
                  <c:v>44544</c:v>
                </c:pt>
                <c:pt idx="1031">
                  <c:v>44545</c:v>
                </c:pt>
                <c:pt idx="1032">
                  <c:v>44546</c:v>
                </c:pt>
                <c:pt idx="1033">
                  <c:v>44547</c:v>
                </c:pt>
                <c:pt idx="1034">
                  <c:v>44550</c:v>
                </c:pt>
                <c:pt idx="1035">
                  <c:v>44551</c:v>
                </c:pt>
                <c:pt idx="1036">
                  <c:v>44552</c:v>
                </c:pt>
                <c:pt idx="1037">
                  <c:v>44553</c:v>
                </c:pt>
                <c:pt idx="1038">
                  <c:v>44554</c:v>
                </c:pt>
                <c:pt idx="1039">
                  <c:v>44557</c:v>
                </c:pt>
                <c:pt idx="1040">
                  <c:v>44558</c:v>
                </c:pt>
                <c:pt idx="1041">
                  <c:v>44559</c:v>
                </c:pt>
                <c:pt idx="1042">
                  <c:v>44560</c:v>
                </c:pt>
                <c:pt idx="1043">
                  <c:v>44561</c:v>
                </c:pt>
                <c:pt idx="1044">
                  <c:v>44564</c:v>
                </c:pt>
                <c:pt idx="1045">
                  <c:v>44565</c:v>
                </c:pt>
                <c:pt idx="1046">
                  <c:v>44566</c:v>
                </c:pt>
                <c:pt idx="1047">
                  <c:v>44567</c:v>
                </c:pt>
                <c:pt idx="1048">
                  <c:v>44568</c:v>
                </c:pt>
                <c:pt idx="1049">
                  <c:v>44571</c:v>
                </c:pt>
                <c:pt idx="1050">
                  <c:v>44572</c:v>
                </c:pt>
                <c:pt idx="1051">
                  <c:v>44573</c:v>
                </c:pt>
                <c:pt idx="1052">
                  <c:v>44574</c:v>
                </c:pt>
                <c:pt idx="1053">
                  <c:v>44575</c:v>
                </c:pt>
                <c:pt idx="1054">
                  <c:v>44578</c:v>
                </c:pt>
                <c:pt idx="1055">
                  <c:v>44579</c:v>
                </c:pt>
                <c:pt idx="1056">
                  <c:v>44580</c:v>
                </c:pt>
                <c:pt idx="1057">
                  <c:v>44581</c:v>
                </c:pt>
                <c:pt idx="1058">
                  <c:v>44582</c:v>
                </c:pt>
                <c:pt idx="1059">
                  <c:v>44585</c:v>
                </c:pt>
                <c:pt idx="1060">
                  <c:v>44586</c:v>
                </c:pt>
                <c:pt idx="1061">
                  <c:v>44587</c:v>
                </c:pt>
                <c:pt idx="1062">
                  <c:v>44588</c:v>
                </c:pt>
                <c:pt idx="1063">
                  <c:v>44589</c:v>
                </c:pt>
                <c:pt idx="1064">
                  <c:v>44592</c:v>
                </c:pt>
                <c:pt idx="1065">
                  <c:v>44593</c:v>
                </c:pt>
                <c:pt idx="1066">
                  <c:v>44594</c:v>
                </c:pt>
                <c:pt idx="1067">
                  <c:v>44595</c:v>
                </c:pt>
                <c:pt idx="1068">
                  <c:v>44596</c:v>
                </c:pt>
                <c:pt idx="1069">
                  <c:v>44599</c:v>
                </c:pt>
                <c:pt idx="1070">
                  <c:v>44600</c:v>
                </c:pt>
                <c:pt idx="1071">
                  <c:v>44601</c:v>
                </c:pt>
                <c:pt idx="1072">
                  <c:v>44602</c:v>
                </c:pt>
                <c:pt idx="1073">
                  <c:v>44603</c:v>
                </c:pt>
                <c:pt idx="1074">
                  <c:v>44606</c:v>
                </c:pt>
                <c:pt idx="1075">
                  <c:v>44607</c:v>
                </c:pt>
                <c:pt idx="1076">
                  <c:v>44608</c:v>
                </c:pt>
                <c:pt idx="1077">
                  <c:v>44609</c:v>
                </c:pt>
                <c:pt idx="1078">
                  <c:v>44610</c:v>
                </c:pt>
                <c:pt idx="1079">
                  <c:v>44613</c:v>
                </c:pt>
                <c:pt idx="1080">
                  <c:v>44614</c:v>
                </c:pt>
                <c:pt idx="1081">
                  <c:v>44615</c:v>
                </c:pt>
                <c:pt idx="1082">
                  <c:v>44616</c:v>
                </c:pt>
                <c:pt idx="1083">
                  <c:v>44617</c:v>
                </c:pt>
                <c:pt idx="1084">
                  <c:v>44620</c:v>
                </c:pt>
                <c:pt idx="1085">
                  <c:v>44621</c:v>
                </c:pt>
                <c:pt idx="1086">
                  <c:v>44622</c:v>
                </c:pt>
                <c:pt idx="1087">
                  <c:v>44623</c:v>
                </c:pt>
                <c:pt idx="1088">
                  <c:v>44624</c:v>
                </c:pt>
                <c:pt idx="1089">
                  <c:v>44627</c:v>
                </c:pt>
                <c:pt idx="1090">
                  <c:v>44628</c:v>
                </c:pt>
                <c:pt idx="1091">
                  <c:v>44629</c:v>
                </c:pt>
                <c:pt idx="1092">
                  <c:v>44630</c:v>
                </c:pt>
                <c:pt idx="1093">
                  <c:v>44631</c:v>
                </c:pt>
                <c:pt idx="1094">
                  <c:v>44634</c:v>
                </c:pt>
                <c:pt idx="1095">
                  <c:v>44635</c:v>
                </c:pt>
                <c:pt idx="1096">
                  <c:v>44636</c:v>
                </c:pt>
                <c:pt idx="1097">
                  <c:v>44637</c:v>
                </c:pt>
                <c:pt idx="1098">
                  <c:v>44638</c:v>
                </c:pt>
                <c:pt idx="1099">
                  <c:v>44641</c:v>
                </c:pt>
                <c:pt idx="1100">
                  <c:v>44642</c:v>
                </c:pt>
                <c:pt idx="1101">
                  <c:v>44643</c:v>
                </c:pt>
                <c:pt idx="1102">
                  <c:v>44644</c:v>
                </c:pt>
                <c:pt idx="1103">
                  <c:v>44645</c:v>
                </c:pt>
                <c:pt idx="1104">
                  <c:v>44648</c:v>
                </c:pt>
                <c:pt idx="1105">
                  <c:v>44649</c:v>
                </c:pt>
                <c:pt idx="1106">
                  <c:v>44650</c:v>
                </c:pt>
                <c:pt idx="1107">
                  <c:v>44651</c:v>
                </c:pt>
                <c:pt idx="1108">
                  <c:v>44652</c:v>
                </c:pt>
                <c:pt idx="1109">
                  <c:v>44655</c:v>
                </c:pt>
                <c:pt idx="1110">
                  <c:v>44656</c:v>
                </c:pt>
                <c:pt idx="1111">
                  <c:v>44657</c:v>
                </c:pt>
                <c:pt idx="1112">
                  <c:v>44658</c:v>
                </c:pt>
                <c:pt idx="1113">
                  <c:v>44659</c:v>
                </c:pt>
                <c:pt idx="1114">
                  <c:v>44662</c:v>
                </c:pt>
                <c:pt idx="1115">
                  <c:v>44663</c:v>
                </c:pt>
                <c:pt idx="1116">
                  <c:v>44664</c:v>
                </c:pt>
                <c:pt idx="1117">
                  <c:v>44665</c:v>
                </c:pt>
                <c:pt idx="1118">
                  <c:v>44666</c:v>
                </c:pt>
                <c:pt idx="1119">
                  <c:v>44669</c:v>
                </c:pt>
                <c:pt idx="1120">
                  <c:v>44670</c:v>
                </c:pt>
                <c:pt idx="1121">
                  <c:v>44671</c:v>
                </c:pt>
                <c:pt idx="1122">
                  <c:v>44672</c:v>
                </c:pt>
                <c:pt idx="1123">
                  <c:v>44673</c:v>
                </c:pt>
                <c:pt idx="1124">
                  <c:v>44676</c:v>
                </c:pt>
                <c:pt idx="1125">
                  <c:v>44677</c:v>
                </c:pt>
                <c:pt idx="1126">
                  <c:v>44678</c:v>
                </c:pt>
                <c:pt idx="1127">
                  <c:v>44679</c:v>
                </c:pt>
                <c:pt idx="1128">
                  <c:v>44680</c:v>
                </c:pt>
                <c:pt idx="1129">
                  <c:v>44683</c:v>
                </c:pt>
                <c:pt idx="1130">
                  <c:v>44684</c:v>
                </c:pt>
                <c:pt idx="1131">
                  <c:v>44685</c:v>
                </c:pt>
                <c:pt idx="1132">
                  <c:v>44686</c:v>
                </c:pt>
                <c:pt idx="1133">
                  <c:v>44687</c:v>
                </c:pt>
                <c:pt idx="1134">
                  <c:v>44690</c:v>
                </c:pt>
                <c:pt idx="1135">
                  <c:v>44691</c:v>
                </c:pt>
                <c:pt idx="1136">
                  <c:v>44692</c:v>
                </c:pt>
                <c:pt idx="1137">
                  <c:v>44693</c:v>
                </c:pt>
                <c:pt idx="1138">
                  <c:v>44694</c:v>
                </c:pt>
                <c:pt idx="1139">
                  <c:v>44697</c:v>
                </c:pt>
                <c:pt idx="1140">
                  <c:v>44698</c:v>
                </c:pt>
                <c:pt idx="1141">
                  <c:v>44699</c:v>
                </c:pt>
                <c:pt idx="1142">
                  <c:v>44700</c:v>
                </c:pt>
                <c:pt idx="1143">
                  <c:v>44701</c:v>
                </c:pt>
                <c:pt idx="1144">
                  <c:v>44704</c:v>
                </c:pt>
                <c:pt idx="1145">
                  <c:v>44705</c:v>
                </c:pt>
                <c:pt idx="1146">
                  <c:v>44706</c:v>
                </c:pt>
                <c:pt idx="1147">
                  <c:v>44707</c:v>
                </c:pt>
                <c:pt idx="1148">
                  <c:v>44708</c:v>
                </c:pt>
                <c:pt idx="1149">
                  <c:v>44711</c:v>
                </c:pt>
                <c:pt idx="1150">
                  <c:v>44712</c:v>
                </c:pt>
                <c:pt idx="1151">
                  <c:v>44713</c:v>
                </c:pt>
                <c:pt idx="1152">
                  <c:v>44714</c:v>
                </c:pt>
                <c:pt idx="1153">
                  <c:v>44715</c:v>
                </c:pt>
                <c:pt idx="1154">
                  <c:v>44718</c:v>
                </c:pt>
                <c:pt idx="1155">
                  <c:v>44719</c:v>
                </c:pt>
                <c:pt idx="1156">
                  <c:v>44720</c:v>
                </c:pt>
                <c:pt idx="1157">
                  <c:v>44721</c:v>
                </c:pt>
                <c:pt idx="1158">
                  <c:v>44722</c:v>
                </c:pt>
                <c:pt idx="1159">
                  <c:v>44725</c:v>
                </c:pt>
                <c:pt idx="1160">
                  <c:v>44726</c:v>
                </c:pt>
                <c:pt idx="1161">
                  <c:v>44727</c:v>
                </c:pt>
                <c:pt idx="1162">
                  <c:v>44728</c:v>
                </c:pt>
                <c:pt idx="1163">
                  <c:v>44729</c:v>
                </c:pt>
                <c:pt idx="1164">
                  <c:v>44732</c:v>
                </c:pt>
                <c:pt idx="1165">
                  <c:v>44733</c:v>
                </c:pt>
                <c:pt idx="1166">
                  <c:v>44734</c:v>
                </c:pt>
                <c:pt idx="1167">
                  <c:v>44735</c:v>
                </c:pt>
                <c:pt idx="1168">
                  <c:v>44736</c:v>
                </c:pt>
                <c:pt idx="1169">
                  <c:v>44739</c:v>
                </c:pt>
                <c:pt idx="1170">
                  <c:v>44740</c:v>
                </c:pt>
                <c:pt idx="1171">
                  <c:v>44741</c:v>
                </c:pt>
                <c:pt idx="1172">
                  <c:v>44742</c:v>
                </c:pt>
                <c:pt idx="1173">
                  <c:v>44743</c:v>
                </c:pt>
                <c:pt idx="1174">
                  <c:v>44746</c:v>
                </c:pt>
                <c:pt idx="1175">
                  <c:v>44747</c:v>
                </c:pt>
                <c:pt idx="1176">
                  <c:v>44748</c:v>
                </c:pt>
                <c:pt idx="1177">
                  <c:v>44749</c:v>
                </c:pt>
                <c:pt idx="1178">
                  <c:v>44750</c:v>
                </c:pt>
                <c:pt idx="1179">
                  <c:v>44753</c:v>
                </c:pt>
                <c:pt idx="1180">
                  <c:v>44754</c:v>
                </c:pt>
                <c:pt idx="1181">
                  <c:v>44755</c:v>
                </c:pt>
                <c:pt idx="1182">
                  <c:v>44756</c:v>
                </c:pt>
                <c:pt idx="1183">
                  <c:v>44757</c:v>
                </c:pt>
                <c:pt idx="1184">
                  <c:v>44760</c:v>
                </c:pt>
                <c:pt idx="1185">
                  <c:v>44761</c:v>
                </c:pt>
                <c:pt idx="1186">
                  <c:v>44762</c:v>
                </c:pt>
                <c:pt idx="1187">
                  <c:v>44763</c:v>
                </c:pt>
                <c:pt idx="1188">
                  <c:v>44764</c:v>
                </c:pt>
                <c:pt idx="1189">
                  <c:v>44767</c:v>
                </c:pt>
                <c:pt idx="1190">
                  <c:v>44768</c:v>
                </c:pt>
                <c:pt idx="1191">
                  <c:v>44769</c:v>
                </c:pt>
                <c:pt idx="1192">
                  <c:v>44770</c:v>
                </c:pt>
                <c:pt idx="1193">
                  <c:v>44771</c:v>
                </c:pt>
                <c:pt idx="1194">
                  <c:v>44774</c:v>
                </c:pt>
                <c:pt idx="1195">
                  <c:v>44775</c:v>
                </c:pt>
                <c:pt idx="1196">
                  <c:v>44776</c:v>
                </c:pt>
                <c:pt idx="1197">
                  <c:v>44777</c:v>
                </c:pt>
                <c:pt idx="1198">
                  <c:v>44778</c:v>
                </c:pt>
                <c:pt idx="1199">
                  <c:v>44781</c:v>
                </c:pt>
                <c:pt idx="1200">
                  <c:v>44782</c:v>
                </c:pt>
                <c:pt idx="1201">
                  <c:v>44783</c:v>
                </c:pt>
                <c:pt idx="1202">
                  <c:v>44784</c:v>
                </c:pt>
                <c:pt idx="1203">
                  <c:v>44785</c:v>
                </c:pt>
                <c:pt idx="1204">
                  <c:v>44788</c:v>
                </c:pt>
                <c:pt idx="1205">
                  <c:v>44789</c:v>
                </c:pt>
                <c:pt idx="1206">
                  <c:v>44790</c:v>
                </c:pt>
                <c:pt idx="1207">
                  <c:v>44791</c:v>
                </c:pt>
                <c:pt idx="1208">
                  <c:v>44792</c:v>
                </c:pt>
                <c:pt idx="1209">
                  <c:v>44795</c:v>
                </c:pt>
                <c:pt idx="1210">
                  <c:v>44796</c:v>
                </c:pt>
                <c:pt idx="1211">
                  <c:v>44797</c:v>
                </c:pt>
                <c:pt idx="1212">
                  <c:v>44798</c:v>
                </c:pt>
                <c:pt idx="1213">
                  <c:v>44799</c:v>
                </c:pt>
                <c:pt idx="1214">
                  <c:v>44802</c:v>
                </c:pt>
                <c:pt idx="1215">
                  <c:v>44803</c:v>
                </c:pt>
                <c:pt idx="1216">
                  <c:v>44804</c:v>
                </c:pt>
                <c:pt idx="1217">
                  <c:v>44805</c:v>
                </c:pt>
                <c:pt idx="1218">
                  <c:v>44806</c:v>
                </c:pt>
                <c:pt idx="1219">
                  <c:v>44809</c:v>
                </c:pt>
                <c:pt idx="1220">
                  <c:v>44810</c:v>
                </c:pt>
                <c:pt idx="1221">
                  <c:v>44811</c:v>
                </c:pt>
                <c:pt idx="1222">
                  <c:v>44812</c:v>
                </c:pt>
                <c:pt idx="1223">
                  <c:v>44813</c:v>
                </c:pt>
                <c:pt idx="1224">
                  <c:v>44816</c:v>
                </c:pt>
                <c:pt idx="1225">
                  <c:v>44817</c:v>
                </c:pt>
                <c:pt idx="1226">
                  <c:v>44818</c:v>
                </c:pt>
                <c:pt idx="1227">
                  <c:v>44819</c:v>
                </c:pt>
                <c:pt idx="1228">
                  <c:v>44820</c:v>
                </c:pt>
                <c:pt idx="1229">
                  <c:v>44823</c:v>
                </c:pt>
                <c:pt idx="1230">
                  <c:v>44824</c:v>
                </c:pt>
                <c:pt idx="1231">
                  <c:v>44825</c:v>
                </c:pt>
                <c:pt idx="1232">
                  <c:v>44826</c:v>
                </c:pt>
                <c:pt idx="1233">
                  <c:v>44827</c:v>
                </c:pt>
                <c:pt idx="1234">
                  <c:v>44830</c:v>
                </c:pt>
                <c:pt idx="1235">
                  <c:v>44831</c:v>
                </c:pt>
                <c:pt idx="1236">
                  <c:v>44832</c:v>
                </c:pt>
                <c:pt idx="1237">
                  <c:v>44833</c:v>
                </c:pt>
                <c:pt idx="1238">
                  <c:v>44834</c:v>
                </c:pt>
                <c:pt idx="1239">
                  <c:v>44837</c:v>
                </c:pt>
                <c:pt idx="1240">
                  <c:v>44838</c:v>
                </c:pt>
                <c:pt idx="1241">
                  <c:v>44839</c:v>
                </c:pt>
                <c:pt idx="1242">
                  <c:v>44840</c:v>
                </c:pt>
                <c:pt idx="1243">
                  <c:v>44841</c:v>
                </c:pt>
                <c:pt idx="1244">
                  <c:v>44844</c:v>
                </c:pt>
                <c:pt idx="1245">
                  <c:v>44845</c:v>
                </c:pt>
                <c:pt idx="1246">
                  <c:v>44846</c:v>
                </c:pt>
                <c:pt idx="1247">
                  <c:v>44847</c:v>
                </c:pt>
                <c:pt idx="1248">
                  <c:v>44848</c:v>
                </c:pt>
                <c:pt idx="1249">
                  <c:v>44851</c:v>
                </c:pt>
                <c:pt idx="1250">
                  <c:v>44852</c:v>
                </c:pt>
                <c:pt idx="1251">
                  <c:v>44853</c:v>
                </c:pt>
                <c:pt idx="1252">
                  <c:v>44854</c:v>
                </c:pt>
                <c:pt idx="1253">
                  <c:v>44855</c:v>
                </c:pt>
                <c:pt idx="1254">
                  <c:v>44858</c:v>
                </c:pt>
                <c:pt idx="1255">
                  <c:v>44859</c:v>
                </c:pt>
                <c:pt idx="1256">
                  <c:v>44860</c:v>
                </c:pt>
                <c:pt idx="1257">
                  <c:v>44861</c:v>
                </c:pt>
                <c:pt idx="1258">
                  <c:v>44862</c:v>
                </c:pt>
                <c:pt idx="1259">
                  <c:v>44865</c:v>
                </c:pt>
                <c:pt idx="1260">
                  <c:v>44866</c:v>
                </c:pt>
                <c:pt idx="1261">
                  <c:v>44867</c:v>
                </c:pt>
                <c:pt idx="1262">
                  <c:v>44868</c:v>
                </c:pt>
                <c:pt idx="1263">
                  <c:v>44869</c:v>
                </c:pt>
                <c:pt idx="1264">
                  <c:v>44872</c:v>
                </c:pt>
                <c:pt idx="1265">
                  <c:v>44873</c:v>
                </c:pt>
                <c:pt idx="1266">
                  <c:v>44874</c:v>
                </c:pt>
                <c:pt idx="1267">
                  <c:v>44875</c:v>
                </c:pt>
                <c:pt idx="1268">
                  <c:v>44876</c:v>
                </c:pt>
                <c:pt idx="1269">
                  <c:v>44879</c:v>
                </c:pt>
                <c:pt idx="1270">
                  <c:v>44880</c:v>
                </c:pt>
                <c:pt idx="1271">
                  <c:v>44881</c:v>
                </c:pt>
                <c:pt idx="1272">
                  <c:v>44882</c:v>
                </c:pt>
                <c:pt idx="1273">
                  <c:v>44883</c:v>
                </c:pt>
                <c:pt idx="1274">
                  <c:v>44886</c:v>
                </c:pt>
                <c:pt idx="1275">
                  <c:v>44887</c:v>
                </c:pt>
                <c:pt idx="1276">
                  <c:v>44888</c:v>
                </c:pt>
                <c:pt idx="1277">
                  <c:v>44889</c:v>
                </c:pt>
                <c:pt idx="1278">
                  <c:v>44890</c:v>
                </c:pt>
                <c:pt idx="1279">
                  <c:v>44893</c:v>
                </c:pt>
                <c:pt idx="1280">
                  <c:v>44894</c:v>
                </c:pt>
                <c:pt idx="1281">
                  <c:v>44895</c:v>
                </c:pt>
                <c:pt idx="1282">
                  <c:v>44896</c:v>
                </c:pt>
                <c:pt idx="1283">
                  <c:v>44897</c:v>
                </c:pt>
                <c:pt idx="1284">
                  <c:v>44900</c:v>
                </c:pt>
                <c:pt idx="1285">
                  <c:v>44901</c:v>
                </c:pt>
                <c:pt idx="1286">
                  <c:v>44902</c:v>
                </c:pt>
                <c:pt idx="1287">
                  <c:v>44903</c:v>
                </c:pt>
                <c:pt idx="1288">
                  <c:v>44904</c:v>
                </c:pt>
                <c:pt idx="1289">
                  <c:v>44907</c:v>
                </c:pt>
                <c:pt idx="1290">
                  <c:v>44908</c:v>
                </c:pt>
                <c:pt idx="1291">
                  <c:v>44909</c:v>
                </c:pt>
                <c:pt idx="1292">
                  <c:v>44910</c:v>
                </c:pt>
                <c:pt idx="1293">
                  <c:v>44911</c:v>
                </c:pt>
                <c:pt idx="1294">
                  <c:v>44914</c:v>
                </c:pt>
                <c:pt idx="1295">
                  <c:v>44915</c:v>
                </c:pt>
                <c:pt idx="1296">
                  <c:v>44916</c:v>
                </c:pt>
                <c:pt idx="1297">
                  <c:v>44917</c:v>
                </c:pt>
                <c:pt idx="1298">
                  <c:v>44918</c:v>
                </c:pt>
                <c:pt idx="1299">
                  <c:v>44921</c:v>
                </c:pt>
                <c:pt idx="1300">
                  <c:v>44922</c:v>
                </c:pt>
                <c:pt idx="1301">
                  <c:v>44923</c:v>
                </c:pt>
                <c:pt idx="1302">
                  <c:v>44924</c:v>
                </c:pt>
                <c:pt idx="1303">
                  <c:v>44925</c:v>
                </c:pt>
                <c:pt idx="1304">
                  <c:v>44928</c:v>
                </c:pt>
                <c:pt idx="1305">
                  <c:v>44929</c:v>
                </c:pt>
                <c:pt idx="1306">
                  <c:v>44930</c:v>
                </c:pt>
                <c:pt idx="1307">
                  <c:v>44931</c:v>
                </c:pt>
                <c:pt idx="1308">
                  <c:v>44932</c:v>
                </c:pt>
                <c:pt idx="1309">
                  <c:v>44935</c:v>
                </c:pt>
                <c:pt idx="1310">
                  <c:v>44936</c:v>
                </c:pt>
                <c:pt idx="1311">
                  <c:v>44937</c:v>
                </c:pt>
                <c:pt idx="1312">
                  <c:v>44938</c:v>
                </c:pt>
                <c:pt idx="1313">
                  <c:v>44939</c:v>
                </c:pt>
                <c:pt idx="1314">
                  <c:v>44942</c:v>
                </c:pt>
                <c:pt idx="1315">
                  <c:v>44943</c:v>
                </c:pt>
                <c:pt idx="1316">
                  <c:v>44944</c:v>
                </c:pt>
                <c:pt idx="1317">
                  <c:v>44945</c:v>
                </c:pt>
                <c:pt idx="1318">
                  <c:v>44946</c:v>
                </c:pt>
                <c:pt idx="1319">
                  <c:v>44949</c:v>
                </c:pt>
                <c:pt idx="1320">
                  <c:v>44950</c:v>
                </c:pt>
                <c:pt idx="1321">
                  <c:v>44951</c:v>
                </c:pt>
                <c:pt idx="1322">
                  <c:v>44952</c:v>
                </c:pt>
                <c:pt idx="1323">
                  <c:v>44953</c:v>
                </c:pt>
                <c:pt idx="1324">
                  <c:v>44956</c:v>
                </c:pt>
                <c:pt idx="1325">
                  <c:v>44957</c:v>
                </c:pt>
                <c:pt idx="1326">
                  <c:v>44958</c:v>
                </c:pt>
                <c:pt idx="1327">
                  <c:v>44959</c:v>
                </c:pt>
                <c:pt idx="1328">
                  <c:v>44960</c:v>
                </c:pt>
                <c:pt idx="1329">
                  <c:v>44963</c:v>
                </c:pt>
                <c:pt idx="1330">
                  <c:v>44964</c:v>
                </c:pt>
                <c:pt idx="1331">
                  <c:v>44965</c:v>
                </c:pt>
                <c:pt idx="1332">
                  <c:v>44966</c:v>
                </c:pt>
                <c:pt idx="1333">
                  <c:v>44967</c:v>
                </c:pt>
                <c:pt idx="1334">
                  <c:v>44970</c:v>
                </c:pt>
                <c:pt idx="1335">
                  <c:v>44971</c:v>
                </c:pt>
                <c:pt idx="1336">
                  <c:v>44972</c:v>
                </c:pt>
                <c:pt idx="1337">
                  <c:v>44973</c:v>
                </c:pt>
                <c:pt idx="1338">
                  <c:v>44974</c:v>
                </c:pt>
                <c:pt idx="1339">
                  <c:v>44977</c:v>
                </c:pt>
                <c:pt idx="1340">
                  <c:v>44978</c:v>
                </c:pt>
                <c:pt idx="1341">
                  <c:v>44979</c:v>
                </c:pt>
                <c:pt idx="1342">
                  <c:v>44980</c:v>
                </c:pt>
                <c:pt idx="1343">
                  <c:v>44981</c:v>
                </c:pt>
                <c:pt idx="1344">
                  <c:v>44984</c:v>
                </c:pt>
                <c:pt idx="1345">
                  <c:v>44985</c:v>
                </c:pt>
                <c:pt idx="1346">
                  <c:v>44986</c:v>
                </c:pt>
                <c:pt idx="1347">
                  <c:v>44987</c:v>
                </c:pt>
                <c:pt idx="1348">
                  <c:v>44988</c:v>
                </c:pt>
                <c:pt idx="1349">
                  <c:v>44991</c:v>
                </c:pt>
                <c:pt idx="1350">
                  <c:v>44992</c:v>
                </c:pt>
                <c:pt idx="1351">
                  <c:v>44993</c:v>
                </c:pt>
                <c:pt idx="1352">
                  <c:v>44994</c:v>
                </c:pt>
                <c:pt idx="1353">
                  <c:v>44995</c:v>
                </c:pt>
                <c:pt idx="1354">
                  <c:v>44998</c:v>
                </c:pt>
                <c:pt idx="1355">
                  <c:v>44999</c:v>
                </c:pt>
                <c:pt idx="1356">
                  <c:v>45000</c:v>
                </c:pt>
                <c:pt idx="1357">
                  <c:v>45001</c:v>
                </c:pt>
                <c:pt idx="1358">
                  <c:v>45002</c:v>
                </c:pt>
                <c:pt idx="1359">
                  <c:v>45005</c:v>
                </c:pt>
                <c:pt idx="1360">
                  <c:v>45006</c:v>
                </c:pt>
                <c:pt idx="1361">
                  <c:v>45007</c:v>
                </c:pt>
                <c:pt idx="1362">
                  <c:v>45008</c:v>
                </c:pt>
                <c:pt idx="1363">
                  <c:v>45009</c:v>
                </c:pt>
                <c:pt idx="1364">
                  <c:v>45012</c:v>
                </c:pt>
                <c:pt idx="1365">
                  <c:v>45013</c:v>
                </c:pt>
                <c:pt idx="1366">
                  <c:v>45014</c:v>
                </c:pt>
                <c:pt idx="1367">
                  <c:v>45015</c:v>
                </c:pt>
                <c:pt idx="1368">
                  <c:v>45016</c:v>
                </c:pt>
                <c:pt idx="1369">
                  <c:v>45019</c:v>
                </c:pt>
                <c:pt idx="1370">
                  <c:v>45020</c:v>
                </c:pt>
                <c:pt idx="1371">
                  <c:v>45021</c:v>
                </c:pt>
                <c:pt idx="1372">
                  <c:v>45022</c:v>
                </c:pt>
                <c:pt idx="1373">
                  <c:v>45023</c:v>
                </c:pt>
                <c:pt idx="1374">
                  <c:v>45026</c:v>
                </c:pt>
                <c:pt idx="1375">
                  <c:v>45027</c:v>
                </c:pt>
                <c:pt idx="1376">
                  <c:v>45028</c:v>
                </c:pt>
                <c:pt idx="1377">
                  <c:v>45029</c:v>
                </c:pt>
                <c:pt idx="1378">
                  <c:v>45030</c:v>
                </c:pt>
                <c:pt idx="1379">
                  <c:v>45033</c:v>
                </c:pt>
                <c:pt idx="1380">
                  <c:v>45034</c:v>
                </c:pt>
                <c:pt idx="1381">
                  <c:v>45035</c:v>
                </c:pt>
                <c:pt idx="1382">
                  <c:v>45036</c:v>
                </c:pt>
                <c:pt idx="1383">
                  <c:v>45037</c:v>
                </c:pt>
                <c:pt idx="1384">
                  <c:v>45040</c:v>
                </c:pt>
                <c:pt idx="1385">
                  <c:v>45041</c:v>
                </c:pt>
                <c:pt idx="1386">
                  <c:v>45042</c:v>
                </c:pt>
                <c:pt idx="1387">
                  <c:v>45043</c:v>
                </c:pt>
                <c:pt idx="1388">
                  <c:v>45044</c:v>
                </c:pt>
                <c:pt idx="1389">
                  <c:v>45047</c:v>
                </c:pt>
                <c:pt idx="1390">
                  <c:v>45048</c:v>
                </c:pt>
                <c:pt idx="1391">
                  <c:v>45049</c:v>
                </c:pt>
                <c:pt idx="1392">
                  <c:v>45050</c:v>
                </c:pt>
                <c:pt idx="1393">
                  <c:v>45051</c:v>
                </c:pt>
                <c:pt idx="1394">
                  <c:v>45054</c:v>
                </c:pt>
                <c:pt idx="1395">
                  <c:v>45055</c:v>
                </c:pt>
                <c:pt idx="1396">
                  <c:v>45056</c:v>
                </c:pt>
                <c:pt idx="1397">
                  <c:v>45057</c:v>
                </c:pt>
                <c:pt idx="1398">
                  <c:v>45058</c:v>
                </c:pt>
                <c:pt idx="1399">
                  <c:v>45061</c:v>
                </c:pt>
                <c:pt idx="1400">
                  <c:v>45062</c:v>
                </c:pt>
                <c:pt idx="1401">
                  <c:v>45063</c:v>
                </c:pt>
                <c:pt idx="1402">
                  <c:v>45064</c:v>
                </c:pt>
                <c:pt idx="1403">
                  <c:v>45065</c:v>
                </c:pt>
                <c:pt idx="1404">
                  <c:v>45068</c:v>
                </c:pt>
                <c:pt idx="1405">
                  <c:v>45069</c:v>
                </c:pt>
                <c:pt idx="1406">
                  <c:v>45070</c:v>
                </c:pt>
                <c:pt idx="1407">
                  <c:v>45071</c:v>
                </c:pt>
                <c:pt idx="1408">
                  <c:v>45072</c:v>
                </c:pt>
                <c:pt idx="1409">
                  <c:v>45075</c:v>
                </c:pt>
                <c:pt idx="1410">
                  <c:v>45076</c:v>
                </c:pt>
                <c:pt idx="1411">
                  <c:v>45077</c:v>
                </c:pt>
                <c:pt idx="1412">
                  <c:v>45078</c:v>
                </c:pt>
                <c:pt idx="1413">
                  <c:v>45079</c:v>
                </c:pt>
                <c:pt idx="1414">
                  <c:v>45082</c:v>
                </c:pt>
                <c:pt idx="1415">
                  <c:v>45083</c:v>
                </c:pt>
                <c:pt idx="1416">
                  <c:v>45084</c:v>
                </c:pt>
                <c:pt idx="1417">
                  <c:v>45085</c:v>
                </c:pt>
                <c:pt idx="1418">
                  <c:v>45086</c:v>
                </c:pt>
                <c:pt idx="1419">
                  <c:v>45089</c:v>
                </c:pt>
                <c:pt idx="1420">
                  <c:v>45090</c:v>
                </c:pt>
                <c:pt idx="1421">
                  <c:v>45091</c:v>
                </c:pt>
                <c:pt idx="1422">
                  <c:v>45092</c:v>
                </c:pt>
                <c:pt idx="1423">
                  <c:v>45093</c:v>
                </c:pt>
                <c:pt idx="1424">
                  <c:v>45096</c:v>
                </c:pt>
                <c:pt idx="1425">
                  <c:v>45097</c:v>
                </c:pt>
                <c:pt idx="1426">
                  <c:v>45098</c:v>
                </c:pt>
                <c:pt idx="1427">
                  <c:v>45099</c:v>
                </c:pt>
                <c:pt idx="1428">
                  <c:v>45100</c:v>
                </c:pt>
                <c:pt idx="1429">
                  <c:v>45103</c:v>
                </c:pt>
                <c:pt idx="1430">
                  <c:v>45104</c:v>
                </c:pt>
                <c:pt idx="1431">
                  <c:v>45105</c:v>
                </c:pt>
                <c:pt idx="1432">
                  <c:v>45106</c:v>
                </c:pt>
                <c:pt idx="1433">
                  <c:v>45107</c:v>
                </c:pt>
                <c:pt idx="1434">
                  <c:v>45110</c:v>
                </c:pt>
                <c:pt idx="1435">
                  <c:v>45111</c:v>
                </c:pt>
                <c:pt idx="1436">
                  <c:v>45112</c:v>
                </c:pt>
                <c:pt idx="1437">
                  <c:v>45113</c:v>
                </c:pt>
                <c:pt idx="1438">
                  <c:v>45114</c:v>
                </c:pt>
                <c:pt idx="1439">
                  <c:v>45117</c:v>
                </c:pt>
                <c:pt idx="1440">
                  <c:v>45118</c:v>
                </c:pt>
                <c:pt idx="1441">
                  <c:v>45119</c:v>
                </c:pt>
                <c:pt idx="1442">
                  <c:v>45120</c:v>
                </c:pt>
                <c:pt idx="1443">
                  <c:v>45121</c:v>
                </c:pt>
                <c:pt idx="1444">
                  <c:v>45124</c:v>
                </c:pt>
                <c:pt idx="1445">
                  <c:v>45125</c:v>
                </c:pt>
                <c:pt idx="1446">
                  <c:v>45126</c:v>
                </c:pt>
                <c:pt idx="1447">
                  <c:v>45127</c:v>
                </c:pt>
                <c:pt idx="1448">
                  <c:v>45128</c:v>
                </c:pt>
                <c:pt idx="1449">
                  <c:v>45131</c:v>
                </c:pt>
                <c:pt idx="1450">
                  <c:v>45132</c:v>
                </c:pt>
                <c:pt idx="1451">
                  <c:v>45133</c:v>
                </c:pt>
                <c:pt idx="1452">
                  <c:v>45134</c:v>
                </c:pt>
                <c:pt idx="1453">
                  <c:v>45135</c:v>
                </c:pt>
                <c:pt idx="1454">
                  <c:v>45138</c:v>
                </c:pt>
                <c:pt idx="1455">
                  <c:v>45139</c:v>
                </c:pt>
                <c:pt idx="1456">
                  <c:v>45140</c:v>
                </c:pt>
                <c:pt idx="1457">
                  <c:v>45141</c:v>
                </c:pt>
                <c:pt idx="1458">
                  <c:v>45142</c:v>
                </c:pt>
                <c:pt idx="1459">
                  <c:v>45145</c:v>
                </c:pt>
                <c:pt idx="1460">
                  <c:v>45146</c:v>
                </c:pt>
                <c:pt idx="1461">
                  <c:v>45147</c:v>
                </c:pt>
                <c:pt idx="1462">
                  <c:v>45148</c:v>
                </c:pt>
                <c:pt idx="1463">
                  <c:v>45149</c:v>
                </c:pt>
                <c:pt idx="1464">
                  <c:v>45152</c:v>
                </c:pt>
                <c:pt idx="1465">
                  <c:v>45153</c:v>
                </c:pt>
                <c:pt idx="1466">
                  <c:v>45154</c:v>
                </c:pt>
                <c:pt idx="1467">
                  <c:v>45155</c:v>
                </c:pt>
                <c:pt idx="1468">
                  <c:v>45156</c:v>
                </c:pt>
                <c:pt idx="1469">
                  <c:v>45159</c:v>
                </c:pt>
                <c:pt idx="1470">
                  <c:v>45160</c:v>
                </c:pt>
                <c:pt idx="1471">
                  <c:v>45161</c:v>
                </c:pt>
                <c:pt idx="1472">
                  <c:v>45162</c:v>
                </c:pt>
                <c:pt idx="1473">
                  <c:v>45163</c:v>
                </c:pt>
                <c:pt idx="1474">
                  <c:v>45166</c:v>
                </c:pt>
                <c:pt idx="1475">
                  <c:v>45167</c:v>
                </c:pt>
                <c:pt idx="1476">
                  <c:v>45168</c:v>
                </c:pt>
                <c:pt idx="1477">
                  <c:v>45169</c:v>
                </c:pt>
                <c:pt idx="1478">
                  <c:v>45170</c:v>
                </c:pt>
                <c:pt idx="1479">
                  <c:v>45173</c:v>
                </c:pt>
                <c:pt idx="1480">
                  <c:v>45174</c:v>
                </c:pt>
                <c:pt idx="1481">
                  <c:v>45175</c:v>
                </c:pt>
                <c:pt idx="1482">
                  <c:v>45176</c:v>
                </c:pt>
                <c:pt idx="1483">
                  <c:v>45177</c:v>
                </c:pt>
                <c:pt idx="1484">
                  <c:v>45180</c:v>
                </c:pt>
                <c:pt idx="1485">
                  <c:v>45181</c:v>
                </c:pt>
                <c:pt idx="1486">
                  <c:v>45182</c:v>
                </c:pt>
                <c:pt idx="1487">
                  <c:v>45183</c:v>
                </c:pt>
                <c:pt idx="1488">
                  <c:v>45184</c:v>
                </c:pt>
                <c:pt idx="1489">
                  <c:v>45187</c:v>
                </c:pt>
                <c:pt idx="1490">
                  <c:v>45188</c:v>
                </c:pt>
                <c:pt idx="1491">
                  <c:v>45189</c:v>
                </c:pt>
                <c:pt idx="1492">
                  <c:v>45190</c:v>
                </c:pt>
                <c:pt idx="1493">
                  <c:v>45191</c:v>
                </c:pt>
                <c:pt idx="1494">
                  <c:v>45194</c:v>
                </c:pt>
                <c:pt idx="1495">
                  <c:v>45195</c:v>
                </c:pt>
                <c:pt idx="1496">
                  <c:v>45196</c:v>
                </c:pt>
                <c:pt idx="1497">
                  <c:v>45197</c:v>
                </c:pt>
                <c:pt idx="1498">
                  <c:v>45198</c:v>
                </c:pt>
                <c:pt idx="1499">
                  <c:v>45201</c:v>
                </c:pt>
                <c:pt idx="1500">
                  <c:v>45202</c:v>
                </c:pt>
                <c:pt idx="1501">
                  <c:v>45203</c:v>
                </c:pt>
                <c:pt idx="1502">
                  <c:v>45204</c:v>
                </c:pt>
                <c:pt idx="1503">
                  <c:v>45205</c:v>
                </c:pt>
                <c:pt idx="1504">
                  <c:v>45208</c:v>
                </c:pt>
                <c:pt idx="1505">
                  <c:v>45209</c:v>
                </c:pt>
                <c:pt idx="1506">
                  <c:v>45210</c:v>
                </c:pt>
                <c:pt idx="1507">
                  <c:v>45211</c:v>
                </c:pt>
                <c:pt idx="1508">
                  <c:v>45212</c:v>
                </c:pt>
                <c:pt idx="1509">
                  <c:v>45215</c:v>
                </c:pt>
                <c:pt idx="1510">
                  <c:v>45216</c:v>
                </c:pt>
                <c:pt idx="1511">
                  <c:v>45217</c:v>
                </c:pt>
                <c:pt idx="1512">
                  <c:v>45218</c:v>
                </c:pt>
                <c:pt idx="1513">
                  <c:v>45219</c:v>
                </c:pt>
                <c:pt idx="1514">
                  <c:v>45222</c:v>
                </c:pt>
                <c:pt idx="1515">
                  <c:v>45223</c:v>
                </c:pt>
                <c:pt idx="1516">
                  <c:v>45224</c:v>
                </c:pt>
                <c:pt idx="1517">
                  <c:v>45225</c:v>
                </c:pt>
                <c:pt idx="1518">
                  <c:v>45226</c:v>
                </c:pt>
                <c:pt idx="1519">
                  <c:v>45229</c:v>
                </c:pt>
                <c:pt idx="1520">
                  <c:v>45230</c:v>
                </c:pt>
                <c:pt idx="1521">
                  <c:v>45231</c:v>
                </c:pt>
                <c:pt idx="1522">
                  <c:v>45232</c:v>
                </c:pt>
                <c:pt idx="1523">
                  <c:v>45233</c:v>
                </c:pt>
                <c:pt idx="1524">
                  <c:v>45236</c:v>
                </c:pt>
                <c:pt idx="1525">
                  <c:v>45237</c:v>
                </c:pt>
                <c:pt idx="1526">
                  <c:v>45238</c:v>
                </c:pt>
                <c:pt idx="1527">
                  <c:v>45239</c:v>
                </c:pt>
                <c:pt idx="1528">
                  <c:v>45240</c:v>
                </c:pt>
                <c:pt idx="1529">
                  <c:v>45243</c:v>
                </c:pt>
                <c:pt idx="1530">
                  <c:v>45244</c:v>
                </c:pt>
                <c:pt idx="1531">
                  <c:v>45245</c:v>
                </c:pt>
                <c:pt idx="1532">
                  <c:v>45246</c:v>
                </c:pt>
                <c:pt idx="1533">
                  <c:v>45247</c:v>
                </c:pt>
                <c:pt idx="1534">
                  <c:v>45250</c:v>
                </c:pt>
                <c:pt idx="1535">
                  <c:v>45251</c:v>
                </c:pt>
                <c:pt idx="1536">
                  <c:v>45252</c:v>
                </c:pt>
                <c:pt idx="1537">
                  <c:v>45253</c:v>
                </c:pt>
                <c:pt idx="1538">
                  <c:v>45254</c:v>
                </c:pt>
                <c:pt idx="1539">
                  <c:v>45257</c:v>
                </c:pt>
                <c:pt idx="1540">
                  <c:v>45258</c:v>
                </c:pt>
                <c:pt idx="1541">
                  <c:v>45259</c:v>
                </c:pt>
                <c:pt idx="1542">
                  <c:v>45260</c:v>
                </c:pt>
                <c:pt idx="1543">
                  <c:v>45261</c:v>
                </c:pt>
                <c:pt idx="1544">
                  <c:v>45264</c:v>
                </c:pt>
                <c:pt idx="1545">
                  <c:v>45265</c:v>
                </c:pt>
                <c:pt idx="1546">
                  <c:v>45266</c:v>
                </c:pt>
                <c:pt idx="1547">
                  <c:v>45267</c:v>
                </c:pt>
                <c:pt idx="1548">
                  <c:v>45268</c:v>
                </c:pt>
                <c:pt idx="1549">
                  <c:v>45271</c:v>
                </c:pt>
                <c:pt idx="1550">
                  <c:v>45272</c:v>
                </c:pt>
                <c:pt idx="1551">
                  <c:v>45273</c:v>
                </c:pt>
                <c:pt idx="1552">
                  <c:v>45274</c:v>
                </c:pt>
                <c:pt idx="1553">
                  <c:v>45275</c:v>
                </c:pt>
                <c:pt idx="1554">
                  <c:v>45278</c:v>
                </c:pt>
                <c:pt idx="1555">
                  <c:v>45279</c:v>
                </c:pt>
                <c:pt idx="1556">
                  <c:v>45280</c:v>
                </c:pt>
                <c:pt idx="1557">
                  <c:v>45281</c:v>
                </c:pt>
                <c:pt idx="1558">
                  <c:v>45282</c:v>
                </c:pt>
                <c:pt idx="1559">
                  <c:v>45285</c:v>
                </c:pt>
                <c:pt idx="1560">
                  <c:v>45286</c:v>
                </c:pt>
                <c:pt idx="1561">
                  <c:v>45287</c:v>
                </c:pt>
                <c:pt idx="1562">
                  <c:v>45288</c:v>
                </c:pt>
                <c:pt idx="1563">
                  <c:v>45289</c:v>
                </c:pt>
                <c:pt idx="1564">
                  <c:v>45292</c:v>
                </c:pt>
                <c:pt idx="1565">
                  <c:v>45293</c:v>
                </c:pt>
                <c:pt idx="1566">
                  <c:v>45294</c:v>
                </c:pt>
                <c:pt idx="1567">
                  <c:v>45295</c:v>
                </c:pt>
                <c:pt idx="1568">
                  <c:v>45296</c:v>
                </c:pt>
                <c:pt idx="1569">
                  <c:v>45299</c:v>
                </c:pt>
                <c:pt idx="1570">
                  <c:v>45300</c:v>
                </c:pt>
                <c:pt idx="1571">
                  <c:v>45301</c:v>
                </c:pt>
                <c:pt idx="1572">
                  <c:v>45302</c:v>
                </c:pt>
                <c:pt idx="1573">
                  <c:v>45303</c:v>
                </c:pt>
                <c:pt idx="1574">
                  <c:v>45306</c:v>
                </c:pt>
                <c:pt idx="1575">
                  <c:v>45307</c:v>
                </c:pt>
                <c:pt idx="1576">
                  <c:v>45308</c:v>
                </c:pt>
                <c:pt idx="1577">
                  <c:v>45309</c:v>
                </c:pt>
                <c:pt idx="1578">
                  <c:v>45310</c:v>
                </c:pt>
                <c:pt idx="1579">
                  <c:v>45313</c:v>
                </c:pt>
                <c:pt idx="1580">
                  <c:v>45314</c:v>
                </c:pt>
                <c:pt idx="1581">
                  <c:v>45315</c:v>
                </c:pt>
                <c:pt idx="1582">
                  <c:v>45316</c:v>
                </c:pt>
                <c:pt idx="1583">
                  <c:v>45317</c:v>
                </c:pt>
                <c:pt idx="1584">
                  <c:v>45320</c:v>
                </c:pt>
                <c:pt idx="1585">
                  <c:v>45321</c:v>
                </c:pt>
                <c:pt idx="1586">
                  <c:v>45322</c:v>
                </c:pt>
                <c:pt idx="1587">
                  <c:v>45323</c:v>
                </c:pt>
                <c:pt idx="1588">
                  <c:v>45324</c:v>
                </c:pt>
                <c:pt idx="1589">
                  <c:v>45327</c:v>
                </c:pt>
                <c:pt idx="1590">
                  <c:v>45328</c:v>
                </c:pt>
                <c:pt idx="1591">
                  <c:v>45329</c:v>
                </c:pt>
                <c:pt idx="1592">
                  <c:v>45330</c:v>
                </c:pt>
                <c:pt idx="1593">
                  <c:v>45331</c:v>
                </c:pt>
                <c:pt idx="1594">
                  <c:v>45334</c:v>
                </c:pt>
                <c:pt idx="1595">
                  <c:v>45335</c:v>
                </c:pt>
                <c:pt idx="1596">
                  <c:v>45336</c:v>
                </c:pt>
                <c:pt idx="1597">
                  <c:v>45337</c:v>
                </c:pt>
                <c:pt idx="1598">
                  <c:v>45338</c:v>
                </c:pt>
                <c:pt idx="1599">
                  <c:v>45341</c:v>
                </c:pt>
                <c:pt idx="1600">
                  <c:v>45342</c:v>
                </c:pt>
                <c:pt idx="1601">
                  <c:v>45343</c:v>
                </c:pt>
                <c:pt idx="1602">
                  <c:v>45344</c:v>
                </c:pt>
                <c:pt idx="1603">
                  <c:v>45345</c:v>
                </c:pt>
                <c:pt idx="1604">
                  <c:v>45348</c:v>
                </c:pt>
                <c:pt idx="1605">
                  <c:v>45349</c:v>
                </c:pt>
                <c:pt idx="1606">
                  <c:v>45350</c:v>
                </c:pt>
                <c:pt idx="1607">
                  <c:v>45351</c:v>
                </c:pt>
                <c:pt idx="1608">
                  <c:v>45352</c:v>
                </c:pt>
                <c:pt idx="1609">
                  <c:v>45355</c:v>
                </c:pt>
                <c:pt idx="1610">
                  <c:v>45356</c:v>
                </c:pt>
                <c:pt idx="1611">
                  <c:v>45357</c:v>
                </c:pt>
                <c:pt idx="1612">
                  <c:v>45358</c:v>
                </c:pt>
                <c:pt idx="1613">
                  <c:v>45359</c:v>
                </c:pt>
                <c:pt idx="1614">
                  <c:v>45362</c:v>
                </c:pt>
                <c:pt idx="1615">
                  <c:v>45363</c:v>
                </c:pt>
                <c:pt idx="1616">
                  <c:v>45364</c:v>
                </c:pt>
                <c:pt idx="1617">
                  <c:v>45365</c:v>
                </c:pt>
                <c:pt idx="1618">
                  <c:v>45366</c:v>
                </c:pt>
                <c:pt idx="1619">
                  <c:v>45369</c:v>
                </c:pt>
                <c:pt idx="1620">
                  <c:v>45370</c:v>
                </c:pt>
                <c:pt idx="1621">
                  <c:v>45371</c:v>
                </c:pt>
                <c:pt idx="1622">
                  <c:v>45372</c:v>
                </c:pt>
                <c:pt idx="1623">
                  <c:v>45373</c:v>
                </c:pt>
                <c:pt idx="1624">
                  <c:v>45376</c:v>
                </c:pt>
                <c:pt idx="1625">
                  <c:v>45377</c:v>
                </c:pt>
                <c:pt idx="1626">
                  <c:v>45378</c:v>
                </c:pt>
                <c:pt idx="1627">
                  <c:v>45379</c:v>
                </c:pt>
                <c:pt idx="1628">
                  <c:v>45380</c:v>
                </c:pt>
                <c:pt idx="1629">
                  <c:v>45383</c:v>
                </c:pt>
                <c:pt idx="1630">
                  <c:v>45384</c:v>
                </c:pt>
                <c:pt idx="1631">
                  <c:v>45385</c:v>
                </c:pt>
                <c:pt idx="1632">
                  <c:v>45386</c:v>
                </c:pt>
                <c:pt idx="1633">
                  <c:v>45387</c:v>
                </c:pt>
                <c:pt idx="1634">
                  <c:v>45390</c:v>
                </c:pt>
                <c:pt idx="1635">
                  <c:v>45391</c:v>
                </c:pt>
                <c:pt idx="1636">
                  <c:v>45392</c:v>
                </c:pt>
                <c:pt idx="1637">
                  <c:v>45393</c:v>
                </c:pt>
                <c:pt idx="1638">
                  <c:v>45394</c:v>
                </c:pt>
                <c:pt idx="1639">
                  <c:v>45397</c:v>
                </c:pt>
                <c:pt idx="1640">
                  <c:v>45398</c:v>
                </c:pt>
                <c:pt idx="1641">
                  <c:v>45399</c:v>
                </c:pt>
                <c:pt idx="1642">
                  <c:v>45400</c:v>
                </c:pt>
                <c:pt idx="1643">
                  <c:v>45401</c:v>
                </c:pt>
                <c:pt idx="1644">
                  <c:v>45404</c:v>
                </c:pt>
                <c:pt idx="1645">
                  <c:v>45405</c:v>
                </c:pt>
                <c:pt idx="1646">
                  <c:v>45406</c:v>
                </c:pt>
                <c:pt idx="1647">
                  <c:v>45407</c:v>
                </c:pt>
                <c:pt idx="1648">
                  <c:v>45408</c:v>
                </c:pt>
                <c:pt idx="1649">
                  <c:v>45411</c:v>
                </c:pt>
                <c:pt idx="1650">
                  <c:v>45412</c:v>
                </c:pt>
                <c:pt idx="1651">
                  <c:v>45413</c:v>
                </c:pt>
                <c:pt idx="1652">
                  <c:v>45414</c:v>
                </c:pt>
                <c:pt idx="1653">
                  <c:v>45415</c:v>
                </c:pt>
                <c:pt idx="1654">
                  <c:v>45418</c:v>
                </c:pt>
                <c:pt idx="1655">
                  <c:v>45419</c:v>
                </c:pt>
                <c:pt idx="1656">
                  <c:v>45420</c:v>
                </c:pt>
                <c:pt idx="1657">
                  <c:v>45421</c:v>
                </c:pt>
                <c:pt idx="1658">
                  <c:v>45422</c:v>
                </c:pt>
                <c:pt idx="1659">
                  <c:v>45425</c:v>
                </c:pt>
                <c:pt idx="1660">
                  <c:v>45426</c:v>
                </c:pt>
                <c:pt idx="1661">
                  <c:v>45427</c:v>
                </c:pt>
                <c:pt idx="1662">
                  <c:v>45428</c:v>
                </c:pt>
                <c:pt idx="1663">
                  <c:v>45429</c:v>
                </c:pt>
                <c:pt idx="1664">
                  <c:v>45432</c:v>
                </c:pt>
                <c:pt idx="1665">
                  <c:v>45433</c:v>
                </c:pt>
                <c:pt idx="1666">
                  <c:v>45434</c:v>
                </c:pt>
                <c:pt idx="1667">
                  <c:v>45435</c:v>
                </c:pt>
                <c:pt idx="1668">
                  <c:v>45436</c:v>
                </c:pt>
                <c:pt idx="1669">
                  <c:v>45439</c:v>
                </c:pt>
                <c:pt idx="1670">
                  <c:v>45440</c:v>
                </c:pt>
                <c:pt idx="1671">
                  <c:v>45441</c:v>
                </c:pt>
                <c:pt idx="1672">
                  <c:v>45442</c:v>
                </c:pt>
                <c:pt idx="1673">
                  <c:v>45443</c:v>
                </c:pt>
                <c:pt idx="1674">
                  <c:v>45446</c:v>
                </c:pt>
                <c:pt idx="1675">
                  <c:v>45447</c:v>
                </c:pt>
                <c:pt idx="1676">
                  <c:v>45448</c:v>
                </c:pt>
                <c:pt idx="1677">
                  <c:v>45449</c:v>
                </c:pt>
                <c:pt idx="1678">
                  <c:v>45450</c:v>
                </c:pt>
                <c:pt idx="1679">
                  <c:v>45453</c:v>
                </c:pt>
                <c:pt idx="1680">
                  <c:v>45454</c:v>
                </c:pt>
                <c:pt idx="1681">
                  <c:v>45455</c:v>
                </c:pt>
                <c:pt idx="1682">
                  <c:v>45456</c:v>
                </c:pt>
                <c:pt idx="1683">
                  <c:v>45457</c:v>
                </c:pt>
                <c:pt idx="1684">
                  <c:v>45460</c:v>
                </c:pt>
                <c:pt idx="1685">
                  <c:v>45461</c:v>
                </c:pt>
                <c:pt idx="1686">
                  <c:v>45462</c:v>
                </c:pt>
                <c:pt idx="1687">
                  <c:v>45463</c:v>
                </c:pt>
                <c:pt idx="1688">
                  <c:v>45464</c:v>
                </c:pt>
                <c:pt idx="1689">
                  <c:v>45467</c:v>
                </c:pt>
                <c:pt idx="1690">
                  <c:v>45468</c:v>
                </c:pt>
                <c:pt idx="1691">
                  <c:v>45469</c:v>
                </c:pt>
                <c:pt idx="1692">
                  <c:v>45470</c:v>
                </c:pt>
                <c:pt idx="1693">
                  <c:v>45471</c:v>
                </c:pt>
                <c:pt idx="1694">
                  <c:v>45474</c:v>
                </c:pt>
                <c:pt idx="1695">
                  <c:v>45475</c:v>
                </c:pt>
                <c:pt idx="1696">
                  <c:v>45476</c:v>
                </c:pt>
                <c:pt idx="1697">
                  <c:v>45477</c:v>
                </c:pt>
                <c:pt idx="1698">
                  <c:v>45478</c:v>
                </c:pt>
                <c:pt idx="1699">
                  <c:v>45481</c:v>
                </c:pt>
                <c:pt idx="1700">
                  <c:v>45482</c:v>
                </c:pt>
                <c:pt idx="1701">
                  <c:v>45483</c:v>
                </c:pt>
                <c:pt idx="1702">
                  <c:v>45484</c:v>
                </c:pt>
              </c:numCache>
            </c:numRef>
          </c:cat>
          <c:val>
            <c:numRef>
              <c:f>'10Yr_Gov'!$L$5:$L$1707</c:f>
              <c:numCache>
                <c:formatCode>General</c:formatCode>
                <c:ptCount val="1703"/>
                <c:pt idx="0">
                  <c:v>1.28</c:v>
                </c:pt>
                <c:pt idx="1">
                  <c:v>1.22</c:v>
                </c:pt>
                <c:pt idx="2">
                  <c:v>1.24</c:v>
                </c:pt>
                <c:pt idx="3">
                  <c:v>1.24</c:v>
                </c:pt>
                <c:pt idx="4">
                  <c:v>1.23</c:v>
                </c:pt>
                <c:pt idx="5">
                  <c:v>1.28</c:v>
                </c:pt>
                <c:pt idx="6">
                  <c:v>1.29</c:v>
                </c:pt>
                <c:pt idx="7">
                  <c:v>1.31</c:v>
                </c:pt>
                <c:pt idx="8">
                  <c:v>1.34</c:v>
                </c:pt>
                <c:pt idx="9">
                  <c:v>1.33</c:v>
                </c:pt>
                <c:pt idx="10">
                  <c:v>1.31</c:v>
                </c:pt>
                <c:pt idx="11">
                  <c:v>1.3</c:v>
                </c:pt>
                <c:pt idx="12">
                  <c:v>1.34</c:v>
                </c:pt>
                <c:pt idx="13">
                  <c:v>1.34</c:v>
                </c:pt>
                <c:pt idx="14">
                  <c:v>1.36</c:v>
                </c:pt>
                <c:pt idx="15">
                  <c:v>1.36</c:v>
                </c:pt>
                <c:pt idx="16">
                  <c:v>1.41</c:v>
                </c:pt>
                <c:pt idx="17">
                  <c:v>1.41</c:v>
                </c:pt>
                <c:pt idx="18">
                  <c:v>1.44</c:v>
                </c:pt>
                <c:pt idx="19">
                  <c:v>1.46</c:v>
                </c:pt>
                <c:pt idx="20">
                  <c:v>1.46</c:v>
                </c:pt>
                <c:pt idx="21">
                  <c:v>1.49</c:v>
                </c:pt>
                <c:pt idx="22">
                  <c:v>1.52</c:v>
                </c:pt>
                <c:pt idx="23">
                  <c:v>1.57</c:v>
                </c:pt>
                <c:pt idx="24">
                  <c:v>1.56</c:v>
                </c:pt>
                <c:pt idx="25">
                  <c:v>1.51</c:v>
                </c:pt>
                <c:pt idx="26">
                  <c:v>1.54</c:v>
                </c:pt>
                <c:pt idx="27">
                  <c:v>1.62</c:v>
                </c:pt>
                <c:pt idx="28">
                  <c:v>1.59</c:v>
                </c:pt>
                <c:pt idx="29">
                  <c:v>1.59</c:v>
                </c:pt>
                <c:pt idx="30">
                  <c:v>1.61</c:v>
                </c:pt>
                <c:pt idx="31">
                  <c:v>1.62</c:v>
                </c:pt>
                <c:pt idx="32">
                  <c:v>1.65</c:v>
                </c:pt>
                <c:pt idx="33">
                  <c:v>1.58</c:v>
                </c:pt>
                <c:pt idx="34">
                  <c:v>1.6</c:v>
                </c:pt>
                <c:pt idx="35">
                  <c:v>1.57</c:v>
                </c:pt>
                <c:pt idx="36">
                  <c:v>1.55</c:v>
                </c:pt>
                <c:pt idx="37">
                  <c:v>1.54</c:v>
                </c:pt>
                <c:pt idx="38">
                  <c:v>1.52</c:v>
                </c:pt>
                <c:pt idx="39">
                  <c:v>1.5</c:v>
                </c:pt>
                <c:pt idx="40">
                  <c:v>1.55</c:v>
                </c:pt>
                <c:pt idx="41">
                  <c:v>1.51</c:v>
                </c:pt>
                <c:pt idx="42">
                  <c:v>1.46</c:v>
                </c:pt>
                <c:pt idx="43">
                  <c:v>1.46</c:v>
                </c:pt>
                <c:pt idx="44">
                  <c:v>1.49</c:v>
                </c:pt>
                <c:pt idx="45">
                  <c:v>1.51</c:v>
                </c:pt>
                <c:pt idx="46">
                  <c:v>1.49</c:v>
                </c:pt>
                <c:pt idx="47">
                  <c:v>1.47</c:v>
                </c:pt>
                <c:pt idx="48">
                  <c:v>1.5</c:v>
                </c:pt>
                <c:pt idx="49">
                  <c:v>1.5</c:v>
                </c:pt>
                <c:pt idx="50">
                  <c:v>1.48</c:v>
                </c:pt>
                <c:pt idx="51">
                  <c:v>1.42</c:v>
                </c:pt>
                <c:pt idx="52">
                  <c:v>1.43</c:v>
                </c:pt>
                <c:pt idx="53">
                  <c:v>1.43</c:v>
                </c:pt>
                <c:pt idx="54">
                  <c:v>1.44</c:v>
                </c:pt>
                <c:pt idx="55">
                  <c:v>1.48</c:v>
                </c:pt>
                <c:pt idx="56">
                  <c:v>1.53</c:v>
                </c:pt>
                <c:pt idx="57">
                  <c:v>1.41</c:v>
                </c:pt>
                <c:pt idx="58">
                  <c:v>1.44</c:v>
                </c:pt>
                <c:pt idx="59">
                  <c:v>1.44</c:v>
                </c:pt>
                <c:pt idx="60">
                  <c:v>1.41</c:v>
                </c:pt>
                <c:pt idx="61">
                  <c:v>1.36</c:v>
                </c:pt>
                <c:pt idx="62">
                  <c:v>1.35</c:v>
                </c:pt>
                <c:pt idx="63">
                  <c:v>1.35</c:v>
                </c:pt>
                <c:pt idx="64">
                  <c:v>1.35</c:v>
                </c:pt>
                <c:pt idx="65">
                  <c:v>1.35</c:v>
                </c:pt>
                <c:pt idx="66">
                  <c:v>1.36</c:v>
                </c:pt>
                <c:pt idx="67">
                  <c:v>1.41</c:v>
                </c:pt>
                <c:pt idx="68">
                  <c:v>1.39</c:v>
                </c:pt>
                <c:pt idx="69">
                  <c:v>1.4</c:v>
                </c:pt>
                <c:pt idx="70">
                  <c:v>1.41</c:v>
                </c:pt>
                <c:pt idx="71">
                  <c:v>1.38</c:v>
                </c:pt>
                <c:pt idx="72">
                  <c:v>1.44</c:v>
                </c:pt>
                <c:pt idx="73">
                  <c:v>1.43</c:v>
                </c:pt>
                <c:pt idx="74">
                  <c:v>1.46</c:v>
                </c:pt>
                <c:pt idx="75">
                  <c:v>1.44</c:v>
                </c:pt>
                <c:pt idx="76">
                  <c:v>1.42</c:v>
                </c:pt>
                <c:pt idx="77">
                  <c:v>1.51</c:v>
                </c:pt>
                <c:pt idx="78">
                  <c:v>1.49</c:v>
                </c:pt>
                <c:pt idx="79">
                  <c:v>1.52</c:v>
                </c:pt>
                <c:pt idx="80">
                  <c:v>1.54</c:v>
                </c:pt>
                <c:pt idx="81">
                  <c:v>1.54</c:v>
                </c:pt>
                <c:pt idx="82">
                  <c:v>1.5</c:v>
                </c:pt>
                <c:pt idx="83">
                  <c:v>1.45</c:v>
                </c:pt>
                <c:pt idx="84">
                  <c:v>1.42</c:v>
                </c:pt>
                <c:pt idx="85">
                  <c:v>1.4</c:v>
                </c:pt>
                <c:pt idx="86">
                  <c:v>1.45</c:v>
                </c:pt>
                <c:pt idx="87">
                  <c:v>1.39</c:v>
                </c:pt>
                <c:pt idx="88">
                  <c:v>1.39</c:v>
                </c:pt>
                <c:pt idx="89">
                  <c:v>1.39</c:v>
                </c:pt>
                <c:pt idx="90">
                  <c:v>1.44</c:v>
                </c:pt>
                <c:pt idx="91">
                  <c:v>1.46</c:v>
                </c:pt>
                <c:pt idx="92">
                  <c:v>1.42</c:v>
                </c:pt>
                <c:pt idx="93">
                  <c:v>1.44</c:v>
                </c:pt>
                <c:pt idx="94">
                  <c:v>1.48</c:v>
                </c:pt>
                <c:pt idx="95">
                  <c:v>1.51</c:v>
                </c:pt>
                <c:pt idx="96">
                  <c:v>1.5</c:v>
                </c:pt>
                <c:pt idx="97">
                  <c:v>1.56</c:v>
                </c:pt>
                <c:pt idx="98">
                  <c:v>1.5</c:v>
                </c:pt>
                <c:pt idx="99">
                  <c:v>1.49</c:v>
                </c:pt>
                <c:pt idx="100">
                  <c:v>1.52</c:v>
                </c:pt>
                <c:pt idx="101">
                  <c:v>1.43</c:v>
                </c:pt>
                <c:pt idx="102">
                  <c:v>1.39</c:v>
                </c:pt>
                <c:pt idx="103">
                  <c:v>1.33</c:v>
                </c:pt>
                <c:pt idx="104">
                  <c:v>1.33</c:v>
                </c:pt>
                <c:pt idx="105">
                  <c:v>1.23</c:v>
                </c:pt>
                <c:pt idx="106">
                  <c:v>1.22</c:v>
                </c:pt>
                <c:pt idx="107">
                  <c:v>1.22</c:v>
                </c:pt>
                <c:pt idx="108">
                  <c:v>1.27</c:v>
                </c:pt>
                <c:pt idx="109">
                  <c:v>1.29</c:v>
                </c:pt>
                <c:pt idx="110">
                  <c:v>1.28</c:v>
                </c:pt>
                <c:pt idx="111">
                  <c:v>1.38</c:v>
                </c:pt>
                <c:pt idx="112">
                  <c:v>1.4</c:v>
                </c:pt>
                <c:pt idx="113">
                  <c:v>1.39</c:v>
                </c:pt>
                <c:pt idx="114">
                  <c:v>1.4</c:v>
                </c:pt>
                <c:pt idx="115">
                  <c:v>1.39</c:v>
                </c:pt>
                <c:pt idx="116">
                  <c:v>1.36</c:v>
                </c:pt>
                <c:pt idx="117">
                  <c:v>1.33</c:v>
                </c:pt>
                <c:pt idx="118">
                  <c:v>1.31</c:v>
                </c:pt>
                <c:pt idx="119">
                  <c:v>1.32</c:v>
                </c:pt>
                <c:pt idx="120">
                  <c:v>1.28</c:v>
                </c:pt>
                <c:pt idx="121">
                  <c:v>1.29</c:v>
                </c:pt>
                <c:pt idx="122">
                  <c:v>1.27</c:v>
                </c:pt>
                <c:pt idx="123">
                  <c:v>1.31</c:v>
                </c:pt>
                <c:pt idx="124">
                  <c:v>1.29</c:v>
                </c:pt>
                <c:pt idx="125">
                  <c:v>1.29</c:v>
                </c:pt>
                <c:pt idx="126">
                  <c:v>1.25</c:v>
                </c:pt>
                <c:pt idx="127">
                  <c:v>1.25</c:v>
                </c:pt>
                <c:pt idx="128">
                  <c:v>1.42</c:v>
                </c:pt>
                <c:pt idx="129">
                  <c:v>1.4</c:v>
                </c:pt>
                <c:pt idx="130">
                  <c:v>1.39</c:v>
                </c:pt>
                <c:pt idx="131">
                  <c:v>1.42</c:v>
                </c:pt>
                <c:pt idx="132">
                  <c:v>1.41</c:v>
                </c:pt>
                <c:pt idx="133">
                  <c:v>1.41</c:v>
                </c:pt>
                <c:pt idx="134">
                  <c:v>1.43</c:v>
                </c:pt>
                <c:pt idx="135">
                  <c:v>1.45</c:v>
                </c:pt>
                <c:pt idx="136">
                  <c:v>1.45</c:v>
                </c:pt>
                <c:pt idx="137">
                  <c:v>1.43</c:v>
                </c:pt>
                <c:pt idx="138">
                  <c:v>1.42</c:v>
                </c:pt>
                <c:pt idx="139">
                  <c:v>1.44</c:v>
                </c:pt>
                <c:pt idx="140">
                  <c:v>1.4</c:v>
                </c:pt>
                <c:pt idx="141">
                  <c:v>1.37</c:v>
                </c:pt>
                <c:pt idx="142">
                  <c:v>1.33</c:v>
                </c:pt>
                <c:pt idx="143">
                  <c:v>1.38</c:v>
                </c:pt>
                <c:pt idx="144">
                  <c:v>1.41</c:v>
                </c:pt>
                <c:pt idx="145">
                  <c:v>1.41</c:v>
                </c:pt>
                <c:pt idx="146">
                  <c:v>1.41</c:v>
                </c:pt>
                <c:pt idx="147">
                  <c:v>1.42</c:v>
                </c:pt>
                <c:pt idx="148">
                  <c:v>1.42</c:v>
                </c:pt>
                <c:pt idx="149">
                  <c:v>1.49</c:v>
                </c:pt>
                <c:pt idx="150">
                  <c:v>1.47</c:v>
                </c:pt>
                <c:pt idx="151">
                  <c:v>1.53</c:v>
                </c:pt>
                <c:pt idx="152">
                  <c:v>1.52</c:v>
                </c:pt>
                <c:pt idx="153">
                  <c:v>1.47</c:v>
                </c:pt>
                <c:pt idx="154">
                  <c:v>1.44</c:v>
                </c:pt>
                <c:pt idx="155">
                  <c:v>1.48</c:v>
                </c:pt>
                <c:pt idx="156">
                  <c:v>1.46</c:v>
                </c:pt>
                <c:pt idx="157">
                  <c:v>1.45</c:v>
                </c:pt>
                <c:pt idx="158">
                  <c:v>1.39</c:v>
                </c:pt>
                <c:pt idx="159">
                  <c:v>1.41</c:v>
                </c:pt>
                <c:pt idx="160">
                  <c:v>1.41</c:v>
                </c:pt>
                <c:pt idx="161">
                  <c:v>1.37</c:v>
                </c:pt>
                <c:pt idx="162">
                  <c:v>1.38</c:v>
                </c:pt>
                <c:pt idx="163">
                  <c:v>1.38</c:v>
                </c:pt>
                <c:pt idx="164">
                  <c:v>1.37</c:v>
                </c:pt>
                <c:pt idx="165">
                  <c:v>1.41</c:v>
                </c:pt>
                <c:pt idx="166">
                  <c:v>1.42</c:v>
                </c:pt>
                <c:pt idx="167">
                  <c:v>1.42</c:v>
                </c:pt>
                <c:pt idx="168">
                  <c:v>1.42</c:v>
                </c:pt>
                <c:pt idx="169">
                  <c:v>1.42</c:v>
                </c:pt>
                <c:pt idx="170">
                  <c:v>1.45</c:v>
                </c:pt>
                <c:pt idx="171">
                  <c:v>1.49</c:v>
                </c:pt>
                <c:pt idx="172">
                  <c:v>1.46</c:v>
                </c:pt>
                <c:pt idx="173">
                  <c:v>1.43</c:v>
                </c:pt>
                <c:pt idx="174">
                  <c:v>1.4</c:v>
                </c:pt>
                <c:pt idx="175">
                  <c:v>1.42</c:v>
                </c:pt>
                <c:pt idx="176">
                  <c:v>1.46</c:v>
                </c:pt>
                <c:pt idx="177">
                  <c:v>1.41</c:v>
                </c:pt>
                <c:pt idx="178">
                  <c:v>1.45</c:v>
                </c:pt>
                <c:pt idx="179">
                  <c:v>1.47</c:v>
                </c:pt>
                <c:pt idx="180">
                  <c:v>1.5</c:v>
                </c:pt>
                <c:pt idx="181">
                  <c:v>1.48</c:v>
                </c:pt>
                <c:pt idx="182">
                  <c:v>1.5</c:v>
                </c:pt>
                <c:pt idx="183">
                  <c:v>1.52</c:v>
                </c:pt>
                <c:pt idx="184">
                  <c:v>1.53</c:v>
                </c:pt>
                <c:pt idx="185">
                  <c:v>1.56</c:v>
                </c:pt>
                <c:pt idx="186">
                  <c:v>1.61</c:v>
                </c:pt>
                <c:pt idx="187">
                  <c:v>1.59</c:v>
                </c:pt>
                <c:pt idx="188">
                  <c:v>1.55</c:v>
                </c:pt>
                <c:pt idx="189">
                  <c:v>1.6</c:v>
                </c:pt>
                <c:pt idx="190">
                  <c:v>1.62</c:v>
                </c:pt>
                <c:pt idx="191">
                  <c:v>1.59</c:v>
                </c:pt>
                <c:pt idx="192">
                  <c:v>1.59</c:v>
                </c:pt>
                <c:pt idx="193">
                  <c:v>1.57</c:v>
                </c:pt>
                <c:pt idx="194">
                  <c:v>1.58</c:v>
                </c:pt>
                <c:pt idx="195">
                  <c:v>1.53</c:v>
                </c:pt>
                <c:pt idx="196">
                  <c:v>1.56</c:v>
                </c:pt>
                <c:pt idx="197">
                  <c:v>1.66</c:v>
                </c:pt>
                <c:pt idx="198">
                  <c:v>1.71</c:v>
                </c:pt>
                <c:pt idx="199">
                  <c:v>1.68</c:v>
                </c:pt>
                <c:pt idx="200">
                  <c:v>1.69</c:v>
                </c:pt>
                <c:pt idx="201">
                  <c:v>1.72</c:v>
                </c:pt>
                <c:pt idx="202">
                  <c:v>1.67</c:v>
                </c:pt>
                <c:pt idx="203">
                  <c:v>1.63</c:v>
                </c:pt>
                <c:pt idx="204">
                  <c:v>1.6</c:v>
                </c:pt>
                <c:pt idx="205">
                  <c:v>1.61</c:v>
                </c:pt>
                <c:pt idx="206">
                  <c:v>1.56</c:v>
                </c:pt>
                <c:pt idx="207">
                  <c:v>1.55</c:v>
                </c:pt>
                <c:pt idx="208">
                  <c:v>1.56</c:v>
                </c:pt>
                <c:pt idx="209">
                  <c:v>1.52</c:v>
                </c:pt>
                <c:pt idx="210">
                  <c:v>1.47</c:v>
                </c:pt>
                <c:pt idx="211">
                  <c:v>1.45</c:v>
                </c:pt>
                <c:pt idx="212">
                  <c:v>1.43</c:v>
                </c:pt>
                <c:pt idx="213">
                  <c:v>1.37</c:v>
                </c:pt>
                <c:pt idx="214">
                  <c:v>1.39</c:v>
                </c:pt>
                <c:pt idx="215">
                  <c:v>1.4</c:v>
                </c:pt>
                <c:pt idx="216">
                  <c:v>1.44</c:v>
                </c:pt>
                <c:pt idx="217">
                  <c:v>1.45</c:v>
                </c:pt>
                <c:pt idx="218">
                  <c:v>1.5</c:v>
                </c:pt>
                <c:pt idx="219">
                  <c:v>1.5</c:v>
                </c:pt>
                <c:pt idx="220">
                  <c:v>1.53</c:v>
                </c:pt>
                <c:pt idx="221">
                  <c:v>1.53</c:v>
                </c:pt>
                <c:pt idx="222">
                  <c:v>1.56</c:v>
                </c:pt>
                <c:pt idx="223">
                  <c:v>1.5</c:v>
                </c:pt>
                <c:pt idx="224">
                  <c:v>1.44</c:v>
                </c:pt>
                <c:pt idx="225">
                  <c:v>1.5</c:v>
                </c:pt>
                <c:pt idx="226">
                  <c:v>1.5</c:v>
                </c:pt>
                <c:pt idx="227">
                  <c:v>1.37</c:v>
                </c:pt>
                <c:pt idx="228">
                  <c:v>1.41</c:v>
                </c:pt>
                <c:pt idx="229">
                  <c:v>1.37</c:v>
                </c:pt>
                <c:pt idx="230">
                  <c:v>1.38</c:v>
                </c:pt>
                <c:pt idx="231">
                  <c:v>1.39</c:v>
                </c:pt>
                <c:pt idx="232">
                  <c:v>1.42</c:v>
                </c:pt>
                <c:pt idx="233">
                  <c:v>1.38</c:v>
                </c:pt>
                <c:pt idx="234">
                  <c:v>1.41</c:v>
                </c:pt>
                <c:pt idx="235">
                  <c:v>1.38</c:v>
                </c:pt>
                <c:pt idx="236">
                  <c:v>1.38</c:v>
                </c:pt>
                <c:pt idx="237">
                  <c:v>1.34</c:v>
                </c:pt>
                <c:pt idx="238">
                  <c:v>1.35</c:v>
                </c:pt>
                <c:pt idx="239">
                  <c:v>1.31</c:v>
                </c:pt>
                <c:pt idx="240">
                  <c:v>1.28</c:v>
                </c:pt>
                <c:pt idx="241">
                  <c:v>1.31</c:v>
                </c:pt>
                <c:pt idx="242">
                  <c:v>1.22</c:v>
                </c:pt>
                <c:pt idx="243">
                  <c:v>1.26</c:v>
                </c:pt>
                <c:pt idx="244">
                  <c:v>1.17</c:v>
                </c:pt>
                <c:pt idx="245">
                  <c:v>1.19</c:v>
                </c:pt>
                <c:pt idx="246">
                  <c:v>1.26</c:v>
                </c:pt>
                <c:pt idx="247">
                  <c:v>1.27</c:v>
                </c:pt>
                <c:pt idx="248">
                  <c:v>1.23</c:v>
                </c:pt>
                <c:pt idx="249">
                  <c:v>1.27</c:v>
                </c:pt>
                <c:pt idx="250">
                  <c:v>1.29</c:v>
                </c:pt>
                <c:pt idx="251">
                  <c:v>1.27</c:v>
                </c:pt>
                <c:pt idx="252">
                  <c:v>1.26</c:v>
                </c:pt>
                <c:pt idx="253">
                  <c:v>1.32</c:v>
                </c:pt>
                <c:pt idx="254">
                  <c:v>1.26</c:v>
                </c:pt>
                <c:pt idx="255">
                  <c:v>1.26</c:v>
                </c:pt>
                <c:pt idx="256">
                  <c:v>1.26</c:v>
                </c:pt>
                <c:pt idx="257">
                  <c:v>1.3</c:v>
                </c:pt>
                <c:pt idx="258">
                  <c:v>1.27</c:v>
                </c:pt>
                <c:pt idx="259">
                  <c:v>1.27</c:v>
                </c:pt>
                <c:pt idx="260">
                  <c:v>1.27</c:v>
                </c:pt>
                <c:pt idx="261">
                  <c:v>1.22</c:v>
                </c:pt>
                <c:pt idx="262">
                  <c:v>1.19</c:v>
                </c:pt>
                <c:pt idx="263">
                  <c:v>1.27</c:v>
                </c:pt>
                <c:pt idx="264">
                  <c:v>1.25</c:v>
                </c:pt>
                <c:pt idx="265">
                  <c:v>1.26</c:v>
                </c:pt>
                <c:pt idx="266">
                  <c:v>1.24</c:v>
                </c:pt>
                <c:pt idx="267">
                  <c:v>1.26</c:v>
                </c:pt>
                <c:pt idx="268">
                  <c:v>1.28</c:v>
                </c:pt>
                <c:pt idx="269">
                  <c:v>1.29</c:v>
                </c:pt>
                <c:pt idx="270">
                  <c:v>1.25</c:v>
                </c:pt>
                <c:pt idx="271">
                  <c:v>1.31</c:v>
                </c:pt>
                <c:pt idx="272">
                  <c:v>1.33</c:v>
                </c:pt>
                <c:pt idx="273">
                  <c:v>1.35</c:v>
                </c:pt>
                <c:pt idx="274">
                  <c:v>1.32</c:v>
                </c:pt>
                <c:pt idx="275">
                  <c:v>1.32</c:v>
                </c:pt>
                <c:pt idx="276">
                  <c:v>1.32</c:v>
                </c:pt>
                <c:pt idx="277">
                  <c:v>1.27</c:v>
                </c:pt>
                <c:pt idx="278">
                  <c:v>1.3</c:v>
                </c:pt>
                <c:pt idx="279">
                  <c:v>1.27</c:v>
                </c:pt>
                <c:pt idx="280">
                  <c:v>1.26</c:v>
                </c:pt>
                <c:pt idx="281">
                  <c:v>1.26</c:v>
                </c:pt>
                <c:pt idx="282">
                  <c:v>1.22</c:v>
                </c:pt>
                <c:pt idx="283">
                  <c:v>1.25</c:v>
                </c:pt>
                <c:pt idx="284">
                  <c:v>1.28</c:v>
                </c:pt>
                <c:pt idx="285">
                  <c:v>1.23</c:v>
                </c:pt>
                <c:pt idx="286">
                  <c:v>1.21</c:v>
                </c:pt>
                <c:pt idx="287">
                  <c:v>1.17</c:v>
                </c:pt>
                <c:pt idx="288">
                  <c:v>1.1499999999999999</c:v>
                </c:pt>
                <c:pt idx="289">
                  <c:v>1.17</c:v>
                </c:pt>
                <c:pt idx="290">
                  <c:v>1.18</c:v>
                </c:pt>
                <c:pt idx="291">
                  <c:v>1.18</c:v>
                </c:pt>
                <c:pt idx="292">
                  <c:v>1.1399999999999999</c:v>
                </c:pt>
                <c:pt idx="293">
                  <c:v>1.1599999999999999</c:v>
                </c:pt>
                <c:pt idx="294">
                  <c:v>1.1599999999999999</c:v>
                </c:pt>
                <c:pt idx="295">
                  <c:v>1.17</c:v>
                </c:pt>
                <c:pt idx="296">
                  <c:v>1.18</c:v>
                </c:pt>
                <c:pt idx="297">
                  <c:v>1.21</c:v>
                </c:pt>
                <c:pt idx="298">
                  <c:v>1.1499999999999999</c:v>
                </c:pt>
                <c:pt idx="299">
                  <c:v>1.17</c:v>
                </c:pt>
                <c:pt idx="300">
                  <c:v>1.2</c:v>
                </c:pt>
                <c:pt idx="301">
                  <c:v>1.29</c:v>
                </c:pt>
                <c:pt idx="302">
                  <c:v>1.27</c:v>
                </c:pt>
                <c:pt idx="303">
                  <c:v>1.26</c:v>
                </c:pt>
                <c:pt idx="304">
                  <c:v>1.24</c:v>
                </c:pt>
                <c:pt idx="305">
                  <c:v>1.25</c:v>
                </c:pt>
                <c:pt idx="306">
                  <c:v>1.19</c:v>
                </c:pt>
                <c:pt idx="307">
                  <c:v>1.1299999999999999</c:v>
                </c:pt>
                <c:pt idx="308">
                  <c:v>1.1499999999999999</c:v>
                </c:pt>
                <c:pt idx="309">
                  <c:v>1.1299999999999999</c:v>
                </c:pt>
                <c:pt idx="310">
                  <c:v>1.1399999999999999</c:v>
                </c:pt>
                <c:pt idx="311">
                  <c:v>1.17</c:v>
                </c:pt>
                <c:pt idx="312">
                  <c:v>1.19</c:v>
                </c:pt>
                <c:pt idx="313">
                  <c:v>1.18</c:v>
                </c:pt>
                <c:pt idx="314">
                  <c:v>1.1499999999999999</c:v>
                </c:pt>
                <c:pt idx="315">
                  <c:v>1.1599999999999999</c:v>
                </c:pt>
                <c:pt idx="316">
                  <c:v>1.1100000000000001</c:v>
                </c:pt>
                <c:pt idx="317">
                  <c:v>1.02</c:v>
                </c:pt>
                <c:pt idx="318">
                  <c:v>0.97</c:v>
                </c:pt>
                <c:pt idx="319">
                  <c:v>0.96</c:v>
                </c:pt>
                <c:pt idx="320">
                  <c:v>0.98</c:v>
                </c:pt>
                <c:pt idx="321">
                  <c:v>0.96</c:v>
                </c:pt>
                <c:pt idx="322">
                  <c:v>0.97</c:v>
                </c:pt>
                <c:pt idx="323">
                  <c:v>0.97</c:v>
                </c:pt>
                <c:pt idx="324">
                  <c:v>1.01</c:v>
                </c:pt>
                <c:pt idx="325">
                  <c:v>0.97</c:v>
                </c:pt>
                <c:pt idx="326">
                  <c:v>1.04</c:v>
                </c:pt>
                <c:pt idx="327">
                  <c:v>1.05</c:v>
                </c:pt>
                <c:pt idx="328">
                  <c:v>1.08</c:v>
                </c:pt>
                <c:pt idx="329">
                  <c:v>1.07</c:v>
                </c:pt>
                <c:pt idx="330">
                  <c:v>1.07</c:v>
                </c:pt>
                <c:pt idx="331">
                  <c:v>1.05</c:v>
                </c:pt>
                <c:pt idx="332">
                  <c:v>1.1100000000000001</c:v>
                </c:pt>
                <c:pt idx="333">
                  <c:v>1.18</c:v>
                </c:pt>
                <c:pt idx="334">
                  <c:v>1.18</c:v>
                </c:pt>
                <c:pt idx="335">
                  <c:v>1.18</c:v>
                </c:pt>
                <c:pt idx="336">
                  <c:v>1.2</c:v>
                </c:pt>
                <c:pt idx="337">
                  <c:v>1.1599999999999999</c:v>
                </c:pt>
                <c:pt idx="338">
                  <c:v>1.1599999999999999</c:v>
                </c:pt>
                <c:pt idx="339">
                  <c:v>1.1599999999999999</c:v>
                </c:pt>
                <c:pt idx="340">
                  <c:v>1.19</c:v>
                </c:pt>
                <c:pt idx="341">
                  <c:v>1.1299999999999999</c:v>
                </c:pt>
                <c:pt idx="342">
                  <c:v>1.1200000000000001</c:v>
                </c:pt>
                <c:pt idx="343">
                  <c:v>1.1000000000000001</c:v>
                </c:pt>
                <c:pt idx="344">
                  <c:v>1.1100000000000001</c:v>
                </c:pt>
                <c:pt idx="345">
                  <c:v>1.18</c:v>
                </c:pt>
                <c:pt idx="346">
                  <c:v>1.1499999999999999</c:v>
                </c:pt>
                <c:pt idx="347">
                  <c:v>1.18</c:v>
                </c:pt>
                <c:pt idx="348">
                  <c:v>1.22</c:v>
                </c:pt>
                <c:pt idx="349">
                  <c:v>1.22</c:v>
                </c:pt>
                <c:pt idx="350">
                  <c:v>1.1599999999999999</c:v>
                </c:pt>
                <c:pt idx="351">
                  <c:v>1.1299999999999999</c:v>
                </c:pt>
                <c:pt idx="352">
                  <c:v>1.1200000000000001</c:v>
                </c:pt>
                <c:pt idx="353">
                  <c:v>1.1200000000000001</c:v>
                </c:pt>
                <c:pt idx="354">
                  <c:v>1.1000000000000001</c:v>
                </c:pt>
                <c:pt idx="355">
                  <c:v>1.0900000000000001</c:v>
                </c:pt>
                <c:pt idx="356">
                  <c:v>1.07</c:v>
                </c:pt>
                <c:pt idx="357">
                  <c:v>1.07</c:v>
                </c:pt>
                <c:pt idx="358">
                  <c:v>1.04</c:v>
                </c:pt>
                <c:pt idx="359">
                  <c:v>1.06</c:v>
                </c:pt>
                <c:pt idx="360">
                  <c:v>1.1000000000000001</c:v>
                </c:pt>
                <c:pt idx="361">
                  <c:v>1.03</c:v>
                </c:pt>
                <c:pt idx="362">
                  <c:v>0.96</c:v>
                </c:pt>
                <c:pt idx="363">
                  <c:v>0.95</c:v>
                </c:pt>
                <c:pt idx="364">
                  <c:v>0.95</c:v>
                </c:pt>
                <c:pt idx="365">
                  <c:v>0.92</c:v>
                </c:pt>
                <c:pt idx="366">
                  <c:v>0.9</c:v>
                </c:pt>
                <c:pt idx="367">
                  <c:v>0.9</c:v>
                </c:pt>
                <c:pt idx="368">
                  <c:v>0.89</c:v>
                </c:pt>
                <c:pt idx="369">
                  <c:v>0.87</c:v>
                </c:pt>
                <c:pt idx="370">
                  <c:v>0.89</c:v>
                </c:pt>
                <c:pt idx="371">
                  <c:v>0.86</c:v>
                </c:pt>
                <c:pt idx="372">
                  <c:v>0.83</c:v>
                </c:pt>
                <c:pt idx="373">
                  <c:v>0.81</c:v>
                </c:pt>
                <c:pt idx="374">
                  <c:v>0.83</c:v>
                </c:pt>
                <c:pt idx="375">
                  <c:v>0.84</c:v>
                </c:pt>
                <c:pt idx="376">
                  <c:v>0.87</c:v>
                </c:pt>
                <c:pt idx="377">
                  <c:v>0.84</c:v>
                </c:pt>
                <c:pt idx="378">
                  <c:v>0.85</c:v>
                </c:pt>
                <c:pt idx="379">
                  <c:v>0.85</c:v>
                </c:pt>
                <c:pt idx="380">
                  <c:v>0.8</c:v>
                </c:pt>
                <c:pt idx="381">
                  <c:v>0.86</c:v>
                </c:pt>
                <c:pt idx="382">
                  <c:v>0.8</c:v>
                </c:pt>
                <c:pt idx="383">
                  <c:v>0.85</c:v>
                </c:pt>
                <c:pt idx="384">
                  <c:v>0.81</c:v>
                </c:pt>
                <c:pt idx="385">
                  <c:v>0.79</c:v>
                </c:pt>
                <c:pt idx="386">
                  <c:v>0.82</c:v>
                </c:pt>
                <c:pt idx="387">
                  <c:v>0.83</c:v>
                </c:pt>
                <c:pt idx="388">
                  <c:v>0.84</c:v>
                </c:pt>
                <c:pt idx="389">
                  <c:v>0.82</c:v>
                </c:pt>
                <c:pt idx="390">
                  <c:v>0.73</c:v>
                </c:pt>
                <c:pt idx="391">
                  <c:v>0.7</c:v>
                </c:pt>
                <c:pt idx="392">
                  <c:v>0.68</c:v>
                </c:pt>
                <c:pt idx="393">
                  <c:v>0.74</c:v>
                </c:pt>
                <c:pt idx="394">
                  <c:v>0.72</c:v>
                </c:pt>
                <c:pt idx="395">
                  <c:v>0.72</c:v>
                </c:pt>
                <c:pt idx="396">
                  <c:v>0.76</c:v>
                </c:pt>
                <c:pt idx="397">
                  <c:v>0.84</c:v>
                </c:pt>
                <c:pt idx="398">
                  <c:v>0.84</c:v>
                </c:pt>
                <c:pt idx="399">
                  <c:v>0.8</c:v>
                </c:pt>
                <c:pt idx="400">
                  <c:v>0.83</c:v>
                </c:pt>
                <c:pt idx="401">
                  <c:v>0.76</c:v>
                </c:pt>
                <c:pt idx="402">
                  <c:v>0.76</c:v>
                </c:pt>
                <c:pt idx="403">
                  <c:v>0.74</c:v>
                </c:pt>
                <c:pt idx="404">
                  <c:v>0.71</c:v>
                </c:pt>
                <c:pt idx="405">
                  <c:v>0.7</c:v>
                </c:pt>
                <c:pt idx="406">
                  <c:v>0.68</c:v>
                </c:pt>
                <c:pt idx="407">
                  <c:v>0.71</c:v>
                </c:pt>
                <c:pt idx="408">
                  <c:v>0.69</c:v>
                </c:pt>
                <c:pt idx="409">
                  <c:v>0.66</c:v>
                </c:pt>
                <c:pt idx="410">
                  <c:v>0.64</c:v>
                </c:pt>
                <c:pt idx="411">
                  <c:v>0.61</c:v>
                </c:pt>
                <c:pt idx="412">
                  <c:v>0.6</c:v>
                </c:pt>
                <c:pt idx="413">
                  <c:v>0.55000000000000004</c:v>
                </c:pt>
                <c:pt idx="414">
                  <c:v>0.52</c:v>
                </c:pt>
                <c:pt idx="415">
                  <c:v>0.52</c:v>
                </c:pt>
                <c:pt idx="416">
                  <c:v>0.49</c:v>
                </c:pt>
                <c:pt idx="417">
                  <c:v>0.52</c:v>
                </c:pt>
                <c:pt idx="418">
                  <c:v>0.49</c:v>
                </c:pt>
                <c:pt idx="419">
                  <c:v>0.49</c:v>
                </c:pt>
                <c:pt idx="420">
                  <c:v>0.5</c:v>
                </c:pt>
                <c:pt idx="421">
                  <c:v>0.45</c:v>
                </c:pt>
                <c:pt idx="422">
                  <c:v>0.41</c:v>
                </c:pt>
                <c:pt idx="423">
                  <c:v>0.47</c:v>
                </c:pt>
                <c:pt idx="424">
                  <c:v>0.47</c:v>
                </c:pt>
                <c:pt idx="425">
                  <c:v>0.46</c:v>
                </c:pt>
                <c:pt idx="426">
                  <c:v>0.48</c:v>
                </c:pt>
                <c:pt idx="427">
                  <c:v>0.52</c:v>
                </c:pt>
                <c:pt idx="428">
                  <c:v>0.48</c:v>
                </c:pt>
                <c:pt idx="429">
                  <c:v>0.48</c:v>
                </c:pt>
                <c:pt idx="430">
                  <c:v>0.43</c:v>
                </c:pt>
                <c:pt idx="431">
                  <c:v>0.37</c:v>
                </c:pt>
                <c:pt idx="432">
                  <c:v>0.37</c:v>
                </c:pt>
                <c:pt idx="433">
                  <c:v>0.41</c:v>
                </c:pt>
                <c:pt idx="434">
                  <c:v>0.35</c:v>
                </c:pt>
                <c:pt idx="435">
                  <c:v>0.34</c:v>
                </c:pt>
                <c:pt idx="436">
                  <c:v>0.43</c:v>
                </c:pt>
                <c:pt idx="437">
                  <c:v>0.53</c:v>
                </c:pt>
                <c:pt idx="438">
                  <c:v>0.44</c:v>
                </c:pt>
                <c:pt idx="439">
                  <c:v>0.52</c:v>
                </c:pt>
                <c:pt idx="440">
                  <c:v>0.56999999999999995</c:v>
                </c:pt>
                <c:pt idx="441">
                  <c:v>0.56999999999999995</c:v>
                </c:pt>
                <c:pt idx="442">
                  <c:v>0.6</c:v>
                </c:pt>
                <c:pt idx="443">
                  <c:v>0.69</c:v>
                </c:pt>
                <c:pt idx="444">
                  <c:v>0.62</c:v>
                </c:pt>
                <c:pt idx="445">
                  <c:v>0.62</c:v>
                </c:pt>
                <c:pt idx="446">
                  <c:v>0.56999999999999995</c:v>
                </c:pt>
                <c:pt idx="447">
                  <c:v>0.56000000000000005</c:v>
                </c:pt>
                <c:pt idx="448">
                  <c:v>0.55000000000000004</c:v>
                </c:pt>
                <c:pt idx="449">
                  <c:v>0.48</c:v>
                </c:pt>
                <c:pt idx="450">
                  <c:v>0.45</c:v>
                </c:pt>
                <c:pt idx="451">
                  <c:v>0.46</c:v>
                </c:pt>
                <c:pt idx="452">
                  <c:v>0.44</c:v>
                </c:pt>
                <c:pt idx="453">
                  <c:v>0.43</c:v>
                </c:pt>
                <c:pt idx="454">
                  <c:v>0.41</c:v>
                </c:pt>
                <c:pt idx="455">
                  <c:v>0.39</c:v>
                </c:pt>
                <c:pt idx="456">
                  <c:v>0.42</c:v>
                </c:pt>
                <c:pt idx="457">
                  <c:v>0.39</c:v>
                </c:pt>
                <c:pt idx="458">
                  <c:v>0.36</c:v>
                </c:pt>
                <c:pt idx="459">
                  <c:v>0.37</c:v>
                </c:pt>
                <c:pt idx="460">
                  <c:v>0.34</c:v>
                </c:pt>
                <c:pt idx="461">
                  <c:v>0.38</c:v>
                </c:pt>
                <c:pt idx="462">
                  <c:v>0.51</c:v>
                </c:pt>
                <c:pt idx="463">
                  <c:v>0.63</c:v>
                </c:pt>
                <c:pt idx="464">
                  <c:v>0.56000000000000005</c:v>
                </c:pt>
                <c:pt idx="465">
                  <c:v>0.61</c:v>
                </c:pt>
                <c:pt idx="466">
                  <c:v>0.63</c:v>
                </c:pt>
                <c:pt idx="467">
                  <c:v>0.6</c:v>
                </c:pt>
                <c:pt idx="468">
                  <c:v>0.63</c:v>
                </c:pt>
                <c:pt idx="469">
                  <c:v>0.67</c:v>
                </c:pt>
                <c:pt idx="470">
                  <c:v>0.63</c:v>
                </c:pt>
                <c:pt idx="471">
                  <c:v>0.6</c:v>
                </c:pt>
                <c:pt idx="472">
                  <c:v>0.55000000000000004</c:v>
                </c:pt>
                <c:pt idx="473">
                  <c:v>0.6</c:v>
                </c:pt>
                <c:pt idx="474">
                  <c:v>0.64</c:v>
                </c:pt>
                <c:pt idx="475">
                  <c:v>0.62</c:v>
                </c:pt>
                <c:pt idx="476">
                  <c:v>0.6</c:v>
                </c:pt>
                <c:pt idx="477">
                  <c:v>0.54</c:v>
                </c:pt>
                <c:pt idx="478">
                  <c:v>0.57999999999999996</c:v>
                </c:pt>
                <c:pt idx="479">
                  <c:v>0.64</c:v>
                </c:pt>
                <c:pt idx="480">
                  <c:v>0.69</c:v>
                </c:pt>
                <c:pt idx="481">
                  <c:v>0.63</c:v>
                </c:pt>
                <c:pt idx="482">
                  <c:v>0.71</c:v>
                </c:pt>
                <c:pt idx="483">
                  <c:v>0.71</c:v>
                </c:pt>
                <c:pt idx="484">
                  <c:v>0.72</c:v>
                </c:pt>
                <c:pt idx="485">
                  <c:v>0.72</c:v>
                </c:pt>
                <c:pt idx="486">
                  <c:v>0.68</c:v>
                </c:pt>
                <c:pt idx="487">
                  <c:v>0.62</c:v>
                </c:pt>
                <c:pt idx="488">
                  <c:v>0.64</c:v>
                </c:pt>
                <c:pt idx="489">
                  <c:v>0.66</c:v>
                </c:pt>
                <c:pt idx="490">
                  <c:v>0.65</c:v>
                </c:pt>
                <c:pt idx="491">
                  <c:v>0.64</c:v>
                </c:pt>
                <c:pt idx="492">
                  <c:v>0.67</c:v>
                </c:pt>
                <c:pt idx="493">
                  <c:v>0.62</c:v>
                </c:pt>
                <c:pt idx="494">
                  <c:v>0.61</c:v>
                </c:pt>
                <c:pt idx="495">
                  <c:v>0.56000000000000005</c:v>
                </c:pt>
                <c:pt idx="496">
                  <c:v>0.59</c:v>
                </c:pt>
                <c:pt idx="497">
                  <c:v>0.59</c:v>
                </c:pt>
                <c:pt idx="498">
                  <c:v>0.61</c:v>
                </c:pt>
                <c:pt idx="499">
                  <c:v>0.65</c:v>
                </c:pt>
                <c:pt idx="500">
                  <c:v>0.59</c:v>
                </c:pt>
                <c:pt idx="501">
                  <c:v>0.66</c:v>
                </c:pt>
                <c:pt idx="502">
                  <c:v>0.69</c:v>
                </c:pt>
                <c:pt idx="503">
                  <c:v>0.69</c:v>
                </c:pt>
                <c:pt idx="504">
                  <c:v>0.68</c:v>
                </c:pt>
                <c:pt idx="505">
                  <c:v>0.72</c:v>
                </c:pt>
                <c:pt idx="506">
                  <c:v>0.69</c:v>
                </c:pt>
                <c:pt idx="507">
                  <c:v>0.74</c:v>
                </c:pt>
                <c:pt idx="508">
                  <c:v>0.71</c:v>
                </c:pt>
                <c:pt idx="509">
                  <c:v>0.74</c:v>
                </c:pt>
                <c:pt idx="510">
                  <c:v>0.68</c:v>
                </c:pt>
                <c:pt idx="511">
                  <c:v>0.69</c:v>
                </c:pt>
                <c:pt idx="512">
                  <c:v>0.72</c:v>
                </c:pt>
                <c:pt idx="513">
                  <c:v>0.7</c:v>
                </c:pt>
                <c:pt idx="514">
                  <c:v>0.69</c:v>
                </c:pt>
                <c:pt idx="515">
                  <c:v>0.69</c:v>
                </c:pt>
                <c:pt idx="516">
                  <c:v>0.69</c:v>
                </c:pt>
                <c:pt idx="517">
                  <c:v>0.69</c:v>
                </c:pt>
                <c:pt idx="518">
                  <c:v>0.67</c:v>
                </c:pt>
                <c:pt idx="519">
                  <c:v>0.78</c:v>
                </c:pt>
                <c:pt idx="520">
                  <c:v>0.74</c:v>
                </c:pt>
                <c:pt idx="521">
                  <c:v>0.74</c:v>
                </c:pt>
                <c:pt idx="522">
                  <c:v>0.71</c:v>
                </c:pt>
                <c:pt idx="523">
                  <c:v>0.66</c:v>
                </c:pt>
                <c:pt idx="524">
                  <c:v>0.69</c:v>
                </c:pt>
                <c:pt idx="525">
                  <c:v>0.72</c:v>
                </c:pt>
                <c:pt idx="526">
                  <c:v>0.75</c:v>
                </c:pt>
                <c:pt idx="527">
                  <c:v>0.75</c:v>
                </c:pt>
                <c:pt idx="528">
                  <c:v>0.7</c:v>
                </c:pt>
                <c:pt idx="529">
                  <c:v>0.67</c:v>
                </c:pt>
                <c:pt idx="530">
                  <c:v>0.64</c:v>
                </c:pt>
                <c:pt idx="531">
                  <c:v>0.57999999999999996</c:v>
                </c:pt>
                <c:pt idx="532">
                  <c:v>0.56999999999999995</c:v>
                </c:pt>
                <c:pt idx="533">
                  <c:v>0.56000000000000005</c:v>
                </c:pt>
                <c:pt idx="534">
                  <c:v>0.56999999999999995</c:v>
                </c:pt>
                <c:pt idx="535">
                  <c:v>0.56000000000000005</c:v>
                </c:pt>
                <c:pt idx="536">
                  <c:v>0.56000000000000005</c:v>
                </c:pt>
                <c:pt idx="537">
                  <c:v>0.51</c:v>
                </c:pt>
                <c:pt idx="538">
                  <c:v>0.49</c:v>
                </c:pt>
                <c:pt idx="539">
                  <c:v>0.44</c:v>
                </c:pt>
                <c:pt idx="540">
                  <c:v>0.48</c:v>
                </c:pt>
                <c:pt idx="541">
                  <c:v>0.45</c:v>
                </c:pt>
                <c:pt idx="542">
                  <c:v>0.48</c:v>
                </c:pt>
                <c:pt idx="543">
                  <c:v>0.46</c:v>
                </c:pt>
                <c:pt idx="544">
                  <c:v>0.45</c:v>
                </c:pt>
                <c:pt idx="545">
                  <c:v>0.5</c:v>
                </c:pt>
                <c:pt idx="546">
                  <c:v>0.55000000000000004</c:v>
                </c:pt>
                <c:pt idx="547">
                  <c:v>0.51</c:v>
                </c:pt>
                <c:pt idx="548">
                  <c:v>0.5</c:v>
                </c:pt>
                <c:pt idx="549">
                  <c:v>0.49</c:v>
                </c:pt>
                <c:pt idx="550">
                  <c:v>0.5</c:v>
                </c:pt>
                <c:pt idx="551">
                  <c:v>0.54</c:v>
                </c:pt>
                <c:pt idx="552">
                  <c:v>0.57999999999999996</c:v>
                </c:pt>
                <c:pt idx="553">
                  <c:v>0.56000000000000005</c:v>
                </c:pt>
                <c:pt idx="554">
                  <c:v>0.57999999999999996</c:v>
                </c:pt>
                <c:pt idx="555">
                  <c:v>0.55000000000000004</c:v>
                </c:pt>
                <c:pt idx="556">
                  <c:v>0.54</c:v>
                </c:pt>
                <c:pt idx="557">
                  <c:v>0.52</c:v>
                </c:pt>
                <c:pt idx="558">
                  <c:v>0.51</c:v>
                </c:pt>
                <c:pt idx="559">
                  <c:v>0.46</c:v>
                </c:pt>
                <c:pt idx="560">
                  <c:v>0.44</c:v>
                </c:pt>
                <c:pt idx="561">
                  <c:v>0.42</c:v>
                </c:pt>
                <c:pt idx="562">
                  <c:v>0.39</c:v>
                </c:pt>
                <c:pt idx="563">
                  <c:v>0.36</c:v>
                </c:pt>
                <c:pt idx="564">
                  <c:v>0.39</c:v>
                </c:pt>
                <c:pt idx="565">
                  <c:v>0.37</c:v>
                </c:pt>
                <c:pt idx="566">
                  <c:v>0.34</c:v>
                </c:pt>
                <c:pt idx="567">
                  <c:v>0.31</c:v>
                </c:pt>
                <c:pt idx="568">
                  <c:v>0.19</c:v>
                </c:pt>
                <c:pt idx="569">
                  <c:v>0.16</c:v>
                </c:pt>
                <c:pt idx="570">
                  <c:v>0.21</c:v>
                </c:pt>
                <c:pt idx="571">
                  <c:v>0.28000000000000003</c:v>
                </c:pt>
                <c:pt idx="572">
                  <c:v>0.25</c:v>
                </c:pt>
                <c:pt idx="573">
                  <c:v>0.38</c:v>
                </c:pt>
                <c:pt idx="574">
                  <c:v>0.46</c:v>
                </c:pt>
                <c:pt idx="575">
                  <c:v>0.52</c:v>
                </c:pt>
                <c:pt idx="576">
                  <c:v>0.75</c:v>
                </c:pt>
                <c:pt idx="577">
                  <c:v>0.78</c:v>
                </c:pt>
                <c:pt idx="578">
                  <c:v>0.5</c:v>
                </c:pt>
                <c:pt idx="579">
                  <c:v>0.36</c:v>
                </c:pt>
                <c:pt idx="580">
                  <c:v>0.4</c:v>
                </c:pt>
                <c:pt idx="581">
                  <c:v>0.38</c:v>
                </c:pt>
                <c:pt idx="582">
                  <c:v>0.3</c:v>
                </c:pt>
                <c:pt idx="583">
                  <c:v>0.28000000000000003</c:v>
                </c:pt>
                <c:pt idx="584">
                  <c:v>0.24</c:v>
                </c:pt>
                <c:pt idx="585">
                  <c:v>0.28999999999999998</c:v>
                </c:pt>
                <c:pt idx="586">
                  <c:v>0.25</c:v>
                </c:pt>
                <c:pt idx="587">
                  <c:v>0.28000000000000003</c:v>
                </c:pt>
                <c:pt idx="588">
                  <c:v>0.27</c:v>
                </c:pt>
                <c:pt idx="589">
                  <c:v>0.28000000000000003</c:v>
                </c:pt>
                <c:pt idx="590">
                  <c:v>0.36</c:v>
                </c:pt>
                <c:pt idx="591">
                  <c:v>0.35</c:v>
                </c:pt>
                <c:pt idx="592">
                  <c:v>0.28000000000000003</c:v>
                </c:pt>
                <c:pt idx="593">
                  <c:v>0.28000000000000003</c:v>
                </c:pt>
                <c:pt idx="594">
                  <c:v>0.28000000000000003</c:v>
                </c:pt>
                <c:pt idx="595">
                  <c:v>0.3</c:v>
                </c:pt>
                <c:pt idx="596">
                  <c:v>0.25</c:v>
                </c:pt>
                <c:pt idx="597">
                  <c:v>0.25</c:v>
                </c:pt>
                <c:pt idx="598">
                  <c:v>0.24</c:v>
                </c:pt>
                <c:pt idx="599">
                  <c:v>0.27</c:v>
                </c:pt>
                <c:pt idx="600">
                  <c:v>0.24</c:v>
                </c:pt>
                <c:pt idx="601">
                  <c:v>0.26</c:v>
                </c:pt>
                <c:pt idx="602">
                  <c:v>0.24</c:v>
                </c:pt>
                <c:pt idx="603">
                  <c:v>0.24</c:v>
                </c:pt>
                <c:pt idx="604">
                  <c:v>0.26</c:v>
                </c:pt>
                <c:pt idx="605">
                  <c:v>0.24</c:v>
                </c:pt>
                <c:pt idx="606">
                  <c:v>0.24</c:v>
                </c:pt>
                <c:pt idx="607">
                  <c:v>0.23</c:v>
                </c:pt>
                <c:pt idx="608">
                  <c:v>0.26</c:v>
                </c:pt>
                <c:pt idx="609">
                  <c:v>0.23</c:v>
                </c:pt>
                <c:pt idx="610">
                  <c:v>0.2</c:v>
                </c:pt>
                <c:pt idx="611">
                  <c:v>0.23</c:v>
                </c:pt>
                <c:pt idx="612">
                  <c:v>0.24</c:v>
                </c:pt>
                <c:pt idx="613">
                  <c:v>0.24</c:v>
                </c:pt>
                <c:pt idx="614">
                  <c:v>0.26</c:v>
                </c:pt>
                <c:pt idx="615">
                  <c:v>0.25</c:v>
                </c:pt>
                <c:pt idx="616">
                  <c:v>0.22</c:v>
                </c:pt>
                <c:pt idx="617">
                  <c:v>0.21</c:v>
                </c:pt>
                <c:pt idx="618">
                  <c:v>0.22</c:v>
                </c:pt>
                <c:pt idx="619">
                  <c:v>0.25</c:v>
                </c:pt>
                <c:pt idx="620">
                  <c:v>0.25</c:v>
                </c:pt>
                <c:pt idx="621">
                  <c:v>0.24</c:v>
                </c:pt>
                <c:pt idx="622">
                  <c:v>0.17</c:v>
                </c:pt>
                <c:pt idx="623">
                  <c:v>0.17</c:v>
                </c:pt>
                <c:pt idx="624">
                  <c:v>0.17</c:v>
                </c:pt>
                <c:pt idx="625">
                  <c:v>0.21</c:v>
                </c:pt>
                <c:pt idx="626">
                  <c:v>0.18</c:v>
                </c:pt>
                <c:pt idx="627">
                  <c:v>0.21</c:v>
                </c:pt>
                <c:pt idx="628">
                  <c:v>0.18</c:v>
                </c:pt>
                <c:pt idx="629">
                  <c:v>0.23</c:v>
                </c:pt>
                <c:pt idx="630">
                  <c:v>0.22</c:v>
                </c:pt>
                <c:pt idx="631">
                  <c:v>0.28000000000000003</c:v>
                </c:pt>
                <c:pt idx="632">
                  <c:v>0.31</c:v>
                </c:pt>
                <c:pt idx="633">
                  <c:v>0.36</c:v>
                </c:pt>
                <c:pt idx="634">
                  <c:v>0.34</c:v>
                </c:pt>
                <c:pt idx="635">
                  <c:v>0.32</c:v>
                </c:pt>
                <c:pt idx="636">
                  <c:v>0.27</c:v>
                </c:pt>
                <c:pt idx="637">
                  <c:v>0.19</c:v>
                </c:pt>
                <c:pt idx="638">
                  <c:v>0.2</c:v>
                </c:pt>
                <c:pt idx="639">
                  <c:v>0.2</c:v>
                </c:pt>
                <c:pt idx="640">
                  <c:v>0.19</c:v>
                </c:pt>
                <c:pt idx="641">
                  <c:v>0.18</c:v>
                </c:pt>
                <c:pt idx="642">
                  <c:v>0.22</c:v>
                </c:pt>
                <c:pt idx="643">
                  <c:v>0.24</c:v>
                </c:pt>
                <c:pt idx="644">
                  <c:v>0.19</c:v>
                </c:pt>
                <c:pt idx="645">
                  <c:v>0.21</c:v>
                </c:pt>
                <c:pt idx="646">
                  <c:v>0.19</c:v>
                </c:pt>
                <c:pt idx="647">
                  <c:v>0.16</c:v>
                </c:pt>
                <c:pt idx="648">
                  <c:v>0.17</c:v>
                </c:pt>
                <c:pt idx="649">
                  <c:v>0.15</c:v>
                </c:pt>
                <c:pt idx="650">
                  <c:v>0.21</c:v>
                </c:pt>
                <c:pt idx="651">
                  <c:v>0.25</c:v>
                </c:pt>
                <c:pt idx="652">
                  <c:v>0.23</c:v>
                </c:pt>
                <c:pt idx="653">
                  <c:v>0.22</c:v>
                </c:pt>
                <c:pt idx="654">
                  <c:v>0.24</c:v>
                </c:pt>
                <c:pt idx="655">
                  <c:v>0.22</c:v>
                </c:pt>
                <c:pt idx="656">
                  <c:v>0.22</c:v>
                </c:pt>
                <c:pt idx="657">
                  <c:v>0.2</c:v>
                </c:pt>
                <c:pt idx="658">
                  <c:v>0.19</c:v>
                </c:pt>
                <c:pt idx="659">
                  <c:v>0.23</c:v>
                </c:pt>
                <c:pt idx="660">
                  <c:v>0.18</c:v>
                </c:pt>
                <c:pt idx="661">
                  <c:v>0.2</c:v>
                </c:pt>
                <c:pt idx="662">
                  <c:v>0.17</c:v>
                </c:pt>
                <c:pt idx="663">
                  <c:v>0.19</c:v>
                </c:pt>
                <c:pt idx="664">
                  <c:v>0.18</c:v>
                </c:pt>
                <c:pt idx="665">
                  <c:v>0.18</c:v>
                </c:pt>
                <c:pt idx="666">
                  <c:v>0.15</c:v>
                </c:pt>
                <c:pt idx="667">
                  <c:v>0.16</c:v>
                </c:pt>
                <c:pt idx="668">
                  <c:v>0.19</c:v>
                </c:pt>
                <c:pt idx="669">
                  <c:v>0.15</c:v>
                </c:pt>
                <c:pt idx="670">
                  <c:v>0.14000000000000001</c:v>
                </c:pt>
                <c:pt idx="671">
                  <c:v>0.16</c:v>
                </c:pt>
                <c:pt idx="672">
                  <c:v>0.13</c:v>
                </c:pt>
                <c:pt idx="673">
                  <c:v>0.14000000000000001</c:v>
                </c:pt>
                <c:pt idx="674">
                  <c:v>0.14000000000000001</c:v>
                </c:pt>
                <c:pt idx="675">
                  <c:v>0.12</c:v>
                </c:pt>
                <c:pt idx="676">
                  <c:v>0.17</c:v>
                </c:pt>
                <c:pt idx="677">
                  <c:v>0.14000000000000001</c:v>
                </c:pt>
                <c:pt idx="678">
                  <c:v>0.19</c:v>
                </c:pt>
                <c:pt idx="679">
                  <c:v>0.17</c:v>
                </c:pt>
                <c:pt idx="680">
                  <c:v>0.25</c:v>
                </c:pt>
                <c:pt idx="681">
                  <c:v>0.28000000000000003</c:v>
                </c:pt>
                <c:pt idx="682">
                  <c:v>0.28999999999999998</c:v>
                </c:pt>
                <c:pt idx="683">
                  <c:v>0.28999999999999998</c:v>
                </c:pt>
                <c:pt idx="684">
                  <c:v>0.26</c:v>
                </c:pt>
                <c:pt idx="685">
                  <c:v>0.27</c:v>
                </c:pt>
                <c:pt idx="686">
                  <c:v>0.28000000000000003</c:v>
                </c:pt>
                <c:pt idx="687">
                  <c:v>0.26</c:v>
                </c:pt>
                <c:pt idx="688">
                  <c:v>0.25</c:v>
                </c:pt>
                <c:pt idx="689">
                  <c:v>0.25</c:v>
                </c:pt>
                <c:pt idx="690">
                  <c:v>0.31</c:v>
                </c:pt>
                <c:pt idx="691">
                  <c:v>0.35</c:v>
                </c:pt>
                <c:pt idx="692">
                  <c:v>0.38</c:v>
                </c:pt>
                <c:pt idx="693">
                  <c:v>0.35</c:v>
                </c:pt>
                <c:pt idx="694">
                  <c:v>0.31</c:v>
                </c:pt>
                <c:pt idx="695">
                  <c:v>0.31</c:v>
                </c:pt>
                <c:pt idx="696">
                  <c:v>0.24</c:v>
                </c:pt>
                <c:pt idx="697">
                  <c:v>0.22</c:v>
                </c:pt>
                <c:pt idx="698">
                  <c:v>0.25</c:v>
                </c:pt>
                <c:pt idx="699">
                  <c:v>0.25</c:v>
                </c:pt>
                <c:pt idx="700">
                  <c:v>0.18</c:v>
                </c:pt>
                <c:pt idx="701">
                  <c:v>0.24</c:v>
                </c:pt>
                <c:pt idx="702">
                  <c:v>0.23</c:v>
                </c:pt>
                <c:pt idx="703">
                  <c:v>0.18</c:v>
                </c:pt>
                <c:pt idx="704">
                  <c:v>0.2</c:v>
                </c:pt>
                <c:pt idx="705">
                  <c:v>0.22</c:v>
                </c:pt>
                <c:pt idx="706">
                  <c:v>0.21</c:v>
                </c:pt>
                <c:pt idx="707">
                  <c:v>0.18</c:v>
                </c:pt>
                <c:pt idx="708">
                  <c:v>0.18</c:v>
                </c:pt>
                <c:pt idx="709">
                  <c:v>0.15</c:v>
                </c:pt>
                <c:pt idx="710">
                  <c:v>0.2</c:v>
                </c:pt>
                <c:pt idx="711">
                  <c:v>0.22</c:v>
                </c:pt>
                <c:pt idx="712">
                  <c:v>0.22</c:v>
                </c:pt>
                <c:pt idx="713">
                  <c:v>0.19</c:v>
                </c:pt>
                <c:pt idx="714">
                  <c:v>0.2</c:v>
                </c:pt>
                <c:pt idx="715">
                  <c:v>0.18</c:v>
                </c:pt>
                <c:pt idx="716">
                  <c:v>0.22</c:v>
                </c:pt>
                <c:pt idx="717">
                  <c:v>0.24</c:v>
                </c:pt>
                <c:pt idx="718">
                  <c:v>0.25</c:v>
                </c:pt>
                <c:pt idx="719">
                  <c:v>0.28000000000000003</c:v>
                </c:pt>
                <c:pt idx="720">
                  <c:v>0.28999999999999998</c:v>
                </c:pt>
                <c:pt idx="721">
                  <c:v>0.3</c:v>
                </c:pt>
                <c:pt idx="722">
                  <c:v>0.28999999999999998</c:v>
                </c:pt>
                <c:pt idx="723">
                  <c:v>0.27</c:v>
                </c:pt>
                <c:pt idx="724">
                  <c:v>0.27</c:v>
                </c:pt>
                <c:pt idx="725">
                  <c:v>0.24</c:v>
                </c:pt>
                <c:pt idx="726">
                  <c:v>0.22</c:v>
                </c:pt>
                <c:pt idx="727">
                  <c:v>0.18</c:v>
                </c:pt>
                <c:pt idx="728">
                  <c:v>0.17</c:v>
                </c:pt>
                <c:pt idx="729">
                  <c:v>0.18</c:v>
                </c:pt>
                <c:pt idx="730">
                  <c:v>0.19</c:v>
                </c:pt>
                <c:pt idx="731">
                  <c:v>0.24</c:v>
                </c:pt>
                <c:pt idx="732">
                  <c:v>0.28000000000000003</c:v>
                </c:pt>
                <c:pt idx="733">
                  <c:v>0.28000000000000003</c:v>
                </c:pt>
                <c:pt idx="734">
                  <c:v>0.28000000000000003</c:v>
                </c:pt>
                <c:pt idx="735">
                  <c:v>0.24</c:v>
                </c:pt>
                <c:pt idx="736">
                  <c:v>0.22</c:v>
                </c:pt>
                <c:pt idx="737">
                  <c:v>0.22</c:v>
                </c:pt>
                <c:pt idx="738">
                  <c:v>0.26</c:v>
                </c:pt>
                <c:pt idx="739">
                  <c:v>0.22</c:v>
                </c:pt>
                <c:pt idx="740">
                  <c:v>0.27</c:v>
                </c:pt>
                <c:pt idx="741">
                  <c:v>0.21</c:v>
                </c:pt>
                <c:pt idx="742">
                  <c:v>0.23</c:v>
                </c:pt>
                <c:pt idx="743">
                  <c:v>0.27</c:v>
                </c:pt>
                <c:pt idx="744">
                  <c:v>0.38</c:v>
                </c:pt>
                <c:pt idx="745">
                  <c:v>0.4</c:v>
                </c:pt>
                <c:pt idx="746">
                  <c:v>0.41</c:v>
                </c:pt>
                <c:pt idx="747">
                  <c:v>0.36</c:v>
                </c:pt>
                <c:pt idx="748">
                  <c:v>0.34</c:v>
                </c:pt>
                <c:pt idx="749">
                  <c:v>0.35</c:v>
                </c:pt>
                <c:pt idx="750">
                  <c:v>0.33</c:v>
                </c:pt>
                <c:pt idx="751">
                  <c:v>0.33</c:v>
                </c:pt>
                <c:pt idx="752">
                  <c:v>0.32</c:v>
                </c:pt>
                <c:pt idx="753">
                  <c:v>0.3</c:v>
                </c:pt>
                <c:pt idx="754">
                  <c:v>0.32</c:v>
                </c:pt>
                <c:pt idx="755">
                  <c:v>0.32</c:v>
                </c:pt>
                <c:pt idx="756">
                  <c:v>0.31</c:v>
                </c:pt>
                <c:pt idx="757">
                  <c:v>0.28000000000000003</c:v>
                </c:pt>
                <c:pt idx="758">
                  <c:v>0.28999999999999998</c:v>
                </c:pt>
                <c:pt idx="759">
                  <c:v>0.31</c:v>
                </c:pt>
                <c:pt idx="760">
                  <c:v>0.36</c:v>
                </c:pt>
                <c:pt idx="761">
                  <c:v>0.35</c:v>
                </c:pt>
                <c:pt idx="762">
                  <c:v>0.33</c:v>
                </c:pt>
                <c:pt idx="763">
                  <c:v>0.35</c:v>
                </c:pt>
                <c:pt idx="764">
                  <c:v>0.28000000000000003</c:v>
                </c:pt>
                <c:pt idx="765">
                  <c:v>0.25</c:v>
                </c:pt>
                <c:pt idx="766">
                  <c:v>0.25</c:v>
                </c:pt>
                <c:pt idx="767">
                  <c:v>0.2</c:v>
                </c:pt>
                <c:pt idx="768">
                  <c:v>0.16</c:v>
                </c:pt>
                <c:pt idx="769">
                  <c:v>0.22</c:v>
                </c:pt>
                <c:pt idx="770">
                  <c:v>0.26</c:v>
                </c:pt>
                <c:pt idx="771">
                  <c:v>0.28000000000000003</c:v>
                </c:pt>
                <c:pt idx="772">
                  <c:v>0.27</c:v>
                </c:pt>
                <c:pt idx="773">
                  <c:v>0.24</c:v>
                </c:pt>
                <c:pt idx="774">
                  <c:v>0.2</c:v>
                </c:pt>
                <c:pt idx="775">
                  <c:v>0.18</c:v>
                </c:pt>
                <c:pt idx="776">
                  <c:v>0.3</c:v>
                </c:pt>
                <c:pt idx="777">
                  <c:v>0.26</c:v>
                </c:pt>
                <c:pt idx="778">
                  <c:v>0.26</c:v>
                </c:pt>
                <c:pt idx="779">
                  <c:v>0.26</c:v>
                </c:pt>
                <c:pt idx="780">
                  <c:v>0.21</c:v>
                </c:pt>
                <c:pt idx="781">
                  <c:v>0.21</c:v>
                </c:pt>
                <c:pt idx="782">
                  <c:v>0.19</c:v>
                </c:pt>
                <c:pt idx="783">
                  <c:v>0.19</c:v>
                </c:pt>
                <c:pt idx="784">
                  <c:v>0.19</c:v>
                </c:pt>
                <c:pt idx="785">
                  <c:v>0.21</c:v>
                </c:pt>
                <c:pt idx="786">
                  <c:v>0.24</c:v>
                </c:pt>
                <c:pt idx="787">
                  <c:v>0.28999999999999998</c:v>
                </c:pt>
                <c:pt idx="788">
                  <c:v>0.28999999999999998</c:v>
                </c:pt>
                <c:pt idx="789">
                  <c:v>0.31</c:v>
                </c:pt>
                <c:pt idx="790">
                  <c:v>0.36</c:v>
                </c:pt>
                <c:pt idx="791">
                  <c:v>0.31</c:v>
                </c:pt>
                <c:pt idx="792">
                  <c:v>0.28000000000000003</c:v>
                </c:pt>
                <c:pt idx="793">
                  <c:v>0.28999999999999998</c:v>
                </c:pt>
                <c:pt idx="794">
                  <c:v>0.28999999999999998</c:v>
                </c:pt>
                <c:pt idx="795">
                  <c:v>0.28000000000000003</c:v>
                </c:pt>
                <c:pt idx="796">
                  <c:v>0.3</c:v>
                </c:pt>
                <c:pt idx="797">
                  <c:v>0.32</c:v>
                </c:pt>
                <c:pt idx="798">
                  <c:v>0.31</c:v>
                </c:pt>
                <c:pt idx="799">
                  <c:v>0.26</c:v>
                </c:pt>
                <c:pt idx="800">
                  <c:v>0.27</c:v>
                </c:pt>
                <c:pt idx="801">
                  <c:v>0.27</c:v>
                </c:pt>
                <c:pt idx="802">
                  <c:v>0.28000000000000003</c:v>
                </c:pt>
                <c:pt idx="803">
                  <c:v>0.32</c:v>
                </c:pt>
                <c:pt idx="804">
                  <c:v>0.32</c:v>
                </c:pt>
                <c:pt idx="805">
                  <c:v>0.35</c:v>
                </c:pt>
                <c:pt idx="806">
                  <c:v>0.37</c:v>
                </c:pt>
                <c:pt idx="807">
                  <c:v>0.43</c:v>
                </c:pt>
                <c:pt idx="808">
                  <c:v>0.49</c:v>
                </c:pt>
                <c:pt idx="809">
                  <c:v>0.48</c:v>
                </c:pt>
                <c:pt idx="810">
                  <c:v>0.46</c:v>
                </c:pt>
                <c:pt idx="811">
                  <c:v>0.48</c:v>
                </c:pt>
                <c:pt idx="812">
                  <c:v>0.46</c:v>
                </c:pt>
                <c:pt idx="813">
                  <c:v>0.52</c:v>
                </c:pt>
                <c:pt idx="814">
                  <c:v>0.56999999999999995</c:v>
                </c:pt>
                <c:pt idx="815">
                  <c:v>0.62</c:v>
                </c:pt>
                <c:pt idx="816">
                  <c:v>0.56999999999999995</c:v>
                </c:pt>
                <c:pt idx="817">
                  <c:v>0.62</c:v>
                </c:pt>
                <c:pt idx="818">
                  <c:v>0.69</c:v>
                </c:pt>
                <c:pt idx="819">
                  <c:v>0.68</c:v>
                </c:pt>
                <c:pt idx="820">
                  <c:v>0.71</c:v>
                </c:pt>
                <c:pt idx="821">
                  <c:v>0.75</c:v>
                </c:pt>
                <c:pt idx="822">
                  <c:v>0.8</c:v>
                </c:pt>
                <c:pt idx="823">
                  <c:v>0.8</c:v>
                </c:pt>
                <c:pt idx="824">
                  <c:v>0.76</c:v>
                </c:pt>
                <c:pt idx="825">
                  <c:v>0.7</c:v>
                </c:pt>
                <c:pt idx="826">
                  <c:v>0.77</c:v>
                </c:pt>
                <c:pt idx="827">
                  <c:v>0.73</c:v>
                </c:pt>
                <c:pt idx="828">
                  <c:v>0.76</c:v>
                </c:pt>
                <c:pt idx="829">
                  <c:v>0.75</c:v>
                </c:pt>
                <c:pt idx="830">
                  <c:v>0.72</c:v>
                </c:pt>
                <c:pt idx="831">
                  <c:v>0.72</c:v>
                </c:pt>
                <c:pt idx="832">
                  <c:v>0.74</c:v>
                </c:pt>
                <c:pt idx="833">
                  <c:v>0.82</c:v>
                </c:pt>
                <c:pt idx="834">
                  <c:v>0.79</c:v>
                </c:pt>
                <c:pt idx="835">
                  <c:v>0.78</c:v>
                </c:pt>
                <c:pt idx="836">
                  <c:v>0.83</c:v>
                </c:pt>
                <c:pt idx="837">
                  <c:v>0.87</c:v>
                </c:pt>
                <c:pt idx="838">
                  <c:v>0.84</c:v>
                </c:pt>
                <c:pt idx="839">
                  <c:v>0.82</c:v>
                </c:pt>
                <c:pt idx="840">
                  <c:v>0.77</c:v>
                </c:pt>
                <c:pt idx="841">
                  <c:v>0.75</c:v>
                </c:pt>
                <c:pt idx="842">
                  <c:v>0.73</c:v>
                </c:pt>
                <c:pt idx="843">
                  <c:v>0.75</c:v>
                </c:pt>
                <c:pt idx="844">
                  <c:v>0.78</c:v>
                </c:pt>
                <c:pt idx="845">
                  <c:v>0.84</c:v>
                </c:pt>
                <c:pt idx="846">
                  <c:v>0.83</c:v>
                </c:pt>
                <c:pt idx="847">
                  <c:v>0.79</c:v>
                </c:pt>
                <c:pt idx="848">
                  <c:v>0.79</c:v>
                </c:pt>
                <c:pt idx="849">
                  <c:v>0.79</c:v>
                </c:pt>
                <c:pt idx="850">
                  <c:v>0.79</c:v>
                </c:pt>
                <c:pt idx="851">
                  <c:v>0.78</c:v>
                </c:pt>
                <c:pt idx="852">
                  <c:v>0.76</c:v>
                </c:pt>
                <c:pt idx="853">
                  <c:v>0.78</c:v>
                </c:pt>
                <c:pt idx="854">
                  <c:v>0.79</c:v>
                </c:pt>
                <c:pt idx="855">
                  <c:v>0.78</c:v>
                </c:pt>
                <c:pt idx="856">
                  <c:v>0.8</c:v>
                </c:pt>
                <c:pt idx="857">
                  <c:v>0.72</c:v>
                </c:pt>
                <c:pt idx="858">
                  <c:v>0.76</c:v>
                </c:pt>
                <c:pt idx="859">
                  <c:v>0.75</c:v>
                </c:pt>
                <c:pt idx="860">
                  <c:v>0.73</c:v>
                </c:pt>
                <c:pt idx="861">
                  <c:v>0.74</c:v>
                </c:pt>
                <c:pt idx="862">
                  <c:v>0.73</c:v>
                </c:pt>
                <c:pt idx="863">
                  <c:v>0.75</c:v>
                </c:pt>
                <c:pt idx="864">
                  <c:v>0.75</c:v>
                </c:pt>
                <c:pt idx="865">
                  <c:v>0.77</c:v>
                </c:pt>
                <c:pt idx="866">
                  <c:v>0.8</c:v>
                </c:pt>
                <c:pt idx="867">
                  <c:v>0.84</c:v>
                </c:pt>
                <c:pt idx="868">
                  <c:v>0.95</c:v>
                </c:pt>
                <c:pt idx="869">
                  <c:v>0.95</c:v>
                </c:pt>
                <c:pt idx="870">
                  <c:v>0.9</c:v>
                </c:pt>
                <c:pt idx="871">
                  <c:v>0.93</c:v>
                </c:pt>
                <c:pt idx="872">
                  <c:v>0.9</c:v>
                </c:pt>
                <c:pt idx="873">
                  <c:v>0.87</c:v>
                </c:pt>
                <c:pt idx="874">
                  <c:v>0.9</c:v>
                </c:pt>
                <c:pt idx="875">
                  <c:v>0.95</c:v>
                </c:pt>
                <c:pt idx="876">
                  <c:v>0.99</c:v>
                </c:pt>
                <c:pt idx="877">
                  <c:v>1.02</c:v>
                </c:pt>
                <c:pt idx="878">
                  <c:v>0.98</c:v>
                </c:pt>
                <c:pt idx="879">
                  <c:v>0.98</c:v>
                </c:pt>
                <c:pt idx="880">
                  <c:v>0.98</c:v>
                </c:pt>
                <c:pt idx="881">
                  <c:v>0.95</c:v>
                </c:pt>
                <c:pt idx="882">
                  <c:v>0.96</c:v>
                </c:pt>
                <c:pt idx="883">
                  <c:v>0.95</c:v>
                </c:pt>
                <c:pt idx="884">
                  <c:v>0.92</c:v>
                </c:pt>
                <c:pt idx="885">
                  <c:v>0.91</c:v>
                </c:pt>
                <c:pt idx="886">
                  <c:v>0.87</c:v>
                </c:pt>
                <c:pt idx="887">
                  <c:v>0.94</c:v>
                </c:pt>
                <c:pt idx="888">
                  <c:v>0.9</c:v>
                </c:pt>
                <c:pt idx="889">
                  <c:v>0.9</c:v>
                </c:pt>
                <c:pt idx="890">
                  <c:v>0.94</c:v>
                </c:pt>
                <c:pt idx="891">
                  <c:v>0.92</c:v>
                </c:pt>
                <c:pt idx="892">
                  <c:v>0.95</c:v>
                </c:pt>
                <c:pt idx="893">
                  <c:v>0.92</c:v>
                </c:pt>
                <c:pt idx="894">
                  <c:v>0.93</c:v>
                </c:pt>
                <c:pt idx="895">
                  <c:v>0.89</c:v>
                </c:pt>
                <c:pt idx="896">
                  <c:v>0.85</c:v>
                </c:pt>
                <c:pt idx="897">
                  <c:v>0.88</c:v>
                </c:pt>
                <c:pt idx="898">
                  <c:v>0.83</c:v>
                </c:pt>
                <c:pt idx="899">
                  <c:v>0.85</c:v>
                </c:pt>
                <c:pt idx="900">
                  <c:v>0.88</c:v>
                </c:pt>
                <c:pt idx="901">
                  <c:v>0.86</c:v>
                </c:pt>
                <c:pt idx="902">
                  <c:v>0.91</c:v>
                </c:pt>
                <c:pt idx="903">
                  <c:v>0.87</c:v>
                </c:pt>
                <c:pt idx="904">
                  <c:v>0.89</c:v>
                </c:pt>
                <c:pt idx="905">
                  <c:v>0.89</c:v>
                </c:pt>
                <c:pt idx="906">
                  <c:v>0.9</c:v>
                </c:pt>
                <c:pt idx="907">
                  <c:v>0.86</c:v>
                </c:pt>
                <c:pt idx="908">
                  <c:v>0.89</c:v>
                </c:pt>
                <c:pt idx="909">
                  <c:v>0.84</c:v>
                </c:pt>
                <c:pt idx="910">
                  <c:v>0.85</c:v>
                </c:pt>
                <c:pt idx="911">
                  <c:v>0.83</c:v>
                </c:pt>
                <c:pt idx="912">
                  <c:v>0.84</c:v>
                </c:pt>
                <c:pt idx="913">
                  <c:v>0.82</c:v>
                </c:pt>
                <c:pt idx="914">
                  <c:v>0.83</c:v>
                </c:pt>
                <c:pt idx="915">
                  <c:v>0.74</c:v>
                </c:pt>
                <c:pt idx="916">
                  <c:v>0.69</c:v>
                </c:pt>
                <c:pt idx="917">
                  <c:v>0.7</c:v>
                </c:pt>
                <c:pt idx="918">
                  <c:v>0.76</c:v>
                </c:pt>
                <c:pt idx="919">
                  <c:v>0.75</c:v>
                </c:pt>
                <c:pt idx="920">
                  <c:v>0.72</c:v>
                </c:pt>
                <c:pt idx="921">
                  <c:v>0.73</c:v>
                </c:pt>
                <c:pt idx="922">
                  <c:v>0.77</c:v>
                </c:pt>
                <c:pt idx="923">
                  <c:v>0.72</c:v>
                </c:pt>
                <c:pt idx="924">
                  <c:v>0.64</c:v>
                </c:pt>
                <c:pt idx="925">
                  <c:v>0.65</c:v>
                </c:pt>
                <c:pt idx="926">
                  <c:v>0.7</c:v>
                </c:pt>
                <c:pt idx="927">
                  <c:v>0.67</c:v>
                </c:pt>
                <c:pt idx="928">
                  <c:v>0.68</c:v>
                </c:pt>
                <c:pt idx="929">
                  <c:v>0.67</c:v>
                </c:pt>
                <c:pt idx="930">
                  <c:v>0.66</c:v>
                </c:pt>
                <c:pt idx="931">
                  <c:v>0.66</c:v>
                </c:pt>
                <c:pt idx="932">
                  <c:v>0.66</c:v>
                </c:pt>
                <c:pt idx="933">
                  <c:v>0.67</c:v>
                </c:pt>
                <c:pt idx="934">
                  <c:v>0.63</c:v>
                </c:pt>
                <c:pt idx="935">
                  <c:v>0.6</c:v>
                </c:pt>
                <c:pt idx="936">
                  <c:v>0.62</c:v>
                </c:pt>
                <c:pt idx="937">
                  <c:v>0.61</c:v>
                </c:pt>
                <c:pt idx="938">
                  <c:v>0.7</c:v>
                </c:pt>
                <c:pt idx="939">
                  <c:v>0.67</c:v>
                </c:pt>
                <c:pt idx="940">
                  <c:v>0.67</c:v>
                </c:pt>
                <c:pt idx="941">
                  <c:v>0.67</c:v>
                </c:pt>
                <c:pt idx="942">
                  <c:v>0.69</c:v>
                </c:pt>
                <c:pt idx="943">
                  <c:v>0.66</c:v>
                </c:pt>
                <c:pt idx="944">
                  <c:v>0.65</c:v>
                </c:pt>
                <c:pt idx="945">
                  <c:v>0.65</c:v>
                </c:pt>
                <c:pt idx="946">
                  <c:v>0.65</c:v>
                </c:pt>
                <c:pt idx="947">
                  <c:v>0.63</c:v>
                </c:pt>
                <c:pt idx="948">
                  <c:v>0.61</c:v>
                </c:pt>
                <c:pt idx="949">
                  <c:v>0.63</c:v>
                </c:pt>
                <c:pt idx="950">
                  <c:v>0.63</c:v>
                </c:pt>
                <c:pt idx="951">
                  <c:v>0.69</c:v>
                </c:pt>
                <c:pt idx="952">
                  <c:v>0.69</c:v>
                </c:pt>
                <c:pt idx="953">
                  <c:v>0.69</c:v>
                </c:pt>
                <c:pt idx="954">
                  <c:v>0.69</c:v>
                </c:pt>
                <c:pt idx="955">
                  <c:v>0.72</c:v>
                </c:pt>
                <c:pt idx="956">
                  <c:v>0.69</c:v>
                </c:pt>
                <c:pt idx="957">
                  <c:v>0.68</c:v>
                </c:pt>
                <c:pt idx="958">
                  <c:v>0.71</c:v>
                </c:pt>
                <c:pt idx="959">
                  <c:v>0.69</c:v>
                </c:pt>
                <c:pt idx="960">
                  <c:v>0.74</c:v>
                </c:pt>
                <c:pt idx="961">
                  <c:v>0.73</c:v>
                </c:pt>
                <c:pt idx="962">
                  <c:v>0.73</c:v>
                </c:pt>
                <c:pt idx="963">
                  <c:v>0.74</c:v>
                </c:pt>
                <c:pt idx="964">
                  <c:v>0.75</c:v>
                </c:pt>
                <c:pt idx="965">
                  <c:v>0.73</c:v>
                </c:pt>
                <c:pt idx="966">
                  <c:v>0.75</c:v>
                </c:pt>
                <c:pt idx="967">
                  <c:v>0.81</c:v>
                </c:pt>
                <c:pt idx="968">
                  <c:v>0.85</c:v>
                </c:pt>
                <c:pt idx="969">
                  <c:v>0.8</c:v>
                </c:pt>
                <c:pt idx="970">
                  <c:v>0.79</c:v>
                </c:pt>
                <c:pt idx="971">
                  <c:v>0.79</c:v>
                </c:pt>
                <c:pt idx="972">
                  <c:v>0.91</c:v>
                </c:pt>
                <c:pt idx="973">
                  <c:v>0.92</c:v>
                </c:pt>
                <c:pt idx="974">
                  <c:v>0.95</c:v>
                </c:pt>
                <c:pt idx="975">
                  <c:v>0.99</c:v>
                </c:pt>
                <c:pt idx="976">
                  <c:v>0.98</c:v>
                </c:pt>
                <c:pt idx="977">
                  <c:v>1.03</c:v>
                </c:pt>
                <c:pt idx="978">
                  <c:v>1.01</c:v>
                </c:pt>
                <c:pt idx="979">
                  <c:v>0.99</c:v>
                </c:pt>
                <c:pt idx="980">
                  <c:v>1.0900000000000001</c:v>
                </c:pt>
                <c:pt idx="981">
                  <c:v>1.07</c:v>
                </c:pt>
                <c:pt idx="982">
                  <c:v>1.08</c:v>
                </c:pt>
                <c:pt idx="983">
                  <c:v>1.1599999999999999</c:v>
                </c:pt>
                <c:pt idx="984">
                  <c:v>1.19</c:v>
                </c:pt>
                <c:pt idx="985">
                  <c:v>1.1499999999999999</c:v>
                </c:pt>
                <c:pt idx="986">
                  <c:v>1.06</c:v>
                </c:pt>
                <c:pt idx="987">
                  <c:v>1.05</c:v>
                </c:pt>
                <c:pt idx="988">
                  <c:v>1.0900000000000001</c:v>
                </c:pt>
                <c:pt idx="989">
                  <c:v>1.1299999999999999</c:v>
                </c:pt>
                <c:pt idx="990">
                  <c:v>1.1599999999999999</c:v>
                </c:pt>
                <c:pt idx="991">
                  <c:v>1.1499999999999999</c:v>
                </c:pt>
                <c:pt idx="992">
                  <c:v>1.21</c:v>
                </c:pt>
                <c:pt idx="993">
                  <c:v>1.1599999999999999</c:v>
                </c:pt>
                <c:pt idx="994">
                  <c:v>1.1399999999999999</c:v>
                </c:pt>
                <c:pt idx="995">
                  <c:v>1.1100000000000001</c:v>
                </c:pt>
                <c:pt idx="996">
                  <c:v>0.99</c:v>
                </c:pt>
                <c:pt idx="997">
                  <c:v>0.99</c:v>
                </c:pt>
                <c:pt idx="998">
                  <c:v>1.05</c:v>
                </c:pt>
                <c:pt idx="999">
                  <c:v>1.08</c:v>
                </c:pt>
                <c:pt idx="1000">
                  <c:v>1.02</c:v>
                </c:pt>
                <c:pt idx="1001">
                  <c:v>1.07</c:v>
                </c:pt>
                <c:pt idx="1002">
                  <c:v>0.94</c:v>
                </c:pt>
                <c:pt idx="1003">
                  <c:v>0.84</c:v>
                </c:pt>
                <c:pt idx="1004">
                  <c:v>0.85</c:v>
                </c:pt>
                <c:pt idx="1005">
                  <c:v>0.82</c:v>
                </c:pt>
                <c:pt idx="1006">
                  <c:v>0.93</c:v>
                </c:pt>
                <c:pt idx="1007">
                  <c:v>0.92</c:v>
                </c:pt>
                <c:pt idx="1008">
                  <c:v>0.92</c:v>
                </c:pt>
                <c:pt idx="1009">
                  <c:v>0.95</c:v>
                </c:pt>
                <c:pt idx="1010">
                  <c:v>0.96</c:v>
                </c:pt>
                <c:pt idx="1011">
                  <c:v>0.97</c:v>
                </c:pt>
                <c:pt idx="1012">
                  <c:v>0.92</c:v>
                </c:pt>
                <c:pt idx="1013">
                  <c:v>0.88</c:v>
                </c:pt>
                <c:pt idx="1014">
                  <c:v>0.92</c:v>
                </c:pt>
                <c:pt idx="1015">
                  <c:v>0.97</c:v>
                </c:pt>
                <c:pt idx="1016">
                  <c:v>1.01</c:v>
                </c:pt>
                <c:pt idx="1017">
                  <c:v>0.97</c:v>
                </c:pt>
                <c:pt idx="1018">
                  <c:v>0.81</c:v>
                </c:pt>
                <c:pt idx="1019">
                  <c:v>0.85</c:v>
                </c:pt>
                <c:pt idx="1020">
                  <c:v>0.82</c:v>
                </c:pt>
                <c:pt idx="1021">
                  <c:v>0.85</c:v>
                </c:pt>
                <c:pt idx="1022">
                  <c:v>0.8</c:v>
                </c:pt>
                <c:pt idx="1023">
                  <c:v>0.77</c:v>
                </c:pt>
                <c:pt idx="1024">
                  <c:v>0.74</c:v>
                </c:pt>
                <c:pt idx="1025">
                  <c:v>0.73</c:v>
                </c:pt>
                <c:pt idx="1026">
                  <c:v>0.76</c:v>
                </c:pt>
                <c:pt idx="1027">
                  <c:v>0.74</c:v>
                </c:pt>
                <c:pt idx="1028">
                  <c:v>0.73</c:v>
                </c:pt>
                <c:pt idx="1029">
                  <c:v>0.7</c:v>
                </c:pt>
                <c:pt idx="1030">
                  <c:v>0.72</c:v>
                </c:pt>
                <c:pt idx="1031">
                  <c:v>0.73</c:v>
                </c:pt>
                <c:pt idx="1032">
                  <c:v>0.75</c:v>
                </c:pt>
                <c:pt idx="1033">
                  <c:v>0.77</c:v>
                </c:pt>
                <c:pt idx="1034">
                  <c:v>0.77</c:v>
                </c:pt>
                <c:pt idx="1035">
                  <c:v>0.87</c:v>
                </c:pt>
                <c:pt idx="1036">
                  <c:v>0.89</c:v>
                </c:pt>
                <c:pt idx="1037">
                  <c:v>0.93</c:v>
                </c:pt>
                <c:pt idx="1038">
                  <c:v>0.93</c:v>
                </c:pt>
                <c:pt idx="1039">
                  <c:v>0.93</c:v>
                </c:pt>
                <c:pt idx="1040">
                  <c:v>0.93</c:v>
                </c:pt>
                <c:pt idx="1041">
                  <c:v>1.01</c:v>
                </c:pt>
                <c:pt idx="1042">
                  <c:v>0.97</c:v>
                </c:pt>
                <c:pt idx="1043">
                  <c:v>1.02</c:v>
                </c:pt>
                <c:pt idx="1044">
                  <c:v>1.02</c:v>
                </c:pt>
                <c:pt idx="1045">
                  <c:v>1.1200000000000001</c:v>
                </c:pt>
                <c:pt idx="1046">
                  <c:v>1.1200000000000001</c:v>
                </c:pt>
                <c:pt idx="1047">
                  <c:v>1.19</c:v>
                </c:pt>
                <c:pt idx="1048">
                  <c:v>1.21</c:v>
                </c:pt>
                <c:pt idx="1049">
                  <c:v>1.23</c:v>
                </c:pt>
                <c:pt idx="1050">
                  <c:v>1.21</c:v>
                </c:pt>
                <c:pt idx="1051">
                  <c:v>1.18</c:v>
                </c:pt>
                <c:pt idx="1052">
                  <c:v>1.1599999999999999</c:v>
                </c:pt>
                <c:pt idx="1053">
                  <c:v>1.18</c:v>
                </c:pt>
                <c:pt idx="1054">
                  <c:v>1.22</c:v>
                </c:pt>
                <c:pt idx="1055">
                  <c:v>1.25</c:v>
                </c:pt>
                <c:pt idx="1056">
                  <c:v>1.31</c:v>
                </c:pt>
                <c:pt idx="1057">
                  <c:v>1.26</c:v>
                </c:pt>
                <c:pt idx="1058">
                  <c:v>1.21</c:v>
                </c:pt>
                <c:pt idx="1059">
                  <c:v>1.1599999999999999</c:v>
                </c:pt>
                <c:pt idx="1060">
                  <c:v>1.2</c:v>
                </c:pt>
                <c:pt idx="1061">
                  <c:v>1.25</c:v>
                </c:pt>
                <c:pt idx="1062">
                  <c:v>1.28</c:v>
                </c:pt>
                <c:pt idx="1063">
                  <c:v>1.28</c:v>
                </c:pt>
                <c:pt idx="1064">
                  <c:v>1.35</c:v>
                </c:pt>
                <c:pt idx="1065">
                  <c:v>1.35</c:v>
                </c:pt>
                <c:pt idx="1066">
                  <c:v>1.3</c:v>
                </c:pt>
                <c:pt idx="1067">
                  <c:v>1.43</c:v>
                </c:pt>
                <c:pt idx="1068">
                  <c:v>1.46</c:v>
                </c:pt>
                <c:pt idx="1069">
                  <c:v>1.46</c:v>
                </c:pt>
                <c:pt idx="1070">
                  <c:v>1.54</c:v>
                </c:pt>
                <c:pt idx="1071">
                  <c:v>1.47</c:v>
                </c:pt>
                <c:pt idx="1072">
                  <c:v>1.56</c:v>
                </c:pt>
                <c:pt idx="1073">
                  <c:v>1.58</c:v>
                </c:pt>
                <c:pt idx="1074">
                  <c:v>1.61</c:v>
                </c:pt>
                <c:pt idx="1075">
                  <c:v>1.62</c:v>
                </c:pt>
                <c:pt idx="1076">
                  <c:v>1.57</c:v>
                </c:pt>
                <c:pt idx="1077">
                  <c:v>1.51</c:v>
                </c:pt>
                <c:pt idx="1078">
                  <c:v>1.43</c:v>
                </c:pt>
                <c:pt idx="1079">
                  <c:v>1.45</c:v>
                </c:pt>
                <c:pt idx="1080">
                  <c:v>1.52</c:v>
                </c:pt>
                <c:pt idx="1081">
                  <c:v>1.52</c:v>
                </c:pt>
                <c:pt idx="1082">
                  <c:v>1.49</c:v>
                </c:pt>
                <c:pt idx="1083">
                  <c:v>1.5</c:v>
                </c:pt>
                <c:pt idx="1084">
                  <c:v>1.45</c:v>
                </c:pt>
                <c:pt idx="1085">
                  <c:v>1.18</c:v>
                </c:pt>
                <c:pt idx="1086">
                  <c:v>1.27</c:v>
                </c:pt>
                <c:pt idx="1087">
                  <c:v>1.34</c:v>
                </c:pt>
                <c:pt idx="1088">
                  <c:v>1.24</c:v>
                </c:pt>
                <c:pt idx="1089">
                  <c:v>1.32</c:v>
                </c:pt>
                <c:pt idx="1090">
                  <c:v>1.44</c:v>
                </c:pt>
                <c:pt idx="1091">
                  <c:v>1.56</c:v>
                </c:pt>
                <c:pt idx="1092">
                  <c:v>1.55</c:v>
                </c:pt>
                <c:pt idx="1093">
                  <c:v>1.55</c:v>
                </c:pt>
                <c:pt idx="1094">
                  <c:v>1.63</c:v>
                </c:pt>
                <c:pt idx="1095">
                  <c:v>1.6</c:v>
                </c:pt>
                <c:pt idx="1096">
                  <c:v>1.66</c:v>
                </c:pt>
                <c:pt idx="1097">
                  <c:v>1.59</c:v>
                </c:pt>
                <c:pt idx="1098">
                  <c:v>1.51</c:v>
                </c:pt>
                <c:pt idx="1099">
                  <c:v>1.63</c:v>
                </c:pt>
                <c:pt idx="1100">
                  <c:v>1.72</c:v>
                </c:pt>
                <c:pt idx="1101">
                  <c:v>1.66</c:v>
                </c:pt>
                <c:pt idx="1102">
                  <c:v>1.65</c:v>
                </c:pt>
                <c:pt idx="1103">
                  <c:v>1.7</c:v>
                </c:pt>
                <c:pt idx="1104">
                  <c:v>1.63</c:v>
                </c:pt>
                <c:pt idx="1105">
                  <c:v>1.67</c:v>
                </c:pt>
                <c:pt idx="1106">
                  <c:v>1.67</c:v>
                </c:pt>
                <c:pt idx="1107">
                  <c:v>1.63</c:v>
                </c:pt>
                <c:pt idx="1108">
                  <c:v>1.65</c:v>
                </c:pt>
                <c:pt idx="1109">
                  <c:v>1.58</c:v>
                </c:pt>
                <c:pt idx="1110">
                  <c:v>1.69</c:v>
                </c:pt>
                <c:pt idx="1111">
                  <c:v>1.75</c:v>
                </c:pt>
                <c:pt idx="1112">
                  <c:v>1.77</c:v>
                </c:pt>
                <c:pt idx="1113">
                  <c:v>1.77</c:v>
                </c:pt>
                <c:pt idx="1114">
                  <c:v>1.87</c:v>
                </c:pt>
                <c:pt idx="1115">
                  <c:v>1.83</c:v>
                </c:pt>
                <c:pt idx="1116">
                  <c:v>1.84</c:v>
                </c:pt>
                <c:pt idx="1117">
                  <c:v>1.91</c:v>
                </c:pt>
                <c:pt idx="1118">
                  <c:v>1.91</c:v>
                </c:pt>
                <c:pt idx="1119">
                  <c:v>1.91</c:v>
                </c:pt>
                <c:pt idx="1120">
                  <c:v>2</c:v>
                </c:pt>
                <c:pt idx="1121">
                  <c:v>1.94</c:v>
                </c:pt>
                <c:pt idx="1122">
                  <c:v>2.0099999999999998</c:v>
                </c:pt>
                <c:pt idx="1123">
                  <c:v>1.98</c:v>
                </c:pt>
                <c:pt idx="1124">
                  <c:v>1.87</c:v>
                </c:pt>
                <c:pt idx="1125">
                  <c:v>1.81</c:v>
                </c:pt>
                <c:pt idx="1126">
                  <c:v>1.85</c:v>
                </c:pt>
                <c:pt idx="1127">
                  <c:v>1.9</c:v>
                </c:pt>
                <c:pt idx="1128">
                  <c:v>1.91</c:v>
                </c:pt>
                <c:pt idx="1129">
                  <c:v>1.91</c:v>
                </c:pt>
                <c:pt idx="1130">
                  <c:v>1.95</c:v>
                </c:pt>
                <c:pt idx="1131">
                  <c:v>1.98</c:v>
                </c:pt>
                <c:pt idx="1132">
                  <c:v>1.95</c:v>
                </c:pt>
                <c:pt idx="1133">
                  <c:v>2</c:v>
                </c:pt>
                <c:pt idx="1134">
                  <c:v>1.95</c:v>
                </c:pt>
                <c:pt idx="1135">
                  <c:v>1.84</c:v>
                </c:pt>
                <c:pt idx="1136">
                  <c:v>1.86</c:v>
                </c:pt>
                <c:pt idx="1137">
                  <c:v>1.69</c:v>
                </c:pt>
                <c:pt idx="1138">
                  <c:v>1.74</c:v>
                </c:pt>
                <c:pt idx="1139">
                  <c:v>1.73</c:v>
                </c:pt>
                <c:pt idx="1140">
                  <c:v>1.88</c:v>
                </c:pt>
                <c:pt idx="1141">
                  <c:v>1.84</c:v>
                </c:pt>
                <c:pt idx="1142">
                  <c:v>1.85</c:v>
                </c:pt>
                <c:pt idx="1143">
                  <c:v>1.88</c:v>
                </c:pt>
                <c:pt idx="1144">
                  <c:v>1.96</c:v>
                </c:pt>
                <c:pt idx="1145">
                  <c:v>1.85</c:v>
                </c:pt>
                <c:pt idx="1146">
                  <c:v>1.91</c:v>
                </c:pt>
                <c:pt idx="1147">
                  <c:v>1.97</c:v>
                </c:pt>
                <c:pt idx="1148">
                  <c:v>1.92</c:v>
                </c:pt>
                <c:pt idx="1149">
                  <c:v>1.98</c:v>
                </c:pt>
                <c:pt idx="1150">
                  <c:v>2.09</c:v>
                </c:pt>
                <c:pt idx="1151">
                  <c:v>2.13</c:v>
                </c:pt>
                <c:pt idx="1152">
                  <c:v>2.13</c:v>
                </c:pt>
                <c:pt idx="1153">
                  <c:v>2.13</c:v>
                </c:pt>
                <c:pt idx="1154">
                  <c:v>2.2400000000000002</c:v>
                </c:pt>
                <c:pt idx="1155">
                  <c:v>2.2000000000000002</c:v>
                </c:pt>
                <c:pt idx="1156">
                  <c:v>2.23</c:v>
                </c:pt>
                <c:pt idx="1157">
                  <c:v>2.3199999999999998</c:v>
                </c:pt>
                <c:pt idx="1158">
                  <c:v>2.42</c:v>
                </c:pt>
                <c:pt idx="1159">
                  <c:v>2.5</c:v>
                </c:pt>
                <c:pt idx="1160">
                  <c:v>2.5499999999999998</c:v>
                </c:pt>
                <c:pt idx="1161">
                  <c:v>2.4500000000000002</c:v>
                </c:pt>
                <c:pt idx="1162">
                  <c:v>2.5099999999999998</c:v>
                </c:pt>
                <c:pt idx="1163">
                  <c:v>2.5</c:v>
                </c:pt>
                <c:pt idx="1164">
                  <c:v>2.58</c:v>
                </c:pt>
                <c:pt idx="1165">
                  <c:v>2.63</c:v>
                </c:pt>
                <c:pt idx="1166">
                  <c:v>2.46</c:v>
                </c:pt>
                <c:pt idx="1167">
                  <c:v>2.2799999999999998</c:v>
                </c:pt>
                <c:pt idx="1168">
                  <c:v>2.31</c:v>
                </c:pt>
                <c:pt idx="1169">
                  <c:v>2.38</c:v>
                </c:pt>
                <c:pt idx="1170">
                  <c:v>2.46</c:v>
                </c:pt>
                <c:pt idx="1171">
                  <c:v>2.36</c:v>
                </c:pt>
                <c:pt idx="1172">
                  <c:v>2.2599999999999998</c:v>
                </c:pt>
                <c:pt idx="1173">
                  <c:v>2.06</c:v>
                </c:pt>
                <c:pt idx="1174">
                  <c:v>2.19</c:v>
                </c:pt>
                <c:pt idx="1175">
                  <c:v>2.06</c:v>
                </c:pt>
                <c:pt idx="1176">
                  <c:v>2.0699999999999998</c:v>
                </c:pt>
                <c:pt idx="1177">
                  <c:v>2.09</c:v>
                </c:pt>
                <c:pt idx="1178">
                  <c:v>2.21</c:v>
                </c:pt>
                <c:pt idx="1179">
                  <c:v>2.15</c:v>
                </c:pt>
                <c:pt idx="1180">
                  <c:v>2.06</c:v>
                </c:pt>
                <c:pt idx="1181">
                  <c:v>2.0499999999999998</c:v>
                </c:pt>
                <c:pt idx="1182">
                  <c:v>2.08</c:v>
                </c:pt>
                <c:pt idx="1183">
                  <c:v>2.08</c:v>
                </c:pt>
                <c:pt idx="1184">
                  <c:v>2.15</c:v>
                </c:pt>
                <c:pt idx="1185">
                  <c:v>2.1800000000000002</c:v>
                </c:pt>
                <c:pt idx="1186">
                  <c:v>2.13</c:v>
                </c:pt>
                <c:pt idx="1187">
                  <c:v>2.0299999999999998</c:v>
                </c:pt>
                <c:pt idx="1188">
                  <c:v>1.93</c:v>
                </c:pt>
                <c:pt idx="1189">
                  <c:v>1.94</c:v>
                </c:pt>
                <c:pt idx="1190">
                  <c:v>1.9</c:v>
                </c:pt>
                <c:pt idx="1191">
                  <c:v>1.95</c:v>
                </c:pt>
                <c:pt idx="1192">
                  <c:v>1.86</c:v>
                </c:pt>
                <c:pt idx="1193">
                  <c:v>1.86</c:v>
                </c:pt>
                <c:pt idx="1194">
                  <c:v>1.79</c:v>
                </c:pt>
                <c:pt idx="1195">
                  <c:v>1.83</c:v>
                </c:pt>
                <c:pt idx="1196">
                  <c:v>1.92</c:v>
                </c:pt>
                <c:pt idx="1197">
                  <c:v>1.87</c:v>
                </c:pt>
                <c:pt idx="1198">
                  <c:v>2.04</c:v>
                </c:pt>
                <c:pt idx="1199">
                  <c:v>1.94</c:v>
                </c:pt>
                <c:pt idx="1200">
                  <c:v>1.98</c:v>
                </c:pt>
                <c:pt idx="1201">
                  <c:v>1.94</c:v>
                </c:pt>
                <c:pt idx="1202">
                  <c:v>2.06</c:v>
                </c:pt>
                <c:pt idx="1203">
                  <c:v>2.11</c:v>
                </c:pt>
                <c:pt idx="1204">
                  <c:v>2.0099999999999998</c:v>
                </c:pt>
                <c:pt idx="1205">
                  <c:v>2.13</c:v>
                </c:pt>
                <c:pt idx="1206">
                  <c:v>2.2799999999999998</c:v>
                </c:pt>
                <c:pt idx="1207">
                  <c:v>2.29</c:v>
                </c:pt>
                <c:pt idx="1208">
                  <c:v>2.42</c:v>
                </c:pt>
                <c:pt idx="1209">
                  <c:v>2.4900000000000002</c:v>
                </c:pt>
                <c:pt idx="1210">
                  <c:v>2.5499999999999998</c:v>
                </c:pt>
                <c:pt idx="1211">
                  <c:v>2.68</c:v>
                </c:pt>
                <c:pt idx="1212">
                  <c:v>2.6</c:v>
                </c:pt>
                <c:pt idx="1213">
                  <c:v>2.6</c:v>
                </c:pt>
                <c:pt idx="1214">
                  <c:v>2.6</c:v>
                </c:pt>
                <c:pt idx="1215">
                  <c:v>2.72</c:v>
                </c:pt>
                <c:pt idx="1216">
                  <c:v>2.8</c:v>
                </c:pt>
                <c:pt idx="1217">
                  <c:v>2.91</c:v>
                </c:pt>
                <c:pt idx="1218">
                  <c:v>2.9</c:v>
                </c:pt>
                <c:pt idx="1219">
                  <c:v>2.92</c:v>
                </c:pt>
                <c:pt idx="1220">
                  <c:v>3.03</c:v>
                </c:pt>
                <c:pt idx="1221">
                  <c:v>3.02</c:v>
                </c:pt>
                <c:pt idx="1222">
                  <c:v>3.13</c:v>
                </c:pt>
                <c:pt idx="1223">
                  <c:v>3.11</c:v>
                </c:pt>
                <c:pt idx="1224">
                  <c:v>3.05</c:v>
                </c:pt>
                <c:pt idx="1225">
                  <c:v>3.13</c:v>
                </c:pt>
                <c:pt idx="1226">
                  <c:v>3.12</c:v>
                </c:pt>
                <c:pt idx="1227">
                  <c:v>3.14</c:v>
                </c:pt>
                <c:pt idx="1228">
                  <c:v>3.14</c:v>
                </c:pt>
                <c:pt idx="1229">
                  <c:v>3.14</c:v>
                </c:pt>
                <c:pt idx="1230">
                  <c:v>3.28</c:v>
                </c:pt>
                <c:pt idx="1231">
                  <c:v>3.32</c:v>
                </c:pt>
                <c:pt idx="1232">
                  <c:v>3.49</c:v>
                </c:pt>
                <c:pt idx="1233">
                  <c:v>3.8</c:v>
                </c:pt>
                <c:pt idx="1234">
                  <c:v>4.0999999999999996</c:v>
                </c:pt>
                <c:pt idx="1235">
                  <c:v>4.3899999999999997</c:v>
                </c:pt>
                <c:pt idx="1236">
                  <c:v>4.01</c:v>
                </c:pt>
                <c:pt idx="1237">
                  <c:v>4.08</c:v>
                </c:pt>
                <c:pt idx="1238">
                  <c:v>4.08</c:v>
                </c:pt>
                <c:pt idx="1239">
                  <c:v>3.93</c:v>
                </c:pt>
                <c:pt idx="1240">
                  <c:v>3.85</c:v>
                </c:pt>
                <c:pt idx="1241">
                  <c:v>4.01</c:v>
                </c:pt>
                <c:pt idx="1242">
                  <c:v>4.16</c:v>
                </c:pt>
                <c:pt idx="1243">
                  <c:v>4.22</c:v>
                </c:pt>
                <c:pt idx="1244">
                  <c:v>4.49</c:v>
                </c:pt>
                <c:pt idx="1245">
                  <c:v>4.42</c:v>
                </c:pt>
                <c:pt idx="1246">
                  <c:v>4.47</c:v>
                </c:pt>
                <c:pt idx="1247">
                  <c:v>4.2300000000000004</c:v>
                </c:pt>
                <c:pt idx="1248">
                  <c:v>4.32</c:v>
                </c:pt>
                <c:pt idx="1249">
                  <c:v>3.97</c:v>
                </c:pt>
                <c:pt idx="1250">
                  <c:v>3.91</c:v>
                </c:pt>
                <c:pt idx="1251">
                  <c:v>3.87</c:v>
                </c:pt>
                <c:pt idx="1252">
                  <c:v>3.86</c:v>
                </c:pt>
                <c:pt idx="1253">
                  <c:v>4.08</c:v>
                </c:pt>
                <c:pt idx="1254">
                  <c:v>3.73</c:v>
                </c:pt>
                <c:pt idx="1255">
                  <c:v>3.63</c:v>
                </c:pt>
                <c:pt idx="1256">
                  <c:v>3.58</c:v>
                </c:pt>
                <c:pt idx="1257">
                  <c:v>3.48</c:v>
                </c:pt>
                <c:pt idx="1258">
                  <c:v>3.44</c:v>
                </c:pt>
                <c:pt idx="1259">
                  <c:v>3.52</c:v>
                </c:pt>
                <c:pt idx="1260">
                  <c:v>3.45</c:v>
                </c:pt>
                <c:pt idx="1261">
                  <c:v>3.41</c:v>
                </c:pt>
                <c:pt idx="1262">
                  <c:v>3.47</c:v>
                </c:pt>
                <c:pt idx="1263">
                  <c:v>3.54</c:v>
                </c:pt>
                <c:pt idx="1264">
                  <c:v>3.61</c:v>
                </c:pt>
                <c:pt idx="1265">
                  <c:v>3.54</c:v>
                </c:pt>
                <c:pt idx="1266">
                  <c:v>3.44</c:v>
                </c:pt>
                <c:pt idx="1267">
                  <c:v>3.27</c:v>
                </c:pt>
                <c:pt idx="1268">
                  <c:v>3.35</c:v>
                </c:pt>
                <c:pt idx="1269">
                  <c:v>3.35</c:v>
                </c:pt>
                <c:pt idx="1270">
                  <c:v>3.31</c:v>
                </c:pt>
                <c:pt idx="1271">
                  <c:v>3.14</c:v>
                </c:pt>
                <c:pt idx="1272">
                  <c:v>3.19</c:v>
                </c:pt>
                <c:pt idx="1273">
                  <c:v>3.23</c:v>
                </c:pt>
                <c:pt idx="1274">
                  <c:v>3.17</c:v>
                </c:pt>
                <c:pt idx="1275">
                  <c:v>3.14</c:v>
                </c:pt>
                <c:pt idx="1276">
                  <c:v>2.99</c:v>
                </c:pt>
                <c:pt idx="1277">
                  <c:v>3.01</c:v>
                </c:pt>
                <c:pt idx="1278">
                  <c:v>3.11</c:v>
                </c:pt>
                <c:pt idx="1279">
                  <c:v>3.1</c:v>
                </c:pt>
                <c:pt idx="1280">
                  <c:v>3.09</c:v>
                </c:pt>
                <c:pt idx="1281">
                  <c:v>3.17</c:v>
                </c:pt>
                <c:pt idx="1282">
                  <c:v>3.11</c:v>
                </c:pt>
                <c:pt idx="1283">
                  <c:v>3.16</c:v>
                </c:pt>
                <c:pt idx="1284">
                  <c:v>3.09</c:v>
                </c:pt>
                <c:pt idx="1285">
                  <c:v>3.07</c:v>
                </c:pt>
                <c:pt idx="1286">
                  <c:v>3.05</c:v>
                </c:pt>
                <c:pt idx="1287">
                  <c:v>3.08</c:v>
                </c:pt>
                <c:pt idx="1288">
                  <c:v>3.17</c:v>
                </c:pt>
                <c:pt idx="1289">
                  <c:v>3.21</c:v>
                </c:pt>
                <c:pt idx="1290">
                  <c:v>3.26</c:v>
                </c:pt>
                <c:pt idx="1291">
                  <c:v>3.33</c:v>
                </c:pt>
                <c:pt idx="1292">
                  <c:v>3.24</c:v>
                </c:pt>
                <c:pt idx="1293">
                  <c:v>3.36</c:v>
                </c:pt>
                <c:pt idx="1294">
                  <c:v>3.47</c:v>
                </c:pt>
                <c:pt idx="1295">
                  <c:v>3.61</c:v>
                </c:pt>
                <c:pt idx="1296">
                  <c:v>3.56</c:v>
                </c:pt>
                <c:pt idx="1297">
                  <c:v>3.57</c:v>
                </c:pt>
                <c:pt idx="1298">
                  <c:v>3.63</c:v>
                </c:pt>
                <c:pt idx="1299">
                  <c:v>3.63</c:v>
                </c:pt>
                <c:pt idx="1300">
                  <c:v>3.63</c:v>
                </c:pt>
                <c:pt idx="1301">
                  <c:v>3.67</c:v>
                </c:pt>
                <c:pt idx="1302">
                  <c:v>3.67</c:v>
                </c:pt>
                <c:pt idx="1303">
                  <c:v>3.66</c:v>
                </c:pt>
                <c:pt idx="1304">
                  <c:v>3.66</c:v>
                </c:pt>
                <c:pt idx="1305">
                  <c:v>3.63</c:v>
                </c:pt>
                <c:pt idx="1306">
                  <c:v>3.49</c:v>
                </c:pt>
                <c:pt idx="1307">
                  <c:v>3.54</c:v>
                </c:pt>
                <c:pt idx="1308">
                  <c:v>3.46</c:v>
                </c:pt>
                <c:pt idx="1309">
                  <c:v>3.53</c:v>
                </c:pt>
                <c:pt idx="1310">
                  <c:v>3.55</c:v>
                </c:pt>
                <c:pt idx="1311">
                  <c:v>3.39</c:v>
                </c:pt>
                <c:pt idx="1312">
                  <c:v>3.33</c:v>
                </c:pt>
                <c:pt idx="1313">
                  <c:v>3.34</c:v>
                </c:pt>
                <c:pt idx="1314">
                  <c:v>3.37</c:v>
                </c:pt>
                <c:pt idx="1315">
                  <c:v>3.33</c:v>
                </c:pt>
                <c:pt idx="1316">
                  <c:v>3.29</c:v>
                </c:pt>
                <c:pt idx="1317">
                  <c:v>3.3</c:v>
                </c:pt>
                <c:pt idx="1318">
                  <c:v>3.34</c:v>
                </c:pt>
                <c:pt idx="1319">
                  <c:v>3.35</c:v>
                </c:pt>
                <c:pt idx="1320">
                  <c:v>3.28</c:v>
                </c:pt>
                <c:pt idx="1321">
                  <c:v>3.25</c:v>
                </c:pt>
                <c:pt idx="1322">
                  <c:v>3.3</c:v>
                </c:pt>
                <c:pt idx="1323">
                  <c:v>3.33</c:v>
                </c:pt>
                <c:pt idx="1324">
                  <c:v>3.31</c:v>
                </c:pt>
                <c:pt idx="1325">
                  <c:v>3.43</c:v>
                </c:pt>
                <c:pt idx="1326">
                  <c:v>3.43</c:v>
                </c:pt>
                <c:pt idx="1327">
                  <c:v>3.12</c:v>
                </c:pt>
                <c:pt idx="1328">
                  <c:v>3.17</c:v>
                </c:pt>
                <c:pt idx="1329">
                  <c:v>3.34</c:v>
                </c:pt>
                <c:pt idx="1330">
                  <c:v>3.39</c:v>
                </c:pt>
                <c:pt idx="1331">
                  <c:v>3.41</c:v>
                </c:pt>
                <c:pt idx="1332">
                  <c:v>3.4</c:v>
                </c:pt>
                <c:pt idx="1333">
                  <c:v>3.51</c:v>
                </c:pt>
                <c:pt idx="1334">
                  <c:v>3.51</c:v>
                </c:pt>
                <c:pt idx="1335">
                  <c:v>3.62</c:v>
                </c:pt>
                <c:pt idx="1336">
                  <c:v>3.58</c:v>
                </c:pt>
                <c:pt idx="1337">
                  <c:v>3.62</c:v>
                </c:pt>
                <c:pt idx="1338">
                  <c:v>3.65</c:v>
                </c:pt>
                <c:pt idx="1339">
                  <c:v>3.6</c:v>
                </c:pt>
                <c:pt idx="1340">
                  <c:v>3.73</c:v>
                </c:pt>
                <c:pt idx="1341">
                  <c:v>3.71</c:v>
                </c:pt>
                <c:pt idx="1342">
                  <c:v>3.7</c:v>
                </c:pt>
                <c:pt idx="1343">
                  <c:v>3.76</c:v>
                </c:pt>
                <c:pt idx="1344">
                  <c:v>3.8</c:v>
                </c:pt>
                <c:pt idx="1345">
                  <c:v>3.81</c:v>
                </c:pt>
                <c:pt idx="1346">
                  <c:v>3.84</c:v>
                </c:pt>
                <c:pt idx="1347">
                  <c:v>3.86</c:v>
                </c:pt>
                <c:pt idx="1348">
                  <c:v>3.86</c:v>
                </c:pt>
                <c:pt idx="1349">
                  <c:v>3.85</c:v>
                </c:pt>
                <c:pt idx="1350">
                  <c:v>3.81</c:v>
                </c:pt>
                <c:pt idx="1351">
                  <c:v>3.74</c:v>
                </c:pt>
                <c:pt idx="1352">
                  <c:v>3.77</c:v>
                </c:pt>
                <c:pt idx="1353">
                  <c:v>3.6</c:v>
                </c:pt>
                <c:pt idx="1354">
                  <c:v>3.37</c:v>
                </c:pt>
                <c:pt idx="1355">
                  <c:v>3.51</c:v>
                </c:pt>
                <c:pt idx="1356">
                  <c:v>3.33</c:v>
                </c:pt>
                <c:pt idx="1357">
                  <c:v>3.35</c:v>
                </c:pt>
                <c:pt idx="1358">
                  <c:v>3.24</c:v>
                </c:pt>
                <c:pt idx="1359">
                  <c:v>3.29</c:v>
                </c:pt>
                <c:pt idx="1360">
                  <c:v>3.35</c:v>
                </c:pt>
                <c:pt idx="1361">
                  <c:v>3.46</c:v>
                </c:pt>
                <c:pt idx="1362">
                  <c:v>3.35</c:v>
                </c:pt>
                <c:pt idx="1363">
                  <c:v>3.26</c:v>
                </c:pt>
                <c:pt idx="1364">
                  <c:v>3.35</c:v>
                </c:pt>
                <c:pt idx="1365">
                  <c:v>3.44</c:v>
                </c:pt>
                <c:pt idx="1366">
                  <c:v>3.45</c:v>
                </c:pt>
                <c:pt idx="1367">
                  <c:v>3.51</c:v>
                </c:pt>
                <c:pt idx="1368">
                  <c:v>3.51</c:v>
                </c:pt>
                <c:pt idx="1369">
                  <c:v>3.4</c:v>
                </c:pt>
                <c:pt idx="1370">
                  <c:v>3.43</c:v>
                </c:pt>
                <c:pt idx="1371">
                  <c:v>3.43</c:v>
                </c:pt>
                <c:pt idx="1372">
                  <c:v>3.43</c:v>
                </c:pt>
                <c:pt idx="1373">
                  <c:v>3.43</c:v>
                </c:pt>
                <c:pt idx="1374">
                  <c:v>3.43</c:v>
                </c:pt>
                <c:pt idx="1375">
                  <c:v>3.53</c:v>
                </c:pt>
                <c:pt idx="1376">
                  <c:v>3.55</c:v>
                </c:pt>
                <c:pt idx="1377">
                  <c:v>3.55</c:v>
                </c:pt>
                <c:pt idx="1378">
                  <c:v>3.64</c:v>
                </c:pt>
                <c:pt idx="1379">
                  <c:v>3.69</c:v>
                </c:pt>
                <c:pt idx="1380">
                  <c:v>3.73</c:v>
                </c:pt>
                <c:pt idx="1381">
                  <c:v>3.84</c:v>
                </c:pt>
                <c:pt idx="1382">
                  <c:v>3.76</c:v>
                </c:pt>
                <c:pt idx="1383">
                  <c:v>3.75</c:v>
                </c:pt>
                <c:pt idx="1384">
                  <c:v>3.75</c:v>
                </c:pt>
                <c:pt idx="1385">
                  <c:v>3.68</c:v>
                </c:pt>
                <c:pt idx="1386">
                  <c:v>3.7</c:v>
                </c:pt>
                <c:pt idx="1387">
                  <c:v>3.78</c:v>
                </c:pt>
                <c:pt idx="1388">
                  <c:v>3.72</c:v>
                </c:pt>
                <c:pt idx="1389">
                  <c:v>3.72</c:v>
                </c:pt>
                <c:pt idx="1390">
                  <c:v>3.66</c:v>
                </c:pt>
                <c:pt idx="1391">
                  <c:v>3.69</c:v>
                </c:pt>
                <c:pt idx="1392">
                  <c:v>3.67</c:v>
                </c:pt>
                <c:pt idx="1393">
                  <c:v>3.77</c:v>
                </c:pt>
                <c:pt idx="1394">
                  <c:v>3.77</c:v>
                </c:pt>
                <c:pt idx="1395">
                  <c:v>3.84</c:v>
                </c:pt>
                <c:pt idx="1396">
                  <c:v>3.79</c:v>
                </c:pt>
                <c:pt idx="1397">
                  <c:v>3.71</c:v>
                </c:pt>
                <c:pt idx="1398">
                  <c:v>3.76</c:v>
                </c:pt>
                <c:pt idx="1399">
                  <c:v>3.81</c:v>
                </c:pt>
                <c:pt idx="1400">
                  <c:v>3.81</c:v>
                </c:pt>
                <c:pt idx="1401">
                  <c:v>3.82</c:v>
                </c:pt>
                <c:pt idx="1402">
                  <c:v>3.94</c:v>
                </c:pt>
                <c:pt idx="1403">
                  <c:v>4.01</c:v>
                </c:pt>
                <c:pt idx="1404">
                  <c:v>4.05</c:v>
                </c:pt>
                <c:pt idx="1405">
                  <c:v>4.1500000000000004</c:v>
                </c:pt>
                <c:pt idx="1406">
                  <c:v>4.1900000000000004</c:v>
                </c:pt>
                <c:pt idx="1407">
                  <c:v>4.3499999999999996</c:v>
                </c:pt>
                <c:pt idx="1408">
                  <c:v>4.34</c:v>
                </c:pt>
                <c:pt idx="1409">
                  <c:v>4.34</c:v>
                </c:pt>
                <c:pt idx="1410">
                  <c:v>4.25</c:v>
                </c:pt>
                <c:pt idx="1411">
                  <c:v>4.17</c:v>
                </c:pt>
                <c:pt idx="1412">
                  <c:v>4.12</c:v>
                </c:pt>
                <c:pt idx="1413">
                  <c:v>4.1399999999999997</c:v>
                </c:pt>
                <c:pt idx="1414">
                  <c:v>4.21</c:v>
                </c:pt>
                <c:pt idx="1415">
                  <c:v>4.21</c:v>
                </c:pt>
                <c:pt idx="1416">
                  <c:v>4.2300000000000004</c:v>
                </c:pt>
                <c:pt idx="1417">
                  <c:v>4.25</c:v>
                </c:pt>
                <c:pt idx="1418">
                  <c:v>4.22</c:v>
                </c:pt>
                <c:pt idx="1419">
                  <c:v>4.3099999999999996</c:v>
                </c:pt>
                <c:pt idx="1420">
                  <c:v>4.42</c:v>
                </c:pt>
                <c:pt idx="1421">
                  <c:v>4.4000000000000004</c:v>
                </c:pt>
                <c:pt idx="1422">
                  <c:v>4.38</c:v>
                </c:pt>
                <c:pt idx="1423">
                  <c:v>4.38</c:v>
                </c:pt>
                <c:pt idx="1424">
                  <c:v>4.4800000000000004</c:v>
                </c:pt>
                <c:pt idx="1425">
                  <c:v>4.32</c:v>
                </c:pt>
                <c:pt idx="1426">
                  <c:v>4.3899999999999997</c:v>
                </c:pt>
                <c:pt idx="1427">
                  <c:v>4.3499999999999996</c:v>
                </c:pt>
                <c:pt idx="1428">
                  <c:v>4.29</c:v>
                </c:pt>
                <c:pt idx="1429">
                  <c:v>4.28</c:v>
                </c:pt>
                <c:pt idx="1430">
                  <c:v>4.37</c:v>
                </c:pt>
                <c:pt idx="1431">
                  <c:v>4.3099999999999996</c:v>
                </c:pt>
                <c:pt idx="1432">
                  <c:v>4.3499999999999996</c:v>
                </c:pt>
                <c:pt idx="1433">
                  <c:v>4.37</c:v>
                </c:pt>
                <c:pt idx="1434">
                  <c:v>4.42</c:v>
                </c:pt>
                <c:pt idx="1435">
                  <c:v>4.4000000000000004</c:v>
                </c:pt>
                <c:pt idx="1436">
                  <c:v>4.47</c:v>
                </c:pt>
                <c:pt idx="1437">
                  <c:v>4.63</c:v>
                </c:pt>
                <c:pt idx="1438">
                  <c:v>4.63</c:v>
                </c:pt>
                <c:pt idx="1439">
                  <c:v>4.63</c:v>
                </c:pt>
                <c:pt idx="1440">
                  <c:v>4.63</c:v>
                </c:pt>
                <c:pt idx="1441">
                  <c:v>4.5</c:v>
                </c:pt>
                <c:pt idx="1442">
                  <c:v>4.43</c:v>
                </c:pt>
                <c:pt idx="1443">
                  <c:v>4.3899999999999997</c:v>
                </c:pt>
                <c:pt idx="1444">
                  <c:v>4.41</c:v>
                </c:pt>
                <c:pt idx="1445">
                  <c:v>4.3099999999999996</c:v>
                </c:pt>
                <c:pt idx="1446">
                  <c:v>4.16</c:v>
                </c:pt>
                <c:pt idx="1447">
                  <c:v>4.2300000000000004</c:v>
                </c:pt>
                <c:pt idx="1448">
                  <c:v>4.2300000000000004</c:v>
                </c:pt>
                <c:pt idx="1449">
                  <c:v>4.21</c:v>
                </c:pt>
                <c:pt idx="1450">
                  <c:v>4.25</c:v>
                </c:pt>
                <c:pt idx="1451">
                  <c:v>4.2699999999999996</c:v>
                </c:pt>
                <c:pt idx="1452">
                  <c:v>4.3099999999999996</c:v>
                </c:pt>
                <c:pt idx="1453">
                  <c:v>4.3099999999999996</c:v>
                </c:pt>
                <c:pt idx="1454">
                  <c:v>4.28</c:v>
                </c:pt>
                <c:pt idx="1455">
                  <c:v>4.37</c:v>
                </c:pt>
                <c:pt idx="1456">
                  <c:v>4.37</c:v>
                </c:pt>
                <c:pt idx="1457">
                  <c:v>4.4400000000000004</c:v>
                </c:pt>
                <c:pt idx="1458">
                  <c:v>4.37</c:v>
                </c:pt>
                <c:pt idx="1459">
                  <c:v>4.43</c:v>
                </c:pt>
                <c:pt idx="1460">
                  <c:v>4.37</c:v>
                </c:pt>
                <c:pt idx="1461">
                  <c:v>4.37</c:v>
                </c:pt>
                <c:pt idx="1462">
                  <c:v>4.3600000000000003</c:v>
                </c:pt>
                <c:pt idx="1463">
                  <c:v>4.51</c:v>
                </c:pt>
                <c:pt idx="1464">
                  <c:v>4.55</c:v>
                </c:pt>
                <c:pt idx="1465">
                  <c:v>4.59</c:v>
                </c:pt>
                <c:pt idx="1466">
                  <c:v>4.62</c:v>
                </c:pt>
                <c:pt idx="1467">
                  <c:v>4.71</c:v>
                </c:pt>
                <c:pt idx="1468">
                  <c:v>4.67</c:v>
                </c:pt>
                <c:pt idx="1469">
                  <c:v>4.71</c:v>
                </c:pt>
                <c:pt idx="1470">
                  <c:v>4.66</c:v>
                </c:pt>
                <c:pt idx="1471">
                  <c:v>4.47</c:v>
                </c:pt>
                <c:pt idx="1472">
                  <c:v>4.42</c:v>
                </c:pt>
                <c:pt idx="1473">
                  <c:v>4.46</c:v>
                </c:pt>
                <c:pt idx="1474">
                  <c:v>4.46</c:v>
                </c:pt>
                <c:pt idx="1475">
                  <c:v>4.4400000000000004</c:v>
                </c:pt>
                <c:pt idx="1476">
                  <c:v>4.43</c:v>
                </c:pt>
                <c:pt idx="1477">
                  <c:v>4.3499999999999996</c:v>
                </c:pt>
                <c:pt idx="1478">
                  <c:v>4.42</c:v>
                </c:pt>
                <c:pt idx="1479">
                  <c:v>4.46</c:v>
                </c:pt>
                <c:pt idx="1480">
                  <c:v>4.5</c:v>
                </c:pt>
                <c:pt idx="1481">
                  <c:v>4.53</c:v>
                </c:pt>
                <c:pt idx="1482">
                  <c:v>4.4800000000000004</c:v>
                </c:pt>
                <c:pt idx="1483">
                  <c:v>4.41</c:v>
                </c:pt>
                <c:pt idx="1484">
                  <c:v>4.4800000000000004</c:v>
                </c:pt>
                <c:pt idx="1485">
                  <c:v>4.42</c:v>
                </c:pt>
                <c:pt idx="1486">
                  <c:v>4.3499999999999996</c:v>
                </c:pt>
                <c:pt idx="1487">
                  <c:v>4.2699999999999996</c:v>
                </c:pt>
                <c:pt idx="1488">
                  <c:v>4.3499999999999996</c:v>
                </c:pt>
                <c:pt idx="1489">
                  <c:v>4.4000000000000004</c:v>
                </c:pt>
                <c:pt idx="1490">
                  <c:v>4.3499999999999996</c:v>
                </c:pt>
                <c:pt idx="1491">
                  <c:v>4.24</c:v>
                </c:pt>
                <c:pt idx="1492">
                  <c:v>4.29</c:v>
                </c:pt>
                <c:pt idx="1493">
                  <c:v>4.25</c:v>
                </c:pt>
                <c:pt idx="1494">
                  <c:v>4.32</c:v>
                </c:pt>
                <c:pt idx="1495">
                  <c:v>4.32</c:v>
                </c:pt>
                <c:pt idx="1496">
                  <c:v>4.3499999999999996</c:v>
                </c:pt>
                <c:pt idx="1497">
                  <c:v>4.55</c:v>
                </c:pt>
                <c:pt idx="1498">
                  <c:v>4.43</c:v>
                </c:pt>
                <c:pt idx="1499">
                  <c:v>4.5599999999999996</c:v>
                </c:pt>
                <c:pt idx="1500">
                  <c:v>4.59</c:v>
                </c:pt>
                <c:pt idx="1501">
                  <c:v>4.62</c:v>
                </c:pt>
                <c:pt idx="1502">
                  <c:v>4.57</c:v>
                </c:pt>
                <c:pt idx="1503">
                  <c:v>4.6100000000000003</c:v>
                </c:pt>
                <c:pt idx="1504">
                  <c:v>4.51</c:v>
                </c:pt>
                <c:pt idx="1505">
                  <c:v>4.46</c:v>
                </c:pt>
                <c:pt idx="1506">
                  <c:v>4.34</c:v>
                </c:pt>
                <c:pt idx="1507">
                  <c:v>4.42</c:v>
                </c:pt>
                <c:pt idx="1508">
                  <c:v>4.41</c:v>
                </c:pt>
                <c:pt idx="1509">
                  <c:v>4.49</c:v>
                </c:pt>
                <c:pt idx="1510">
                  <c:v>4.55</c:v>
                </c:pt>
                <c:pt idx="1511">
                  <c:v>4.67</c:v>
                </c:pt>
                <c:pt idx="1512">
                  <c:v>4.6900000000000004</c:v>
                </c:pt>
                <c:pt idx="1513">
                  <c:v>4.66</c:v>
                </c:pt>
                <c:pt idx="1514">
                  <c:v>4.63</c:v>
                </c:pt>
                <c:pt idx="1515">
                  <c:v>4.5599999999999996</c:v>
                </c:pt>
                <c:pt idx="1516">
                  <c:v>4.62</c:v>
                </c:pt>
                <c:pt idx="1517">
                  <c:v>4.6100000000000003</c:v>
                </c:pt>
                <c:pt idx="1518">
                  <c:v>4.55</c:v>
                </c:pt>
                <c:pt idx="1519">
                  <c:v>4.57</c:v>
                </c:pt>
                <c:pt idx="1520">
                  <c:v>4.59</c:v>
                </c:pt>
                <c:pt idx="1521">
                  <c:v>4.57</c:v>
                </c:pt>
                <c:pt idx="1522">
                  <c:v>4.47</c:v>
                </c:pt>
                <c:pt idx="1523">
                  <c:v>4.38</c:v>
                </c:pt>
                <c:pt idx="1524">
                  <c:v>4.45</c:v>
                </c:pt>
                <c:pt idx="1525">
                  <c:v>4.3600000000000003</c:v>
                </c:pt>
                <c:pt idx="1526">
                  <c:v>4.32</c:v>
                </c:pt>
                <c:pt idx="1527">
                  <c:v>4.3499999999999996</c:v>
                </c:pt>
                <c:pt idx="1528">
                  <c:v>4.4000000000000004</c:v>
                </c:pt>
                <c:pt idx="1529">
                  <c:v>4.41</c:v>
                </c:pt>
                <c:pt idx="1530">
                  <c:v>4.24</c:v>
                </c:pt>
                <c:pt idx="1531">
                  <c:v>4.28</c:v>
                </c:pt>
                <c:pt idx="1532">
                  <c:v>4.1900000000000004</c:v>
                </c:pt>
                <c:pt idx="1533">
                  <c:v>4.18</c:v>
                </c:pt>
                <c:pt idx="1534">
                  <c:v>4.2</c:v>
                </c:pt>
                <c:pt idx="1535">
                  <c:v>4.18</c:v>
                </c:pt>
                <c:pt idx="1536">
                  <c:v>4.24</c:v>
                </c:pt>
                <c:pt idx="1537">
                  <c:v>4.3099999999999996</c:v>
                </c:pt>
                <c:pt idx="1538">
                  <c:v>4.3600000000000003</c:v>
                </c:pt>
                <c:pt idx="1539">
                  <c:v>4.29</c:v>
                </c:pt>
                <c:pt idx="1540">
                  <c:v>4.24</c:v>
                </c:pt>
                <c:pt idx="1541">
                  <c:v>4.17</c:v>
                </c:pt>
                <c:pt idx="1542">
                  <c:v>4.25</c:v>
                </c:pt>
                <c:pt idx="1543">
                  <c:v>4.24</c:v>
                </c:pt>
                <c:pt idx="1544">
                  <c:v>4.26</c:v>
                </c:pt>
                <c:pt idx="1545">
                  <c:v>4.0999999999999996</c:v>
                </c:pt>
                <c:pt idx="1546">
                  <c:v>4.04</c:v>
                </c:pt>
                <c:pt idx="1547">
                  <c:v>4.05</c:v>
                </c:pt>
                <c:pt idx="1548">
                  <c:v>4.0999999999999996</c:v>
                </c:pt>
                <c:pt idx="1549">
                  <c:v>4.16</c:v>
                </c:pt>
                <c:pt idx="1550">
                  <c:v>4.04</c:v>
                </c:pt>
                <c:pt idx="1551">
                  <c:v>3.91</c:v>
                </c:pt>
                <c:pt idx="1552">
                  <c:v>3.86</c:v>
                </c:pt>
                <c:pt idx="1553">
                  <c:v>3.78</c:v>
                </c:pt>
                <c:pt idx="1554">
                  <c:v>3.77</c:v>
                </c:pt>
                <c:pt idx="1555">
                  <c:v>3.71</c:v>
                </c:pt>
                <c:pt idx="1556">
                  <c:v>3.61</c:v>
                </c:pt>
                <c:pt idx="1557">
                  <c:v>3.59</c:v>
                </c:pt>
                <c:pt idx="1558">
                  <c:v>3.57</c:v>
                </c:pt>
                <c:pt idx="1559">
                  <c:v>3.57</c:v>
                </c:pt>
                <c:pt idx="1560">
                  <c:v>3.57</c:v>
                </c:pt>
                <c:pt idx="1561">
                  <c:v>3.51</c:v>
                </c:pt>
                <c:pt idx="1562">
                  <c:v>3.54</c:v>
                </c:pt>
                <c:pt idx="1563">
                  <c:v>3.6</c:v>
                </c:pt>
                <c:pt idx="1564">
                  <c:v>3.6</c:v>
                </c:pt>
                <c:pt idx="1565">
                  <c:v>3.7</c:v>
                </c:pt>
                <c:pt idx="1566">
                  <c:v>3.74</c:v>
                </c:pt>
                <c:pt idx="1567">
                  <c:v>3.78</c:v>
                </c:pt>
                <c:pt idx="1568">
                  <c:v>3.83</c:v>
                </c:pt>
                <c:pt idx="1569">
                  <c:v>3.85</c:v>
                </c:pt>
                <c:pt idx="1570">
                  <c:v>3.86</c:v>
                </c:pt>
                <c:pt idx="1571">
                  <c:v>3.88</c:v>
                </c:pt>
                <c:pt idx="1572">
                  <c:v>3.91</c:v>
                </c:pt>
                <c:pt idx="1573">
                  <c:v>3.87</c:v>
                </c:pt>
                <c:pt idx="1574">
                  <c:v>3.88</c:v>
                </c:pt>
                <c:pt idx="1575">
                  <c:v>3.89</c:v>
                </c:pt>
                <c:pt idx="1576">
                  <c:v>4.04</c:v>
                </c:pt>
                <c:pt idx="1577">
                  <c:v>4.01</c:v>
                </c:pt>
                <c:pt idx="1578">
                  <c:v>3.99</c:v>
                </c:pt>
                <c:pt idx="1579">
                  <c:v>3.96</c:v>
                </c:pt>
                <c:pt idx="1580">
                  <c:v>4.0599999999999996</c:v>
                </c:pt>
                <c:pt idx="1581">
                  <c:v>4.08</c:v>
                </c:pt>
                <c:pt idx="1582">
                  <c:v>4.04</c:v>
                </c:pt>
                <c:pt idx="1583">
                  <c:v>4.05</c:v>
                </c:pt>
                <c:pt idx="1584">
                  <c:v>3.98</c:v>
                </c:pt>
                <c:pt idx="1585">
                  <c:v>3.99</c:v>
                </c:pt>
                <c:pt idx="1586">
                  <c:v>3.87</c:v>
                </c:pt>
                <c:pt idx="1587">
                  <c:v>3.81</c:v>
                </c:pt>
                <c:pt idx="1588">
                  <c:v>3.98</c:v>
                </c:pt>
                <c:pt idx="1589">
                  <c:v>4.1100000000000003</c:v>
                </c:pt>
                <c:pt idx="1590">
                  <c:v>4.0199999999999996</c:v>
                </c:pt>
                <c:pt idx="1591">
                  <c:v>4.03</c:v>
                </c:pt>
                <c:pt idx="1592">
                  <c:v>4.1100000000000003</c:v>
                </c:pt>
                <c:pt idx="1593">
                  <c:v>4.16</c:v>
                </c:pt>
                <c:pt idx="1594">
                  <c:v>4.1399999999999997</c:v>
                </c:pt>
                <c:pt idx="1595">
                  <c:v>4.21</c:v>
                </c:pt>
                <c:pt idx="1596">
                  <c:v>4.12</c:v>
                </c:pt>
                <c:pt idx="1597">
                  <c:v>4.12</c:v>
                </c:pt>
                <c:pt idx="1598">
                  <c:v>4.17</c:v>
                </c:pt>
                <c:pt idx="1599">
                  <c:v>4.18</c:v>
                </c:pt>
                <c:pt idx="1600">
                  <c:v>4.12</c:v>
                </c:pt>
                <c:pt idx="1601">
                  <c:v>4.16</c:v>
                </c:pt>
                <c:pt idx="1602">
                  <c:v>4.1500000000000004</c:v>
                </c:pt>
                <c:pt idx="1603">
                  <c:v>4.12</c:v>
                </c:pt>
                <c:pt idx="1604">
                  <c:v>4.1399999999999997</c:v>
                </c:pt>
                <c:pt idx="1605">
                  <c:v>4.17</c:v>
                </c:pt>
                <c:pt idx="1606">
                  <c:v>4.18</c:v>
                </c:pt>
                <c:pt idx="1607">
                  <c:v>4.1100000000000003</c:v>
                </c:pt>
                <c:pt idx="1608">
                  <c:v>4.09</c:v>
                </c:pt>
                <c:pt idx="1609">
                  <c:v>4.13</c:v>
                </c:pt>
                <c:pt idx="1610">
                  <c:v>4</c:v>
                </c:pt>
                <c:pt idx="1611">
                  <c:v>4</c:v>
                </c:pt>
                <c:pt idx="1612">
                  <c:v>4</c:v>
                </c:pt>
                <c:pt idx="1613">
                  <c:v>3.98</c:v>
                </c:pt>
                <c:pt idx="1614">
                  <c:v>3.97</c:v>
                </c:pt>
                <c:pt idx="1615">
                  <c:v>3.94</c:v>
                </c:pt>
                <c:pt idx="1616">
                  <c:v>4</c:v>
                </c:pt>
                <c:pt idx="1617">
                  <c:v>4.08</c:v>
                </c:pt>
                <c:pt idx="1618">
                  <c:v>4.09</c:v>
                </c:pt>
                <c:pt idx="1619">
                  <c:v>4.08</c:v>
                </c:pt>
                <c:pt idx="1620">
                  <c:v>4.04</c:v>
                </c:pt>
                <c:pt idx="1621">
                  <c:v>4</c:v>
                </c:pt>
                <c:pt idx="1622">
                  <c:v>3.98</c:v>
                </c:pt>
                <c:pt idx="1623">
                  <c:v>3.92</c:v>
                </c:pt>
                <c:pt idx="1624">
                  <c:v>3.98</c:v>
                </c:pt>
                <c:pt idx="1625">
                  <c:v>3.96</c:v>
                </c:pt>
                <c:pt idx="1626">
                  <c:v>3.93</c:v>
                </c:pt>
                <c:pt idx="1627">
                  <c:v>3.92</c:v>
                </c:pt>
                <c:pt idx="1628">
                  <c:v>3.92</c:v>
                </c:pt>
                <c:pt idx="1629">
                  <c:v>3.92</c:v>
                </c:pt>
                <c:pt idx="1630">
                  <c:v>4.08</c:v>
                </c:pt>
                <c:pt idx="1631">
                  <c:v>4.07</c:v>
                </c:pt>
                <c:pt idx="1632">
                  <c:v>4.01</c:v>
                </c:pt>
                <c:pt idx="1633">
                  <c:v>4.07</c:v>
                </c:pt>
                <c:pt idx="1634">
                  <c:v>4.09</c:v>
                </c:pt>
                <c:pt idx="1635">
                  <c:v>4.0199999999999996</c:v>
                </c:pt>
                <c:pt idx="1636">
                  <c:v>4.13</c:v>
                </c:pt>
                <c:pt idx="1637">
                  <c:v>4.21</c:v>
                </c:pt>
                <c:pt idx="1638">
                  <c:v>4.12</c:v>
                </c:pt>
                <c:pt idx="1639">
                  <c:v>4.2300000000000004</c:v>
                </c:pt>
                <c:pt idx="1640">
                  <c:v>4.29</c:v>
                </c:pt>
                <c:pt idx="1641">
                  <c:v>4.2699999999999996</c:v>
                </c:pt>
                <c:pt idx="1642">
                  <c:v>4.25</c:v>
                </c:pt>
                <c:pt idx="1643">
                  <c:v>4.24</c:v>
                </c:pt>
                <c:pt idx="1644">
                  <c:v>4.2</c:v>
                </c:pt>
                <c:pt idx="1645">
                  <c:v>4.25</c:v>
                </c:pt>
                <c:pt idx="1646">
                  <c:v>4.32</c:v>
                </c:pt>
                <c:pt idx="1647">
                  <c:v>4.3499999999999996</c:v>
                </c:pt>
                <c:pt idx="1648">
                  <c:v>4.3099999999999996</c:v>
                </c:pt>
                <c:pt idx="1649">
                  <c:v>4.28</c:v>
                </c:pt>
                <c:pt idx="1650">
                  <c:v>4.3499999999999996</c:v>
                </c:pt>
                <c:pt idx="1651">
                  <c:v>4.3600000000000003</c:v>
                </c:pt>
                <c:pt idx="1652">
                  <c:v>4.29</c:v>
                </c:pt>
                <c:pt idx="1653">
                  <c:v>4.2300000000000004</c:v>
                </c:pt>
                <c:pt idx="1654">
                  <c:v>4.2300000000000004</c:v>
                </c:pt>
                <c:pt idx="1655">
                  <c:v>4.12</c:v>
                </c:pt>
                <c:pt idx="1656">
                  <c:v>4.13</c:v>
                </c:pt>
                <c:pt idx="1657">
                  <c:v>4.1399999999999997</c:v>
                </c:pt>
                <c:pt idx="1658">
                  <c:v>4.16</c:v>
                </c:pt>
                <c:pt idx="1659">
                  <c:v>4.16</c:v>
                </c:pt>
                <c:pt idx="1660">
                  <c:v>4.16</c:v>
                </c:pt>
                <c:pt idx="1661">
                  <c:v>4.05</c:v>
                </c:pt>
                <c:pt idx="1662">
                  <c:v>4.05</c:v>
                </c:pt>
                <c:pt idx="1663">
                  <c:v>4.12</c:v>
                </c:pt>
                <c:pt idx="1664">
                  <c:v>4.16</c:v>
                </c:pt>
                <c:pt idx="1665">
                  <c:v>4.1399999999999997</c:v>
                </c:pt>
                <c:pt idx="1666">
                  <c:v>4.22</c:v>
                </c:pt>
                <c:pt idx="1667">
                  <c:v>4.26</c:v>
                </c:pt>
                <c:pt idx="1668">
                  <c:v>4.25</c:v>
                </c:pt>
                <c:pt idx="1669">
                  <c:v>4.25</c:v>
                </c:pt>
                <c:pt idx="1670">
                  <c:v>4.26</c:v>
                </c:pt>
                <c:pt idx="1671">
                  <c:v>4.3899999999999997</c:v>
                </c:pt>
                <c:pt idx="1672">
                  <c:v>4.3499999999999996</c:v>
                </c:pt>
                <c:pt idx="1673">
                  <c:v>4.33</c:v>
                </c:pt>
                <c:pt idx="1674">
                  <c:v>4.26</c:v>
                </c:pt>
                <c:pt idx="1675">
                  <c:v>4.21</c:v>
                </c:pt>
                <c:pt idx="1676">
                  <c:v>4.21</c:v>
                </c:pt>
                <c:pt idx="1677">
                  <c:v>4.2</c:v>
                </c:pt>
                <c:pt idx="1678">
                  <c:v>4.28</c:v>
                </c:pt>
                <c:pt idx="1679">
                  <c:v>4.3499999999999996</c:v>
                </c:pt>
                <c:pt idx="1680">
                  <c:v>4.29</c:v>
                </c:pt>
                <c:pt idx="1681">
                  <c:v>4.16</c:v>
                </c:pt>
                <c:pt idx="1682">
                  <c:v>4.17</c:v>
                </c:pt>
                <c:pt idx="1683">
                  <c:v>4.07</c:v>
                </c:pt>
                <c:pt idx="1684">
                  <c:v>4.13</c:v>
                </c:pt>
                <c:pt idx="1685">
                  <c:v>4.09</c:v>
                </c:pt>
                <c:pt idx="1686">
                  <c:v>4.0999999999999996</c:v>
                </c:pt>
                <c:pt idx="1687">
                  <c:v>4.08</c:v>
                </c:pt>
                <c:pt idx="1688">
                  <c:v>4.0999999999999996</c:v>
                </c:pt>
                <c:pt idx="1689">
                  <c:v>4.0999999999999996</c:v>
                </c:pt>
                <c:pt idx="1690">
                  <c:v>4.09</c:v>
                </c:pt>
                <c:pt idx="1691">
                  <c:v>4.16</c:v>
                </c:pt>
                <c:pt idx="1692">
                  <c:v>4.16</c:v>
                </c:pt>
                <c:pt idx="1693">
                  <c:v>4.21</c:v>
                </c:pt>
                <c:pt idx="1694">
                  <c:v>4.3</c:v>
                </c:pt>
                <c:pt idx="1695">
                  <c:v>4.28</c:v>
                </c:pt>
                <c:pt idx="1696">
                  <c:v>4.1900000000000004</c:v>
                </c:pt>
                <c:pt idx="1697">
                  <c:v>4.2300000000000004</c:v>
                </c:pt>
                <c:pt idx="1698">
                  <c:v>4.16</c:v>
                </c:pt>
                <c:pt idx="1699">
                  <c:v>4.1399999999999997</c:v>
                </c:pt>
                <c:pt idx="1700">
                  <c:v>4.2</c:v>
                </c:pt>
                <c:pt idx="1701">
                  <c:v>4.16</c:v>
                </c:pt>
                <c:pt idx="1702">
                  <c:v>4.0999999999999996</c:v>
                </c:pt>
              </c:numCache>
            </c:numRef>
          </c:val>
          <c:smooth val="0"/>
          <c:extLst>
            <c:ext xmlns:c16="http://schemas.microsoft.com/office/drawing/2014/chart" uri="{C3380CC4-5D6E-409C-BE32-E72D297353CC}">
              <c16:uniqueId val="{00000001-B7C2-4DA8-9E62-F4E45D0D7C69}"/>
            </c:ext>
          </c:extLst>
        </c:ser>
        <c:ser>
          <c:idx val="2"/>
          <c:order val="2"/>
          <c:tx>
            <c:strRef>
              <c:f>'10Yr_Gov'!$M$4</c:f>
              <c:strCache>
                <c:ptCount val="1"/>
                <c:pt idx="0">
                  <c:v>Germany</c:v>
                </c:pt>
              </c:strCache>
            </c:strRef>
          </c:tx>
          <c:spPr>
            <a:ln w="25400" cap="rnd" cmpd="sng" algn="ctr">
              <a:solidFill>
                <a:srgbClr val="17E88F"/>
              </a:solidFill>
              <a:prstDash val="solid"/>
              <a:round/>
              <a:headEnd type="none" w="med" len="med"/>
              <a:tailEnd type="none" w="med" len="med"/>
            </a:ln>
          </c:spPr>
          <c:marker>
            <c:symbol val="none"/>
          </c:marker>
          <c:cat>
            <c:numRef>
              <c:f>'10Yr_Gov'!$J$5:$J$1707</c:f>
              <c:numCache>
                <c:formatCode>m/d/yyyy</c:formatCode>
                <c:ptCount val="1703"/>
                <c:pt idx="0">
                  <c:v>43102</c:v>
                </c:pt>
                <c:pt idx="1">
                  <c:v>43103</c:v>
                </c:pt>
                <c:pt idx="2">
                  <c:v>43104</c:v>
                </c:pt>
                <c:pt idx="3">
                  <c:v>43105</c:v>
                </c:pt>
                <c:pt idx="4">
                  <c:v>43108</c:v>
                </c:pt>
                <c:pt idx="5">
                  <c:v>43109</c:v>
                </c:pt>
                <c:pt idx="6">
                  <c:v>43110</c:v>
                </c:pt>
                <c:pt idx="7">
                  <c:v>43111</c:v>
                </c:pt>
                <c:pt idx="8">
                  <c:v>43112</c:v>
                </c:pt>
                <c:pt idx="9">
                  <c:v>43115</c:v>
                </c:pt>
                <c:pt idx="10">
                  <c:v>43116</c:v>
                </c:pt>
                <c:pt idx="11">
                  <c:v>43117</c:v>
                </c:pt>
                <c:pt idx="12">
                  <c:v>43118</c:v>
                </c:pt>
                <c:pt idx="13">
                  <c:v>43119</c:v>
                </c:pt>
                <c:pt idx="14">
                  <c:v>43122</c:v>
                </c:pt>
                <c:pt idx="15">
                  <c:v>43123</c:v>
                </c:pt>
                <c:pt idx="16">
                  <c:v>43124</c:v>
                </c:pt>
                <c:pt idx="17">
                  <c:v>43125</c:v>
                </c:pt>
                <c:pt idx="18">
                  <c:v>43126</c:v>
                </c:pt>
                <c:pt idx="19">
                  <c:v>43129</c:v>
                </c:pt>
                <c:pt idx="20">
                  <c:v>43130</c:v>
                </c:pt>
                <c:pt idx="21">
                  <c:v>43131</c:v>
                </c:pt>
                <c:pt idx="22">
                  <c:v>43132</c:v>
                </c:pt>
                <c:pt idx="23">
                  <c:v>43133</c:v>
                </c:pt>
                <c:pt idx="24">
                  <c:v>43136</c:v>
                </c:pt>
                <c:pt idx="25">
                  <c:v>43137</c:v>
                </c:pt>
                <c:pt idx="26">
                  <c:v>43138</c:v>
                </c:pt>
                <c:pt idx="27">
                  <c:v>43139</c:v>
                </c:pt>
                <c:pt idx="28">
                  <c:v>43140</c:v>
                </c:pt>
                <c:pt idx="29">
                  <c:v>43143</c:v>
                </c:pt>
                <c:pt idx="30">
                  <c:v>43144</c:v>
                </c:pt>
                <c:pt idx="31">
                  <c:v>43145</c:v>
                </c:pt>
                <c:pt idx="32">
                  <c:v>43146</c:v>
                </c:pt>
                <c:pt idx="33">
                  <c:v>43147</c:v>
                </c:pt>
                <c:pt idx="34">
                  <c:v>43150</c:v>
                </c:pt>
                <c:pt idx="35">
                  <c:v>43151</c:v>
                </c:pt>
                <c:pt idx="36">
                  <c:v>43152</c:v>
                </c:pt>
                <c:pt idx="37">
                  <c:v>43153</c:v>
                </c:pt>
                <c:pt idx="38">
                  <c:v>43154</c:v>
                </c:pt>
                <c:pt idx="39">
                  <c:v>43157</c:v>
                </c:pt>
                <c:pt idx="40">
                  <c:v>43158</c:v>
                </c:pt>
                <c:pt idx="41">
                  <c:v>43159</c:v>
                </c:pt>
                <c:pt idx="42">
                  <c:v>43160</c:v>
                </c:pt>
                <c:pt idx="43">
                  <c:v>43161</c:v>
                </c:pt>
                <c:pt idx="44">
                  <c:v>43164</c:v>
                </c:pt>
                <c:pt idx="45">
                  <c:v>43165</c:v>
                </c:pt>
                <c:pt idx="46">
                  <c:v>43166</c:v>
                </c:pt>
                <c:pt idx="47">
                  <c:v>43167</c:v>
                </c:pt>
                <c:pt idx="48">
                  <c:v>43168</c:v>
                </c:pt>
                <c:pt idx="49">
                  <c:v>43171</c:v>
                </c:pt>
                <c:pt idx="50">
                  <c:v>43172</c:v>
                </c:pt>
                <c:pt idx="51">
                  <c:v>43173</c:v>
                </c:pt>
                <c:pt idx="52">
                  <c:v>43174</c:v>
                </c:pt>
                <c:pt idx="53">
                  <c:v>43175</c:v>
                </c:pt>
                <c:pt idx="54">
                  <c:v>43178</c:v>
                </c:pt>
                <c:pt idx="55">
                  <c:v>43179</c:v>
                </c:pt>
                <c:pt idx="56">
                  <c:v>43180</c:v>
                </c:pt>
                <c:pt idx="57">
                  <c:v>43181</c:v>
                </c:pt>
                <c:pt idx="58">
                  <c:v>43182</c:v>
                </c:pt>
                <c:pt idx="59">
                  <c:v>43185</c:v>
                </c:pt>
                <c:pt idx="60">
                  <c:v>43186</c:v>
                </c:pt>
                <c:pt idx="61">
                  <c:v>43187</c:v>
                </c:pt>
                <c:pt idx="62">
                  <c:v>43188</c:v>
                </c:pt>
                <c:pt idx="63">
                  <c:v>43189</c:v>
                </c:pt>
                <c:pt idx="64">
                  <c:v>43192</c:v>
                </c:pt>
                <c:pt idx="65">
                  <c:v>43193</c:v>
                </c:pt>
                <c:pt idx="66">
                  <c:v>43194</c:v>
                </c:pt>
                <c:pt idx="67">
                  <c:v>43195</c:v>
                </c:pt>
                <c:pt idx="68">
                  <c:v>43196</c:v>
                </c:pt>
                <c:pt idx="69">
                  <c:v>43199</c:v>
                </c:pt>
                <c:pt idx="70">
                  <c:v>43200</c:v>
                </c:pt>
                <c:pt idx="71">
                  <c:v>43201</c:v>
                </c:pt>
                <c:pt idx="72">
                  <c:v>43202</c:v>
                </c:pt>
                <c:pt idx="73">
                  <c:v>43203</c:v>
                </c:pt>
                <c:pt idx="74">
                  <c:v>43206</c:v>
                </c:pt>
                <c:pt idx="75">
                  <c:v>43207</c:v>
                </c:pt>
                <c:pt idx="76">
                  <c:v>43208</c:v>
                </c:pt>
                <c:pt idx="77">
                  <c:v>43209</c:v>
                </c:pt>
                <c:pt idx="78">
                  <c:v>43210</c:v>
                </c:pt>
                <c:pt idx="79">
                  <c:v>43213</c:v>
                </c:pt>
                <c:pt idx="80">
                  <c:v>43214</c:v>
                </c:pt>
                <c:pt idx="81">
                  <c:v>43215</c:v>
                </c:pt>
                <c:pt idx="82">
                  <c:v>43216</c:v>
                </c:pt>
                <c:pt idx="83">
                  <c:v>43217</c:v>
                </c:pt>
                <c:pt idx="84">
                  <c:v>43220</c:v>
                </c:pt>
                <c:pt idx="85">
                  <c:v>43221</c:v>
                </c:pt>
                <c:pt idx="86">
                  <c:v>43222</c:v>
                </c:pt>
                <c:pt idx="87">
                  <c:v>43223</c:v>
                </c:pt>
                <c:pt idx="88">
                  <c:v>43224</c:v>
                </c:pt>
                <c:pt idx="89">
                  <c:v>43227</c:v>
                </c:pt>
                <c:pt idx="90">
                  <c:v>43228</c:v>
                </c:pt>
                <c:pt idx="91">
                  <c:v>43229</c:v>
                </c:pt>
                <c:pt idx="92">
                  <c:v>43230</c:v>
                </c:pt>
                <c:pt idx="93">
                  <c:v>43231</c:v>
                </c:pt>
                <c:pt idx="94">
                  <c:v>43234</c:v>
                </c:pt>
                <c:pt idx="95">
                  <c:v>43235</c:v>
                </c:pt>
                <c:pt idx="96">
                  <c:v>43236</c:v>
                </c:pt>
                <c:pt idx="97">
                  <c:v>43237</c:v>
                </c:pt>
                <c:pt idx="98">
                  <c:v>43238</c:v>
                </c:pt>
                <c:pt idx="99">
                  <c:v>43241</c:v>
                </c:pt>
                <c:pt idx="100">
                  <c:v>43242</c:v>
                </c:pt>
                <c:pt idx="101">
                  <c:v>43243</c:v>
                </c:pt>
                <c:pt idx="102">
                  <c:v>43244</c:v>
                </c:pt>
                <c:pt idx="103">
                  <c:v>43245</c:v>
                </c:pt>
                <c:pt idx="104">
                  <c:v>43248</c:v>
                </c:pt>
                <c:pt idx="105">
                  <c:v>43249</c:v>
                </c:pt>
                <c:pt idx="106">
                  <c:v>43250</c:v>
                </c:pt>
                <c:pt idx="107">
                  <c:v>43251</c:v>
                </c:pt>
                <c:pt idx="108">
                  <c:v>43252</c:v>
                </c:pt>
                <c:pt idx="109">
                  <c:v>43255</c:v>
                </c:pt>
                <c:pt idx="110">
                  <c:v>43256</c:v>
                </c:pt>
                <c:pt idx="111">
                  <c:v>43257</c:v>
                </c:pt>
                <c:pt idx="112">
                  <c:v>43258</c:v>
                </c:pt>
                <c:pt idx="113">
                  <c:v>43259</c:v>
                </c:pt>
                <c:pt idx="114">
                  <c:v>43262</c:v>
                </c:pt>
                <c:pt idx="115">
                  <c:v>43263</c:v>
                </c:pt>
                <c:pt idx="116">
                  <c:v>43264</c:v>
                </c:pt>
                <c:pt idx="117">
                  <c:v>43265</c:v>
                </c:pt>
                <c:pt idx="118">
                  <c:v>43266</c:v>
                </c:pt>
                <c:pt idx="119">
                  <c:v>43269</c:v>
                </c:pt>
                <c:pt idx="120">
                  <c:v>43270</c:v>
                </c:pt>
                <c:pt idx="121">
                  <c:v>43271</c:v>
                </c:pt>
                <c:pt idx="122">
                  <c:v>43272</c:v>
                </c:pt>
                <c:pt idx="123">
                  <c:v>43273</c:v>
                </c:pt>
                <c:pt idx="124">
                  <c:v>43276</c:v>
                </c:pt>
                <c:pt idx="125">
                  <c:v>43277</c:v>
                </c:pt>
                <c:pt idx="126">
                  <c:v>43278</c:v>
                </c:pt>
                <c:pt idx="127">
                  <c:v>43279</c:v>
                </c:pt>
                <c:pt idx="128">
                  <c:v>43280</c:v>
                </c:pt>
                <c:pt idx="129">
                  <c:v>43283</c:v>
                </c:pt>
                <c:pt idx="130">
                  <c:v>43284</c:v>
                </c:pt>
                <c:pt idx="131">
                  <c:v>43285</c:v>
                </c:pt>
                <c:pt idx="132">
                  <c:v>43286</c:v>
                </c:pt>
                <c:pt idx="133">
                  <c:v>43287</c:v>
                </c:pt>
                <c:pt idx="134">
                  <c:v>43290</c:v>
                </c:pt>
                <c:pt idx="135">
                  <c:v>43291</c:v>
                </c:pt>
                <c:pt idx="136">
                  <c:v>43292</c:v>
                </c:pt>
                <c:pt idx="137">
                  <c:v>43293</c:v>
                </c:pt>
                <c:pt idx="138">
                  <c:v>43294</c:v>
                </c:pt>
                <c:pt idx="139">
                  <c:v>43297</c:v>
                </c:pt>
                <c:pt idx="140">
                  <c:v>43298</c:v>
                </c:pt>
                <c:pt idx="141">
                  <c:v>43299</c:v>
                </c:pt>
                <c:pt idx="142">
                  <c:v>43300</c:v>
                </c:pt>
                <c:pt idx="143">
                  <c:v>43301</c:v>
                </c:pt>
                <c:pt idx="144">
                  <c:v>43304</c:v>
                </c:pt>
                <c:pt idx="145">
                  <c:v>43305</c:v>
                </c:pt>
                <c:pt idx="146">
                  <c:v>43306</c:v>
                </c:pt>
                <c:pt idx="147">
                  <c:v>43307</c:v>
                </c:pt>
                <c:pt idx="148">
                  <c:v>43308</c:v>
                </c:pt>
                <c:pt idx="149">
                  <c:v>43311</c:v>
                </c:pt>
                <c:pt idx="150">
                  <c:v>43312</c:v>
                </c:pt>
                <c:pt idx="151">
                  <c:v>43313</c:v>
                </c:pt>
                <c:pt idx="152">
                  <c:v>43314</c:v>
                </c:pt>
                <c:pt idx="153">
                  <c:v>43315</c:v>
                </c:pt>
                <c:pt idx="154">
                  <c:v>43318</c:v>
                </c:pt>
                <c:pt idx="155">
                  <c:v>43319</c:v>
                </c:pt>
                <c:pt idx="156">
                  <c:v>43320</c:v>
                </c:pt>
                <c:pt idx="157">
                  <c:v>43321</c:v>
                </c:pt>
                <c:pt idx="158">
                  <c:v>43322</c:v>
                </c:pt>
                <c:pt idx="159">
                  <c:v>43325</c:v>
                </c:pt>
                <c:pt idx="160">
                  <c:v>43326</c:v>
                </c:pt>
                <c:pt idx="161">
                  <c:v>43327</c:v>
                </c:pt>
                <c:pt idx="162">
                  <c:v>43328</c:v>
                </c:pt>
                <c:pt idx="163">
                  <c:v>43329</c:v>
                </c:pt>
                <c:pt idx="164">
                  <c:v>43332</c:v>
                </c:pt>
                <c:pt idx="165">
                  <c:v>43333</c:v>
                </c:pt>
                <c:pt idx="166">
                  <c:v>43334</c:v>
                </c:pt>
                <c:pt idx="167">
                  <c:v>43335</c:v>
                </c:pt>
                <c:pt idx="168">
                  <c:v>43336</c:v>
                </c:pt>
                <c:pt idx="169">
                  <c:v>43339</c:v>
                </c:pt>
                <c:pt idx="170">
                  <c:v>43340</c:v>
                </c:pt>
                <c:pt idx="171">
                  <c:v>43341</c:v>
                </c:pt>
                <c:pt idx="172">
                  <c:v>43342</c:v>
                </c:pt>
                <c:pt idx="173">
                  <c:v>43343</c:v>
                </c:pt>
                <c:pt idx="174">
                  <c:v>43346</c:v>
                </c:pt>
                <c:pt idx="175">
                  <c:v>43347</c:v>
                </c:pt>
                <c:pt idx="176">
                  <c:v>43348</c:v>
                </c:pt>
                <c:pt idx="177">
                  <c:v>43349</c:v>
                </c:pt>
                <c:pt idx="178">
                  <c:v>43350</c:v>
                </c:pt>
                <c:pt idx="179">
                  <c:v>43353</c:v>
                </c:pt>
                <c:pt idx="180">
                  <c:v>43354</c:v>
                </c:pt>
                <c:pt idx="181">
                  <c:v>43355</c:v>
                </c:pt>
                <c:pt idx="182">
                  <c:v>43356</c:v>
                </c:pt>
                <c:pt idx="183">
                  <c:v>43357</c:v>
                </c:pt>
                <c:pt idx="184">
                  <c:v>43360</c:v>
                </c:pt>
                <c:pt idx="185">
                  <c:v>43361</c:v>
                </c:pt>
                <c:pt idx="186">
                  <c:v>43362</c:v>
                </c:pt>
                <c:pt idx="187">
                  <c:v>43363</c:v>
                </c:pt>
                <c:pt idx="188">
                  <c:v>43364</c:v>
                </c:pt>
                <c:pt idx="189">
                  <c:v>43367</c:v>
                </c:pt>
                <c:pt idx="190">
                  <c:v>43368</c:v>
                </c:pt>
                <c:pt idx="191">
                  <c:v>43369</c:v>
                </c:pt>
                <c:pt idx="192">
                  <c:v>43370</c:v>
                </c:pt>
                <c:pt idx="193">
                  <c:v>43371</c:v>
                </c:pt>
                <c:pt idx="194">
                  <c:v>43374</c:v>
                </c:pt>
                <c:pt idx="195">
                  <c:v>43375</c:v>
                </c:pt>
                <c:pt idx="196">
                  <c:v>43376</c:v>
                </c:pt>
                <c:pt idx="197">
                  <c:v>43377</c:v>
                </c:pt>
                <c:pt idx="198">
                  <c:v>43378</c:v>
                </c:pt>
                <c:pt idx="199">
                  <c:v>43381</c:v>
                </c:pt>
                <c:pt idx="200">
                  <c:v>43382</c:v>
                </c:pt>
                <c:pt idx="201">
                  <c:v>43383</c:v>
                </c:pt>
                <c:pt idx="202">
                  <c:v>43384</c:v>
                </c:pt>
                <c:pt idx="203">
                  <c:v>43385</c:v>
                </c:pt>
                <c:pt idx="204">
                  <c:v>43388</c:v>
                </c:pt>
                <c:pt idx="205">
                  <c:v>43389</c:v>
                </c:pt>
                <c:pt idx="206">
                  <c:v>43390</c:v>
                </c:pt>
                <c:pt idx="207">
                  <c:v>43391</c:v>
                </c:pt>
                <c:pt idx="208">
                  <c:v>43392</c:v>
                </c:pt>
                <c:pt idx="209">
                  <c:v>43395</c:v>
                </c:pt>
                <c:pt idx="210">
                  <c:v>43396</c:v>
                </c:pt>
                <c:pt idx="211">
                  <c:v>43397</c:v>
                </c:pt>
                <c:pt idx="212">
                  <c:v>43398</c:v>
                </c:pt>
                <c:pt idx="213">
                  <c:v>43399</c:v>
                </c:pt>
                <c:pt idx="214">
                  <c:v>43402</c:v>
                </c:pt>
                <c:pt idx="215">
                  <c:v>43403</c:v>
                </c:pt>
                <c:pt idx="216">
                  <c:v>43404</c:v>
                </c:pt>
                <c:pt idx="217">
                  <c:v>43405</c:v>
                </c:pt>
                <c:pt idx="218">
                  <c:v>43406</c:v>
                </c:pt>
                <c:pt idx="219">
                  <c:v>43409</c:v>
                </c:pt>
                <c:pt idx="220">
                  <c:v>43410</c:v>
                </c:pt>
                <c:pt idx="221">
                  <c:v>43411</c:v>
                </c:pt>
                <c:pt idx="222">
                  <c:v>43412</c:v>
                </c:pt>
                <c:pt idx="223">
                  <c:v>43413</c:v>
                </c:pt>
                <c:pt idx="224">
                  <c:v>43416</c:v>
                </c:pt>
                <c:pt idx="225">
                  <c:v>43417</c:v>
                </c:pt>
                <c:pt idx="226">
                  <c:v>43418</c:v>
                </c:pt>
                <c:pt idx="227">
                  <c:v>43419</c:v>
                </c:pt>
                <c:pt idx="228">
                  <c:v>43420</c:v>
                </c:pt>
                <c:pt idx="229">
                  <c:v>43423</c:v>
                </c:pt>
                <c:pt idx="230">
                  <c:v>43424</c:v>
                </c:pt>
                <c:pt idx="231">
                  <c:v>43425</c:v>
                </c:pt>
                <c:pt idx="232">
                  <c:v>43426</c:v>
                </c:pt>
                <c:pt idx="233">
                  <c:v>43427</c:v>
                </c:pt>
                <c:pt idx="234">
                  <c:v>43430</c:v>
                </c:pt>
                <c:pt idx="235">
                  <c:v>43431</c:v>
                </c:pt>
                <c:pt idx="236">
                  <c:v>43432</c:v>
                </c:pt>
                <c:pt idx="237">
                  <c:v>43433</c:v>
                </c:pt>
                <c:pt idx="238">
                  <c:v>43434</c:v>
                </c:pt>
                <c:pt idx="239">
                  <c:v>43437</c:v>
                </c:pt>
                <c:pt idx="240">
                  <c:v>43438</c:v>
                </c:pt>
                <c:pt idx="241">
                  <c:v>43439</c:v>
                </c:pt>
                <c:pt idx="242">
                  <c:v>43440</c:v>
                </c:pt>
                <c:pt idx="243">
                  <c:v>43441</c:v>
                </c:pt>
                <c:pt idx="244">
                  <c:v>43444</c:v>
                </c:pt>
                <c:pt idx="245">
                  <c:v>43445</c:v>
                </c:pt>
                <c:pt idx="246">
                  <c:v>43446</c:v>
                </c:pt>
                <c:pt idx="247">
                  <c:v>43447</c:v>
                </c:pt>
                <c:pt idx="248">
                  <c:v>43448</c:v>
                </c:pt>
                <c:pt idx="249">
                  <c:v>43451</c:v>
                </c:pt>
                <c:pt idx="250">
                  <c:v>43452</c:v>
                </c:pt>
                <c:pt idx="251">
                  <c:v>43453</c:v>
                </c:pt>
                <c:pt idx="252">
                  <c:v>43454</c:v>
                </c:pt>
                <c:pt idx="253">
                  <c:v>43455</c:v>
                </c:pt>
                <c:pt idx="254">
                  <c:v>43458</c:v>
                </c:pt>
                <c:pt idx="255">
                  <c:v>43459</c:v>
                </c:pt>
                <c:pt idx="256">
                  <c:v>43460</c:v>
                </c:pt>
                <c:pt idx="257">
                  <c:v>43461</c:v>
                </c:pt>
                <c:pt idx="258">
                  <c:v>43462</c:v>
                </c:pt>
                <c:pt idx="259">
                  <c:v>43465</c:v>
                </c:pt>
                <c:pt idx="260">
                  <c:v>43466</c:v>
                </c:pt>
                <c:pt idx="261">
                  <c:v>43467</c:v>
                </c:pt>
                <c:pt idx="262">
                  <c:v>43468</c:v>
                </c:pt>
                <c:pt idx="263">
                  <c:v>43469</c:v>
                </c:pt>
                <c:pt idx="264">
                  <c:v>43472</c:v>
                </c:pt>
                <c:pt idx="265">
                  <c:v>43473</c:v>
                </c:pt>
                <c:pt idx="266">
                  <c:v>43474</c:v>
                </c:pt>
                <c:pt idx="267">
                  <c:v>43475</c:v>
                </c:pt>
                <c:pt idx="268">
                  <c:v>43476</c:v>
                </c:pt>
                <c:pt idx="269">
                  <c:v>43479</c:v>
                </c:pt>
                <c:pt idx="270">
                  <c:v>43480</c:v>
                </c:pt>
                <c:pt idx="271">
                  <c:v>43481</c:v>
                </c:pt>
                <c:pt idx="272">
                  <c:v>43482</c:v>
                </c:pt>
                <c:pt idx="273">
                  <c:v>43483</c:v>
                </c:pt>
                <c:pt idx="274">
                  <c:v>43486</c:v>
                </c:pt>
                <c:pt idx="275">
                  <c:v>43487</c:v>
                </c:pt>
                <c:pt idx="276">
                  <c:v>43488</c:v>
                </c:pt>
                <c:pt idx="277">
                  <c:v>43489</c:v>
                </c:pt>
                <c:pt idx="278">
                  <c:v>43490</c:v>
                </c:pt>
                <c:pt idx="279">
                  <c:v>43493</c:v>
                </c:pt>
                <c:pt idx="280">
                  <c:v>43494</c:v>
                </c:pt>
                <c:pt idx="281">
                  <c:v>43495</c:v>
                </c:pt>
                <c:pt idx="282">
                  <c:v>43496</c:v>
                </c:pt>
                <c:pt idx="283">
                  <c:v>43497</c:v>
                </c:pt>
                <c:pt idx="284">
                  <c:v>43500</c:v>
                </c:pt>
                <c:pt idx="285">
                  <c:v>43501</c:v>
                </c:pt>
                <c:pt idx="286">
                  <c:v>43502</c:v>
                </c:pt>
                <c:pt idx="287">
                  <c:v>43503</c:v>
                </c:pt>
                <c:pt idx="288">
                  <c:v>43504</c:v>
                </c:pt>
                <c:pt idx="289">
                  <c:v>43507</c:v>
                </c:pt>
                <c:pt idx="290">
                  <c:v>43508</c:v>
                </c:pt>
                <c:pt idx="291">
                  <c:v>43509</c:v>
                </c:pt>
                <c:pt idx="292">
                  <c:v>43510</c:v>
                </c:pt>
                <c:pt idx="293">
                  <c:v>43511</c:v>
                </c:pt>
                <c:pt idx="294">
                  <c:v>43514</c:v>
                </c:pt>
                <c:pt idx="295">
                  <c:v>43515</c:v>
                </c:pt>
                <c:pt idx="296">
                  <c:v>43516</c:v>
                </c:pt>
                <c:pt idx="297">
                  <c:v>43517</c:v>
                </c:pt>
                <c:pt idx="298">
                  <c:v>43518</c:v>
                </c:pt>
                <c:pt idx="299">
                  <c:v>43521</c:v>
                </c:pt>
                <c:pt idx="300">
                  <c:v>43522</c:v>
                </c:pt>
                <c:pt idx="301">
                  <c:v>43523</c:v>
                </c:pt>
                <c:pt idx="302">
                  <c:v>43524</c:v>
                </c:pt>
                <c:pt idx="303">
                  <c:v>43525</c:v>
                </c:pt>
                <c:pt idx="304">
                  <c:v>43528</c:v>
                </c:pt>
                <c:pt idx="305">
                  <c:v>43529</c:v>
                </c:pt>
                <c:pt idx="306">
                  <c:v>43530</c:v>
                </c:pt>
                <c:pt idx="307">
                  <c:v>43531</c:v>
                </c:pt>
                <c:pt idx="308">
                  <c:v>43532</c:v>
                </c:pt>
                <c:pt idx="309">
                  <c:v>43535</c:v>
                </c:pt>
                <c:pt idx="310">
                  <c:v>43536</c:v>
                </c:pt>
                <c:pt idx="311">
                  <c:v>43537</c:v>
                </c:pt>
                <c:pt idx="312">
                  <c:v>43538</c:v>
                </c:pt>
                <c:pt idx="313">
                  <c:v>43539</c:v>
                </c:pt>
                <c:pt idx="314">
                  <c:v>43542</c:v>
                </c:pt>
                <c:pt idx="315">
                  <c:v>43543</c:v>
                </c:pt>
                <c:pt idx="316">
                  <c:v>43544</c:v>
                </c:pt>
                <c:pt idx="317">
                  <c:v>43545</c:v>
                </c:pt>
                <c:pt idx="318">
                  <c:v>43546</c:v>
                </c:pt>
                <c:pt idx="319">
                  <c:v>43549</c:v>
                </c:pt>
                <c:pt idx="320">
                  <c:v>43550</c:v>
                </c:pt>
                <c:pt idx="321">
                  <c:v>43551</c:v>
                </c:pt>
                <c:pt idx="322">
                  <c:v>43552</c:v>
                </c:pt>
                <c:pt idx="323">
                  <c:v>43553</c:v>
                </c:pt>
                <c:pt idx="324">
                  <c:v>43556</c:v>
                </c:pt>
                <c:pt idx="325">
                  <c:v>43557</c:v>
                </c:pt>
                <c:pt idx="326">
                  <c:v>43558</c:v>
                </c:pt>
                <c:pt idx="327">
                  <c:v>43559</c:v>
                </c:pt>
                <c:pt idx="328">
                  <c:v>43560</c:v>
                </c:pt>
                <c:pt idx="329">
                  <c:v>43563</c:v>
                </c:pt>
                <c:pt idx="330">
                  <c:v>43564</c:v>
                </c:pt>
                <c:pt idx="331">
                  <c:v>43565</c:v>
                </c:pt>
                <c:pt idx="332">
                  <c:v>43566</c:v>
                </c:pt>
                <c:pt idx="333">
                  <c:v>43567</c:v>
                </c:pt>
                <c:pt idx="334">
                  <c:v>43570</c:v>
                </c:pt>
                <c:pt idx="335">
                  <c:v>43571</c:v>
                </c:pt>
                <c:pt idx="336">
                  <c:v>43572</c:v>
                </c:pt>
                <c:pt idx="337">
                  <c:v>43573</c:v>
                </c:pt>
                <c:pt idx="338">
                  <c:v>43574</c:v>
                </c:pt>
                <c:pt idx="339">
                  <c:v>43577</c:v>
                </c:pt>
                <c:pt idx="340">
                  <c:v>43578</c:v>
                </c:pt>
                <c:pt idx="341">
                  <c:v>43579</c:v>
                </c:pt>
                <c:pt idx="342">
                  <c:v>43580</c:v>
                </c:pt>
                <c:pt idx="343">
                  <c:v>43581</c:v>
                </c:pt>
                <c:pt idx="344">
                  <c:v>43584</c:v>
                </c:pt>
                <c:pt idx="345">
                  <c:v>43585</c:v>
                </c:pt>
                <c:pt idx="346">
                  <c:v>43586</c:v>
                </c:pt>
                <c:pt idx="347">
                  <c:v>43587</c:v>
                </c:pt>
                <c:pt idx="348">
                  <c:v>43588</c:v>
                </c:pt>
                <c:pt idx="349">
                  <c:v>43591</c:v>
                </c:pt>
                <c:pt idx="350">
                  <c:v>43592</c:v>
                </c:pt>
                <c:pt idx="351">
                  <c:v>43593</c:v>
                </c:pt>
                <c:pt idx="352">
                  <c:v>43594</c:v>
                </c:pt>
                <c:pt idx="353">
                  <c:v>43595</c:v>
                </c:pt>
                <c:pt idx="354">
                  <c:v>43598</c:v>
                </c:pt>
                <c:pt idx="355">
                  <c:v>43599</c:v>
                </c:pt>
                <c:pt idx="356">
                  <c:v>43600</c:v>
                </c:pt>
                <c:pt idx="357">
                  <c:v>43601</c:v>
                </c:pt>
                <c:pt idx="358">
                  <c:v>43602</c:v>
                </c:pt>
                <c:pt idx="359">
                  <c:v>43605</c:v>
                </c:pt>
                <c:pt idx="360">
                  <c:v>43606</c:v>
                </c:pt>
                <c:pt idx="361">
                  <c:v>43607</c:v>
                </c:pt>
                <c:pt idx="362">
                  <c:v>43608</c:v>
                </c:pt>
                <c:pt idx="363">
                  <c:v>43609</c:v>
                </c:pt>
                <c:pt idx="364">
                  <c:v>43612</c:v>
                </c:pt>
                <c:pt idx="365">
                  <c:v>43613</c:v>
                </c:pt>
                <c:pt idx="366">
                  <c:v>43614</c:v>
                </c:pt>
                <c:pt idx="367">
                  <c:v>43615</c:v>
                </c:pt>
                <c:pt idx="368">
                  <c:v>43616</c:v>
                </c:pt>
                <c:pt idx="369">
                  <c:v>43619</c:v>
                </c:pt>
                <c:pt idx="370">
                  <c:v>43620</c:v>
                </c:pt>
                <c:pt idx="371">
                  <c:v>43621</c:v>
                </c:pt>
                <c:pt idx="372">
                  <c:v>43622</c:v>
                </c:pt>
                <c:pt idx="373">
                  <c:v>43623</c:v>
                </c:pt>
                <c:pt idx="374">
                  <c:v>43626</c:v>
                </c:pt>
                <c:pt idx="375">
                  <c:v>43627</c:v>
                </c:pt>
                <c:pt idx="376">
                  <c:v>43628</c:v>
                </c:pt>
                <c:pt idx="377">
                  <c:v>43629</c:v>
                </c:pt>
                <c:pt idx="378">
                  <c:v>43630</c:v>
                </c:pt>
                <c:pt idx="379">
                  <c:v>43633</c:v>
                </c:pt>
                <c:pt idx="380">
                  <c:v>43634</c:v>
                </c:pt>
                <c:pt idx="381">
                  <c:v>43635</c:v>
                </c:pt>
                <c:pt idx="382">
                  <c:v>43636</c:v>
                </c:pt>
                <c:pt idx="383">
                  <c:v>43637</c:v>
                </c:pt>
                <c:pt idx="384">
                  <c:v>43640</c:v>
                </c:pt>
                <c:pt idx="385">
                  <c:v>43641</c:v>
                </c:pt>
                <c:pt idx="386">
                  <c:v>43642</c:v>
                </c:pt>
                <c:pt idx="387">
                  <c:v>43643</c:v>
                </c:pt>
                <c:pt idx="388">
                  <c:v>43644</c:v>
                </c:pt>
                <c:pt idx="389">
                  <c:v>43647</c:v>
                </c:pt>
                <c:pt idx="390">
                  <c:v>43648</c:v>
                </c:pt>
                <c:pt idx="391">
                  <c:v>43649</c:v>
                </c:pt>
                <c:pt idx="392">
                  <c:v>43650</c:v>
                </c:pt>
                <c:pt idx="393">
                  <c:v>43651</c:v>
                </c:pt>
                <c:pt idx="394">
                  <c:v>43654</c:v>
                </c:pt>
                <c:pt idx="395">
                  <c:v>43655</c:v>
                </c:pt>
                <c:pt idx="396">
                  <c:v>43656</c:v>
                </c:pt>
                <c:pt idx="397">
                  <c:v>43657</c:v>
                </c:pt>
                <c:pt idx="398">
                  <c:v>43658</c:v>
                </c:pt>
                <c:pt idx="399">
                  <c:v>43661</c:v>
                </c:pt>
                <c:pt idx="400">
                  <c:v>43662</c:v>
                </c:pt>
                <c:pt idx="401">
                  <c:v>43663</c:v>
                </c:pt>
                <c:pt idx="402">
                  <c:v>43664</c:v>
                </c:pt>
                <c:pt idx="403">
                  <c:v>43665</c:v>
                </c:pt>
                <c:pt idx="404">
                  <c:v>43668</c:v>
                </c:pt>
                <c:pt idx="405">
                  <c:v>43669</c:v>
                </c:pt>
                <c:pt idx="406">
                  <c:v>43670</c:v>
                </c:pt>
                <c:pt idx="407">
                  <c:v>43671</c:v>
                </c:pt>
                <c:pt idx="408">
                  <c:v>43672</c:v>
                </c:pt>
                <c:pt idx="409">
                  <c:v>43675</c:v>
                </c:pt>
                <c:pt idx="410">
                  <c:v>43676</c:v>
                </c:pt>
                <c:pt idx="411">
                  <c:v>43677</c:v>
                </c:pt>
                <c:pt idx="412">
                  <c:v>43678</c:v>
                </c:pt>
                <c:pt idx="413">
                  <c:v>43679</c:v>
                </c:pt>
                <c:pt idx="414">
                  <c:v>43682</c:v>
                </c:pt>
                <c:pt idx="415">
                  <c:v>43683</c:v>
                </c:pt>
                <c:pt idx="416">
                  <c:v>43684</c:v>
                </c:pt>
                <c:pt idx="417">
                  <c:v>43685</c:v>
                </c:pt>
                <c:pt idx="418">
                  <c:v>43686</c:v>
                </c:pt>
                <c:pt idx="419">
                  <c:v>43689</c:v>
                </c:pt>
                <c:pt idx="420">
                  <c:v>43690</c:v>
                </c:pt>
                <c:pt idx="421">
                  <c:v>43691</c:v>
                </c:pt>
                <c:pt idx="422">
                  <c:v>43692</c:v>
                </c:pt>
                <c:pt idx="423">
                  <c:v>43693</c:v>
                </c:pt>
                <c:pt idx="424">
                  <c:v>43696</c:v>
                </c:pt>
                <c:pt idx="425">
                  <c:v>43697</c:v>
                </c:pt>
                <c:pt idx="426">
                  <c:v>43698</c:v>
                </c:pt>
                <c:pt idx="427">
                  <c:v>43699</c:v>
                </c:pt>
                <c:pt idx="428">
                  <c:v>43700</c:v>
                </c:pt>
                <c:pt idx="429">
                  <c:v>43703</c:v>
                </c:pt>
                <c:pt idx="430">
                  <c:v>43704</c:v>
                </c:pt>
                <c:pt idx="431">
                  <c:v>43705</c:v>
                </c:pt>
                <c:pt idx="432">
                  <c:v>43706</c:v>
                </c:pt>
                <c:pt idx="433">
                  <c:v>43707</c:v>
                </c:pt>
                <c:pt idx="434">
                  <c:v>43710</c:v>
                </c:pt>
                <c:pt idx="435">
                  <c:v>43711</c:v>
                </c:pt>
                <c:pt idx="436">
                  <c:v>43712</c:v>
                </c:pt>
                <c:pt idx="437">
                  <c:v>43713</c:v>
                </c:pt>
                <c:pt idx="438">
                  <c:v>43714</c:v>
                </c:pt>
                <c:pt idx="439">
                  <c:v>43717</c:v>
                </c:pt>
                <c:pt idx="440">
                  <c:v>43718</c:v>
                </c:pt>
                <c:pt idx="441">
                  <c:v>43719</c:v>
                </c:pt>
                <c:pt idx="442">
                  <c:v>43720</c:v>
                </c:pt>
                <c:pt idx="443">
                  <c:v>43721</c:v>
                </c:pt>
                <c:pt idx="444">
                  <c:v>43724</c:v>
                </c:pt>
                <c:pt idx="445">
                  <c:v>43725</c:v>
                </c:pt>
                <c:pt idx="446">
                  <c:v>43726</c:v>
                </c:pt>
                <c:pt idx="447">
                  <c:v>43727</c:v>
                </c:pt>
                <c:pt idx="448">
                  <c:v>43728</c:v>
                </c:pt>
                <c:pt idx="449">
                  <c:v>43731</c:v>
                </c:pt>
                <c:pt idx="450">
                  <c:v>43732</c:v>
                </c:pt>
                <c:pt idx="451">
                  <c:v>43733</c:v>
                </c:pt>
                <c:pt idx="452">
                  <c:v>43734</c:v>
                </c:pt>
                <c:pt idx="453">
                  <c:v>43735</c:v>
                </c:pt>
                <c:pt idx="454">
                  <c:v>43738</c:v>
                </c:pt>
                <c:pt idx="455">
                  <c:v>43739</c:v>
                </c:pt>
                <c:pt idx="456">
                  <c:v>43740</c:v>
                </c:pt>
                <c:pt idx="457">
                  <c:v>43741</c:v>
                </c:pt>
                <c:pt idx="458">
                  <c:v>43742</c:v>
                </c:pt>
                <c:pt idx="459">
                  <c:v>43745</c:v>
                </c:pt>
                <c:pt idx="460">
                  <c:v>43746</c:v>
                </c:pt>
                <c:pt idx="461">
                  <c:v>43747</c:v>
                </c:pt>
                <c:pt idx="462">
                  <c:v>43748</c:v>
                </c:pt>
                <c:pt idx="463">
                  <c:v>43749</c:v>
                </c:pt>
                <c:pt idx="464">
                  <c:v>43752</c:v>
                </c:pt>
                <c:pt idx="465">
                  <c:v>43753</c:v>
                </c:pt>
                <c:pt idx="466">
                  <c:v>43754</c:v>
                </c:pt>
                <c:pt idx="467">
                  <c:v>43755</c:v>
                </c:pt>
                <c:pt idx="468">
                  <c:v>43756</c:v>
                </c:pt>
                <c:pt idx="469">
                  <c:v>43759</c:v>
                </c:pt>
                <c:pt idx="470">
                  <c:v>43760</c:v>
                </c:pt>
                <c:pt idx="471">
                  <c:v>43761</c:v>
                </c:pt>
                <c:pt idx="472">
                  <c:v>43762</c:v>
                </c:pt>
                <c:pt idx="473">
                  <c:v>43763</c:v>
                </c:pt>
                <c:pt idx="474">
                  <c:v>43766</c:v>
                </c:pt>
                <c:pt idx="475">
                  <c:v>43767</c:v>
                </c:pt>
                <c:pt idx="476">
                  <c:v>43768</c:v>
                </c:pt>
                <c:pt idx="477">
                  <c:v>43769</c:v>
                </c:pt>
                <c:pt idx="478">
                  <c:v>43770</c:v>
                </c:pt>
                <c:pt idx="479">
                  <c:v>43773</c:v>
                </c:pt>
                <c:pt idx="480">
                  <c:v>43774</c:v>
                </c:pt>
                <c:pt idx="481">
                  <c:v>43775</c:v>
                </c:pt>
                <c:pt idx="482">
                  <c:v>43776</c:v>
                </c:pt>
                <c:pt idx="483">
                  <c:v>43777</c:v>
                </c:pt>
                <c:pt idx="484">
                  <c:v>43780</c:v>
                </c:pt>
                <c:pt idx="485">
                  <c:v>43781</c:v>
                </c:pt>
                <c:pt idx="486">
                  <c:v>43782</c:v>
                </c:pt>
                <c:pt idx="487">
                  <c:v>43783</c:v>
                </c:pt>
                <c:pt idx="488">
                  <c:v>43784</c:v>
                </c:pt>
                <c:pt idx="489">
                  <c:v>43787</c:v>
                </c:pt>
                <c:pt idx="490">
                  <c:v>43788</c:v>
                </c:pt>
                <c:pt idx="491">
                  <c:v>43789</c:v>
                </c:pt>
                <c:pt idx="492">
                  <c:v>43790</c:v>
                </c:pt>
                <c:pt idx="493">
                  <c:v>43791</c:v>
                </c:pt>
                <c:pt idx="494">
                  <c:v>43794</c:v>
                </c:pt>
                <c:pt idx="495">
                  <c:v>43795</c:v>
                </c:pt>
                <c:pt idx="496">
                  <c:v>43796</c:v>
                </c:pt>
                <c:pt idx="497">
                  <c:v>43797</c:v>
                </c:pt>
                <c:pt idx="498">
                  <c:v>43798</c:v>
                </c:pt>
                <c:pt idx="499">
                  <c:v>43801</c:v>
                </c:pt>
                <c:pt idx="500">
                  <c:v>43802</c:v>
                </c:pt>
                <c:pt idx="501">
                  <c:v>43803</c:v>
                </c:pt>
                <c:pt idx="502">
                  <c:v>43804</c:v>
                </c:pt>
                <c:pt idx="503">
                  <c:v>43805</c:v>
                </c:pt>
                <c:pt idx="504">
                  <c:v>43808</c:v>
                </c:pt>
                <c:pt idx="505">
                  <c:v>43809</c:v>
                </c:pt>
                <c:pt idx="506">
                  <c:v>43810</c:v>
                </c:pt>
                <c:pt idx="507">
                  <c:v>43811</c:v>
                </c:pt>
                <c:pt idx="508">
                  <c:v>43812</c:v>
                </c:pt>
                <c:pt idx="509">
                  <c:v>43815</c:v>
                </c:pt>
                <c:pt idx="510">
                  <c:v>43816</c:v>
                </c:pt>
                <c:pt idx="511">
                  <c:v>43817</c:v>
                </c:pt>
                <c:pt idx="512">
                  <c:v>43818</c:v>
                </c:pt>
                <c:pt idx="513">
                  <c:v>43819</c:v>
                </c:pt>
                <c:pt idx="514">
                  <c:v>43822</c:v>
                </c:pt>
                <c:pt idx="515">
                  <c:v>43823</c:v>
                </c:pt>
                <c:pt idx="516">
                  <c:v>43824</c:v>
                </c:pt>
                <c:pt idx="517">
                  <c:v>43825</c:v>
                </c:pt>
                <c:pt idx="518">
                  <c:v>43826</c:v>
                </c:pt>
                <c:pt idx="519">
                  <c:v>43829</c:v>
                </c:pt>
                <c:pt idx="520">
                  <c:v>43830</c:v>
                </c:pt>
                <c:pt idx="521">
                  <c:v>43831</c:v>
                </c:pt>
                <c:pt idx="522">
                  <c:v>43832</c:v>
                </c:pt>
                <c:pt idx="523">
                  <c:v>43833</c:v>
                </c:pt>
                <c:pt idx="524">
                  <c:v>43836</c:v>
                </c:pt>
                <c:pt idx="525">
                  <c:v>43837</c:v>
                </c:pt>
                <c:pt idx="526">
                  <c:v>43838</c:v>
                </c:pt>
                <c:pt idx="527">
                  <c:v>43839</c:v>
                </c:pt>
                <c:pt idx="528">
                  <c:v>43840</c:v>
                </c:pt>
                <c:pt idx="529">
                  <c:v>43843</c:v>
                </c:pt>
                <c:pt idx="530">
                  <c:v>43844</c:v>
                </c:pt>
                <c:pt idx="531">
                  <c:v>43845</c:v>
                </c:pt>
                <c:pt idx="532">
                  <c:v>43846</c:v>
                </c:pt>
                <c:pt idx="533">
                  <c:v>43847</c:v>
                </c:pt>
                <c:pt idx="534">
                  <c:v>43850</c:v>
                </c:pt>
                <c:pt idx="535">
                  <c:v>43851</c:v>
                </c:pt>
                <c:pt idx="536">
                  <c:v>43852</c:v>
                </c:pt>
                <c:pt idx="537">
                  <c:v>43853</c:v>
                </c:pt>
                <c:pt idx="538">
                  <c:v>43854</c:v>
                </c:pt>
                <c:pt idx="539">
                  <c:v>43857</c:v>
                </c:pt>
                <c:pt idx="540">
                  <c:v>43858</c:v>
                </c:pt>
                <c:pt idx="541">
                  <c:v>43859</c:v>
                </c:pt>
                <c:pt idx="542">
                  <c:v>43860</c:v>
                </c:pt>
                <c:pt idx="543">
                  <c:v>43861</c:v>
                </c:pt>
                <c:pt idx="544">
                  <c:v>43864</c:v>
                </c:pt>
                <c:pt idx="545">
                  <c:v>43865</c:v>
                </c:pt>
                <c:pt idx="546">
                  <c:v>43866</c:v>
                </c:pt>
                <c:pt idx="547">
                  <c:v>43867</c:v>
                </c:pt>
                <c:pt idx="548">
                  <c:v>43868</c:v>
                </c:pt>
                <c:pt idx="549">
                  <c:v>43871</c:v>
                </c:pt>
                <c:pt idx="550">
                  <c:v>43872</c:v>
                </c:pt>
                <c:pt idx="551">
                  <c:v>43873</c:v>
                </c:pt>
                <c:pt idx="552">
                  <c:v>43874</c:v>
                </c:pt>
                <c:pt idx="553">
                  <c:v>43875</c:v>
                </c:pt>
                <c:pt idx="554">
                  <c:v>43878</c:v>
                </c:pt>
                <c:pt idx="555">
                  <c:v>43879</c:v>
                </c:pt>
                <c:pt idx="556">
                  <c:v>43880</c:v>
                </c:pt>
                <c:pt idx="557">
                  <c:v>43881</c:v>
                </c:pt>
                <c:pt idx="558">
                  <c:v>43882</c:v>
                </c:pt>
                <c:pt idx="559">
                  <c:v>43885</c:v>
                </c:pt>
                <c:pt idx="560">
                  <c:v>43886</c:v>
                </c:pt>
                <c:pt idx="561">
                  <c:v>43887</c:v>
                </c:pt>
                <c:pt idx="562">
                  <c:v>43888</c:v>
                </c:pt>
                <c:pt idx="563">
                  <c:v>43889</c:v>
                </c:pt>
                <c:pt idx="564">
                  <c:v>43892</c:v>
                </c:pt>
                <c:pt idx="565">
                  <c:v>43893</c:v>
                </c:pt>
                <c:pt idx="566">
                  <c:v>43894</c:v>
                </c:pt>
                <c:pt idx="567">
                  <c:v>43895</c:v>
                </c:pt>
                <c:pt idx="568">
                  <c:v>43896</c:v>
                </c:pt>
                <c:pt idx="569">
                  <c:v>43899</c:v>
                </c:pt>
                <c:pt idx="570">
                  <c:v>43900</c:v>
                </c:pt>
                <c:pt idx="571">
                  <c:v>43901</c:v>
                </c:pt>
                <c:pt idx="572">
                  <c:v>43902</c:v>
                </c:pt>
                <c:pt idx="573">
                  <c:v>43903</c:v>
                </c:pt>
                <c:pt idx="574">
                  <c:v>43906</c:v>
                </c:pt>
                <c:pt idx="575">
                  <c:v>43907</c:v>
                </c:pt>
                <c:pt idx="576">
                  <c:v>43908</c:v>
                </c:pt>
                <c:pt idx="577">
                  <c:v>43909</c:v>
                </c:pt>
                <c:pt idx="578">
                  <c:v>43910</c:v>
                </c:pt>
                <c:pt idx="579">
                  <c:v>43913</c:v>
                </c:pt>
                <c:pt idx="580">
                  <c:v>43914</c:v>
                </c:pt>
                <c:pt idx="581">
                  <c:v>43915</c:v>
                </c:pt>
                <c:pt idx="582">
                  <c:v>43916</c:v>
                </c:pt>
                <c:pt idx="583">
                  <c:v>43917</c:v>
                </c:pt>
                <c:pt idx="584">
                  <c:v>43920</c:v>
                </c:pt>
                <c:pt idx="585">
                  <c:v>43921</c:v>
                </c:pt>
                <c:pt idx="586">
                  <c:v>43922</c:v>
                </c:pt>
                <c:pt idx="587">
                  <c:v>43923</c:v>
                </c:pt>
                <c:pt idx="588">
                  <c:v>43924</c:v>
                </c:pt>
                <c:pt idx="589">
                  <c:v>43927</c:v>
                </c:pt>
                <c:pt idx="590">
                  <c:v>43928</c:v>
                </c:pt>
                <c:pt idx="591">
                  <c:v>43929</c:v>
                </c:pt>
                <c:pt idx="592">
                  <c:v>43930</c:v>
                </c:pt>
                <c:pt idx="593">
                  <c:v>43931</c:v>
                </c:pt>
                <c:pt idx="594">
                  <c:v>43934</c:v>
                </c:pt>
                <c:pt idx="595">
                  <c:v>43935</c:v>
                </c:pt>
                <c:pt idx="596">
                  <c:v>43936</c:v>
                </c:pt>
                <c:pt idx="597">
                  <c:v>43937</c:v>
                </c:pt>
                <c:pt idx="598">
                  <c:v>43938</c:v>
                </c:pt>
                <c:pt idx="599">
                  <c:v>43941</c:v>
                </c:pt>
                <c:pt idx="600">
                  <c:v>43942</c:v>
                </c:pt>
                <c:pt idx="601">
                  <c:v>43943</c:v>
                </c:pt>
                <c:pt idx="602">
                  <c:v>43944</c:v>
                </c:pt>
                <c:pt idx="603">
                  <c:v>43945</c:v>
                </c:pt>
                <c:pt idx="604">
                  <c:v>43948</c:v>
                </c:pt>
                <c:pt idx="605">
                  <c:v>43949</c:v>
                </c:pt>
                <c:pt idx="606">
                  <c:v>43950</c:v>
                </c:pt>
                <c:pt idx="607">
                  <c:v>43951</c:v>
                </c:pt>
                <c:pt idx="608">
                  <c:v>43952</c:v>
                </c:pt>
                <c:pt idx="609">
                  <c:v>43955</c:v>
                </c:pt>
                <c:pt idx="610">
                  <c:v>43956</c:v>
                </c:pt>
                <c:pt idx="611">
                  <c:v>43957</c:v>
                </c:pt>
                <c:pt idx="612">
                  <c:v>43958</c:v>
                </c:pt>
                <c:pt idx="613">
                  <c:v>43959</c:v>
                </c:pt>
                <c:pt idx="614">
                  <c:v>43962</c:v>
                </c:pt>
                <c:pt idx="615">
                  <c:v>43963</c:v>
                </c:pt>
                <c:pt idx="616">
                  <c:v>43964</c:v>
                </c:pt>
                <c:pt idx="617">
                  <c:v>43965</c:v>
                </c:pt>
                <c:pt idx="618">
                  <c:v>43966</c:v>
                </c:pt>
                <c:pt idx="619">
                  <c:v>43969</c:v>
                </c:pt>
                <c:pt idx="620">
                  <c:v>43970</c:v>
                </c:pt>
                <c:pt idx="621">
                  <c:v>43971</c:v>
                </c:pt>
                <c:pt idx="622">
                  <c:v>43972</c:v>
                </c:pt>
                <c:pt idx="623">
                  <c:v>43973</c:v>
                </c:pt>
                <c:pt idx="624">
                  <c:v>43976</c:v>
                </c:pt>
                <c:pt idx="625">
                  <c:v>43977</c:v>
                </c:pt>
                <c:pt idx="626">
                  <c:v>43978</c:v>
                </c:pt>
                <c:pt idx="627">
                  <c:v>43979</c:v>
                </c:pt>
                <c:pt idx="628">
                  <c:v>43980</c:v>
                </c:pt>
                <c:pt idx="629">
                  <c:v>43983</c:v>
                </c:pt>
                <c:pt idx="630">
                  <c:v>43984</c:v>
                </c:pt>
                <c:pt idx="631">
                  <c:v>43985</c:v>
                </c:pt>
                <c:pt idx="632">
                  <c:v>43986</c:v>
                </c:pt>
                <c:pt idx="633">
                  <c:v>43987</c:v>
                </c:pt>
                <c:pt idx="634">
                  <c:v>43990</c:v>
                </c:pt>
                <c:pt idx="635">
                  <c:v>43991</c:v>
                </c:pt>
                <c:pt idx="636">
                  <c:v>43992</c:v>
                </c:pt>
                <c:pt idx="637">
                  <c:v>43993</c:v>
                </c:pt>
                <c:pt idx="638">
                  <c:v>43994</c:v>
                </c:pt>
                <c:pt idx="639">
                  <c:v>43997</c:v>
                </c:pt>
                <c:pt idx="640">
                  <c:v>43998</c:v>
                </c:pt>
                <c:pt idx="641">
                  <c:v>43999</c:v>
                </c:pt>
                <c:pt idx="642">
                  <c:v>44000</c:v>
                </c:pt>
                <c:pt idx="643">
                  <c:v>44001</c:v>
                </c:pt>
                <c:pt idx="644">
                  <c:v>44004</c:v>
                </c:pt>
                <c:pt idx="645">
                  <c:v>44005</c:v>
                </c:pt>
                <c:pt idx="646">
                  <c:v>44006</c:v>
                </c:pt>
                <c:pt idx="647">
                  <c:v>44007</c:v>
                </c:pt>
                <c:pt idx="648">
                  <c:v>44008</c:v>
                </c:pt>
                <c:pt idx="649">
                  <c:v>44011</c:v>
                </c:pt>
                <c:pt idx="650">
                  <c:v>44012</c:v>
                </c:pt>
                <c:pt idx="651">
                  <c:v>44013</c:v>
                </c:pt>
                <c:pt idx="652">
                  <c:v>44014</c:v>
                </c:pt>
                <c:pt idx="653">
                  <c:v>44015</c:v>
                </c:pt>
                <c:pt idx="654">
                  <c:v>44018</c:v>
                </c:pt>
                <c:pt idx="655">
                  <c:v>44019</c:v>
                </c:pt>
                <c:pt idx="656">
                  <c:v>44020</c:v>
                </c:pt>
                <c:pt idx="657">
                  <c:v>44021</c:v>
                </c:pt>
                <c:pt idx="658">
                  <c:v>44022</c:v>
                </c:pt>
                <c:pt idx="659">
                  <c:v>44025</c:v>
                </c:pt>
                <c:pt idx="660">
                  <c:v>44026</c:v>
                </c:pt>
                <c:pt idx="661">
                  <c:v>44027</c:v>
                </c:pt>
                <c:pt idx="662">
                  <c:v>44028</c:v>
                </c:pt>
                <c:pt idx="663">
                  <c:v>44029</c:v>
                </c:pt>
                <c:pt idx="664">
                  <c:v>44032</c:v>
                </c:pt>
                <c:pt idx="665">
                  <c:v>44033</c:v>
                </c:pt>
                <c:pt idx="666">
                  <c:v>44034</c:v>
                </c:pt>
                <c:pt idx="667">
                  <c:v>44035</c:v>
                </c:pt>
                <c:pt idx="668">
                  <c:v>44036</c:v>
                </c:pt>
                <c:pt idx="669">
                  <c:v>44039</c:v>
                </c:pt>
                <c:pt idx="670">
                  <c:v>44040</c:v>
                </c:pt>
                <c:pt idx="671">
                  <c:v>44041</c:v>
                </c:pt>
                <c:pt idx="672">
                  <c:v>44042</c:v>
                </c:pt>
                <c:pt idx="673">
                  <c:v>44043</c:v>
                </c:pt>
                <c:pt idx="674">
                  <c:v>44046</c:v>
                </c:pt>
                <c:pt idx="675">
                  <c:v>44047</c:v>
                </c:pt>
                <c:pt idx="676">
                  <c:v>44048</c:v>
                </c:pt>
                <c:pt idx="677">
                  <c:v>44049</c:v>
                </c:pt>
                <c:pt idx="678">
                  <c:v>44050</c:v>
                </c:pt>
                <c:pt idx="679">
                  <c:v>44053</c:v>
                </c:pt>
                <c:pt idx="680">
                  <c:v>44054</c:v>
                </c:pt>
                <c:pt idx="681">
                  <c:v>44055</c:v>
                </c:pt>
                <c:pt idx="682">
                  <c:v>44056</c:v>
                </c:pt>
                <c:pt idx="683">
                  <c:v>44057</c:v>
                </c:pt>
                <c:pt idx="684">
                  <c:v>44060</c:v>
                </c:pt>
                <c:pt idx="685">
                  <c:v>44061</c:v>
                </c:pt>
                <c:pt idx="686">
                  <c:v>44062</c:v>
                </c:pt>
                <c:pt idx="687">
                  <c:v>44063</c:v>
                </c:pt>
                <c:pt idx="688">
                  <c:v>44064</c:v>
                </c:pt>
                <c:pt idx="689">
                  <c:v>44067</c:v>
                </c:pt>
                <c:pt idx="690">
                  <c:v>44068</c:v>
                </c:pt>
                <c:pt idx="691">
                  <c:v>44069</c:v>
                </c:pt>
                <c:pt idx="692">
                  <c:v>44070</c:v>
                </c:pt>
                <c:pt idx="693">
                  <c:v>44071</c:v>
                </c:pt>
                <c:pt idx="694">
                  <c:v>44074</c:v>
                </c:pt>
                <c:pt idx="695">
                  <c:v>44075</c:v>
                </c:pt>
                <c:pt idx="696">
                  <c:v>44076</c:v>
                </c:pt>
                <c:pt idx="697">
                  <c:v>44077</c:v>
                </c:pt>
                <c:pt idx="698">
                  <c:v>44078</c:v>
                </c:pt>
                <c:pt idx="699">
                  <c:v>44081</c:v>
                </c:pt>
                <c:pt idx="700">
                  <c:v>44082</c:v>
                </c:pt>
                <c:pt idx="701">
                  <c:v>44083</c:v>
                </c:pt>
                <c:pt idx="702">
                  <c:v>44084</c:v>
                </c:pt>
                <c:pt idx="703">
                  <c:v>44085</c:v>
                </c:pt>
                <c:pt idx="704">
                  <c:v>44088</c:v>
                </c:pt>
                <c:pt idx="705">
                  <c:v>44089</c:v>
                </c:pt>
                <c:pt idx="706">
                  <c:v>44090</c:v>
                </c:pt>
                <c:pt idx="707">
                  <c:v>44091</c:v>
                </c:pt>
                <c:pt idx="708">
                  <c:v>44092</c:v>
                </c:pt>
                <c:pt idx="709">
                  <c:v>44095</c:v>
                </c:pt>
                <c:pt idx="710">
                  <c:v>44096</c:v>
                </c:pt>
                <c:pt idx="711">
                  <c:v>44097</c:v>
                </c:pt>
                <c:pt idx="712">
                  <c:v>44098</c:v>
                </c:pt>
                <c:pt idx="713">
                  <c:v>44099</c:v>
                </c:pt>
                <c:pt idx="714">
                  <c:v>44102</c:v>
                </c:pt>
                <c:pt idx="715">
                  <c:v>44103</c:v>
                </c:pt>
                <c:pt idx="716">
                  <c:v>44104</c:v>
                </c:pt>
                <c:pt idx="717">
                  <c:v>44105</c:v>
                </c:pt>
                <c:pt idx="718">
                  <c:v>44106</c:v>
                </c:pt>
                <c:pt idx="719">
                  <c:v>44109</c:v>
                </c:pt>
                <c:pt idx="720">
                  <c:v>44110</c:v>
                </c:pt>
                <c:pt idx="721">
                  <c:v>44111</c:v>
                </c:pt>
                <c:pt idx="722">
                  <c:v>44112</c:v>
                </c:pt>
                <c:pt idx="723">
                  <c:v>44113</c:v>
                </c:pt>
                <c:pt idx="724">
                  <c:v>44116</c:v>
                </c:pt>
                <c:pt idx="725">
                  <c:v>44117</c:v>
                </c:pt>
                <c:pt idx="726">
                  <c:v>44118</c:v>
                </c:pt>
                <c:pt idx="727">
                  <c:v>44119</c:v>
                </c:pt>
                <c:pt idx="728">
                  <c:v>44120</c:v>
                </c:pt>
                <c:pt idx="729">
                  <c:v>44123</c:v>
                </c:pt>
                <c:pt idx="730">
                  <c:v>44124</c:v>
                </c:pt>
                <c:pt idx="731">
                  <c:v>44125</c:v>
                </c:pt>
                <c:pt idx="732">
                  <c:v>44126</c:v>
                </c:pt>
                <c:pt idx="733">
                  <c:v>44127</c:v>
                </c:pt>
                <c:pt idx="734">
                  <c:v>44130</c:v>
                </c:pt>
                <c:pt idx="735">
                  <c:v>44131</c:v>
                </c:pt>
                <c:pt idx="736">
                  <c:v>44132</c:v>
                </c:pt>
                <c:pt idx="737">
                  <c:v>44133</c:v>
                </c:pt>
                <c:pt idx="738">
                  <c:v>44134</c:v>
                </c:pt>
                <c:pt idx="739">
                  <c:v>44137</c:v>
                </c:pt>
                <c:pt idx="740">
                  <c:v>44138</c:v>
                </c:pt>
                <c:pt idx="741">
                  <c:v>44139</c:v>
                </c:pt>
                <c:pt idx="742">
                  <c:v>44140</c:v>
                </c:pt>
                <c:pt idx="743">
                  <c:v>44141</c:v>
                </c:pt>
                <c:pt idx="744">
                  <c:v>44144</c:v>
                </c:pt>
                <c:pt idx="745">
                  <c:v>44145</c:v>
                </c:pt>
                <c:pt idx="746">
                  <c:v>44146</c:v>
                </c:pt>
                <c:pt idx="747">
                  <c:v>44147</c:v>
                </c:pt>
                <c:pt idx="748">
                  <c:v>44148</c:v>
                </c:pt>
                <c:pt idx="749">
                  <c:v>44151</c:v>
                </c:pt>
                <c:pt idx="750">
                  <c:v>44152</c:v>
                </c:pt>
                <c:pt idx="751">
                  <c:v>44153</c:v>
                </c:pt>
                <c:pt idx="752">
                  <c:v>44154</c:v>
                </c:pt>
                <c:pt idx="753">
                  <c:v>44155</c:v>
                </c:pt>
                <c:pt idx="754">
                  <c:v>44158</c:v>
                </c:pt>
                <c:pt idx="755">
                  <c:v>44159</c:v>
                </c:pt>
                <c:pt idx="756">
                  <c:v>44160</c:v>
                </c:pt>
                <c:pt idx="757">
                  <c:v>44161</c:v>
                </c:pt>
                <c:pt idx="758">
                  <c:v>44162</c:v>
                </c:pt>
                <c:pt idx="759">
                  <c:v>44165</c:v>
                </c:pt>
                <c:pt idx="760">
                  <c:v>44166</c:v>
                </c:pt>
                <c:pt idx="761">
                  <c:v>44167</c:v>
                </c:pt>
                <c:pt idx="762">
                  <c:v>44168</c:v>
                </c:pt>
                <c:pt idx="763">
                  <c:v>44169</c:v>
                </c:pt>
                <c:pt idx="764">
                  <c:v>44172</c:v>
                </c:pt>
                <c:pt idx="765">
                  <c:v>44173</c:v>
                </c:pt>
                <c:pt idx="766">
                  <c:v>44174</c:v>
                </c:pt>
                <c:pt idx="767">
                  <c:v>44175</c:v>
                </c:pt>
                <c:pt idx="768">
                  <c:v>44176</c:v>
                </c:pt>
                <c:pt idx="769">
                  <c:v>44179</c:v>
                </c:pt>
                <c:pt idx="770">
                  <c:v>44180</c:v>
                </c:pt>
                <c:pt idx="771">
                  <c:v>44181</c:v>
                </c:pt>
                <c:pt idx="772">
                  <c:v>44182</c:v>
                </c:pt>
                <c:pt idx="773">
                  <c:v>44183</c:v>
                </c:pt>
                <c:pt idx="774">
                  <c:v>44186</c:v>
                </c:pt>
                <c:pt idx="775">
                  <c:v>44187</c:v>
                </c:pt>
                <c:pt idx="776">
                  <c:v>44188</c:v>
                </c:pt>
                <c:pt idx="777">
                  <c:v>44189</c:v>
                </c:pt>
                <c:pt idx="778">
                  <c:v>44190</c:v>
                </c:pt>
                <c:pt idx="779">
                  <c:v>44193</c:v>
                </c:pt>
                <c:pt idx="780">
                  <c:v>44194</c:v>
                </c:pt>
                <c:pt idx="781">
                  <c:v>44195</c:v>
                </c:pt>
                <c:pt idx="782">
                  <c:v>44196</c:v>
                </c:pt>
                <c:pt idx="783">
                  <c:v>44197</c:v>
                </c:pt>
                <c:pt idx="784">
                  <c:v>44200</c:v>
                </c:pt>
                <c:pt idx="785">
                  <c:v>44201</c:v>
                </c:pt>
                <c:pt idx="786">
                  <c:v>44202</c:v>
                </c:pt>
                <c:pt idx="787">
                  <c:v>44203</c:v>
                </c:pt>
                <c:pt idx="788">
                  <c:v>44204</c:v>
                </c:pt>
                <c:pt idx="789">
                  <c:v>44207</c:v>
                </c:pt>
                <c:pt idx="790">
                  <c:v>44208</c:v>
                </c:pt>
                <c:pt idx="791">
                  <c:v>44209</c:v>
                </c:pt>
                <c:pt idx="792">
                  <c:v>44210</c:v>
                </c:pt>
                <c:pt idx="793">
                  <c:v>44211</c:v>
                </c:pt>
                <c:pt idx="794">
                  <c:v>44214</c:v>
                </c:pt>
                <c:pt idx="795">
                  <c:v>44215</c:v>
                </c:pt>
                <c:pt idx="796">
                  <c:v>44216</c:v>
                </c:pt>
                <c:pt idx="797">
                  <c:v>44217</c:v>
                </c:pt>
                <c:pt idx="798">
                  <c:v>44218</c:v>
                </c:pt>
                <c:pt idx="799">
                  <c:v>44221</c:v>
                </c:pt>
                <c:pt idx="800">
                  <c:v>44222</c:v>
                </c:pt>
                <c:pt idx="801">
                  <c:v>44223</c:v>
                </c:pt>
                <c:pt idx="802">
                  <c:v>44224</c:v>
                </c:pt>
                <c:pt idx="803">
                  <c:v>44225</c:v>
                </c:pt>
                <c:pt idx="804">
                  <c:v>44228</c:v>
                </c:pt>
                <c:pt idx="805">
                  <c:v>44229</c:v>
                </c:pt>
                <c:pt idx="806">
                  <c:v>44230</c:v>
                </c:pt>
                <c:pt idx="807">
                  <c:v>44231</c:v>
                </c:pt>
                <c:pt idx="808">
                  <c:v>44232</c:v>
                </c:pt>
                <c:pt idx="809">
                  <c:v>44235</c:v>
                </c:pt>
                <c:pt idx="810">
                  <c:v>44236</c:v>
                </c:pt>
                <c:pt idx="811">
                  <c:v>44237</c:v>
                </c:pt>
                <c:pt idx="812">
                  <c:v>44238</c:v>
                </c:pt>
                <c:pt idx="813">
                  <c:v>44239</c:v>
                </c:pt>
                <c:pt idx="814">
                  <c:v>44242</c:v>
                </c:pt>
                <c:pt idx="815">
                  <c:v>44243</c:v>
                </c:pt>
                <c:pt idx="816">
                  <c:v>44244</c:v>
                </c:pt>
                <c:pt idx="817">
                  <c:v>44245</c:v>
                </c:pt>
                <c:pt idx="818">
                  <c:v>44246</c:v>
                </c:pt>
                <c:pt idx="819">
                  <c:v>44249</c:v>
                </c:pt>
                <c:pt idx="820">
                  <c:v>44250</c:v>
                </c:pt>
                <c:pt idx="821">
                  <c:v>44251</c:v>
                </c:pt>
                <c:pt idx="822">
                  <c:v>44252</c:v>
                </c:pt>
                <c:pt idx="823">
                  <c:v>44253</c:v>
                </c:pt>
                <c:pt idx="824">
                  <c:v>44256</c:v>
                </c:pt>
                <c:pt idx="825">
                  <c:v>44257</c:v>
                </c:pt>
                <c:pt idx="826">
                  <c:v>44258</c:v>
                </c:pt>
                <c:pt idx="827">
                  <c:v>44259</c:v>
                </c:pt>
                <c:pt idx="828">
                  <c:v>44260</c:v>
                </c:pt>
                <c:pt idx="829">
                  <c:v>44263</c:v>
                </c:pt>
                <c:pt idx="830">
                  <c:v>44264</c:v>
                </c:pt>
                <c:pt idx="831">
                  <c:v>44265</c:v>
                </c:pt>
                <c:pt idx="832">
                  <c:v>44266</c:v>
                </c:pt>
                <c:pt idx="833">
                  <c:v>44267</c:v>
                </c:pt>
                <c:pt idx="834">
                  <c:v>44270</c:v>
                </c:pt>
                <c:pt idx="835">
                  <c:v>44271</c:v>
                </c:pt>
                <c:pt idx="836">
                  <c:v>44272</c:v>
                </c:pt>
                <c:pt idx="837">
                  <c:v>44273</c:v>
                </c:pt>
                <c:pt idx="838">
                  <c:v>44274</c:v>
                </c:pt>
                <c:pt idx="839">
                  <c:v>44277</c:v>
                </c:pt>
                <c:pt idx="840">
                  <c:v>44278</c:v>
                </c:pt>
                <c:pt idx="841">
                  <c:v>44279</c:v>
                </c:pt>
                <c:pt idx="842">
                  <c:v>44280</c:v>
                </c:pt>
                <c:pt idx="843">
                  <c:v>44281</c:v>
                </c:pt>
                <c:pt idx="844">
                  <c:v>44284</c:v>
                </c:pt>
                <c:pt idx="845">
                  <c:v>44285</c:v>
                </c:pt>
                <c:pt idx="846">
                  <c:v>44286</c:v>
                </c:pt>
                <c:pt idx="847">
                  <c:v>44287</c:v>
                </c:pt>
                <c:pt idx="848">
                  <c:v>44288</c:v>
                </c:pt>
                <c:pt idx="849">
                  <c:v>44291</c:v>
                </c:pt>
                <c:pt idx="850">
                  <c:v>44292</c:v>
                </c:pt>
                <c:pt idx="851">
                  <c:v>44293</c:v>
                </c:pt>
                <c:pt idx="852">
                  <c:v>44294</c:v>
                </c:pt>
                <c:pt idx="853">
                  <c:v>44295</c:v>
                </c:pt>
                <c:pt idx="854">
                  <c:v>44298</c:v>
                </c:pt>
                <c:pt idx="855">
                  <c:v>44299</c:v>
                </c:pt>
                <c:pt idx="856">
                  <c:v>44300</c:v>
                </c:pt>
                <c:pt idx="857">
                  <c:v>44301</c:v>
                </c:pt>
                <c:pt idx="858">
                  <c:v>44302</c:v>
                </c:pt>
                <c:pt idx="859">
                  <c:v>44305</c:v>
                </c:pt>
                <c:pt idx="860">
                  <c:v>44306</c:v>
                </c:pt>
                <c:pt idx="861">
                  <c:v>44307</c:v>
                </c:pt>
                <c:pt idx="862">
                  <c:v>44308</c:v>
                </c:pt>
                <c:pt idx="863">
                  <c:v>44309</c:v>
                </c:pt>
                <c:pt idx="864">
                  <c:v>44312</c:v>
                </c:pt>
                <c:pt idx="865">
                  <c:v>44313</c:v>
                </c:pt>
                <c:pt idx="866">
                  <c:v>44314</c:v>
                </c:pt>
                <c:pt idx="867">
                  <c:v>44315</c:v>
                </c:pt>
                <c:pt idx="868">
                  <c:v>44316</c:v>
                </c:pt>
                <c:pt idx="869">
                  <c:v>44319</c:v>
                </c:pt>
                <c:pt idx="870">
                  <c:v>44320</c:v>
                </c:pt>
                <c:pt idx="871">
                  <c:v>44321</c:v>
                </c:pt>
                <c:pt idx="872">
                  <c:v>44322</c:v>
                </c:pt>
                <c:pt idx="873">
                  <c:v>44323</c:v>
                </c:pt>
                <c:pt idx="874">
                  <c:v>44326</c:v>
                </c:pt>
                <c:pt idx="875">
                  <c:v>44327</c:v>
                </c:pt>
                <c:pt idx="876">
                  <c:v>44328</c:v>
                </c:pt>
                <c:pt idx="877">
                  <c:v>44329</c:v>
                </c:pt>
                <c:pt idx="878">
                  <c:v>44330</c:v>
                </c:pt>
                <c:pt idx="879">
                  <c:v>44333</c:v>
                </c:pt>
                <c:pt idx="880">
                  <c:v>44334</c:v>
                </c:pt>
                <c:pt idx="881">
                  <c:v>44335</c:v>
                </c:pt>
                <c:pt idx="882">
                  <c:v>44336</c:v>
                </c:pt>
                <c:pt idx="883">
                  <c:v>44337</c:v>
                </c:pt>
                <c:pt idx="884">
                  <c:v>44340</c:v>
                </c:pt>
                <c:pt idx="885">
                  <c:v>44341</c:v>
                </c:pt>
                <c:pt idx="886">
                  <c:v>44342</c:v>
                </c:pt>
                <c:pt idx="887">
                  <c:v>44343</c:v>
                </c:pt>
                <c:pt idx="888">
                  <c:v>44344</c:v>
                </c:pt>
                <c:pt idx="889">
                  <c:v>44347</c:v>
                </c:pt>
                <c:pt idx="890">
                  <c:v>44348</c:v>
                </c:pt>
                <c:pt idx="891">
                  <c:v>44349</c:v>
                </c:pt>
                <c:pt idx="892">
                  <c:v>44350</c:v>
                </c:pt>
                <c:pt idx="893">
                  <c:v>44351</c:v>
                </c:pt>
                <c:pt idx="894">
                  <c:v>44354</c:v>
                </c:pt>
                <c:pt idx="895">
                  <c:v>44355</c:v>
                </c:pt>
                <c:pt idx="896">
                  <c:v>44356</c:v>
                </c:pt>
                <c:pt idx="897">
                  <c:v>44357</c:v>
                </c:pt>
                <c:pt idx="898">
                  <c:v>44358</c:v>
                </c:pt>
                <c:pt idx="899">
                  <c:v>44361</c:v>
                </c:pt>
                <c:pt idx="900">
                  <c:v>44362</c:v>
                </c:pt>
                <c:pt idx="901">
                  <c:v>44363</c:v>
                </c:pt>
                <c:pt idx="902">
                  <c:v>44364</c:v>
                </c:pt>
                <c:pt idx="903">
                  <c:v>44365</c:v>
                </c:pt>
                <c:pt idx="904">
                  <c:v>44368</c:v>
                </c:pt>
                <c:pt idx="905">
                  <c:v>44369</c:v>
                </c:pt>
                <c:pt idx="906">
                  <c:v>44370</c:v>
                </c:pt>
                <c:pt idx="907">
                  <c:v>44371</c:v>
                </c:pt>
                <c:pt idx="908">
                  <c:v>44372</c:v>
                </c:pt>
                <c:pt idx="909">
                  <c:v>44375</c:v>
                </c:pt>
                <c:pt idx="910">
                  <c:v>44376</c:v>
                </c:pt>
                <c:pt idx="911">
                  <c:v>44377</c:v>
                </c:pt>
                <c:pt idx="912">
                  <c:v>44378</c:v>
                </c:pt>
                <c:pt idx="913">
                  <c:v>44379</c:v>
                </c:pt>
                <c:pt idx="914">
                  <c:v>44382</c:v>
                </c:pt>
                <c:pt idx="915">
                  <c:v>44383</c:v>
                </c:pt>
                <c:pt idx="916">
                  <c:v>44384</c:v>
                </c:pt>
                <c:pt idx="917">
                  <c:v>44385</c:v>
                </c:pt>
                <c:pt idx="918">
                  <c:v>44386</c:v>
                </c:pt>
                <c:pt idx="919">
                  <c:v>44389</c:v>
                </c:pt>
                <c:pt idx="920">
                  <c:v>44390</c:v>
                </c:pt>
                <c:pt idx="921">
                  <c:v>44391</c:v>
                </c:pt>
                <c:pt idx="922">
                  <c:v>44392</c:v>
                </c:pt>
                <c:pt idx="923">
                  <c:v>44393</c:v>
                </c:pt>
                <c:pt idx="924">
                  <c:v>44396</c:v>
                </c:pt>
                <c:pt idx="925">
                  <c:v>44397</c:v>
                </c:pt>
                <c:pt idx="926">
                  <c:v>44398</c:v>
                </c:pt>
                <c:pt idx="927">
                  <c:v>44399</c:v>
                </c:pt>
                <c:pt idx="928">
                  <c:v>44400</c:v>
                </c:pt>
                <c:pt idx="929">
                  <c:v>44403</c:v>
                </c:pt>
                <c:pt idx="930">
                  <c:v>44404</c:v>
                </c:pt>
                <c:pt idx="931">
                  <c:v>44405</c:v>
                </c:pt>
                <c:pt idx="932">
                  <c:v>44406</c:v>
                </c:pt>
                <c:pt idx="933">
                  <c:v>44407</c:v>
                </c:pt>
                <c:pt idx="934">
                  <c:v>44410</c:v>
                </c:pt>
                <c:pt idx="935">
                  <c:v>44411</c:v>
                </c:pt>
                <c:pt idx="936">
                  <c:v>44412</c:v>
                </c:pt>
                <c:pt idx="937">
                  <c:v>44413</c:v>
                </c:pt>
                <c:pt idx="938">
                  <c:v>44414</c:v>
                </c:pt>
                <c:pt idx="939">
                  <c:v>44417</c:v>
                </c:pt>
                <c:pt idx="940">
                  <c:v>44418</c:v>
                </c:pt>
                <c:pt idx="941">
                  <c:v>44419</c:v>
                </c:pt>
                <c:pt idx="942">
                  <c:v>44420</c:v>
                </c:pt>
                <c:pt idx="943">
                  <c:v>44421</c:v>
                </c:pt>
                <c:pt idx="944">
                  <c:v>44424</c:v>
                </c:pt>
                <c:pt idx="945">
                  <c:v>44425</c:v>
                </c:pt>
                <c:pt idx="946">
                  <c:v>44426</c:v>
                </c:pt>
                <c:pt idx="947">
                  <c:v>44427</c:v>
                </c:pt>
                <c:pt idx="948">
                  <c:v>44428</c:v>
                </c:pt>
                <c:pt idx="949">
                  <c:v>44431</c:v>
                </c:pt>
                <c:pt idx="950">
                  <c:v>44432</c:v>
                </c:pt>
                <c:pt idx="951">
                  <c:v>44433</c:v>
                </c:pt>
                <c:pt idx="952">
                  <c:v>44434</c:v>
                </c:pt>
                <c:pt idx="953">
                  <c:v>44435</c:v>
                </c:pt>
                <c:pt idx="954">
                  <c:v>44438</c:v>
                </c:pt>
                <c:pt idx="955">
                  <c:v>44439</c:v>
                </c:pt>
                <c:pt idx="956">
                  <c:v>44440</c:v>
                </c:pt>
                <c:pt idx="957">
                  <c:v>44441</c:v>
                </c:pt>
                <c:pt idx="958">
                  <c:v>44442</c:v>
                </c:pt>
                <c:pt idx="959">
                  <c:v>44445</c:v>
                </c:pt>
                <c:pt idx="960">
                  <c:v>44446</c:v>
                </c:pt>
                <c:pt idx="961">
                  <c:v>44447</c:v>
                </c:pt>
                <c:pt idx="962">
                  <c:v>44448</c:v>
                </c:pt>
                <c:pt idx="963">
                  <c:v>44449</c:v>
                </c:pt>
                <c:pt idx="964">
                  <c:v>44452</c:v>
                </c:pt>
                <c:pt idx="965">
                  <c:v>44453</c:v>
                </c:pt>
                <c:pt idx="966">
                  <c:v>44454</c:v>
                </c:pt>
                <c:pt idx="967">
                  <c:v>44455</c:v>
                </c:pt>
                <c:pt idx="968">
                  <c:v>44456</c:v>
                </c:pt>
                <c:pt idx="969">
                  <c:v>44459</c:v>
                </c:pt>
                <c:pt idx="970">
                  <c:v>44460</c:v>
                </c:pt>
                <c:pt idx="971">
                  <c:v>44461</c:v>
                </c:pt>
                <c:pt idx="972">
                  <c:v>44462</c:v>
                </c:pt>
                <c:pt idx="973">
                  <c:v>44463</c:v>
                </c:pt>
                <c:pt idx="974">
                  <c:v>44466</c:v>
                </c:pt>
                <c:pt idx="975">
                  <c:v>44467</c:v>
                </c:pt>
                <c:pt idx="976">
                  <c:v>44468</c:v>
                </c:pt>
                <c:pt idx="977">
                  <c:v>44469</c:v>
                </c:pt>
                <c:pt idx="978">
                  <c:v>44470</c:v>
                </c:pt>
                <c:pt idx="979">
                  <c:v>44473</c:v>
                </c:pt>
                <c:pt idx="980">
                  <c:v>44474</c:v>
                </c:pt>
                <c:pt idx="981">
                  <c:v>44475</c:v>
                </c:pt>
                <c:pt idx="982">
                  <c:v>44476</c:v>
                </c:pt>
                <c:pt idx="983">
                  <c:v>44477</c:v>
                </c:pt>
                <c:pt idx="984">
                  <c:v>44480</c:v>
                </c:pt>
                <c:pt idx="985">
                  <c:v>44481</c:v>
                </c:pt>
                <c:pt idx="986">
                  <c:v>44482</c:v>
                </c:pt>
                <c:pt idx="987">
                  <c:v>44483</c:v>
                </c:pt>
                <c:pt idx="988">
                  <c:v>44484</c:v>
                </c:pt>
                <c:pt idx="989">
                  <c:v>44487</c:v>
                </c:pt>
                <c:pt idx="990">
                  <c:v>44488</c:v>
                </c:pt>
                <c:pt idx="991">
                  <c:v>44489</c:v>
                </c:pt>
                <c:pt idx="992">
                  <c:v>44490</c:v>
                </c:pt>
                <c:pt idx="993">
                  <c:v>44491</c:v>
                </c:pt>
                <c:pt idx="994">
                  <c:v>44494</c:v>
                </c:pt>
                <c:pt idx="995">
                  <c:v>44495</c:v>
                </c:pt>
                <c:pt idx="996">
                  <c:v>44496</c:v>
                </c:pt>
                <c:pt idx="997">
                  <c:v>44497</c:v>
                </c:pt>
                <c:pt idx="998">
                  <c:v>44498</c:v>
                </c:pt>
                <c:pt idx="999">
                  <c:v>44501</c:v>
                </c:pt>
                <c:pt idx="1000">
                  <c:v>44502</c:v>
                </c:pt>
                <c:pt idx="1001">
                  <c:v>44503</c:v>
                </c:pt>
                <c:pt idx="1002">
                  <c:v>44504</c:v>
                </c:pt>
                <c:pt idx="1003">
                  <c:v>44505</c:v>
                </c:pt>
                <c:pt idx="1004">
                  <c:v>44508</c:v>
                </c:pt>
                <c:pt idx="1005">
                  <c:v>44509</c:v>
                </c:pt>
                <c:pt idx="1006">
                  <c:v>44510</c:v>
                </c:pt>
                <c:pt idx="1007">
                  <c:v>44511</c:v>
                </c:pt>
                <c:pt idx="1008">
                  <c:v>44512</c:v>
                </c:pt>
                <c:pt idx="1009">
                  <c:v>44515</c:v>
                </c:pt>
                <c:pt idx="1010">
                  <c:v>44516</c:v>
                </c:pt>
                <c:pt idx="1011">
                  <c:v>44517</c:v>
                </c:pt>
                <c:pt idx="1012">
                  <c:v>44518</c:v>
                </c:pt>
                <c:pt idx="1013">
                  <c:v>44519</c:v>
                </c:pt>
                <c:pt idx="1014">
                  <c:v>44522</c:v>
                </c:pt>
                <c:pt idx="1015">
                  <c:v>44523</c:v>
                </c:pt>
                <c:pt idx="1016">
                  <c:v>44524</c:v>
                </c:pt>
                <c:pt idx="1017">
                  <c:v>44525</c:v>
                </c:pt>
                <c:pt idx="1018">
                  <c:v>44526</c:v>
                </c:pt>
                <c:pt idx="1019">
                  <c:v>44529</c:v>
                </c:pt>
                <c:pt idx="1020">
                  <c:v>44530</c:v>
                </c:pt>
                <c:pt idx="1021">
                  <c:v>44531</c:v>
                </c:pt>
                <c:pt idx="1022">
                  <c:v>44532</c:v>
                </c:pt>
                <c:pt idx="1023">
                  <c:v>44533</c:v>
                </c:pt>
                <c:pt idx="1024">
                  <c:v>44536</c:v>
                </c:pt>
                <c:pt idx="1025">
                  <c:v>44537</c:v>
                </c:pt>
                <c:pt idx="1026">
                  <c:v>44538</c:v>
                </c:pt>
                <c:pt idx="1027">
                  <c:v>44539</c:v>
                </c:pt>
                <c:pt idx="1028">
                  <c:v>44540</c:v>
                </c:pt>
                <c:pt idx="1029">
                  <c:v>44543</c:v>
                </c:pt>
                <c:pt idx="1030">
                  <c:v>44544</c:v>
                </c:pt>
                <c:pt idx="1031">
                  <c:v>44545</c:v>
                </c:pt>
                <c:pt idx="1032">
                  <c:v>44546</c:v>
                </c:pt>
                <c:pt idx="1033">
                  <c:v>44547</c:v>
                </c:pt>
                <c:pt idx="1034">
                  <c:v>44550</c:v>
                </c:pt>
                <c:pt idx="1035">
                  <c:v>44551</c:v>
                </c:pt>
                <c:pt idx="1036">
                  <c:v>44552</c:v>
                </c:pt>
                <c:pt idx="1037">
                  <c:v>44553</c:v>
                </c:pt>
                <c:pt idx="1038">
                  <c:v>44554</c:v>
                </c:pt>
                <c:pt idx="1039">
                  <c:v>44557</c:v>
                </c:pt>
                <c:pt idx="1040">
                  <c:v>44558</c:v>
                </c:pt>
                <c:pt idx="1041">
                  <c:v>44559</c:v>
                </c:pt>
                <c:pt idx="1042">
                  <c:v>44560</c:v>
                </c:pt>
                <c:pt idx="1043">
                  <c:v>44561</c:v>
                </c:pt>
                <c:pt idx="1044">
                  <c:v>44564</c:v>
                </c:pt>
                <c:pt idx="1045">
                  <c:v>44565</c:v>
                </c:pt>
                <c:pt idx="1046">
                  <c:v>44566</c:v>
                </c:pt>
                <c:pt idx="1047">
                  <c:v>44567</c:v>
                </c:pt>
                <c:pt idx="1048">
                  <c:v>44568</c:v>
                </c:pt>
                <c:pt idx="1049">
                  <c:v>44571</c:v>
                </c:pt>
                <c:pt idx="1050">
                  <c:v>44572</c:v>
                </c:pt>
                <c:pt idx="1051">
                  <c:v>44573</c:v>
                </c:pt>
                <c:pt idx="1052">
                  <c:v>44574</c:v>
                </c:pt>
                <c:pt idx="1053">
                  <c:v>44575</c:v>
                </c:pt>
                <c:pt idx="1054">
                  <c:v>44578</c:v>
                </c:pt>
                <c:pt idx="1055">
                  <c:v>44579</c:v>
                </c:pt>
                <c:pt idx="1056">
                  <c:v>44580</c:v>
                </c:pt>
                <c:pt idx="1057">
                  <c:v>44581</c:v>
                </c:pt>
                <c:pt idx="1058">
                  <c:v>44582</c:v>
                </c:pt>
                <c:pt idx="1059">
                  <c:v>44585</c:v>
                </c:pt>
                <c:pt idx="1060">
                  <c:v>44586</c:v>
                </c:pt>
                <c:pt idx="1061">
                  <c:v>44587</c:v>
                </c:pt>
                <c:pt idx="1062">
                  <c:v>44588</c:v>
                </c:pt>
                <c:pt idx="1063">
                  <c:v>44589</c:v>
                </c:pt>
                <c:pt idx="1064">
                  <c:v>44592</c:v>
                </c:pt>
                <c:pt idx="1065">
                  <c:v>44593</c:v>
                </c:pt>
                <c:pt idx="1066">
                  <c:v>44594</c:v>
                </c:pt>
                <c:pt idx="1067">
                  <c:v>44595</c:v>
                </c:pt>
                <c:pt idx="1068">
                  <c:v>44596</c:v>
                </c:pt>
                <c:pt idx="1069">
                  <c:v>44599</c:v>
                </c:pt>
                <c:pt idx="1070">
                  <c:v>44600</c:v>
                </c:pt>
                <c:pt idx="1071">
                  <c:v>44601</c:v>
                </c:pt>
                <c:pt idx="1072">
                  <c:v>44602</c:v>
                </c:pt>
                <c:pt idx="1073">
                  <c:v>44603</c:v>
                </c:pt>
                <c:pt idx="1074">
                  <c:v>44606</c:v>
                </c:pt>
                <c:pt idx="1075">
                  <c:v>44607</c:v>
                </c:pt>
                <c:pt idx="1076">
                  <c:v>44608</c:v>
                </c:pt>
                <c:pt idx="1077">
                  <c:v>44609</c:v>
                </c:pt>
                <c:pt idx="1078">
                  <c:v>44610</c:v>
                </c:pt>
                <c:pt idx="1079">
                  <c:v>44613</c:v>
                </c:pt>
                <c:pt idx="1080">
                  <c:v>44614</c:v>
                </c:pt>
                <c:pt idx="1081">
                  <c:v>44615</c:v>
                </c:pt>
                <c:pt idx="1082">
                  <c:v>44616</c:v>
                </c:pt>
                <c:pt idx="1083">
                  <c:v>44617</c:v>
                </c:pt>
                <c:pt idx="1084">
                  <c:v>44620</c:v>
                </c:pt>
                <c:pt idx="1085">
                  <c:v>44621</c:v>
                </c:pt>
                <c:pt idx="1086">
                  <c:v>44622</c:v>
                </c:pt>
                <c:pt idx="1087">
                  <c:v>44623</c:v>
                </c:pt>
                <c:pt idx="1088">
                  <c:v>44624</c:v>
                </c:pt>
                <c:pt idx="1089">
                  <c:v>44627</c:v>
                </c:pt>
                <c:pt idx="1090">
                  <c:v>44628</c:v>
                </c:pt>
                <c:pt idx="1091">
                  <c:v>44629</c:v>
                </c:pt>
                <c:pt idx="1092">
                  <c:v>44630</c:v>
                </c:pt>
                <c:pt idx="1093">
                  <c:v>44631</c:v>
                </c:pt>
                <c:pt idx="1094">
                  <c:v>44634</c:v>
                </c:pt>
                <c:pt idx="1095">
                  <c:v>44635</c:v>
                </c:pt>
                <c:pt idx="1096">
                  <c:v>44636</c:v>
                </c:pt>
                <c:pt idx="1097">
                  <c:v>44637</c:v>
                </c:pt>
                <c:pt idx="1098">
                  <c:v>44638</c:v>
                </c:pt>
                <c:pt idx="1099">
                  <c:v>44641</c:v>
                </c:pt>
                <c:pt idx="1100">
                  <c:v>44642</c:v>
                </c:pt>
                <c:pt idx="1101">
                  <c:v>44643</c:v>
                </c:pt>
                <c:pt idx="1102">
                  <c:v>44644</c:v>
                </c:pt>
                <c:pt idx="1103">
                  <c:v>44645</c:v>
                </c:pt>
                <c:pt idx="1104">
                  <c:v>44648</c:v>
                </c:pt>
                <c:pt idx="1105">
                  <c:v>44649</c:v>
                </c:pt>
                <c:pt idx="1106">
                  <c:v>44650</c:v>
                </c:pt>
                <c:pt idx="1107">
                  <c:v>44651</c:v>
                </c:pt>
                <c:pt idx="1108">
                  <c:v>44652</c:v>
                </c:pt>
                <c:pt idx="1109">
                  <c:v>44655</c:v>
                </c:pt>
                <c:pt idx="1110">
                  <c:v>44656</c:v>
                </c:pt>
                <c:pt idx="1111">
                  <c:v>44657</c:v>
                </c:pt>
                <c:pt idx="1112">
                  <c:v>44658</c:v>
                </c:pt>
                <c:pt idx="1113">
                  <c:v>44659</c:v>
                </c:pt>
                <c:pt idx="1114">
                  <c:v>44662</c:v>
                </c:pt>
                <c:pt idx="1115">
                  <c:v>44663</c:v>
                </c:pt>
                <c:pt idx="1116">
                  <c:v>44664</c:v>
                </c:pt>
                <c:pt idx="1117">
                  <c:v>44665</c:v>
                </c:pt>
                <c:pt idx="1118">
                  <c:v>44666</c:v>
                </c:pt>
                <c:pt idx="1119">
                  <c:v>44669</c:v>
                </c:pt>
                <c:pt idx="1120">
                  <c:v>44670</c:v>
                </c:pt>
                <c:pt idx="1121">
                  <c:v>44671</c:v>
                </c:pt>
                <c:pt idx="1122">
                  <c:v>44672</c:v>
                </c:pt>
                <c:pt idx="1123">
                  <c:v>44673</c:v>
                </c:pt>
                <c:pt idx="1124">
                  <c:v>44676</c:v>
                </c:pt>
                <c:pt idx="1125">
                  <c:v>44677</c:v>
                </c:pt>
                <c:pt idx="1126">
                  <c:v>44678</c:v>
                </c:pt>
                <c:pt idx="1127">
                  <c:v>44679</c:v>
                </c:pt>
                <c:pt idx="1128">
                  <c:v>44680</c:v>
                </c:pt>
                <c:pt idx="1129">
                  <c:v>44683</c:v>
                </c:pt>
                <c:pt idx="1130">
                  <c:v>44684</c:v>
                </c:pt>
                <c:pt idx="1131">
                  <c:v>44685</c:v>
                </c:pt>
                <c:pt idx="1132">
                  <c:v>44686</c:v>
                </c:pt>
                <c:pt idx="1133">
                  <c:v>44687</c:v>
                </c:pt>
                <c:pt idx="1134">
                  <c:v>44690</c:v>
                </c:pt>
                <c:pt idx="1135">
                  <c:v>44691</c:v>
                </c:pt>
                <c:pt idx="1136">
                  <c:v>44692</c:v>
                </c:pt>
                <c:pt idx="1137">
                  <c:v>44693</c:v>
                </c:pt>
                <c:pt idx="1138">
                  <c:v>44694</c:v>
                </c:pt>
                <c:pt idx="1139">
                  <c:v>44697</c:v>
                </c:pt>
                <c:pt idx="1140">
                  <c:v>44698</c:v>
                </c:pt>
                <c:pt idx="1141">
                  <c:v>44699</c:v>
                </c:pt>
                <c:pt idx="1142">
                  <c:v>44700</c:v>
                </c:pt>
                <c:pt idx="1143">
                  <c:v>44701</c:v>
                </c:pt>
                <c:pt idx="1144">
                  <c:v>44704</c:v>
                </c:pt>
                <c:pt idx="1145">
                  <c:v>44705</c:v>
                </c:pt>
                <c:pt idx="1146">
                  <c:v>44706</c:v>
                </c:pt>
                <c:pt idx="1147">
                  <c:v>44707</c:v>
                </c:pt>
                <c:pt idx="1148">
                  <c:v>44708</c:v>
                </c:pt>
                <c:pt idx="1149">
                  <c:v>44711</c:v>
                </c:pt>
                <c:pt idx="1150">
                  <c:v>44712</c:v>
                </c:pt>
                <c:pt idx="1151">
                  <c:v>44713</c:v>
                </c:pt>
                <c:pt idx="1152">
                  <c:v>44714</c:v>
                </c:pt>
                <c:pt idx="1153">
                  <c:v>44715</c:v>
                </c:pt>
                <c:pt idx="1154">
                  <c:v>44718</c:v>
                </c:pt>
                <c:pt idx="1155">
                  <c:v>44719</c:v>
                </c:pt>
                <c:pt idx="1156">
                  <c:v>44720</c:v>
                </c:pt>
                <c:pt idx="1157">
                  <c:v>44721</c:v>
                </c:pt>
                <c:pt idx="1158">
                  <c:v>44722</c:v>
                </c:pt>
                <c:pt idx="1159">
                  <c:v>44725</c:v>
                </c:pt>
                <c:pt idx="1160">
                  <c:v>44726</c:v>
                </c:pt>
                <c:pt idx="1161">
                  <c:v>44727</c:v>
                </c:pt>
                <c:pt idx="1162">
                  <c:v>44728</c:v>
                </c:pt>
                <c:pt idx="1163">
                  <c:v>44729</c:v>
                </c:pt>
                <c:pt idx="1164">
                  <c:v>44732</c:v>
                </c:pt>
                <c:pt idx="1165">
                  <c:v>44733</c:v>
                </c:pt>
                <c:pt idx="1166">
                  <c:v>44734</c:v>
                </c:pt>
                <c:pt idx="1167">
                  <c:v>44735</c:v>
                </c:pt>
                <c:pt idx="1168">
                  <c:v>44736</c:v>
                </c:pt>
                <c:pt idx="1169">
                  <c:v>44739</c:v>
                </c:pt>
                <c:pt idx="1170">
                  <c:v>44740</c:v>
                </c:pt>
                <c:pt idx="1171">
                  <c:v>44741</c:v>
                </c:pt>
                <c:pt idx="1172">
                  <c:v>44742</c:v>
                </c:pt>
                <c:pt idx="1173">
                  <c:v>44743</c:v>
                </c:pt>
                <c:pt idx="1174">
                  <c:v>44746</c:v>
                </c:pt>
                <c:pt idx="1175">
                  <c:v>44747</c:v>
                </c:pt>
                <c:pt idx="1176">
                  <c:v>44748</c:v>
                </c:pt>
                <c:pt idx="1177">
                  <c:v>44749</c:v>
                </c:pt>
                <c:pt idx="1178">
                  <c:v>44750</c:v>
                </c:pt>
                <c:pt idx="1179">
                  <c:v>44753</c:v>
                </c:pt>
                <c:pt idx="1180">
                  <c:v>44754</c:v>
                </c:pt>
                <c:pt idx="1181">
                  <c:v>44755</c:v>
                </c:pt>
                <c:pt idx="1182">
                  <c:v>44756</c:v>
                </c:pt>
                <c:pt idx="1183">
                  <c:v>44757</c:v>
                </c:pt>
                <c:pt idx="1184">
                  <c:v>44760</c:v>
                </c:pt>
                <c:pt idx="1185">
                  <c:v>44761</c:v>
                </c:pt>
                <c:pt idx="1186">
                  <c:v>44762</c:v>
                </c:pt>
                <c:pt idx="1187">
                  <c:v>44763</c:v>
                </c:pt>
                <c:pt idx="1188">
                  <c:v>44764</c:v>
                </c:pt>
                <c:pt idx="1189">
                  <c:v>44767</c:v>
                </c:pt>
                <c:pt idx="1190">
                  <c:v>44768</c:v>
                </c:pt>
                <c:pt idx="1191">
                  <c:v>44769</c:v>
                </c:pt>
                <c:pt idx="1192">
                  <c:v>44770</c:v>
                </c:pt>
                <c:pt idx="1193">
                  <c:v>44771</c:v>
                </c:pt>
                <c:pt idx="1194">
                  <c:v>44774</c:v>
                </c:pt>
                <c:pt idx="1195">
                  <c:v>44775</c:v>
                </c:pt>
                <c:pt idx="1196">
                  <c:v>44776</c:v>
                </c:pt>
                <c:pt idx="1197">
                  <c:v>44777</c:v>
                </c:pt>
                <c:pt idx="1198">
                  <c:v>44778</c:v>
                </c:pt>
                <c:pt idx="1199">
                  <c:v>44781</c:v>
                </c:pt>
                <c:pt idx="1200">
                  <c:v>44782</c:v>
                </c:pt>
                <c:pt idx="1201">
                  <c:v>44783</c:v>
                </c:pt>
                <c:pt idx="1202">
                  <c:v>44784</c:v>
                </c:pt>
                <c:pt idx="1203">
                  <c:v>44785</c:v>
                </c:pt>
                <c:pt idx="1204">
                  <c:v>44788</c:v>
                </c:pt>
                <c:pt idx="1205">
                  <c:v>44789</c:v>
                </c:pt>
                <c:pt idx="1206">
                  <c:v>44790</c:v>
                </c:pt>
                <c:pt idx="1207">
                  <c:v>44791</c:v>
                </c:pt>
                <c:pt idx="1208">
                  <c:v>44792</c:v>
                </c:pt>
                <c:pt idx="1209">
                  <c:v>44795</c:v>
                </c:pt>
                <c:pt idx="1210">
                  <c:v>44796</c:v>
                </c:pt>
                <c:pt idx="1211">
                  <c:v>44797</c:v>
                </c:pt>
                <c:pt idx="1212">
                  <c:v>44798</c:v>
                </c:pt>
                <c:pt idx="1213">
                  <c:v>44799</c:v>
                </c:pt>
                <c:pt idx="1214">
                  <c:v>44802</c:v>
                </c:pt>
                <c:pt idx="1215">
                  <c:v>44803</c:v>
                </c:pt>
                <c:pt idx="1216">
                  <c:v>44804</c:v>
                </c:pt>
                <c:pt idx="1217">
                  <c:v>44805</c:v>
                </c:pt>
                <c:pt idx="1218">
                  <c:v>44806</c:v>
                </c:pt>
                <c:pt idx="1219">
                  <c:v>44809</c:v>
                </c:pt>
                <c:pt idx="1220">
                  <c:v>44810</c:v>
                </c:pt>
                <c:pt idx="1221">
                  <c:v>44811</c:v>
                </c:pt>
                <c:pt idx="1222">
                  <c:v>44812</c:v>
                </c:pt>
                <c:pt idx="1223">
                  <c:v>44813</c:v>
                </c:pt>
                <c:pt idx="1224">
                  <c:v>44816</c:v>
                </c:pt>
                <c:pt idx="1225">
                  <c:v>44817</c:v>
                </c:pt>
                <c:pt idx="1226">
                  <c:v>44818</c:v>
                </c:pt>
                <c:pt idx="1227">
                  <c:v>44819</c:v>
                </c:pt>
                <c:pt idx="1228">
                  <c:v>44820</c:v>
                </c:pt>
                <c:pt idx="1229">
                  <c:v>44823</c:v>
                </c:pt>
                <c:pt idx="1230">
                  <c:v>44824</c:v>
                </c:pt>
                <c:pt idx="1231">
                  <c:v>44825</c:v>
                </c:pt>
                <c:pt idx="1232">
                  <c:v>44826</c:v>
                </c:pt>
                <c:pt idx="1233">
                  <c:v>44827</c:v>
                </c:pt>
                <c:pt idx="1234">
                  <c:v>44830</c:v>
                </c:pt>
                <c:pt idx="1235">
                  <c:v>44831</c:v>
                </c:pt>
                <c:pt idx="1236">
                  <c:v>44832</c:v>
                </c:pt>
                <c:pt idx="1237">
                  <c:v>44833</c:v>
                </c:pt>
                <c:pt idx="1238">
                  <c:v>44834</c:v>
                </c:pt>
                <c:pt idx="1239">
                  <c:v>44837</c:v>
                </c:pt>
                <c:pt idx="1240">
                  <c:v>44838</c:v>
                </c:pt>
                <c:pt idx="1241">
                  <c:v>44839</c:v>
                </c:pt>
                <c:pt idx="1242">
                  <c:v>44840</c:v>
                </c:pt>
                <c:pt idx="1243">
                  <c:v>44841</c:v>
                </c:pt>
                <c:pt idx="1244">
                  <c:v>44844</c:v>
                </c:pt>
                <c:pt idx="1245">
                  <c:v>44845</c:v>
                </c:pt>
                <c:pt idx="1246">
                  <c:v>44846</c:v>
                </c:pt>
                <c:pt idx="1247">
                  <c:v>44847</c:v>
                </c:pt>
                <c:pt idx="1248">
                  <c:v>44848</c:v>
                </c:pt>
                <c:pt idx="1249">
                  <c:v>44851</c:v>
                </c:pt>
                <c:pt idx="1250">
                  <c:v>44852</c:v>
                </c:pt>
                <c:pt idx="1251">
                  <c:v>44853</c:v>
                </c:pt>
                <c:pt idx="1252">
                  <c:v>44854</c:v>
                </c:pt>
                <c:pt idx="1253">
                  <c:v>44855</c:v>
                </c:pt>
                <c:pt idx="1254">
                  <c:v>44858</c:v>
                </c:pt>
                <c:pt idx="1255">
                  <c:v>44859</c:v>
                </c:pt>
                <c:pt idx="1256">
                  <c:v>44860</c:v>
                </c:pt>
                <c:pt idx="1257">
                  <c:v>44861</c:v>
                </c:pt>
                <c:pt idx="1258">
                  <c:v>44862</c:v>
                </c:pt>
                <c:pt idx="1259">
                  <c:v>44865</c:v>
                </c:pt>
                <c:pt idx="1260">
                  <c:v>44866</c:v>
                </c:pt>
                <c:pt idx="1261">
                  <c:v>44867</c:v>
                </c:pt>
                <c:pt idx="1262">
                  <c:v>44868</c:v>
                </c:pt>
                <c:pt idx="1263">
                  <c:v>44869</c:v>
                </c:pt>
                <c:pt idx="1264">
                  <c:v>44872</c:v>
                </c:pt>
                <c:pt idx="1265">
                  <c:v>44873</c:v>
                </c:pt>
                <c:pt idx="1266">
                  <c:v>44874</c:v>
                </c:pt>
                <c:pt idx="1267">
                  <c:v>44875</c:v>
                </c:pt>
                <c:pt idx="1268">
                  <c:v>44876</c:v>
                </c:pt>
                <c:pt idx="1269">
                  <c:v>44879</c:v>
                </c:pt>
                <c:pt idx="1270">
                  <c:v>44880</c:v>
                </c:pt>
                <c:pt idx="1271">
                  <c:v>44881</c:v>
                </c:pt>
                <c:pt idx="1272">
                  <c:v>44882</c:v>
                </c:pt>
                <c:pt idx="1273">
                  <c:v>44883</c:v>
                </c:pt>
                <c:pt idx="1274">
                  <c:v>44886</c:v>
                </c:pt>
                <c:pt idx="1275">
                  <c:v>44887</c:v>
                </c:pt>
                <c:pt idx="1276">
                  <c:v>44888</c:v>
                </c:pt>
                <c:pt idx="1277">
                  <c:v>44889</c:v>
                </c:pt>
                <c:pt idx="1278">
                  <c:v>44890</c:v>
                </c:pt>
                <c:pt idx="1279">
                  <c:v>44893</c:v>
                </c:pt>
                <c:pt idx="1280">
                  <c:v>44894</c:v>
                </c:pt>
                <c:pt idx="1281">
                  <c:v>44895</c:v>
                </c:pt>
                <c:pt idx="1282">
                  <c:v>44896</c:v>
                </c:pt>
                <c:pt idx="1283">
                  <c:v>44897</c:v>
                </c:pt>
                <c:pt idx="1284">
                  <c:v>44900</c:v>
                </c:pt>
                <c:pt idx="1285">
                  <c:v>44901</c:v>
                </c:pt>
                <c:pt idx="1286">
                  <c:v>44902</c:v>
                </c:pt>
                <c:pt idx="1287">
                  <c:v>44903</c:v>
                </c:pt>
                <c:pt idx="1288">
                  <c:v>44904</c:v>
                </c:pt>
                <c:pt idx="1289">
                  <c:v>44907</c:v>
                </c:pt>
                <c:pt idx="1290">
                  <c:v>44908</c:v>
                </c:pt>
                <c:pt idx="1291">
                  <c:v>44909</c:v>
                </c:pt>
                <c:pt idx="1292">
                  <c:v>44910</c:v>
                </c:pt>
                <c:pt idx="1293">
                  <c:v>44911</c:v>
                </c:pt>
                <c:pt idx="1294">
                  <c:v>44914</c:v>
                </c:pt>
                <c:pt idx="1295">
                  <c:v>44915</c:v>
                </c:pt>
                <c:pt idx="1296">
                  <c:v>44916</c:v>
                </c:pt>
                <c:pt idx="1297">
                  <c:v>44917</c:v>
                </c:pt>
                <c:pt idx="1298">
                  <c:v>44918</c:v>
                </c:pt>
                <c:pt idx="1299">
                  <c:v>44921</c:v>
                </c:pt>
                <c:pt idx="1300">
                  <c:v>44922</c:v>
                </c:pt>
                <c:pt idx="1301">
                  <c:v>44923</c:v>
                </c:pt>
                <c:pt idx="1302">
                  <c:v>44924</c:v>
                </c:pt>
                <c:pt idx="1303">
                  <c:v>44925</c:v>
                </c:pt>
                <c:pt idx="1304">
                  <c:v>44928</c:v>
                </c:pt>
                <c:pt idx="1305">
                  <c:v>44929</c:v>
                </c:pt>
                <c:pt idx="1306">
                  <c:v>44930</c:v>
                </c:pt>
                <c:pt idx="1307">
                  <c:v>44931</c:v>
                </c:pt>
                <c:pt idx="1308">
                  <c:v>44932</c:v>
                </c:pt>
                <c:pt idx="1309">
                  <c:v>44935</c:v>
                </c:pt>
                <c:pt idx="1310">
                  <c:v>44936</c:v>
                </c:pt>
                <c:pt idx="1311">
                  <c:v>44937</c:v>
                </c:pt>
                <c:pt idx="1312">
                  <c:v>44938</c:v>
                </c:pt>
                <c:pt idx="1313">
                  <c:v>44939</c:v>
                </c:pt>
                <c:pt idx="1314">
                  <c:v>44942</c:v>
                </c:pt>
                <c:pt idx="1315">
                  <c:v>44943</c:v>
                </c:pt>
                <c:pt idx="1316">
                  <c:v>44944</c:v>
                </c:pt>
                <c:pt idx="1317">
                  <c:v>44945</c:v>
                </c:pt>
                <c:pt idx="1318">
                  <c:v>44946</c:v>
                </c:pt>
                <c:pt idx="1319">
                  <c:v>44949</c:v>
                </c:pt>
                <c:pt idx="1320">
                  <c:v>44950</c:v>
                </c:pt>
                <c:pt idx="1321">
                  <c:v>44951</c:v>
                </c:pt>
                <c:pt idx="1322">
                  <c:v>44952</c:v>
                </c:pt>
                <c:pt idx="1323">
                  <c:v>44953</c:v>
                </c:pt>
                <c:pt idx="1324">
                  <c:v>44956</c:v>
                </c:pt>
                <c:pt idx="1325">
                  <c:v>44957</c:v>
                </c:pt>
                <c:pt idx="1326">
                  <c:v>44958</c:v>
                </c:pt>
                <c:pt idx="1327">
                  <c:v>44959</c:v>
                </c:pt>
                <c:pt idx="1328">
                  <c:v>44960</c:v>
                </c:pt>
                <c:pt idx="1329">
                  <c:v>44963</c:v>
                </c:pt>
                <c:pt idx="1330">
                  <c:v>44964</c:v>
                </c:pt>
                <c:pt idx="1331">
                  <c:v>44965</c:v>
                </c:pt>
                <c:pt idx="1332">
                  <c:v>44966</c:v>
                </c:pt>
                <c:pt idx="1333">
                  <c:v>44967</c:v>
                </c:pt>
                <c:pt idx="1334">
                  <c:v>44970</c:v>
                </c:pt>
                <c:pt idx="1335">
                  <c:v>44971</c:v>
                </c:pt>
                <c:pt idx="1336">
                  <c:v>44972</c:v>
                </c:pt>
                <c:pt idx="1337">
                  <c:v>44973</c:v>
                </c:pt>
                <c:pt idx="1338">
                  <c:v>44974</c:v>
                </c:pt>
                <c:pt idx="1339">
                  <c:v>44977</c:v>
                </c:pt>
                <c:pt idx="1340">
                  <c:v>44978</c:v>
                </c:pt>
                <c:pt idx="1341">
                  <c:v>44979</c:v>
                </c:pt>
                <c:pt idx="1342">
                  <c:v>44980</c:v>
                </c:pt>
                <c:pt idx="1343">
                  <c:v>44981</c:v>
                </c:pt>
                <c:pt idx="1344">
                  <c:v>44984</c:v>
                </c:pt>
                <c:pt idx="1345">
                  <c:v>44985</c:v>
                </c:pt>
                <c:pt idx="1346">
                  <c:v>44986</c:v>
                </c:pt>
                <c:pt idx="1347">
                  <c:v>44987</c:v>
                </c:pt>
                <c:pt idx="1348">
                  <c:v>44988</c:v>
                </c:pt>
                <c:pt idx="1349">
                  <c:v>44991</c:v>
                </c:pt>
                <c:pt idx="1350">
                  <c:v>44992</c:v>
                </c:pt>
                <c:pt idx="1351">
                  <c:v>44993</c:v>
                </c:pt>
                <c:pt idx="1352">
                  <c:v>44994</c:v>
                </c:pt>
                <c:pt idx="1353">
                  <c:v>44995</c:v>
                </c:pt>
                <c:pt idx="1354">
                  <c:v>44998</c:v>
                </c:pt>
                <c:pt idx="1355">
                  <c:v>44999</c:v>
                </c:pt>
                <c:pt idx="1356">
                  <c:v>45000</c:v>
                </c:pt>
                <c:pt idx="1357">
                  <c:v>45001</c:v>
                </c:pt>
                <c:pt idx="1358">
                  <c:v>45002</c:v>
                </c:pt>
                <c:pt idx="1359">
                  <c:v>45005</c:v>
                </c:pt>
                <c:pt idx="1360">
                  <c:v>45006</c:v>
                </c:pt>
                <c:pt idx="1361">
                  <c:v>45007</c:v>
                </c:pt>
                <c:pt idx="1362">
                  <c:v>45008</c:v>
                </c:pt>
                <c:pt idx="1363">
                  <c:v>45009</c:v>
                </c:pt>
                <c:pt idx="1364">
                  <c:v>45012</c:v>
                </c:pt>
                <c:pt idx="1365">
                  <c:v>45013</c:v>
                </c:pt>
                <c:pt idx="1366">
                  <c:v>45014</c:v>
                </c:pt>
                <c:pt idx="1367">
                  <c:v>45015</c:v>
                </c:pt>
                <c:pt idx="1368">
                  <c:v>45016</c:v>
                </c:pt>
                <c:pt idx="1369">
                  <c:v>45019</c:v>
                </c:pt>
                <c:pt idx="1370">
                  <c:v>45020</c:v>
                </c:pt>
                <c:pt idx="1371">
                  <c:v>45021</c:v>
                </c:pt>
                <c:pt idx="1372">
                  <c:v>45022</c:v>
                </c:pt>
                <c:pt idx="1373">
                  <c:v>45023</c:v>
                </c:pt>
                <c:pt idx="1374">
                  <c:v>45026</c:v>
                </c:pt>
                <c:pt idx="1375">
                  <c:v>45027</c:v>
                </c:pt>
                <c:pt idx="1376">
                  <c:v>45028</c:v>
                </c:pt>
                <c:pt idx="1377">
                  <c:v>45029</c:v>
                </c:pt>
                <c:pt idx="1378">
                  <c:v>45030</c:v>
                </c:pt>
                <c:pt idx="1379">
                  <c:v>45033</c:v>
                </c:pt>
                <c:pt idx="1380">
                  <c:v>45034</c:v>
                </c:pt>
                <c:pt idx="1381">
                  <c:v>45035</c:v>
                </c:pt>
                <c:pt idx="1382">
                  <c:v>45036</c:v>
                </c:pt>
                <c:pt idx="1383">
                  <c:v>45037</c:v>
                </c:pt>
                <c:pt idx="1384">
                  <c:v>45040</c:v>
                </c:pt>
                <c:pt idx="1385">
                  <c:v>45041</c:v>
                </c:pt>
                <c:pt idx="1386">
                  <c:v>45042</c:v>
                </c:pt>
                <c:pt idx="1387">
                  <c:v>45043</c:v>
                </c:pt>
                <c:pt idx="1388">
                  <c:v>45044</c:v>
                </c:pt>
                <c:pt idx="1389">
                  <c:v>45047</c:v>
                </c:pt>
                <c:pt idx="1390">
                  <c:v>45048</c:v>
                </c:pt>
                <c:pt idx="1391">
                  <c:v>45049</c:v>
                </c:pt>
                <c:pt idx="1392">
                  <c:v>45050</c:v>
                </c:pt>
                <c:pt idx="1393">
                  <c:v>45051</c:v>
                </c:pt>
                <c:pt idx="1394">
                  <c:v>45054</c:v>
                </c:pt>
                <c:pt idx="1395">
                  <c:v>45055</c:v>
                </c:pt>
                <c:pt idx="1396">
                  <c:v>45056</c:v>
                </c:pt>
                <c:pt idx="1397">
                  <c:v>45057</c:v>
                </c:pt>
                <c:pt idx="1398">
                  <c:v>45058</c:v>
                </c:pt>
                <c:pt idx="1399">
                  <c:v>45061</c:v>
                </c:pt>
                <c:pt idx="1400">
                  <c:v>45062</c:v>
                </c:pt>
                <c:pt idx="1401">
                  <c:v>45063</c:v>
                </c:pt>
                <c:pt idx="1402">
                  <c:v>45064</c:v>
                </c:pt>
                <c:pt idx="1403">
                  <c:v>45065</c:v>
                </c:pt>
                <c:pt idx="1404">
                  <c:v>45068</c:v>
                </c:pt>
                <c:pt idx="1405">
                  <c:v>45069</c:v>
                </c:pt>
                <c:pt idx="1406">
                  <c:v>45070</c:v>
                </c:pt>
                <c:pt idx="1407">
                  <c:v>45071</c:v>
                </c:pt>
                <c:pt idx="1408">
                  <c:v>45072</c:v>
                </c:pt>
                <c:pt idx="1409">
                  <c:v>45075</c:v>
                </c:pt>
                <c:pt idx="1410">
                  <c:v>45076</c:v>
                </c:pt>
                <c:pt idx="1411">
                  <c:v>45077</c:v>
                </c:pt>
                <c:pt idx="1412">
                  <c:v>45078</c:v>
                </c:pt>
                <c:pt idx="1413">
                  <c:v>45079</c:v>
                </c:pt>
                <c:pt idx="1414">
                  <c:v>45082</c:v>
                </c:pt>
                <c:pt idx="1415">
                  <c:v>45083</c:v>
                </c:pt>
                <c:pt idx="1416">
                  <c:v>45084</c:v>
                </c:pt>
                <c:pt idx="1417">
                  <c:v>45085</c:v>
                </c:pt>
                <c:pt idx="1418">
                  <c:v>45086</c:v>
                </c:pt>
                <c:pt idx="1419">
                  <c:v>45089</c:v>
                </c:pt>
                <c:pt idx="1420">
                  <c:v>45090</c:v>
                </c:pt>
                <c:pt idx="1421">
                  <c:v>45091</c:v>
                </c:pt>
                <c:pt idx="1422">
                  <c:v>45092</c:v>
                </c:pt>
                <c:pt idx="1423">
                  <c:v>45093</c:v>
                </c:pt>
                <c:pt idx="1424">
                  <c:v>45096</c:v>
                </c:pt>
                <c:pt idx="1425">
                  <c:v>45097</c:v>
                </c:pt>
                <c:pt idx="1426">
                  <c:v>45098</c:v>
                </c:pt>
                <c:pt idx="1427">
                  <c:v>45099</c:v>
                </c:pt>
                <c:pt idx="1428">
                  <c:v>45100</c:v>
                </c:pt>
                <c:pt idx="1429">
                  <c:v>45103</c:v>
                </c:pt>
                <c:pt idx="1430">
                  <c:v>45104</c:v>
                </c:pt>
                <c:pt idx="1431">
                  <c:v>45105</c:v>
                </c:pt>
                <c:pt idx="1432">
                  <c:v>45106</c:v>
                </c:pt>
                <c:pt idx="1433">
                  <c:v>45107</c:v>
                </c:pt>
                <c:pt idx="1434">
                  <c:v>45110</c:v>
                </c:pt>
                <c:pt idx="1435">
                  <c:v>45111</c:v>
                </c:pt>
                <c:pt idx="1436">
                  <c:v>45112</c:v>
                </c:pt>
                <c:pt idx="1437">
                  <c:v>45113</c:v>
                </c:pt>
                <c:pt idx="1438">
                  <c:v>45114</c:v>
                </c:pt>
                <c:pt idx="1439">
                  <c:v>45117</c:v>
                </c:pt>
                <c:pt idx="1440">
                  <c:v>45118</c:v>
                </c:pt>
                <c:pt idx="1441">
                  <c:v>45119</c:v>
                </c:pt>
                <c:pt idx="1442">
                  <c:v>45120</c:v>
                </c:pt>
                <c:pt idx="1443">
                  <c:v>45121</c:v>
                </c:pt>
                <c:pt idx="1444">
                  <c:v>45124</c:v>
                </c:pt>
                <c:pt idx="1445">
                  <c:v>45125</c:v>
                </c:pt>
                <c:pt idx="1446">
                  <c:v>45126</c:v>
                </c:pt>
                <c:pt idx="1447">
                  <c:v>45127</c:v>
                </c:pt>
                <c:pt idx="1448">
                  <c:v>45128</c:v>
                </c:pt>
                <c:pt idx="1449">
                  <c:v>45131</c:v>
                </c:pt>
                <c:pt idx="1450">
                  <c:v>45132</c:v>
                </c:pt>
                <c:pt idx="1451">
                  <c:v>45133</c:v>
                </c:pt>
                <c:pt idx="1452">
                  <c:v>45134</c:v>
                </c:pt>
                <c:pt idx="1453">
                  <c:v>45135</c:v>
                </c:pt>
                <c:pt idx="1454">
                  <c:v>45138</c:v>
                </c:pt>
                <c:pt idx="1455">
                  <c:v>45139</c:v>
                </c:pt>
                <c:pt idx="1456">
                  <c:v>45140</c:v>
                </c:pt>
                <c:pt idx="1457">
                  <c:v>45141</c:v>
                </c:pt>
                <c:pt idx="1458">
                  <c:v>45142</c:v>
                </c:pt>
                <c:pt idx="1459">
                  <c:v>45145</c:v>
                </c:pt>
                <c:pt idx="1460">
                  <c:v>45146</c:v>
                </c:pt>
                <c:pt idx="1461">
                  <c:v>45147</c:v>
                </c:pt>
                <c:pt idx="1462">
                  <c:v>45148</c:v>
                </c:pt>
                <c:pt idx="1463">
                  <c:v>45149</c:v>
                </c:pt>
                <c:pt idx="1464">
                  <c:v>45152</c:v>
                </c:pt>
                <c:pt idx="1465">
                  <c:v>45153</c:v>
                </c:pt>
                <c:pt idx="1466">
                  <c:v>45154</c:v>
                </c:pt>
                <c:pt idx="1467">
                  <c:v>45155</c:v>
                </c:pt>
                <c:pt idx="1468">
                  <c:v>45156</c:v>
                </c:pt>
                <c:pt idx="1469">
                  <c:v>45159</c:v>
                </c:pt>
                <c:pt idx="1470">
                  <c:v>45160</c:v>
                </c:pt>
                <c:pt idx="1471">
                  <c:v>45161</c:v>
                </c:pt>
                <c:pt idx="1472">
                  <c:v>45162</c:v>
                </c:pt>
                <c:pt idx="1473">
                  <c:v>45163</c:v>
                </c:pt>
                <c:pt idx="1474">
                  <c:v>45166</c:v>
                </c:pt>
                <c:pt idx="1475">
                  <c:v>45167</c:v>
                </c:pt>
                <c:pt idx="1476">
                  <c:v>45168</c:v>
                </c:pt>
                <c:pt idx="1477">
                  <c:v>45169</c:v>
                </c:pt>
                <c:pt idx="1478">
                  <c:v>45170</c:v>
                </c:pt>
                <c:pt idx="1479">
                  <c:v>45173</c:v>
                </c:pt>
                <c:pt idx="1480">
                  <c:v>45174</c:v>
                </c:pt>
                <c:pt idx="1481">
                  <c:v>45175</c:v>
                </c:pt>
                <c:pt idx="1482">
                  <c:v>45176</c:v>
                </c:pt>
                <c:pt idx="1483">
                  <c:v>45177</c:v>
                </c:pt>
                <c:pt idx="1484">
                  <c:v>45180</c:v>
                </c:pt>
                <c:pt idx="1485">
                  <c:v>45181</c:v>
                </c:pt>
                <c:pt idx="1486">
                  <c:v>45182</c:v>
                </c:pt>
                <c:pt idx="1487">
                  <c:v>45183</c:v>
                </c:pt>
                <c:pt idx="1488">
                  <c:v>45184</c:v>
                </c:pt>
                <c:pt idx="1489">
                  <c:v>45187</c:v>
                </c:pt>
                <c:pt idx="1490">
                  <c:v>45188</c:v>
                </c:pt>
                <c:pt idx="1491">
                  <c:v>45189</c:v>
                </c:pt>
                <c:pt idx="1492">
                  <c:v>45190</c:v>
                </c:pt>
                <c:pt idx="1493">
                  <c:v>45191</c:v>
                </c:pt>
                <c:pt idx="1494">
                  <c:v>45194</c:v>
                </c:pt>
                <c:pt idx="1495">
                  <c:v>45195</c:v>
                </c:pt>
                <c:pt idx="1496">
                  <c:v>45196</c:v>
                </c:pt>
                <c:pt idx="1497">
                  <c:v>45197</c:v>
                </c:pt>
                <c:pt idx="1498">
                  <c:v>45198</c:v>
                </c:pt>
                <c:pt idx="1499">
                  <c:v>45201</c:v>
                </c:pt>
                <c:pt idx="1500">
                  <c:v>45202</c:v>
                </c:pt>
                <c:pt idx="1501">
                  <c:v>45203</c:v>
                </c:pt>
                <c:pt idx="1502">
                  <c:v>45204</c:v>
                </c:pt>
                <c:pt idx="1503">
                  <c:v>45205</c:v>
                </c:pt>
                <c:pt idx="1504">
                  <c:v>45208</c:v>
                </c:pt>
                <c:pt idx="1505">
                  <c:v>45209</c:v>
                </c:pt>
                <c:pt idx="1506">
                  <c:v>45210</c:v>
                </c:pt>
                <c:pt idx="1507">
                  <c:v>45211</c:v>
                </c:pt>
                <c:pt idx="1508">
                  <c:v>45212</c:v>
                </c:pt>
                <c:pt idx="1509">
                  <c:v>45215</c:v>
                </c:pt>
                <c:pt idx="1510">
                  <c:v>45216</c:v>
                </c:pt>
                <c:pt idx="1511">
                  <c:v>45217</c:v>
                </c:pt>
                <c:pt idx="1512">
                  <c:v>45218</c:v>
                </c:pt>
                <c:pt idx="1513">
                  <c:v>45219</c:v>
                </c:pt>
                <c:pt idx="1514">
                  <c:v>45222</c:v>
                </c:pt>
                <c:pt idx="1515">
                  <c:v>45223</c:v>
                </c:pt>
                <c:pt idx="1516">
                  <c:v>45224</c:v>
                </c:pt>
                <c:pt idx="1517">
                  <c:v>45225</c:v>
                </c:pt>
                <c:pt idx="1518">
                  <c:v>45226</c:v>
                </c:pt>
                <c:pt idx="1519">
                  <c:v>45229</c:v>
                </c:pt>
                <c:pt idx="1520">
                  <c:v>45230</c:v>
                </c:pt>
                <c:pt idx="1521">
                  <c:v>45231</c:v>
                </c:pt>
                <c:pt idx="1522">
                  <c:v>45232</c:v>
                </c:pt>
                <c:pt idx="1523">
                  <c:v>45233</c:v>
                </c:pt>
                <c:pt idx="1524">
                  <c:v>45236</c:v>
                </c:pt>
                <c:pt idx="1525">
                  <c:v>45237</c:v>
                </c:pt>
                <c:pt idx="1526">
                  <c:v>45238</c:v>
                </c:pt>
                <c:pt idx="1527">
                  <c:v>45239</c:v>
                </c:pt>
                <c:pt idx="1528">
                  <c:v>45240</c:v>
                </c:pt>
                <c:pt idx="1529">
                  <c:v>45243</c:v>
                </c:pt>
                <c:pt idx="1530">
                  <c:v>45244</c:v>
                </c:pt>
                <c:pt idx="1531">
                  <c:v>45245</c:v>
                </c:pt>
                <c:pt idx="1532">
                  <c:v>45246</c:v>
                </c:pt>
                <c:pt idx="1533">
                  <c:v>45247</c:v>
                </c:pt>
                <c:pt idx="1534">
                  <c:v>45250</c:v>
                </c:pt>
                <c:pt idx="1535">
                  <c:v>45251</c:v>
                </c:pt>
                <c:pt idx="1536">
                  <c:v>45252</c:v>
                </c:pt>
                <c:pt idx="1537">
                  <c:v>45253</c:v>
                </c:pt>
                <c:pt idx="1538">
                  <c:v>45254</c:v>
                </c:pt>
                <c:pt idx="1539">
                  <c:v>45257</c:v>
                </c:pt>
                <c:pt idx="1540">
                  <c:v>45258</c:v>
                </c:pt>
                <c:pt idx="1541">
                  <c:v>45259</c:v>
                </c:pt>
                <c:pt idx="1542">
                  <c:v>45260</c:v>
                </c:pt>
                <c:pt idx="1543">
                  <c:v>45261</c:v>
                </c:pt>
                <c:pt idx="1544">
                  <c:v>45264</c:v>
                </c:pt>
                <c:pt idx="1545">
                  <c:v>45265</c:v>
                </c:pt>
                <c:pt idx="1546">
                  <c:v>45266</c:v>
                </c:pt>
                <c:pt idx="1547">
                  <c:v>45267</c:v>
                </c:pt>
                <c:pt idx="1548">
                  <c:v>45268</c:v>
                </c:pt>
                <c:pt idx="1549">
                  <c:v>45271</c:v>
                </c:pt>
                <c:pt idx="1550">
                  <c:v>45272</c:v>
                </c:pt>
                <c:pt idx="1551">
                  <c:v>45273</c:v>
                </c:pt>
                <c:pt idx="1552">
                  <c:v>45274</c:v>
                </c:pt>
                <c:pt idx="1553">
                  <c:v>45275</c:v>
                </c:pt>
                <c:pt idx="1554">
                  <c:v>45278</c:v>
                </c:pt>
                <c:pt idx="1555">
                  <c:v>45279</c:v>
                </c:pt>
                <c:pt idx="1556">
                  <c:v>45280</c:v>
                </c:pt>
                <c:pt idx="1557">
                  <c:v>45281</c:v>
                </c:pt>
                <c:pt idx="1558">
                  <c:v>45282</c:v>
                </c:pt>
                <c:pt idx="1559">
                  <c:v>45285</c:v>
                </c:pt>
                <c:pt idx="1560">
                  <c:v>45286</c:v>
                </c:pt>
                <c:pt idx="1561">
                  <c:v>45287</c:v>
                </c:pt>
                <c:pt idx="1562">
                  <c:v>45288</c:v>
                </c:pt>
                <c:pt idx="1563">
                  <c:v>45289</c:v>
                </c:pt>
                <c:pt idx="1564">
                  <c:v>45292</c:v>
                </c:pt>
                <c:pt idx="1565">
                  <c:v>45293</c:v>
                </c:pt>
                <c:pt idx="1566">
                  <c:v>45294</c:v>
                </c:pt>
                <c:pt idx="1567">
                  <c:v>45295</c:v>
                </c:pt>
                <c:pt idx="1568">
                  <c:v>45296</c:v>
                </c:pt>
                <c:pt idx="1569">
                  <c:v>45299</c:v>
                </c:pt>
                <c:pt idx="1570">
                  <c:v>45300</c:v>
                </c:pt>
                <c:pt idx="1571">
                  <c:v>45301</c:v>
                </c:pt>
                <c:pt idx="1572">
                  <c:v>45302</c:v>
                </c:pt>
                <c:pt idx="1573">
                  <c:v>45303</c:v>
                </c:pt>
                <c:pt idx="1574">
                  <c:v>45306</c:v>
                </c:pt>
                <c:pt idx="1575">
                  <c:v>45307</c:v>
                </c:pt>
                <c:pt idx="1576">
                  <c:v>45308</c:v>
                </c:pt>
                <c:pt idx="1577">
                  <c:v>45309</c:v>
                </c:pt>
                <c:pt idx="1578">
                  <c:v>45310</c:v>
                </c:pt>
                <c:pt idx="1579">
                  <c:v>45313</c:v>
                </c:pt>
                <c:pt idx="1580">
                  <c:v>45314</c:v>
                </c:pt>
                <c:pt idx="1581">
                  <c:v>45315</c:v>
                </c:pt>
                <c:pt idx="1582">
                  <c:v>45316</c:v>
                </c:pt>
                <c:pt idx="1583">
                  <c:v>45317</c:v>
                </c:pt>
                <c:pt idx="1584">
                  <c:v>45320</c:v>
                </c:pt>
                <c:pt idx="1585">
                  <c:v>45321</c:v>
                </c:pt>
                <c:pt idx="1586">
                  <c:v>45322</c:v>
                </c:pt>
                <c:pt idx="1587">
                  <c:v>45323</c:v>
                </c:pt>
                <c:pt idx="1588">
                  <c:v>45324</c:v>
                </c:pt>
                <c:pt idx="1589">
                  <c:v>45327</c:v>
                </c:pt>
                <c:pt idx="1590">
                  <c:v>45328</c:v>
                </c:pt>
                <c:pt idx="1591">
                  <c:v>45329</c:v>
                </c:pt>
                <c:pt idx="1592">
                  <c:v>45330</c:v>
                </c:pt>
                <c:pt idx="1593">
                  <c:v>45331</c:v>
                </c:pt>
                <c:pt idx="1594">
                  <c:v>45334</c:v>
                </c:pt>
                <c:pt idx="1595">
                  <c:v>45335</c:v>
                </c:pt>
                <c:pt idx="1596">
                  <c:v>45336</c:v>
                </c:pt>
                <c:pt idx="1597">
                  <c:v>45337</c:v>
                </c:pt>
                <c:pt idx="1598">
                  <c:v>45338</c:v>
                </c:pt>
                <c:pt idx="1599">
                  <c:v>45341</c:v>
                </c:pt>
                <c:pt idx="1600">
                  <c:v>45342</c:v>
                </c:pt>
                <c:pt idx="1601">
                  <c:v>45343</c:v>
                </c:pt>
                <c:pt idx="1602">
                  <c:v>45344</c:v>
                </c:pt>
                <c:pt idx="1603">
                  <c:v>45345</c:v>
                </c:pt>
                <c:pt idx="1604">
                  <c:v>45348</c:v>
                </c:pt>
                <c:pt idx="1605">
                  <c:v>45349</c:v>
                </c:pt>
                <c:pt idx="1606">
                  <c:v>45350</c:v>
                </c:pt>
                <c:pt idx="1607">
                  <c:v>45351</c:v>
                </c:pt>
                <c:pt idx="1608">
                  <c:v>45352</c:v>
                </c:pt>
                <c:pt idx="1609">
                  <c:v>45355</c:v>
                </c:pt>
                <c:pt idx="1610">
                  <c:v>45356</c:v>
                </c:pt>
                <c:pt idx="1611">
                  <c:v>45357</c:v>
                </c:pt>
                <c:pt idx="1612">
                  <c:v>45358</c:v>
                </c:pt>
                <c:pt idx="1613">
                  <c:v>45359</c:v>
                </c:pt>
                <c:pt idx="1614">
                  <c:v>45362</c:v>
                </c:pt>
                <c:pt idx="1615">
                  <c:v>45363</c:v>
                </c:pt>
                <c:pt idx="1616">
                  <c:v>45364</c:v>
                </c:pt>
                <c:pt idx="1617">
                  <c:v>45365</c:v>
                </c:pt>
                <c:pt idx="1618">
                  <c:v>45366</c:v>
                </c:pt>
                <c:pt idx="1619">
                  <c:v>45369</c:v>
                </c:pt>
                <c:pt idx="1620">
                  <c:v>45370</c:v>
                </c:pt>
                <c:pt idx="1621">
                  <c:v>45371</c:v>
                </c:pt>
                <c:pt idx="1622">
                  <c:v>45372</c:v>
                </c:pt>
                <c:pt idx="1623">
                  <c:v>45373</c:v>
                </c:pt>
                <c:pt idx="1624">
                  <c:v>45376</c:v>
                </c:pt>
                <c:pt idx="1625">
                  <c:v>45377</c:v>
                </c:pt>
                <c:pt idx="1626">
                  <c:v>45378</c:v>
                </c:pt>
                <c:pt idx="1627">
                  <c:v>45379</c:v>
                </c:pt>
                <c:pt idx="1628">
                  <c:v>45380</c:v>
                </c:pt>
                <c:pt idx="1629">
                  <c:v>45383</c:v>
                </c:pt>
                <c:pt idx="1630">
                  <c:v>45384</c:v>
                </c:pt>
                <c:pt idx="1631">
                  <c:v>45385</c:v>
                </c:pt>
                <c:pt idx="1632">
                  <c:v>45386</c:v>
                </c:pt>
                <c:pt idx="1633">
                  <c:v>45387</c:v>
                </c:pt>
                <c:pt idx="1634">
                  <c:v>45390</c:v>
                </c:pt>
                <c:pt idx="1635">
                  <c:v>45391</c:v>
                </c:pt>
                <c:pt idx="1636">
                  <c:v>45392</c:v>
                </c:pt>
                <c:pt idx="1637">
                  <c:v>45393</c:v>
                </c:pt>
                <c:pt idx="1638">
                  <c:v>45394</c:v>
                </c:pt>
                <c:pt idx="1639">
                  <c:v>45397</c:v>
                </c:pt>
                <c:pt idx="1640">
                  <c:v>45398</c:v>
                </c:pt>
                <c:pt idx="1641">
                  <c:v>45399</c:v>
                </c:pt>
                <c:pt idx="1642">
                  <c:v>45400</c:v>
                </c:pt>
                <c:pt idx="1643">
                  <c:v>45401</c:v>
                </c:pt>
                <c:pt idx="1644">
                  <c:v>45404</c:v>
                </c:pt>
                <c:pt idx="1645">
                  <c:v>45405</c:v>
                </c:pt>
                <c:pt idx="1646">
                  <c:v>45406</c:v>
                </c:pt>
                <c:pt idx="1647">
                  <c:v>45407</c:v>
                </c:pt>
                <c:pt idx="1648">
                  <c:v>45408</c:v>
                </c:pt>
                <c:pt idx="1649">
                  <c:v>45411</c:v>
                </c:pt>
                <c:pt idx="1650">
                  <c:v>45412</c:v>
                </c:pt>
                <c:pt idx="1651">
                  <c:v>45413</c:v>
                </c:pt>
                <c:pt idx="1652">
                  <c:v>45414</c:v>
                </c:pt>
                <c:pt idx="1653">
                  <c:v>45415</c:v>
                </c:pt>
                <c:pt idx="1654">
                  <c:v>45418</c:v>
                </c:pt>
                <c:pt idx="1655">
                  <c:v>45419</c:v>
                </c:pt>
                <c:pt idx="1656">
                  <c:v>45420</c:v>
                </c:pt>
                <c:pt idx="1657">
                  <c:v>45421</c:v>
                </c:pt>
                <c:pt idx="1658">
                  <c:v>45422</c:v>
                </c:pt>
                <c:pt idx="1659">
                  <c:v>45425</c:v>
                </c:pt>
                <c:pt idx="1660">
                  <c:v>45426</c:v>
                </c:pt>
                <c:pt idx="1661">
                  <c:v>45427</c:v>
                </c:pt>
                <c:pt idx="1662">
                  <c:v>45428</c:v>
                </c:pt>
                <c:pt idx="1663">
                  <c:v>45429</c:v>
                </c:pt>
                <c:pt idx="1664">
                  <c:v>45432</c:v>
                </c:pt>
                <c:pt idx="1665">
                  <c:v>45433</c:v>
                </c:pt>
                <c:pt idx="1666">
                  <c:v>45434</c:v>
                </c:pt>
                <c:pt idx="1667">
                  <c:v>45435</c:v>
                </c:pt>
                <c:pt idx="1668">
                  <c:v>45436</c:v>
                </c:pt>
                <c:pt idx="1669">
                  <c:v>45439</c:v>
                </c:pt>
                <c:pt idx="1670">
                  <c:v>45440</c:v>
                </c:pt>
                <c:pt idx="1671">
                  <c:v>45441</c:v>
                </c:pt>
                <c:pt idx="1672">
                  <c:v>45442</c:v>
                </c:pt>
                <c:pt idx="1673">
                  <c:v>45443</c:v>
                </c:pt>
                <c:pt idx="1674">
                  <c:v>45446</c:v>
                </c:pt>
                <c:pt idx="1675">
                  <c:v>45447</c:v>
                </c:pt>
                <c:pt idx="1676">
                  <c:v>45448</c:v>
                </c:pt>
                <c:pt idx="1677">
                  <c:v>45449</c:v>
                </c:pt>
                <c:pt idx="1678">
                  <c:v>45450</c:v>
                </c:pt>
                <c:pt idx="1679">
                  <c:v>45453</c:v>
                </c:pt>
                <c:pt idx="1680">
                  <c:v>45454</c:v>
                </c:pt>
                <c:pt idx="1681">
                  <c:v>45455</c:v>
                </c:pt>
                <c:pt idx="1682">
                  <c:v>45456</c:v>
                </c:pt>
                <c:pt idx="1683">
                  <c:v>45457</c:v>
                </c:pt>
                <c:pt idx="1684">
                  <c:v>45460</c:v>
                </c:pt>
                <c:pt idx="1685">
                  <c:v>45461</c:v>
                </c:pt>
                <c:pt idx="1686">
                  <c:v>45462</c:v>
                </c:pt>
                <c:pt idx="1687">
                  <c:v>45463</c:v>
                </c:pt>
                <c:pt idx="1688">
                  <c:v>45464</c:v>
                </c:pt>
                <c:pt idx="1689">
                  <c:v>45467</c:v>
                </c:pt>
                <c:pt idx="1690">
                  <c:v>45468</c:v>
                </c:pt>
                <c:pt idx="1691">
                  <c:v>45469</c:v>
                </c:pt>
                <c:pt idx="1692">
                  <c:v>45470</c:v>
                </c:pt>
                <c:pt idx="1693">
                  <c:v>45471</c:v>
                </c:pt>
                <c:pt idx="1694">
                  <c:v>45474</c:v>
                </c:pt>
                <c:pt idx="1695">
                  <c:v>45475</c:v>
                </c:pt>
                <c:pt idx="1696">
                  <c:v>45476</c:v>
                </c:pt>
                <c:pt idx="1697">
                  <c:v>45477</c:v>
                </c:pt>
                <c:pt idx="1698">
                  <c:v>45478</c:v>
                </c:pt>
                <c:pt idx="1699">
                  <c:v>45481</c:v>
                </c:pt>
                <c:pt idx="1700">
                  <c:v>45482</c:v>
                </c:pt>
                <c:pt idx="1701">
                  <c:v>45483</c:v>
                </c:pt>
                <c:pt idx="1702">
                  <c:v>45484</c:v>
                </c:pt>
              </c:numCache>
            </c:numRef>
          </c:cat>
          <c:val>
            <c:numRef>
              <c:f>'10Yr_Gov'!$M$5:$M$1707</c:f>
              <c:numCache>
                <c:formatCode>General</c:formatCode>
                <c:ptCount val="1703"/>
                <c:pt idx="0">
                  <c:v>0.46</c:v>
                </c:pt>
                <c:pt idx="1">
                  <c:v>0.44</c:v>
                </c:pt>
                <c:pt idx="2">
                  <c:v>0.45</c:v>
                </c:pt>
                <c:pt idx="3">
                  <c:v>0.45</c:v>
                </c:pt>
                <c:pt idx="4">
                  <c:v>0.43</c:v>
                </c:pt>
                <c:pt idx="5">
                  <c:v>0.47</c:v>
                </c:pt>
                <c:pt idx="6">
                  <c:v>0.48</c:v>
                </c:pt>
                <c:pt idx="7">
                  <c:v>0.54</c:v>
                </c:pt>
                <c:pt idx="8">
                  <c:v>0.53</c:v>
                </c:pt>
                <c:pt idx="9">
                  <c:v>0.54</c:v>
                </c:pt>
                <c:pt idx="10">
                  <c:v>0.51</c:v>
                </c:pt>
                <c:pt idx="11">
                  <c:v>0.5</c:v>
                </c:pt>
                <c:pt idx="12">
                  <c:v>0.52</c:v>
                </c:pt>
                <c:pt idx="13">
                  <c:v>0.51</c:v>
                </c:pt>
                <c:pt idx="14">
                  <c:v>0.51</c:v>
                </c:pt>
                <c:pt idx="15">
                  <c:v>0.5</c:v>
                </c:pt>
                <c:pt idx="16">
                  <c:v>0.53</c:v>
                </c:pt>
                <c:pt idx="17">
                  <c:v>0.55000000000000004</c:v>
                </c:pt>
                <c:pt idx="18">
                  <c:v>0.56999999999999995</c:v>
                </c:pt>
                <c:pt idx="19">
                  <c:v>0.64</c:v>
                </c:pt>
                <c:pt idx="20">
                  <c:v>0.63</c:v>
                </c:pt>
                <c:pt idx="21">
                  <c:v>0.69</c:v>
                </c:pt>
                <c:pt idx="22">
                  <c:v>0.71</c:v>
                </c:pt>
                <c:pt idx="23">
                  <c:v>0.76</c:v>
                </c:pt>
                <c:pt idx="24">
                  <c:v>0.74</c:v>
                </c:pt>
                <c:pt idx="25">
                  <c:v>0.69</c:v>
                </c:pt>
                <c:pt idx="26">
                  <c:v>0.73</c:v>
                </c:pt>
                <c:pt idx="27">
                  <c:v>0.77</c:v>
                </c:pt>
                <c:pt idx="28">
                  <c:v>0.75</c:v>
                </c:pt>
                <c:pt idx="29">
                  <c:v>0.75</c:v>
                </c:pt>
                <c:pt idx="30">
                  <c:v>0.74</c:v>
                </c:pt>
                <c:pt idx="31">
                  <c:v>0.75</c:v>
                </c:pt>
                <c:pt idx="32">
                  <c:v>0.76</c:v>
                </c:pt>
                <c:pt idx="33">
                  <c:v>0.71</c:v>
                </c:pt>
                <c:pt idx="34">
                  <c:v>0.73</c:v>
                </c:pt>
                <c:pt idx="35">
                  <c:v>0.73</c:v>
                </c:pt>
                <c:pt idx="36">
                  <c:v>0.72</c:v>
                </c:pt>
                <c:pt idx="37">
                  <c:v>0.7</c:v>
                </c:pt>
                <c:pt idx="38">
                  <c:v>0.65</c:v>
                </c:pt>
                <c:pt idx="39">
                  <c:v>0.64</c:v>
                </c:pt>
                <c:pt idx="40">
                  <c:v>0.67</c:v>
                </c:pt>
                <c:pt idx="41">
                  <c:v>0.66</c:v>
                </c:pt>
                <c:pt idx="42">
                  <c:v>0.64</c:v>
                </c:pt>
                <c:pt idx="43">
                  <c:v>0.64</c:v>
                </c:pt>
                <c:pt idx="44">
                  <c:v>0.63</c:v>
                </c:pt>
                <c:pt idx="45">
                  <c:v>0.67</c:v>
                </c:pt>
                <c:pt idx="46">
                  <c:v>0.66</c:v>
                </c:pt>
                <c:pt idx="47">
                  <c:v>0.63</c:v>
                </c:pt>
                <c:pt idx="48">
                  <c:v>0.65</c:v>
                </c:pt>
                <c:pt idx="49">
                  <c:v>0.63</c:v>
                </c:pt>
                <c:pt idx="50">
                  <c:v>0.62</c:v>
                </c:pt>
                <c:pt idx="51">
                  <c:v>0.57999999999999996</c:v>
                </c:pt>
                <c:pt idx="52">
                  <c:v>0.56999999999999995</c:v>
                </c:pt>
                <c:pt idx="53">
                  <c:v>0.56999999999999995</c:v>
                </c:pt>
                <c:pt idx="54">
                  <c:v>0.56000000000000005</c:v>
                </c:pt>
                <c:pt idx="55">
                  <c:v>0.57999999999999996</c:v>
                </c:pt>
                <c:pt idx="56">
                  <c:v>0.59</c:v>
                </c:pt>
                <c:pt idx="57">
                  <c:v>0.52</c:v>
                </c:pt>
                <c:pt idx="58">
                  <c:v>0.52</c:v>
                </c:pt>
                <c:pt idx="59">
                  <c:v>0.52</c:v>
                </c:pt>
                <c:pt idx="60">
                  <c:v>0.5</c:v>
                </c:pt>
                <c:pt idx="61">
                  <c:v>0.5</c:v>
                </c:pt>
                <c:pt idx="62">
                  <c:v>0.49</c:v>
                </c:pt>
                <c:pt idx="63">
                  <c:v>0.49</c:v>
                </c:pt>
                <c:pt idx="64">
                  <c:v>0.49</c:v>
                </c:pt>
                <c:pt idx="65">
                  <c:v>0.5</c:v>
                </c:pt>
                <c:pt idx="66">
                  <c:v>0.49</c:v>
                </c:pt>
                <c:pt idx="67">
                  <c:v>0.52</c:v>
                </c:pt>
                <c:pt idx="68">
                  <c:v>0.49</c:v>
                </c:pt>
                <c:pt idx="69">
                  <c:v>0.5</c:v>
                </c:pt>
                <c:pt idx="70">
                  <c:v>0.52</c:v>
                </c:pt>
                <c:pt idx="71">
                  <c:v>0.49</c:v>
                </c:pt>
                <c:pt idx="72">
                  <c:v>0.51</c:v>
                </c:pt>
                <c:pt idx="73">
                  <c:v>0.51</c:v>
                </c:pt>
                <c:pt idx="74">
                  <c:v>0.52</c:v>
                </c:pt>
                <c:pt idx="75">
                  <c:v>0.51</c:v>
                </c:pt>
                <c:pt idx="76">
                  <c:v>0.53</c:v>
                </c:pt>
                <c:pt idx="77">
                  <c:v>0.59</c:v>
                </c:pt>
                <c:pt idx="78">
                  <c:v>0.6</c:v>
                </c:pt>
                <c:pt idx="79">
                  <c:v>0.63</c:v>
                </c:pt>
                <c:pt idx="80">
                  <c:v>0.63</c:v>
                </c:pt>
                <c:pt idx="81">
                  <c:v>0.64</c:v>
                </c:pt>
                <c:pt idx="82">
                  <c:v>0.59</c:v>
                </c:pt>
                <c:pt idx="83">
                  <c:v>0.56999999999999995</c:v>
                </c:pt>
                <c:pt idx="84">
                  <c:v>0.56000000000000005</c:v>
                </c:pt>
                <c:pt idx="85">
                  <c:v>0.56000000000000005</c:v>
                </c:pt>
                <c:pt idx="86">
                  <c:v>0.57999999999999996</c:v>
                </c:pt>
                <c:pt idx="87">
                  <c:v>0.53</c:v>
                </c:pt>
                <c:pt idx="88">
                  <c:v>0.54</c:v>
                </c:pt>
                <c:pt idx="89">
                  <c:v>0.53</c:v>
                </c:pt>
                <c:pt idx="90">
                  <c:v>0.56000000000000005</c:v>
                </c:pt>
                <c:pt idx="91">
                  <c:v>0.56000000000000005</c:v>
                </c:pt>
                <c:pt idx="92">
                  <c:v>0.54</c:v>
                </c:pt>
                <c:pt idx="93">
                  <c:v>0.56000000000000005</c:v>
                </c:pt>
                <c:pt idx="94">
                  <c:v>0.61</c:v>
                </c:pt>
                <c:pt idx="95">
                  <c:v>0.64</c:v>
                </c:pt>
                <c:pt idx="96">
                  <c:v>0.61</c:v>
                </c:pt>
                <c:pt idx="97">
                  <c:v>0.63</c:v>
                </c:pt>
                <c:pt idx="98">
                  <c:v>0.56999999999999995</c:v>
                </c:pt>
                <c:pt idx="99">
                  <c:v>0.54</c:v>
                </c:pt>
                <c:pt idx="100">
                  <c:v>0.56000000000000005</c:v>
                </c:pt>
                <c:pt idx="101">
                  <c:v>0.5</c:v>
                </c:pt>
                <c:pt idx="102">
                  <c:v>0.46</c:v>
                </c:pt>
                <c:pt idx="103">
                  <c:v>0.4</c:v>
                </c:pt>
                <c:pt idx="104">
                  <c:v>0.34</c:v>
                </c:pt>
                <c:pt idx="105">
                  <c:v>0.28000000000000003</c:v>
                </c:pt>
                <c:pt idx="106">
                  <c:v>0.34</c:v>
                </c:pt>
                <c:pt idx="107">
                  <c:v>0.32</c:v>
                </c:pt>
                <c:pt idx="108">
                  <c:v>0.37</c:v>
                </c:pt>
                <c:pt idx="109">
                  <c:v>0.42</c:v>
                </c:pt>
                <c:pt idx="110">
                  <c:v>0.37</c:v>
                </c:pt>
                <c:pt idx="111">
                  <c:v>0.46</c:v>
                </c:pt>
                <c:pt idx="112">
                  <c:v>0.49</c:v>
                </c:pt>
                <c:pt idx="113">
                  <c:v>0.45</c:v>
                </c:pt>
                <c:pt idx="114">
                  <c:v>0.49</c:v>
                </c:pt>
                <c:pt idx="115">
                  <c:v>0.49</c:v>
                </c:pt>
                <c:pt idx="116">
                  <c:v>0.47</c:v>
                </c:pt>
                <c:pt idx="117">
                  <c:v>0.43</c:v>
                </c:pt>
                <c:pt idx="118">
                  <c:v>0.4</c:v>
                </c:pt>
                <c:pt idx="119">
                  <c:v>0.4</c:v>
                </c:pt>
                <c:pt idx="120">
                  <c:v>0.37</c:v>
                </c:pt>
                <c:pt idx="121">
                  <c:v>0.38</c:v>
                </c:pt>
                <c:pt idx="122">
                  <c:v>0.33</c:v>
                </c:pt>
                <c:pt idx="123">
                  <c:v>0.33</c:v>
                </c:pt>
                <c:pt idx="124">
                  <c:v>0.32</c:v>
                </c:pt>
                <c:pt idx="125">
                  <c:v>0.34</c:v>
                </c:pt>
                <c:pt idx="126">
                  <c:v>0.32</c:v>
                </c:pt>
                <c:pt idx="127">
                  <c:v>0.31</c:v>
                </c:pt>
                <c:pt idx="128">
                  <c:v>0.28000000000000003</c:v>
                </c:pt>
                <c:pt idx="129">
                  <c:v>0.27</c:v>
                </c:pt>
                <c:pt idx="130">
                  <c:v>0.27</c:v>
                </c:pt>
                <c:pt idx="131">
                  <c:v>0.28000000000000003</c:v>
                </c:pt>
                <c:pt idx="132">
                  <c:v>0.27</c:v>
                </c:pt>
                <c:pt idx="133">
                  <c:v>0.27</c:v>
                </c:pt>
                <c:pt idx="134">
                  <c:v>0.28000000000000003</c:v>
                </c:pt>
                <c:pt idx="135">
                  <c:v>0.3</c:v>
                </c:pt>
                <c:pt idx="136">
                  <c:v>0.28999999999999998</c:v>
                </c:pt>
                <c:pt idx="137">
                  <c:v>0.27</c:v>
                </c:pt>
                <c:pt idx="138">
                  <c:v>0.26</c:v>
                </c:pt>
                <c:pt idx="139">
                  <c:v>0.28999999999999998</c:v>
                </c:pt>
                <c:pt idx="140">
                  <c:v>0.27</c:v>
                </c:pt>
                <c:pt idx="141">
                  <c:v>0.27</c:v>
                </c:pt>
                <c:pt idx="142">
                  <c:v>0.26</c:v>
                </c:pt>
                <c:pt idx="143">
                  <c:v>0.3</c:v>
                </c:pt>
                <c:pt idx="144">
                  <c:v>0.33</c:v>
                </c:pt>
                <c:pt idx="145">
                  <c:v>0.31</c:v>
                </c:pt>
                <c:pt idx="146">
                  <c:v>0.31</c:v>
                </c:pt>
                <c:pt idx="147">
                  <c:v>0.32</c:v>
                </c:pt>
                <c:pt idx="148">
                  <c:v>0.33</c:v>
                </c:pt>
                <c:pt idx="149">
                  <c:v>0.38</c:v>
                </c:pt>
                <c:pt idx="150">
                  <c:v>0.44</c:v>
                </c:pt>
                <c:pt idx="151">
                  <c:v>0.49</c:v>
                </c:pt>
                <c:pt idx="152">
                  <c:v>0.46</c:v>
                </c:pt>
                <c:pt idx="153">
                  <c:v>0.41</c:v>
                </c:pt>
                <c:pt idx="154">
                  <c:v>0.39</c:v>
                </c:pt>
                <c:pt idx="155">
                  <c:v>0.41</c:v>
                </c:pt>
                <c:pt idx="156">
                  <c:v>0.4</c:v>
                </c:pt>
                <c:pt idx="157">
                  <c:v>0.38</c:v>
                </c:pt>
                <c:pt idx="158">
                  <c:v>0.32</c:v>
                </c:pt>
                <c:pt idx="159">
                  <c:v>0.32</c:v>
                </c:pt>
                <c:pt idx="160">
                  <c:v>0.33</c:v>
                </c:pt>
                <c:pt idx="161">
                  <c:v>0.3</c:v>
                </c:pt>
                <c:pt idx="162">
                  <c:v>0.31</c:v>
                </c:pt>
                <c:pt idx="163">
                  <c:v>0.3</c:v>
                </c:pt>
                <c:pt idx="164">
                  <c:v>0.3</c:v>
                </c:pt>
                <c:pt idx="165">
                  <c:v>0.33</c:v>
                </c:pt>
                <c:pt idx="166">
                  <c:v>0.35</c:v>
                </c:pt>
                <c:pt idx="167">
                  <c:v>0.34</c:v>
                </c:pt>
                <c:pt idx="168">
                  <c:v>0.34</c:v>
                </c:pt>
                <c:pt idx="169">
                  <c:v>0.37</c:v>
                </c:pt>
                <c:pt idx="170">
                  <c:v>0.38</c:v>
                </c:pt>
                <c:pt idx="171">
                  <c:v>0.4</c:v>
                </c:pt>
                <c:pt idx="172">
                  <c:v>0.35</c:v>
                </c:pt>
                <c:pt idx="173">
                  <c:v>0.33</c:v>
                </c:pt>
                <c:pt idx="174">
                  <c:v>0.33</c:v>
                </c:pt>
                <c:pt idx="175">
                  <c:v>0.35</c:v>
                </c:pt>
                <c:pt idx="176">
                  <c:v>0.39</c:v>
                </c:pt>
                <c:pt idx="177">
                  <c:v>0.35</c:v>
                </c:pt>
                <c:pt idx="178">
                  <c:v>0.39</c:v>
                </c:pt>
                <c:pt idx="179">
                  <c:v>0.4</c:v>
                </c:pt>
                <c:pt idx="180">
                  <c:v>0.43</c:v>
                </c:pt>
                <c:pt idx="181">
                  <c:v>0.41</c:v>
                </c:pt>
                <c:pt idx="182">
                  <c:v>0.43</c:v>
                </c:pt>
                <c:pt idx="183">
                  <c:v>0.45</c:v>
                </c:pt>
                <c:pt idx="184">
                  <c:v>0.46</c:v>
                </c:pt>
                <c:pt idx="185">
                  <c:v>0.48</c:v>
                </c:pt>
                <c:pt idx="186">
                  <c:v>0.49</c:v>
                </c:pt>
                <c:pt idx="187">
                  <c:v>0.48</c:v>
                </c:pt>
                <c:pt idx="188">
                  <c:v>0.46</c:v>
                </c:pt>
                <c:pt idx="189">
                  <c:v>0.51</c:v>
                </c:pt>
                <c:pt idx="190">
                  <c:v>0.54</c:v>
                </c:pt>
                <c:pt idx="191">
                  <c:v>0.53</c:v>
                </c:pt>
                <c:pt idx="192">
                  <c:v>0.53</c:v>
                </c:pt>
                <c:pt idx="193">
                  <c:v>0.47</c:v>
                </c:pt>
                <c:pt idx="194">
                  <c:v>0.48</c:v>
                </c:pt>
                <c:pt idx="195">
                  <c:v>0.43</c:v>
                </c:pt>
                <c:pt idx="196">
                  <c:v>0.47</c:v>
                </c:pt>
                <c:pt idx="197">
                  <c:v>0.54</c:v>
                </c:pt>
                <c:pt idx="198">
                  <c:v>0.56999999999999995</c:v>
                </c:pt>
                <c:pt idx="199">
                  <c:v>0.54</c:v>
                </c:pt>
                <c:pt idx="200">
                  <c:v>0.54</c:v>
                </c:pt>
                <c:pt idx="201">
                  <c:v>0.55000000000000004</c:v>
                </c:pt>
                <c:pt idx="202">
                  <c:v>0.51</c:v>
                </c:pt>
                <c:pt idx="203">
                  <c:v>0.5</c:v>
                </c:pt>
                <c:pt idx="204">
                  <c:v>0.5</c:v>
                </c:pt>
                <c:pt idx="205">
                  <c:v>0.49</c:v>
                </c:pt>
                <c:pt idx="206">
                  <c:v>0.46</c:v>
                </c:pt>
                <c:pt idx="207">
                  <c:v>0.43</c:v>
                </c:pt>
                <c:pt idx="208">
                  <c:v>0.44</c:v>
                </c:pt>
                <c:pt idx="209">
                  <c:v>0.45</c:v>
                </c:pt>
                <c:pt idx="210">
                  <c:v>0.41</c:v>
                </c:pt>
                <c:pt idx="211">
                  <c:v>0.39</c:v>
                </c:pt>
                <c:pt idx="212">
                  <c:v>0.39</c:v>
                </c:pt>
                <c:pt idx="213">
                  <c:v>0.34</c:v>
                </c:pt>
                <c:pt idx="214">
                  <c:v>0.37</c:v>
                </c:pt>
                <c:pt idx="215">
                  <c:v>0.37</c:v>
                </c:pt>
                <c:pt idx="216">
                  <c:v>0.38</c:v>
                </c:pt>
                <c:pt idx="217">
                  <c:v>0.4</c:v>
                </c:pt>
                <c:pt idx="218">
                  <c:v>0.43</c:v>
                </c:pt>
                <c:pt idx="219">
                  <c:v>0.43</c:v>
                </c:pt>
                <c:pt idx="220">
                  <c:v>0.43</c:v>
                </c:pt>
                <c:pt idx="221">
                  <c:v>0.44</c:v>
                </c:pt>
                <c:pt idx="222">
                  <c:v>0.45</c:v>
                </c:pt>
                <c:pt idx="223">
                  <c:v>0.41</c:v>
                </c:pt>
                <c:pt idx="224">
                  <c:v>0.39</c:v>
                </c:pt>
                <c:pt idx="225">
                  <c:v>0.4</c:v>
                </c:pt>
                <c:pt idx="226">
                  <c:v>0.4</c:v>
                </c:pt>
                <c:pt idx="227">
                  <c:v>0.35</c:v>
                </c:pt>
                <c:pt idx="228">
                  <c:v>0.37</c:v>
                </c:pt>
                <c:pt idx="229">
                  <c:v>0.37</c:v>
                </c:pt>
                <c:pt idx="230">
                  <c:v>0.35</c:v>
                </c:pt>
                <c:pt idx="231">
                  <c:v>0.37</c:v>
                </c:pt>
                <c:pt idx="232">
                  <c:v>0.37</c:v>
                </c:pt>
                <c:pt idx="233">
                  <c:v>0.34</c:v>
                </c:pt>
                <c:pt idx="234">
                  <c:v>0.36</c:v>
                </c:pt>
                <c:pt idx="235">
                  <c:v>0.34</c:v>
                </c:pt>
                <c:pt idx="236">
                  <c:v>0.35</c:v>
                </c:pt>
                <c:pt idx="237">
                  <c:v>0.32</c:v>
                </c:pt>
                <c:pt idx="238">
                  <c:v>0.31</c:v>
                </c:pt>
                <c:pt idx="239">
                  <c:v>0.31</c:v>
                </c:pt>
                <c:pt idx="240">
                  <c:v>0.26</c:v>
                </c:pt>
                <c:pt idx="241">
                  <c:v>0.27</c:v>
                </c:pt>
                <c:pt idx="242">
                  <c:v>0.22</c:v>
                </c:pt>
                <c:pt idx="243">
                  <c:v>0.25</c:v>
                </c:pt>
                <c:pt idx="244">
                  <c:v>0.24</c:v>
                </c:pt>
                <c:pt idx="245">
                  <c:v>0.23</c:v>
                </c:pt>
                <c:pt idx="246">
                  <c:v>0.26</c:v>
                </c:pt>
                <c:pt idx="247">
                  <c:v>0.27</c:v>
                </c:pt>
                <c:pt idx="248">
                  <c:v>0.25</c:v>
                </c:pt>
                <c:pt idx="249">
                  <c:v>0.26</c:v>
                </c:pt>
                <c:pt idx="250">
                  <c:v>0.24</c:v>
                </c:pt>
                <c:pt idx="251">
                  <c:v>0.24</c:v>
                </c:pt>
                <c:pt idx="252">
                  <c:v>0.23</c:v>
                </c:pt>
                <c:pt idx="253">
                  <c:v>0.25</c:v>
                </c:pt>
                <c:pt idx="254">
                  <c:v>0.25</c:v>
                </c:pt>
                <c:pt idx="255">
                  <c:v>0.25</c:v>
                </c:pt>
                <c:pt idx="256">
                  <c:v>0.25</c:v>
                </c:pt>
                <c:pt idx="257">
                  <c:v>0.22</c:v>
                </c:pt>
                <c:pt idx="258">
                  <c:v>0.24</c:v>
                </c:pt>
                <c:pt idx="259">
                  <c:v>0.24</c:v>
                </c:pt>
                <c:pt idx="260">
                  <c:v>0.24</c:v>
                </c:pt>
                <c:pt idx="261">
                  <c:v>0.17</c:v>
                </c:pt>
                <c:pt idx="262">
                  <c:v>0.16</c:v>
                </c:pt>
                <c:pt idx="263">
                  <c:v>0.21</c:v>
                </c:pt>
                <c:pt idx="264">
                  <c:v>0.22</c:v>
                </c:pt>
                <c:pt idx="265">
                  <c:v>0.23</c:v>
                </c:pt>
                <c:pt idx="266">
                  <c:v>0.21</c:v>
                </c:pt>
                <c:pt idx="267">
                  <c:v>0.2</c:v>
                </c:pt>
                <c:pt idx="268">
                  <c:v>0.18</c:v>
                </c:pt>
                <c:pt idx="269">
                  <c:v>0.17</c:v>
                </c:pt>
                <c:pt idx="270">
                  <c:v>0.15</c:v>
                </c:pt>
                <c:pt idx="271">
                  <c:v>0.17</c:v>
                </c:pt>
                <c:pt idx="272">
                  <c:v>0.19</c:v>
                </c:pt>
                <c:pt idx="273">
                  <c:v>0.21</c:v>
                </c:pt>
                <c:pt idx="274">
                  <c:v>0.21</c:v>
                </c:pt>
                <c:pt idx="275">
                  <c:v>0.18</c:v>
                </c:pt>
                <c:pt idx="276">
                  <c:v>0.18</c:v>
                </c:pt>
                <c:pt idx="277">
                  <c:v>0.12</c:v>
                </c:pt>
                <c:pt idx="278">
                  <c:v>0.14000000000000001</c:v>
                </c:pt>
                <c:pt idx="279">
                  <c:v>0.15</c:v>
                </c:pt>
                <c:pt idx="280">
                  <c:v>0.14000000000000001</c:v>
                </c:pt>
                <c:pt idx="281">
                  <c:v>0.13</c:v>
                </c:pt>
                <c:pt idx="282">
                  <c:v>0.15</c:v>
                </c:pt>
                <c:pt idx="283">
                  <c:v>0.16</c:v>
                </c:pt>
                <c:pt idx="284">
                  <c:v>0.18</c:v>
                </c:pt>
                <c:pt idx="285">
                  <c:v>0.16</c:v>
                </c:pt>
                <c:pt idx="286">
                  <c:v>0.16</c:v>
                </c:pt>
                <c:pt idx="287">
                  <c:v>0.11</c:v>
                </c:pt>
                <c:pt idx="288">
                  <c:v>0.08</c:v>
                </c:pt>
                <c:pt idx="289">
                  <c:v>0.11</c:v>
                </c:pt>
                <c:pt idx="290">
                  <c:v>0.13</c:v>
                </c:pt>
                <c:pt idx="291">
                  <c:v>0.13</c:v>
                </c:pt>
                <c:pt idx="292">
                  <c:v>0.1</c:v>
                </c:pt>
                <c:pt idx="293">
                  <c:v>0.1</c:v>
                </c:pt>
                <c:pt idx="294">
                  <c:v>0.11</c:v>
                </c:pt>
                <c:pt idx="295">
                  <c:v>0.1</c:v>
                </c:pt>
                <c:pt idx="296">
                  <c:v>0.1</c:v>
                </c:pt>
                <c:pt idx="297">
                  <c:v>0.13</c:v>
                </c:pt>
                <c:pt idx="298">
                  <c:v>0.09</c:v>
                </c:pt>
                <c:pt idx="299">
                  <c:v>0.11</c:v>
                </c:pt>
                <c:pt idx="300">
                  <c:v>0.12</c:v>
                </c:pt>
                <c:pt idx="301">
                  <c:v>0.15</c:v>
                </c:pt>
                <c:pt idx="302">
                  <c:v>0.18</c:v>
                </c:pt>
                <c:pt idx="303">
                  <c:v>0.19</c:v>
                </c:pt>
                <c:pt idx="304">
                  <c:v>0.16</c:v>
                </c:pt>
                <c:pt idx="305">
                  <c:v>0.17</c:v>
                </c:pt>
                <c:pt idx="306">
                  <c:v>0.13</c:v>
                </c:pt>
                <c:pt idx="307">
                  <c:v>0.06</c:v>
                </c:pt>
                <c:pt idx="308">
                  <c:v>7.0000000000000007E-2</c:v>
                </c:pt>
                <c:pt idx="309">
                  <c:v>0.06</c:v>
                </c:pt>
                <c:pt idx="310">
                  <c:v>0.06</c:v>
                </c:pt>
                <c:pt idx="311">
                  <c:v>0.06</c:v>
                </c:pt>
                <c:pt idx="312">
                  <c:v>0.09</c:v>
                </c:pt>
                <c:pt idx="313">
                  <c:v>0.09</c:v>
                </c:pt>
                <c:pt idx="314">
                  <c:v>0.08</c:v>
                </c:pt>
                <c:pt idx="315">
                  <c:v>0.1</c:v>
                </c:pt>
                <c:pt idx="316">
                  <c:v>0.08</c:v>
                </c:pt>
                <c:pt idx="317">
                  <c:v>0.04</c:v>
                </c:pt>
                <c:pt idx="318">
                  <c:v>-0.03</c:v>
                </c:pt>
                <c:pt idx="319">
                  <c:v>-0.02</c:v>
                </c:pt>
                <c:pt idx="320">
                  <c:v>-0.02</c:v>
                </c:pt>
                <c:pt idx="321">
                  <c:v>-0.09</c:v>
                </c:pt>
                <c:pt idx="322">
                  <c:v>-7.0000000000000007E-2</c:v>
                </c:pt>
                <c:pt idx="323">
                  <c:v>-7.0000000000000007E-2</c:v>
                </c:pt>
                <c:pt idx="324">
                  <c:v>-0.02</c:v>
                </c:pt>
                <c:pt idx="325">
                  <c:v>-0.05</c:v>
                </c:pt>
                <c:pt idx="326">
                  <c:v>0</c:v>
                </c:pt>
                <c:pt idx="327">
                  <c:v>-0.01</c:v>
                </c:pt>
                <c:pt idx="328">
                  <c:v>0</c:v>
                </c:pt>
                <c:pt idx="329">
                  <c:v>0</c:v>
                </c:pt>
                <c:pt idx="330">
                  <c:v>-0.01</c:v>
                </c:pt>
                <c:pt idx="331">
                  <c:v>-0.04</c:v>
                </c:pt>
                <c:pt idx="332">
                  <c:v>-0.01</c:v>
                </c:pt>
                <c:pt idx="333">
                  <c:v>0.05</c:v>
                </c:pt>
                <c:pt idx="334">
                  <c:v>0.05</c:v>
                </c:pt>
                <c:pt idx="335">
                  <c:v>0.06</c:v>
                </c:pt>
                <c:pt idx="336">
                  <c:v>0.08</c:v>
                </c:pt>
                <c:pt idx="337">
                  <c:v>0.02</c:v>
                </c:pt>
                <c:pt idx="338">
                  <c:v>0.02</c:v>
                </c:pt>
                <c:pt idx="339">
                  <c:v>0.02</c:v>
                </c:pt>
                <c:pt idx="340">
                  <c:v>0.04</c:v>
                </c:pt>
                <c:pt idx="341">
                  <c:v>-0.02</c:v>
                </c:pt>
                <c:pt idx="342">
                  <c:v>-0.01</c:v>
                </c:pt>
                <c:pt idx="343">
                  <c:v>-0.02</c:v>
                </c:pt>
                <c:pt idx="344">
                  <c:v>0</c:v>
                </c:pt>
                <c:pt idx="345">
                  <c:v>0.01</c:v>
                </c:pt>
                <c:pt idx="346">
                  <c:v>0.01</c:v>
                </c:pt>
                <c:pt idx="347">
                  <c:v>0.02</c:v>
                </c:pt>
                <c:pt idx="348">
                  <c:v>0.02</c:v>
                </c:pt>
                <c:pt idx="349">
                  <c:v>0.01</c:v>
                </c:pt>
                <c:pt idx="350">
                  <c:v>-0.04</c:v>
                </c:pt>
                <c:pt idx="351">
                  <c:v>-0.05</c:v>
                </c:pt>
                <c:pt idx="352">
                  <c:v>-0.05</c:v>
                </c:pt>
                <c:pt idx="353">
                  <c:v>-0.05</c:v>
                </c:pt>
                <c:pt idx="354">
                  <c:v>-7.0000000000000007E-2</c:v>
                </c:pt>
                <c:pt idx="355">
                  <c:v>-7.0000000000000007E-2</c:v>
                </c:pt>
                <c:pt idx="356">
                  <c:v>-0.1</c:v>
                </c:pt>
                <c:pt idx="357">
                  <c:v>-0.1</c:v>
                </c:pt>
                <c:pt idx="358">
                  <c:v>-0.11</c:v>
                </c:pt>
                <c:pt idx="359">
                  <c:v>-0.09</c:v>
                </c:pt>
                <c:pt idx="360">
                  <c:v>-0.06</c:v>
                </c:pt>
                <c:pt idx="361">
                  <c:v>-0.08</c:v>
                </c:pt>
                <c:pt idx="362">
                  <c:v>-0.12</c:v>
                </c:pt>
                <c:pt idx="363">
                  <c:v>-0.12</c:v>
                </c:pt>
                <c:pt idx="364">
                  <c:v>-0.14000000000000001</c:v>
                </c:pt>
                <c:pt idx="365">
                  <c:v>-0.16</c:v>
                </c:pt>
                <c:pt idx="366">
                  <c:v>-0.17</c:v>
                </c:pt>
                <c:pt idx="367">
                  <c:v>-0.17</c:v>
                </c:pt>
                <c:pt idx="368">
                  <c:v>-0.2</c:v>
                </c:pt>
                <c:pt idx="369">
                  <c:v>-0.2</c:v>
                </c:pt>
                <c:pt idx="370">
                  <c:v>-0.21</c:v>
                </c:pt>
                <c:pt idx="371">
                  <c:v>-0.22</c:v>
                </c:pt>
                <c:pt idx="372">
                  <c:v>-0.24</c:v>
                </c:pt>
                <c:pt idx="373">
                  <c:v>-0.26</c:v>
                </c:pt>
                <c:pt idx="374">
                  <c:v>-0.22</c:v>
                </c:pt>
                <c:pt idx="375">
                  <c:v>-0.23</c:v>
                </c:pt>
                <c:pt idx="376">
                  <c:v>-0.24</c:v>
                </c:pt>
                <c:pt idx="377">
                  <c:v>-0.24</c:v>
                </c:pt>
                <c:pt idx="378">
                  <c:v>-0.26</c:v>
                </c:pt>
                <c:pt idx="379">
                  <c:v>-0.24</c:v>
                </c:pt>
                <c:pt idx="380">
                  <c:v>-0.33</c:v>
                </c:pt>
                <c:pt idx="381">
                  <c:v>-0.28999999999999998</c:v>
                </c:pt>
                <c:pt idx="382">
                  <c:v>-0.32</c:v>
                </c:pt>
                <c:pt idx="383">
                  <c:v>-0.28000000000000003</c:v>
                </c:pt>
                <c:pt idx="384">
                  <c:v>-0.31</c:v>
                </c:pt>
                <c:pt idx="385">
                  <c:v>-0.33</c:v>
                </c:pt>
                <c:pt idx="386">
                  <c:v>-0.31</c:v>
                </c:pt>
                <c:pt idx="387">
                  <c:v>-0.32</c:v>
                </c:pt>
                <c:pt idx="388">
                  <c:v>-0.33</c:v>
                </c:pt>
                <c:pt idx="389">
                  <c:v>-0.36</c:v>
                </c:pt>
                <c:pt idx="390">
                  <c:v>-0.36</c:v>
                </c:pt>
                <c:pt idx="391">
                  <c:v>-0.39</c:v>
                </c:pt>
                <c:pt idx="392">
                  <c:v>-0.4</c:v>
                </c:pt>
                <c:pt idx="393">
                  <c:v>-0.36</c:v>
                </c:pt>
                <c:pt idx="394">
                  <c:v>-0.38</c:v>
                </c:pt>
                <c:pt idx="395">
                  <c:v>-0.36</c:v>
                </c:pt>
                <c:pt idx="396">
                  <c:v>-0.31</c:v>
                </c:pt>
                <c:pt idx="397">
                  <c:v>-0.27</c:v>
                </c:pt>
                <c:pt idx="398">
                  <c:v>-0.25</c:v>
                </c:pt>
                <c:pt idx="399">
                  <c:v>-0.28999999999999998</c:v>
                </c:pt>
                <c:pt idx="400">
                  <c:v>-0.3</c:v>
                </c:pt>
                <c:pt idx="401">
                  <c:v>-0.33</c:v>
                </c:pt>
                <c:pt idx="402">
                  <c:v>-0.36</c:v>
                </c:pt>
                <c:pt idx="403">
                  <c:v>-0.36</c:v>
                </c:pt>
                <c:pt idx="404">
                  <c:v>-0.39</c:v>
                </c:pt>
                <c:pt idx="405">
                  <c:v>-0.4</c:v>
                </c:pt>
                <c:pt idx="406">
                  <c:v>-0.42</c:v>
                </c:pt>
                <c:pt idx="407">
                  <c:v>-0.4</c:v>
                </c:pt>
                <c:pt idx="408">
                  <c:v>-0.42</c:v>
                </c:pt>
                <c:pt idx="409">
                  <c:v>-0.43</c:v>
                </c:pt>
                <c:pt idx="410">
                  <c:v>-0.44</c:v>
                </c:pt>
                <c:pt idx="411">
                  <c:v>-0.44</c:v>
                </c:pt>
                <c:pt idx="412">
                  <c:v>-0.46</c:v>
                </c:pt>
                <c:pt idx="413">
                  <c:v>-0.49</c:v>
                </c:pt>
                <c:pt idx="414">
                  <c:v>-0.51</c:v>
                </c:pt>
                <c:pt idx="415">
                  <c:v>-0.54</c:v>
                </c:pt>
                <c:pt idx="416">
                  <c:v>-0.59</c:v>
                </c:pt>
                <c:pt idx="417">
                  <c:v>-0.56000000000000005</c:v>
                </c:pt>
                <c:pt idx="418">
                  <c:v>-0.57999999999999996</c:v>
                </c:pt>
                <c:pt idx="419">
                  <c:v>-0.59</c:v>
                </c:pt>
                <c:pt idx="420">
                  <c:v>-0.61</c:v>
                </c:pt>
                <c:pt idx="421">
                  <c:v>-0.65</c:v>
                </c:pt>
                <c:pt idx="422">
                  <c:v>-0.7</c:v>
                </c:pt>
                <c:pt idx="423">
                  <c:v>-0.68</c:v>
                </c:pt>
                <c:pt idx="424">
                  <c:v>-0.65</c:v>
                </c:pt>
                <c:pt idx="425">
                  <c:v>-0.69</c:v>
                </c:pt>
                <c:pt idx="426">
                  <c:v>-0.68</c:v>
                </c:pt>
                <c:pt idx="427">
                  <c:v>-0.64</c:v>
                </c:pt>
                <c:pt idx="428">
                  <c:v>-0.68</c:v>
                </c:pt>
                <c:pt idx="429">
                  <c:v>-0.67</c:v>
                </c:pt>
                <c:pt idx="430">
                  <c:v>-0.7</c:v>
                </c:pt>
                <c:pt idx="431">
                  <c:v>-0.72</c:v>
                </c:pt>
                <c:pt idx="432">
                  <c:v>-0.7</c:v>
                </c:pt>
                <c:pt idx="433">
                  <c:v>-0.71</c:v>
                </c:pt>
                <c:pt idx="434">
                  <c:v>-0.7</c:v>
                </c:pt>
                <c:pt idx="435">
                  <c:v>-0.72</c:v>
                </c:pt>
                <c:pt idx="436">
                  <c:v>-0.67</c:v>
                </c:pt>
                <c:pt idx="437">
                  <c:v>-0.59</c:v>
                </c:pt>
                <c:pt idx="438">
                  <c:v>-0.64</c:v>
                </c:pt>
                <c:pt idx="439">
                  <c:v>-0.56999999999999995</c:v>
                </c:pt>
                <c:pt idx="440">
                  <c:v>-0.55000000000000004</c:v>
                </c:pt>
                <c:pt idx="441">
                  <c:v>-0.56999999999999995</c:v>
                </c:pt>
                <c:pt idx="442">
                  <c:v>-0.55000000000000004</c:v>
                </c:pt>
                <c:pt idx="443">
                  <c:v>-0.45</c:v>
                </c:pt>
                <c:pt idx="444">
                  <c:v>-0.48</c:v>
                </c:pt>
                <c:pt idx="445">
                  <c:v>-0.48</c:v>
                </c:pt>
                <c:pt idx="446">
                  <c:v>-0.51</c:v>
                </c:pt>
                <c:pt idx="447">
                  <c:v>-0.51</c:v>
                </c:pt>
                <c:pt idx="448">
                  <c:v>-0.52</c:v>
                </c:pt>
                <c:pt idx="449">
                  <c:v>-0.59</c:v>
                </c:pt>
                <c:pt idx="450">
                  <c:v>-0.61</c:v>
                </c:pt>
                <c:pt idx="451">
                  <c:v>-0.59</c:v>
                </c:pt>
                <c:pt idx="452">
                  <c:v>-0.57999999999999996</c:v>
                </c:pt>
                <c:pt idx="453">
                  <c:v>-0.57999999999999996</c:v>
                </c:pt>
                <c:pt idx="454">
                  <c:v>-0.57999999999999996</c:v>
                </c:pt>
                <c:pt idx="455">
                  <c:v>-0.56999999999999995</c:v>
                </c:pt>
                <c:pt idx="456">
                  <c:v>-0.54</c:v>
                </c:pt>
                <c:pt idx="457">
                  <c:v>-0.57999999999999996</c:v>
                </c:pt>
                <c:pt idx="458">
                  <c:v>-0.59</c:v>
                </c:pt>
                <c:pt idx="459">
                  <c:v>-0.56999999999999995</c:v>
                </c:pt>
                <c:pt idx="460">
                  <c:v>-0.6</c:v>
                </c:pt>
                <c:pt idx="461">
                  <c:v>-0.56000000000000005</c:v>
                </c:pt>
                <c:pt idx="462">
                  <c:v>-0.49</c:v>
                </c:pt>
                <c:pt idx="463">
                  <c:v>-0.45</c:v>
                </c:pt>
                <c:pt idx="464">
                  <c:v>-0.46</c:v>
                </c:pt>
                <c:pt idx="465">
                  <c:v>-0.41</c:v>
                </c:pt>
                <c:pt idx="466">
                  <c:v>-0.39</c:v>
                </c:pt>
                <c:pt idx="467">
                  <c:v>-0.4</c:v>
                </c:pt>
                <c:pt idx="468">
                  <c:v>-0.39</c:v>
                </c:pt>
                <c:pt idx="469">
                  <c:v>-0.34</c:v>
                </c:pt>
                <c:pt idx="470">
                  <c:v>-0.38</c:v>
                </c:pt>
                <c:pt idx="471">
                  <c:v>-0.4</c:v>
                </c:pt>
                <c:pt idx="472">
                  <c:v>-0.41</c:v>
                </c:pt>
                <c:pt idx="473">
                  <c:v>-0.37</c:v>
                </c:pt>
                <c:pt idx="474">
                  <c:v>-0.33</c:v>
                </c:pt>
                <c:pt idx="475">
                  <c:v>-0.35</c:v>
                </c:pt>
                <c:pt idx="476">
                  <c:v>-0.36</c:v>
                </c:pt>
                <c:pt idx="477">
                  <c:v>-0.4</c:v>
                </c:pt>
                <c:pt idx="478">
                  <c:v>-0.38</c:v>
                </c:pt>
                <c:pt idx="479">
                  <c:v>-0.35</c:v>
                </c:pt>
                <c:pt idx="480">
                  <c:v>-0.32</c:v>
                </c:pt>
                <c:pt idx="481">
                  <c:v>-0.33</c:v>
                </c:pt>
                <c:pt idx="482">
                  <c:v>-0.25</c:v>
                </c:pt>
                <c:pt idx="483">
                  <c:v>-0.26</c:v>
                </c:pt>
                <c:pt idx="484">
                  <c:v>-0.25</c:v>
                </c:pt>
                <c:pt idx="485">
                  <c:v>-0.25</c:v>
                </c:pt>
                <c:pt idx="486">
                  <c:v>-0.3</c:v>
                </c:pt>
                <c:pt idx="487">
                  <c:v>-0.35</c:v>
                </c:pt>
                <c:pt idx="488">
                  <c:v>-0.34</c:v>
                </c:pt>
                <c:pt idx="489">
                  <c:v>-0.34</c:v>
                </c:pt>
                <c:pt idx="490">
                  <c:v>-0.34</c:v>
                </c:pt>
                <c:pt idx="491">
                  <c:v>-0.35</c:v>
                </c:pt>
                <c:pt idx="492">
                  <c:v>-0.33</c:v>
                </c:pt>
                <c:pt idx="493">
                  <c:v>-0.36</c:v>
                </c:pt>
                <c:pt idx="494">
                  <c:v>-0.35</c:v>
                </c:pt>
                <c:pt idx="495">
                  <c:v>-0.38</c:v>
                </c:pt>
                <c:pt idx="496">
                  <c:v>-0.37</c:v>
                </c:pt>
                <c:pt idx="497">
                  <c:v>-0.37</c:v>
                </c:pt>
                <c:pt idx="498">
                  <c:v>-0.35</c:v>
                </c:pt>
                <c:pt idx="499">
                  <c:v>-0.28000000000000003</c:v>
                </c:pt>
                <c:pt idx="500">
                  <c:v>-0.35</c:v>
                </c:pt>
                <c:pt idx="501">
                  <c:v>-0.32</c:v>
                </c:pt>
                <c:pt idx="502">
                  <c:v>-0.3</c:v>
                </c:pt>
                <c:pt idx="503">
                  <c:v>-0.28999999999999998</c:v>
                </c:pt>
                <c:pt idx="504">
                  <c:v>-0.31</c:v>
                </c:pt>
                <c:pt idx="505">
                  <c:v>-0.3</c:v>
                </c:pt>
                <c:pt idx="506">
                  <c:v>-0.32</c:v>
                </c:pt>
                <c:pt idx="507">
                  <c:v>-0.26</c:v>
                </c:pt>
                <c:pt idx="508">
                  <c:v>-0.28999999999999998</c:v>
                </c:pt>
                <c:pt idx="509">
                  <c:v>-0.27</c:v>
                </c:pt>
                <c:pt idx="510">
                  <c:v>-0.28999999999999998</c:v>
                </c:pt>
                <c:pt idx="511">
                  <c:v>-0.25</c:v>
                </c:pt>
                <c:pt idx="512">
                  <c:v>-0.23</c:v>
                </c:pt>
                <c:pt idx="513">
                  <c:v>-0.25</c:v>
                </c:pt>
                <c:pt idx="514">
                  <c:v>-0.24</c:v>
                </c:pt>
                <c:pt idx="515">
                  <c:v>-0.25</c:v>
                </c:pt>
                <c:pt idx="516">
                  <c:v>-0.25</c:v>
                </c:pt>
                <c:pt idx="517">
                  <c:v>-0.25</c:v>
                </c:pt>
                <c:pt idx="518">
                  <c:v>-0.26</c:v>
                </c:pt>
                <c:pt idx="519">
                  <c:v>-0.18</c:v>
                </c:pt>
                <c:pt idx="520">
                  <c:v>-0.23</c:v>
                </c:pt>
                <c:pt idx="521">
                  <c:v>-0.23</c:v>
                </c:pt>
                <c:pt idx="522">
                  <c:v>-0.25</c:v>
                </c:pt>
                <c:pt idx="523">
                  <c:v>-0.3</c:v>
                </c:pt>
                <c:pt idx="524">
                  <c:v>-0.31</c:v>
                </c:pt>
                <c:pt idx="525">
                  <c:v>-0.3</c:v>
                </c:pt>
                <c:pt idx="526">
                  <c:v>-0.28000000000000003</c:v>
                </c:pt>
                <c:pt idx="527">
                  <c:v>-0.24</c:v>
                </c:pt>
                <c:pt idx="528">
                  <c:v>-0.25</c:v>
                </c:pt>
                <c:pt idx="529">
                  <c:v>-0.21</c:v>
                </c:pt>
                <c:pt idx="530">
                  <c:v>-0.23</c:v>
                </c:pt>
                <c:pt idx="531">
                  <c:v>-0.26</c:v>
                </c:pt>
                <c:pt idx="532">
                  <c:v>-0.27</c:v>
                </c:pt>
                <c:pt idx="533">
                  <c:v>-0.27</c:v>
                </c:pt>
                <c:pt idx="534">
                  <c:v>-0.27</c:v>
                </c:pt>
                <c:pt idx="535">
                  <c:v>-0.31</c:v>
                </c:pt>
                <c:pt idx="536">
                  <c:v>-0.31</c:v>
                </c:pt>
                <c:pt idx="537">
                  <c:v>-0.36</c:v>
                </c:pt>
                <c:pt idx="538">
                  <c:v>-0.37</c:v>
                </c:pt>
                <c:pt idx="539">
                  <c:v>-0.44</c:v>
                </c:pt>
                <c:pt idx="540">
                  <c:v>-0.4</c:v>
                </c:pt>
                <c:pt idx="541">
                  <c:v>-0.42</c:v>
                </c:pt>
                <c:pt idx="542">
                  <c:v>-0.45</c:v>
                </c:pt>
                <c:pt idx="543">
                  <c:v>-0.44</c:v>
                </c:pt>
                <c:pt idx="544">
                  <c:v>-0.43</c:v>
                </c:pt>
                <c:pt idx="545">
                  <c:v>-0.41</c:v>
                </c:pt>
                <c:pt idx="546">
                  <c:v>-0.37</c:v>
                </c:pt>
                <c:pt idx="547">
                  <c:v>-0.36</c:v>
                </c:pt>
                <c:pt idx="548">
                  <c:v>-0.39</c:v>
                </c:pt>
                <c:pt idx="549">
                  <c:v>-0.41</c:v>
                </c:pt>
                <c:pt idx="550">
                  <c:v>-0.39</c:v>
                </c:pt>
                <c:pt idx="551">
                  <c:v>-0.37</c:v>
                </c:pt>
                <c:pt idx="552">
                  <c:v>-0.39</c:v>
                </c:pt>
                <c:pt idx="553">
                  <c:v>-0.41</c:v>
                </c:pt>
                <c:pt idx="554">
                  <c:v>-0.4</c:v>
                </c:pt>
                <c:pt idx="555">
                  <c:v>-0.41</c:v>
                </c:pt>
                <c:pt idx="556">
                  <c:v>-0.42</c:v>
                </c:pt>
                <c:pt idx="557">
                  <c:v>-0.44</c:v>
                </c:pt>
                <c:pt idx="558">
                  <c:v>-0.44</c:v>
                </c:pt>
                <c:pt idx="559">
                  <c:v>-0.49</c:v>
                </c:pt>
                <c:pt idx="560">
                  <c:v>-0.52</c:v>
                </c:pt>
                <c:pt idx="561">
                  <c:v>-0.5</c:v>
                </c:pt>
                <c:pt idx="562">
                  <c:v>-0.55000000000000004</c:v>
                </c:pt>
                <c:pt idx="563">
                  <c:v>-0.61</c:v>
                </c:pt>
                <c:pt idx="564">
                  <c:v>-0.63</c:v>
                </c:pt>
                <c:pt idx="565">
                  <c:v>-0.63</c:v>
                </c:pt>
                <c:pt idx="566">
                  <c:v>-0.64</c:v>
                </c:pt>
                <c:pt idx="567">
                  <c:v>-0.68</c:v>
                </c:pt>
                <c:pt idx="568">
                  <c:v>-0.73</c:v>
                </c:pt>
                <c:pt idx="569">
                  <c:v>-0.84</c:v>
                </c:pt>
                <c:pt idx="570">
                  <c:v>-0.8</c:v>
                </c:pt>
                <c:pt idx="571">
                  <c:v>-0.75</c:v>
                </c:pt>
                <c:pt idx="572">
                  <c:v>-0.74</c:v>
                </c:pt>
                <c:pt idx="573">
                  <c:v>-0.59</c:v>
                </c:pt>
                <c:pt idx="574">
                  <c:v>-0.46</c:v>
                </c:pt>
                <c:pt idx="575">
                  <c:v>-0.45</c:v>
                </c:pt>
                <c:pt idx="576">
                  <c:v>-0.25</c:v>
                </c:pt>
                <c:pt idx="577">
                  <c:v>-0.16</c:v>
                </c:pt>
                <c:pt idx="578">
                  <c:v>-0.34</c:v>
                </c:pt>
                <c:pt idx="579">
                  <c:v>-0.38</c:v>
                </c:pt>
                <c:pt idx="580">
                  <c:v>-0.33</c:v>
                </c:pt>
                <c:pt idx="581">
                  <c:v>-0.28000000000000003</c:v>
                </c:pt>
                <c:pt idx="582">
                  <c:v>-0.38</c:v>
                </c:pt>
                <c:pt idx="583">
                  <c:v>-0.47</c:v>
                </c:pt>
                <c:pt idx="584">
                  <c:v>-0.54</c:v>
                </c:pt>
                <c:pt idx="585">
                  <c:v>-0.47</c:v>
                </c:pt>
                <c:pt idx="586">
                  <c:v>-0.47</c:v>
                </c:pt>
                <c:pt idx="587">
                  <c:v>-0.43</c:v>
                </c:pt>
                <c:pt idx="588">
                  <c:v>-0.44</c:v>
                </c:pt>
                <c:pt idx="589">
                  <c:v>-0.42</c:v>
                </c:pt>
                <c:pt idx="590">
                  <c:v>-0.32</c:v>
                </c:pt>
                <c:pt idx="591">
                  <c:v>-0.32</c:v>
                </c:pt>
                <c:pt idx="592">
                  <c:v>-0.35</c:v>
                </c:pt>
                <c:pt idx="593">
                  <c:v>-0.35</c:v>
                </c:pt>
                <c:pt idx="594">
                  <c:v>-0.35</c:v>
                </c:pt>
                <c:pt idx="595">
                  <c:v>-0.39</c:v>
                </c:pt>
                <c:pt idx="596">
                  <c:v>-0.47</c:v>
                </c:pt>
                <c:pt idx="597">
                  <c:v>-0.47</c:v>
                </c:pt>
                <c:pt idx="598">
                  <c:v>-0.49</c:v>
                </c:pt>
                <c:pt idx="599">
                  <c:v>-0.46</c:v>
                </c:pt>
                <c:pt idx="600">
                  <c:v>-0.49</c:v>
                </c:pt>
                <c:pt idx="601">
                  <c:v>-0.44</c:v>
                </c:pt>
                <c:pt idx="602">
                  <c:v>-0.43</c:v>
                </c:pt>
                <c:pt idx="603">
                  <c:v>-0.47</c:v>
                </c:pt>
                <c:pt idx="604">
                  <c:v>-0.45</c:v>
                </c:pt>
                <c:pt idx="605">
                  <c:v>-0.47</c:v>
                </c:pt>
                <c:pt idx="606">
                  <c:v>-0.49</c:v>
                </c:pt>
                <c:pt idx="607">
                  <c:v>-0.57999999999999996</c:v>
                </c:pt>
                <c:pt idx="608">
                  <c:v>-0.57999999999999996</c:v>
                </c:pt>
                <c:pt idx="609">
                  <c:v>-0.56000000000000005</c:v>
                </c:pt>
                <c:pt idx="610">
                  <c:v>-0.57999999999999996</c:v>
                </c:pt>
                <c:pt idx="611">
                  <c:v>-0.51</c:v>
                </c:pt>
                <c:pt idx="612">
                  <c:v>-0.55000000000000004</c:v>
                </c:pt>
                <c:pt idx="613">
                  <c:v>-0.54</c:v>
                </c:pt>
                <c:pt idx="614">
                  <c:v>-0.52</c:v>
                </c:pt>
                <c:pt idx="615">
                  <c:v>-0.51</c:v>
                </c:pt>
                <c:pt idx="616">
                  <c:v>-0.53</c:v>
                </c:pt>
                <c:pt idx="617">
                  <c:v>-0.53</c:v>
                </c:pt>
                <c:pt idx="618">
                  <c:v>-0.54</c:v>
                </c:pt>
                <c:pt idx="619">
                  <c:v>-0.5</c:v>
                </c:pt>
                <c:pt idx="620">
                  <c:v>-0.46</c:v>
                </c:pt>
                <c:pt idx="621">
                  <c:v>-0.47</c:v>
                </c:pt>
                <c:pt idx="622">
                  <c:v>-0.5</c:v>
                </c:pt>
                <c:pt idx="623">
                  <c:v>-0.49</c:v>
                </c:pt>
                <c:pt idx="624">
                  <c:v>-0.49</c:v>
                </c:pt>
                <c:pt idx="625">
                  <c:v>-0.43</c:v>
                </c:pt>
                <c:pt idx="626">
                  <c:v>-0.43</c:v>
                </c:pt>
                <c:pt idx="627">
                  <c:v>-0.42</c:v>
                </c:pt>
                <c:pt idx="628">
                  <c:v>-0.45</c:v>
                </c:pt>
                <c:pt idx="629">
                  <c:v>-0.4</c:v>
                </c:pt>
                <c:pt idx="630">
                  <c:v>-0.41</c:v>
                </c:pt>
                <c:pt idx="631">
                  <c:v>-0.35</c:v>
                </c:pt>
                <c:pt idx="632">
                  <c:v>-0.32</c:v>
                </c:pt>
                <c:pt idx="633">
                  <c:v>-0.27</c:v>
                </c:pt>
                <c:pt idx="634">
                  <c:v>-0.32</c:v>
                </c:pt>
                <c:pt idx="635">
                  <c:v>-0.31</c:v>
                </c:pt>
                <c:pt idx="636">
                  <c:v>-0.33</c:v>
                </c:pt>
                <c:pt idx="637">
                  <c:v>-0.43</c:v>
                </c:pt>
                <c:pt idx="638">
                  <c:v>-0.45</c:v>
                </c:pt>
                <c:pt idx="639">
                  <c:v>-0.44</c:v>
                </c:pt>
                <c:pt idx="640">
                  <c:v>-0.43</c:v>
                </c:pt>
                <c:pt idx="641">
                  <c:v>-0.43</c:v>
                </c:pt>
                <c:pt idx="642">
                  <c:v>-0.44</c:v>
                </c:pt>
                <c:pt idx="643">
                  <c:v>-0.45</c:v>
                </c:pt>
                <c:pt idx="644">
                  <c:v>-0.47</c:v>
                </c:pt>
                <c:pt idx="645">
                  <c:v>-0.45</c:v>
                </c:pt>
                <c:pt idx="646">
                  <c:v>-0.47</c:v>
                </c:pt>
                <c:pt idx="647">
                  <c:v>-0.5</c:v>
                </c:pt>
                <c:pt idx="648">
                  <c:v>-0.51</c:v>
                </c:pt>
                <c:pt idx="649">
                  <c:v>-0.51</c:v>
                </c:pt>
                <c:pt idx="650">
                  <c:v>-0.47</c:v>
                </c:pt>
                <c:pt idx="651">
                  <c:v>-0.39</c:v>
                </c:pt>
                <c:pt idx="652">
                  <c:v>-0.43</c:v>
                </c:pt>
                <c:pt idx="653">
                  <c:v>-0.44</c:v>
                </c:pt>
                <c:pt idx="654">
                  <c:v>-0.43</c:v>
                </c:pt>
                <c:pt idx="655">
                  <c:v>-0.43</c:v>
                </c:pt>
                <c:pt idx="656">
                  <c:v>-0.44</c:v>
                </c:pt>
                <c:pt idx="657">
                  <c:v>-0.47</c:v>
                </c:pt>
                <c:pt idx="658">
                  <c:v>-0.47</c:v>
                </c:pt>
                <c:pt idx="659">
                  <c:v>-0.41</c:v>
                </c:pt>
                <c:pt idx="660">
                  <c:v>-0.45</c:v>
                </c:pt>
                <c:pt idx="661">
                  <c:v>-0.44</c:v>
                </c:pt>
                <c:pt idx="662">
                  <c:v>-0.47</c:v>
                </c:pt>
                <c:pt idx="663">
                  <c:v>-0.45</c:v>
                </c:pt>
                <c:pt idx="664">
                  <c:v>-0.46</c:v>
                </c:pt>
                <c:pt idx="665">
                  <c:v>-0.45</c:v>
                </c:pt>
                <c:pt idx="666">
                  <c:v>-0.5</c:v>
                </c:pt>
                <c:pt idx="667">
                  <c:v>-0.48</c:v>
                </c:pt>
                <c:pt idx="668">
                  <c:v>-0.45</c:v>
                </c:pt>
                <c:pt idx="669">
                  <c:v>-0.49</c:v>
                </c:pt>
                <c:pt idx="670">
                  <c:v>-0.51</c:v>
                </c:pt>
                <c:pt idx="671">
                  <c:v>-0.5</c:v>
                </c:pt>
                <c:pt idx="672">
                  <c:v>-0.55000000000000004</c:v>
                </c:pt>
                <c:pt idx="673">
                  <c:v>-0.54</c:v>
                </c:pt>
                <c:pt idx="674">
                  <c:v>-0.52</c:v>
                </c:pt>
                <c:pt idx="675">
                  <c:v>-0.55000000000000004</c:v>
                </c:pt>
                <c:pt idx="676">
                  <c:v>-0.51</c:v>
                </c:pt>
                <c:pt idx="677">
                  <c:v>-0.54</c:v>
                </c:pt>
                <c:pt idx="678">
                  <c:v>-0.51</c:v>
                </c:pt>
                <c:pt idx="679">
                  <c:v>-0.53</c:v>
                </c:pt>
                <c:pt idx="680">
                  <c:v>-0.48</c:v>
                </c:pt>
                <c:pt idx="681">
                  <c:v>-0.45</c:v>
                </c:pt>
                <c:pt idx="682">
                  <c:v>-0.42</c:v>
                </c:pt>
                <c:pt idx="683">
                  <c:v>-0.42</c:v>
                </c:pt>
                <c:pt idx="684">
                  <c:v>-0.45</c:v>
                </c:pt>
                <c:pt idx="685">
                  <c:v>-0.46</c:v>
                </c:pt>
                <c:pt idx="686">
                  <c:v>-0.47</c:v>
                </c:pt>
                <c:pt idx="687">
                  <c:v>-0.5</c:v>
                </c:pt>
                <c:pt idx="688">
                  <c:v>-0.5</c:v>
                </c:pt>
                <c:pt idx="689">
                  <c:v>-0.5</c:v>
                </c:pt>
                <c:pt idx="690">
                  <c:v>-0.42</c:v>
                </c:pt>
                <c:pt idx="691">
                  <c:v>-0.41</c:v>
                </c:pt>
                <c:pt idx="692">
                  <c:v>-0.4</c:v>
                </c:pt>
                <c:pt idx="693">
                  <c:v>-0.41</c:v>
                </c:pt>
                <c:pt idx="694">
                  <c:v>-0.4</c:v>
                </c:pt>
                <c:pt idx="695">
                  <c:v>-0.41</c:v>
                </c:pt>
                <c:pt idx="696">
                  <c:v>-0.47</c:v>
                </c:pt>
                <c:pt idx="697">
                  <c:v>-0.5</c:v>
                </c:pt>
                <c:pt idx="698">
                  <c:v>-0.48</c:v>
                </c:pt>
                <c:pt idx="699">
                  <c:v>-0.46</c:v>
                </c:pt>
                <c:pt idx="700">
                  <c:v>-0.5</c:v>
                </c:pt>
                <c:pt idx="701">
                  <c:v>-0.46</c:v>
                </c:pt>
                <c:pt idx="702">
                  <c:v>-0.43</c:v>
                </c:pt>
                <c:pt idx="703">
                  <c:v>-0.48</c:v>
                </c:pt>
                <c:pt idx="704">
                  <c:v>-0.48</c:v>
                </c:pt>
                <c:pt idx="705">
                  <c:v>-0.48</c:v>
                </c:pt>
                <c:pt idx="706">
                  <c:v>-0.49</c:v>
                </c:pt>
                <c:pt idx="707">
                  <c:v>-0.5</c:v>
                </c:pt>
                <c:pt idx="708">
                  <c:v>-0.49</c:v>
                </c:pt>
                <c:pt idx="709">
                  <c:v>-0.53</c:v>
                </c:pt>
                <c:pt idx="710">
                  <c:v>-0.51</c:v>
                </c:pt>
                <c:pt idx="711">
                  <c:v>-0.51</c:v>
                </c:pt>
                <c:pt idx="712">
                  <c:v>-0.51</c:v>
                </c:pt>
                <c:pt idx="713">
                  <c:v>-0.53</c:v>
                </c:pt>
                <c:pt idx="714">
                  <c:v>-0.53</c:v>
                </c:pt>
                <c:pt idx="715">
                  <c:v>-0.55000000000000004</c:v>
                </c:pt>
                <c:pt idx="716">
                  <c:v>-0.53</c:v>
                </c:pt>
                <c:pt idx="717">
                  <c:v>-0.53</c:v>
                </c:pt>
                <c:pt idx="718">
                  <c:v>-0.54</c:v>
                </c:pt>
                <c:pt idx="719">
                  <c:v>-0.51</c:v>
                </c:pt>
                <c:pt idx="720">
                  <c:v>-0.51</c:v>
                </c:pt>
                <c:pt idx="721">
                  <c:v>-0.49</c:v>
                </c:pt>
                <c:pt idx="722">
                  <c:v>-0.52</c:v>
                </c:pt>
                <c:pt idx="723">
                  <c:v>-0.54</c:v>
                </c:pt>
                <c:pt idx="724">
                  <c:v>-0.54</c:v>
                </c:pt>
                <c:pt idx="725">
                  <c:v>-0.56000000000000005</c:v>
                </c:pt>
                <c:pt idx="726">
                  <c:v>-0.57999999999999996</c:v>
                </c:pt>
                <c:pt idx="727">
                  <c:v>-0.62</c:v>
                </c:pt>
                <c:pt idx="728">
                  <c:v>-0.62</c:v>
                </c:pt>
                <c:pt idx="729">
                  <c:v>-0.63</c:v>
                </c:pt>
                <c:pt idx="730">
                  <c:v>-0.6</c:v>
                </c:pt>
                <c:pt idx="731">
                  <c:v>-0.6</c:v>
                </c:pt>
                <c:pt idx="732">
                  <c:v>-0.56000000000000005</c:v>
                </c:pt>
                <c:pt idx="733">
                  <c:v>-0.56999999999999995</c:v>
                </c:pt>
                <c:pt idx="734">
                  <c:v>-0.56999999999999995</c:v>
                </c:pt>
                <c:pt idx="735">
                  <c:v>-0.61</c:v>
                </c:pt>
                <c:pt idx="736">
                  <c:v>-0.62</c:v>
                </c:pt>
                <c:pt idx="737">
                  <c:v>-0.64</c:v>
                </c:pt>
                <c:pt idx="738">
                  <c:v>-0.63</c:v>
                </c:pt>
                <c:pt idx="739">
                  <c:v>-0.64</c:v>
                </c:pt>
                <c:pt idx="740">
                  <c:v>-0.62</c:v>
                </c:pt>
                <c:pt idx="741">
                  <c:v>-0.64</c:v>
                </c:pt>
                <c:pt idx="742">
                  <c:v>-0.63</c:v>
                </c:pt>
                <c:pt idx="743">
                  <c:v>-0.62</c:v>
                </c:pt>
                <c:pt idx="744">
                  <c:v>-0.51</c:v>
                </c:pt>
                <c:pt idx="745">
                  <c:v>-0.49</c:v>
                </c:pt>
                <c:pt idx="746">
                  <c:v>-0.5</c:v>
                </c:pt>
                <c:pt idx="747">
                  <c:v>-0.53</c:v>
                </c:pt>
                <c:pt idx="748">
                  <c:v>-0.55000000000000004</c:v>
                </c:pt>
                <c:pt idx="749">
                  <c:v>-0.55000000000000004</c:v>
                </c:pt>
                <c:pt idx="750">
                  <c:v>-0.56000000000000005</c:v>
                </c:pt>
                <c:pt idx="751">
                  <c:v>-0.56000000000000005</c:v>
                </c:pt>
                <c:pt idx="752">
                  <c:v>-0.56999999999999995</c:v>
                </c:pt>
                <c:pt idx="753">
                  <c:v>-0.59</c:v>
                </c:pt>
                <c:pt idx="754">
                  <c:v>-0.57999999999999996</c:v>
                </c:pt>
                <c:pt idx="755">
                  <c:v>-0.56999999999999995</c:v>
                </c:pt>
                <c:pt idx="756">
                  <c:v>-0.56999999999999995</c:v>
                </c:pt>
                <c:pt idx="757">
                  <c:v>-0.59</c:v>
                </c:pt>
                <c:pt idx="758">
                  <c:v>-0.59</c:v>
                </c:pt>
                <c:pt idx="759">
                  <c:v>-0.57999999999999996</c:v>
                </c:pt>
                <c:pt idx="760">
                  <c:v>-0.52</c:v>
                </c:pt>
                <c:pt idx="761">
                  <c:v>-0.52</c:v>
                </c:pt>
                <c:pt idx="762">
                  <c:v>-0.55000000000000004</c:v>
                </c:pt>
                <c:pt idx="763">
                  <c:v>-0.54</c:v>
                </c:pt>
                <c:pt idx="764">
                  <c:v>-0.57999999999999996</c:v>
                </c:pt>
                <c:pt idx="765">
                  <c:v>-0.61</c:v>
                </c:pt>
                <c:pt idx="766">
                  <c:v>-0.61</c:v>
                </c:pt>
                <c:pt idx="767">
                  <c:v>-0.6</c:v>
                </c:pt>
                <c:pt idx="768">
                  <c:v>-0.64</c:v>
                </c:pt>
                <c:pt idx="769">
                  <c:v>-0.62</c:v>
                </c:pt>
                <c:pt idx="770">
                  <c:v>-0.61</c:v>
                </c:pt>
                <c:pt idx="771">
                  <c:v>-0.56999999999999995</c:v>
                </c:pt>
                <c:pt idx="772">
                  <c:v>-0.57999999999999996</c:v>
                </c:pt>
                <c:pt idx="773">
                  <c:v>-0.56999999999999995</c:v>
                </c:pt>
                <c:pt idx="774">
                  <c:v>-0.57999999999999996</c:v>
                </c:pt>
                <c:pt idx="775">
                  <c:v>-0.59</c:v>
                </c:pt>
                <c:pt idx="776">
                  <c:v>-0.54</c:v>
                </c:pt>
                <c:pt idx="777">
                  <c:v>-0.55000000000000004</c:v>
                </c:pt>
                <c:pt idx="778">
                  <c:v>-0.55000000000000004</c:v>
                </c:pt>
                <c:pt idx="779">
                  <c:v>-0.56000000000000005</c:v>
                </c:pt>
                <c:pt idx="780">
                  <c:v>-0.57999999999999996</c:v>
                </c:pt>
                <c:pt idx="781">
                  <c:v>-0.57999999999999996</c:v>
                </c:pt>
                <c:pt idx="782">
                  <c:v>-0.62</c:v>
                </c:pt>
                <c:pt idx="783">
                  <c:v>-0.62</c:v>
                </c:pt>
                <c:pt idx="784">
                  <c:v>-0.63</c:v>
                </c:pt>
                <c:pt idx="785">
                  <c:v>-0.62</c:v>
                </c:pt>
                <c:pt idx="786">
                  <c:v>-0.59</c:v>
                </c:pt>
                <c:pt idx="787">
                  <c:v>-0.57999999999999996</c:v>
                </c:pt>
                <c:pt idx="788">
                  <c:v>-0.59</c:v>
                </c:pt>
                <c:pt idx="789">
                  <c:v>-0.56000000000000005</c:v>
                </c:pt>
                <c:pt idx="790">
                  <c:v>-0.53</c:v>
                </c:pt>
                <c:pt idx="791">
                  <c:v>-0.57999999999999996</c:v>
                </c:pt>
                <c:pt idx="792">
                  <c:v>-0.61</c:v>
                </c:pt>
                <c:pt idx="793">
                  <c:v>-0.6</c:v>
                </c:pt>
                <c:pt idx="794">
                  <c:v>-0.57999999999999996</c:v>
                </c:pt>
                <c:pt idx="795">
                  <c:v>-0.57999999999999996</c:v>
                </c:pt>
                <c:pt idx="796">
                  <c:v>-0.59</c:v>
                </c:pt>
                <c:pt idx="797">
                  <c:v>-0.55000000000000004</c:v>
                </c:pt>
                <c:pt idx="798">
                  <c:v>-0.56999999999999995</c:v>
                </c:pt>
                <c:pt idx="799">
                  <c:v>-0.61</c:v>
                </c:pt>
                <c:pt idx="800">
                  <c:v>-0.59</c:v>
                </c:pt>
                <c:pt idx="801">
                  <c:v>-0.6</c:v>
                </c:pt>
                <c:pt idx="802">
                  <c:v>-0.6</c:v>
                </c:pt>
                <c:pt idx="803">
                  <c:v>-0.51</c:v>
                </c:pt>
                <c:pt idx="804">
                  <c:v>-0.51</c:v>
                </c:pt>
                <c:pt idx="805">
                  <c:v>-0.49</c:v>
                </c:pt>
                <c:pt idx="806">
                  <c:v>-0.47</c:v>
                </c:pt>
                <c:pt idx="807">
                  <c:v>-0.46</c:v>
                </c:pt>
                <c:pt idx="808">
                  <c:v>-0.45</c:v>
                </c:pt>
                <c:pt idx="809">
                  <c:v>-0.44</c:v>
                </c:pt>
                <c:pt idx="810">
                  <c:v>-0.45</c:v>
                </c:pt>
                <c:pt idx="811">
                  <c:v>-0.44</c:v>
                </c:pt>
                <c:pt idx="812">
                  <c:v>-0.46</c:v>
                </c:pt>
                <c:pt idx="813">
                  <c:v>-0.43</c:v>
                </c:pt>
                <c:pt idx="814">
                  <c:v>-0.38</c:v>
                </c:pt>
                <c:pt idx="815">
                  <c:v>-0.35</c:v>
                </c:pt>
                <c:pt idx="816">
                  <c:v>-0.37</c:v>
                </c:pt>
                <c:pt idx="817">
                  <c:v>-0.34</c:v>
                </c:pt>
                <c:pt idx="818">
                  <c:v>-0.31</c:v>
                </c:pt>
                <c:pt idx="819">
                  <c:v>-0.34</c:v>
                </c:pt>
                <c:pt idx="820">
                  <c:v>-0.32</c:v>
                </c:pt>
                <c:pt idx="821">
                  <c:v>-0.3</c:v>
                </c:pt>
                <c:pt idx="822">
                  <c:v>-0.23</c:v>
                </c:pt>
                <c:pt idx="823">
                  <c:v>-0.26</c:v>
                </c:pt>
                <c:pt idx="824">
                  <c:v>-0.33</c:v>
                </c:pt>
                <c:pt idx="825">
                  <c:v>-0.34</c:v>
                </c:pt>
                <c:pt idx="826">
                  <c:v>-0.28999999999999998</c:v>
                </c:pt>
                <c:pt idx="827">
                  <c:v>-0.31</c:v>
                </c:pt>
                <c:pt idx="828">
                  <c:v>-0.3</c:v>
                </c:pt>
                <c:pt idx="829">
                  <c:v>-0.28000000000000003</c:v>
                </c:pt>
                <c:pt idx="830">
                  <c:v>-0.31</c:v>
                </c:pt>
                <c:pt idx="831">
                  <c:v>-0.31</c:v>
                </c:pt>
                <c:pt idx="832">
                  <c:v>-0.33</c:v>
                </c:pt>
                <c:pt idx="833">
                  <c:v>-0.3</c:v>
                </c:pt>
                <c:pt idx="834">
                  <c:v>-0.34</c:v>
                </c:pt>
                <c:pt idx="835">
                  <c:v>-0.34</c:v>
                </c:pt>
                <c:pt idx="836">
                  <c:v>-0.28999999999999998</c:v>
                </c:pt>
                <c:pt idx="837">
                  <c:v>-0.26</c:v>
                </c:pt>
                <c:pt idx="838">
                  <c:v>-0.3</c:v>
                </c:pt>
                <c:pt idx="839">
                  <c:v>-0.31</c:v>
                </c:pt>
                <c:pt idx="840">
                  <c:v>-0.34</c:v>
                </c:pt>
                <c:pt idx="841">
                  <c:v>-0.35</c:v>
                </c:pt>
                <c:pt idx="842">
                  <c:v>-0.38</c:v>
                </c:pt>
                <c:pt idx="843">
                  <c:v>-0.35</c:v>
                </c:pt>
                <c:pt idx="844">
                  <c:v>-0.32</c:v>
                </c:pt>
                <c:pt idx="845">
                  <c:v>-0.27</c:v>
                </c:pt>
                <c:pt idx="846">
                  <c:v>-0.3</c:v>
                </c:pt>
                <c:pt idx="847">
                  <c:v>-0.33</c:v>
                </c:pt>
                <c:pt idx="848">
                  <c:v>-0.33</c:v>
                </c:pt>
                <c:pt idx="849">
                  <c:v>-0.33</c:v>
                </c:pt>
                <c:pt idx="850">
                  <c:v>-0.32</c:v>
                </c:pt>
                <c:pt idx="851">
                  <c:v>-0.32</c:v>
                </c:pt>
                <c:pt idx="852">
                  <c:v>-0.33</c:v>
                </c:pt>
                <c:pt idx="853">
                  <c:v>-0.3</c:v>
                </c:pt>
                <c:pt idx="854">
                  <c:v>-0.28999999999999998</c:v>
                </c:pt>
                <c:pt idx="855">
                  <c:v>-0.28999999999999998</c:v>
                </c:pt>
                <c:pt idx="856">
                  <c:v>-0.26</c:v>
                </c:pt>
                <c:pt idx="857">
                  <c:v>-0.28999999999999998</c:v>
                </c:pt>
                <c:pt idx="858">
                  <c:v>-0.27</c:v>
                </c:pt>
                <c:pt idx="859">
                  <c:v>-0.24</c:v>
                </c:pt>
                <c:pt idx="860">
                  <c:v>-0.25</c:v>
                </c:pt>
                <c:pt idx="861">
                  <c:v>-0.26</c:v>
                </c:pt>
                <c:pt idx="862">
                  <c:v>-0.27</c:v>
                </c:pt>
                <c:pt idx="863">
                  <c:v>-0.26</c:v>
                </c:pt>
                <c:pt idx="864">
                  <c:v>-0.26</c:v>
                </c:pt>
                <c:pt idx="865">
                  <c:v>-0.25</c:v>
                </c:pt>
                <c:pt idx="866">
                  <c:v>-0.23</c:v>
                </c:pt>
                <c:pt idx="867">
                  <c:v>-0.19</c:v>
                </c:pt>
                <c:pt idx="868">
                  <c:v>-0.2</c:v>
                </c:pt>
                <c:pt idx="869">
                  <c:v>-0.21</c:v>
                </c:pt>
                <c:pt idx="870">
                  <c:v>-0.24</c:v>
                </c:pt>
                <c:pt idx="871">
                  <c:v>-0.23</c:v>
                </c:pt>
                <c:pt idx="872">
                  <c:v>-0.24</c:v>
                </c:pt>
                <c:pt idx="873">
                  <c:v>-0.23</c:v>
                </c:pt>
                <c:pt idx="874">
                  <c:v>-0.22</c:v>
                </c:pt>
                <c:pt idx="875">
                  <c:v>-0.16</c:v>
                </c:pt>
                <c:pt idx="876">
                  <c:v>-0.13</c:v>
                </c:pt>
                <c:pt idx="877">
                  <c:v>-0.12</c:v>
                </c:pt>
                <c:pt idx="878">
                  <c:v>-0.12</c:v>
                </c:pt>
                <c:pt idx="879">
                  <c:v>-0.11</c:v>
                </c:pt>
                <c:pt idx="880">
                  <c:v>-0.11</c:v>
                </c:pt>
                <c:pt idx="881">
                  <c:v>-0.12</c:v>
                </c:pt>
                <c:pt idx="882">
                  <c:v>-0.11</c:v>
                </c:pt>
                <c:pt idx="883">
                  <c:v>-0.13</c:v>
                </c:pt>
                <c:pt idx="884">
                  <c:v>-0.14000000000000001</c:v>
                </c:pt>
                <c:pt idx="885">
                  <c:v>-0.17</c:v>
                </c:pt>
                <c:pt idx="886">
                  <c:v>-0.21</c:v>
                </c:pt>
                <c:pt idx="887">
                  <c:v>-0.17</c:v>
                </c:pt>
                <c:pt idx="888">
                  <c:v>-0.19</c:v>
                </c:pt>
                <c:pt idx="889">
                  <c:v>-0.18</c:v>
                </c:pt>
                <c:pt idx="890">
                  <c:v>-0.18</c:v>
                </c:pt>
                <c:pt idx="891">
                  <c:v>-0.2</c:v>
                </c:pt>
                <c:pt idx="892">
                  <c:v>-0.18</c:v>
                </c:pt>
                <c:pt idx="893">
                  <c:v>-0.21</c:v>
                </c:pt>
                <c:pt idx="894">
                  <c:v>-0.2</c:v>
                </c:pt>
                <c:pt idx="895">
                  <c:v>-0.22</c:v>
                </c:pt>
                <c:pt idx="896">
                  <c:v>-0.25</c:v>
                </c:pt>
                <c:pt idx="897">
                  <c:v>-0.24</c:v>
                </c:pt>
                <c:pt idx="898">
                  <c:v>-0.27</c:v>
                </c:pt>
                <c:pt idx="899">
                  <c:v>-0.25</c:v>
                </c:pt>
                <c:pt idx="900">
                  <c:v>-0.23</c:v>
                </c:pt>
                <c:pt idx="901">
                  <c:v>-0.25</c:v>
                </c:pt>
                <c:pt idx="902">
                  <c:v>-0.24</c:v>
                </c:pt>
                <c:pt idx="903">
                  <c:v>-0.25</c:v>
                </c:pt>
                <c:pt idx="904">
                  <c:v>-0.22</c:v>
                </c:pt>
                <c:pt idx="905">
                  <c:v>-0.21</c:v>
                </c:pt>
                <c:pt idx="906">
                  <c:v>-0.22</c:v>
                </c:pt>
                <c:pt idx="907">
                  <c:v>-0.23</c:v>
                </c:pt>
                <c:pt idx="908">
                  <c:v>-0.2</c:v>
                </c:pt>
                <c:pt idx="909">
                  <c:v>-0.23</c:v>
                </c:pt>
                <c:pt idx="910">
                  <c:v>-0.22</c:v>
                </c:pt>
                <c:pt idx="911">
                  <c:v>-0.21</c:v>
                </c:pt>
                <c:pt idx="912">
                  <c:v>-0.2</c:v>
                </c:pt>
                <c:pt idx="913">
                  <c:v>-0.23</c:v>
                </c:pt>
                <c:pt idx="914">
                  <c:v>-0.21</c:v>
                </c:pt>
                <c:pt idx="915">
                  <c:v>-0.27</c:v>
                </c:pt>
                <c:pt idx="916">
                  <c:v>-0.3</c:v>
                </c:pt>
                <c:pt idx="917">
                  <c:v>-0.32</c:v>
                </c:pt>
                <c:pt idx="918">
                  <c:v>-0.28999999999999998</c:v>
                </c:pt>
                <c:pt idx="919">
                  <c:v>-0.3</c:v>
                </c:pt>
                <c:pt idx="920">
                  <c:v>-0.3</c:v>
                </c:pt>
                <c:pt idx="921">
                  <c:v>-0.31</c:v>
                </c:pt>
                <c:pt idx="922">
                  <c:v>-0.32</c:v>
                </c:pt>
                <c:pt idx="923">
                  <c:v>-0.35</c:v>
                </c:pt>
                <c:pt idx="924">
                  <c:v>-0.39</c:v>
                </c:pt>
                <c:pt idx="925">
                  <c:v>-0.41</c:v>
                </c:pt>
                <c:pt idx="926">
                  <c:v>-0.4</c:v>
                </c:pt>
                <c:pt idx="927">
                  <c:v>-0.42</c:v>
                </c:pt>
                <c:pt idx="928">
                  <c:v>-0.41</c:v>
                </c:pt>
                <c:pt idx="929">
                  <c:v>-0.42</c:v>
                </c:pt>
                <c:pt idx="930">
                  <c:v>-0.44</c:v>
                </c:pt>
                <c:pt idx="931">
                  <c:v>-0.45</c:v>
                </c:pt>
                <c:pt idx="932">
                  <c:v>-0.45</c:v>
                </c:pt>
                <c:pt idx="933">
                  <c:v>-0.45</c:v>
                </c:pt>
                <c:pt idx="934">
                  <c:v>-0.48</c:v>
                </c:pt>
                <c:pt idx="935">
                  <c:v>-0.49</c:v>
                </c:pt>
                <c:pt idx="936">
                  <c:v>-0.48</c:v>
                </c:pt>
                <c:pt idx="937">
                  <c:v>-0.5</c:v>
                </c:pt>
                <c:pt idx="938">
                  <c:v>-0.45</c:v>
                </c:pt>
                <c:pt idx="939">
                  <c:v>-0.46</c:v>
                </c:pt>
                <c:pt idx="940">
                  <c:v>-0.46</c:v>
                </c:pt>
                <c:pt idx="941">
                  <c:v>-0.46</c:v>
                </c:pt>
                <c:pt idx="942">
                  <c:v>-0.45</c:v>
                </c:pt>
                <c:pt idx="943">
                  <c:v>-0.47</c:v>
                </c:pt>
                <c:pt idx="944">
                  <c:v>-0.47</c:v>
                </c:pt>
                <c:pt idx="945">
                  <c:v>-0.47</c:v>
                </c:pt>
                <c:pt idx="946">
                  <c:v>-0.48</c:v>
                </c:pt>
                <c:pt idx="947">
                  <c:v>-0.49</c:v>
                </c:pt>
                <c:pt idx="948">
                  <c:v>-0.49</c:v>
                </c:pt>
                <c:pt idx="949">
                  <c:v>-0.48</c:v>
                </c:pt>
                <c:pt idx="950">
                  <c:v>-0.47</c:v>
                </c:pt>
                <c:pt idx="951">
                  <c:v>-0.42</c:v>
                </c:pt>
                <c:pt idx="952">
                  <c:v>-0.42</c:v>
                </c:pt>
                <c:pt idx="953">
                  <c:v>-0.41</c:v>
                </c:pt>
                <c:pt idx="954">
                  <c:v>-0.44</c:v>
                </c:pt>
                <c:pt idx="955">
                  <c:v>-0.38</c:v>
                </c:pt>
                <c:pt idx="956">
                  <c:v>-0.37</c:v>
                </c:pt>
                <c:pt idx="957">
                  <c:v>-0.39</c:v>
                </c:pt>
                <c:pt idx="958">
                  <c:v>-0.37</c:v>
                </c:pt>
                <c:pt idx="959">
                  <c:v>-0.37</c:v>
                </c:pt>
                <c:pt idx="960">
                  <c:v>-0.32</c:v>
                </c:pt>
                <c:pt idx="961">
                  <c:v>-0.33</c:v>
                </c:pt>
                <c:pt idx="962">
                  <c:v>-0.36</c:v>
                </c:pt>
                <c:pt idx="963">
                  <c:v>-0.34</c:v>
                </c:pt>
                <c:pt idx="964">
                  <c:v>-0.33</c:v>
                </c:pt>
                <c:pt idx="965">
                  <c:v>-0.34</c:v>
                </c:pt>
                <c:pt idx="966">
                  <c:v>-0.32</c:v>
                </c:pt>
                <c:pt idx="967">
                  <c:v>-0.31</c:v>
                </c:pt>
                <c:pt idx="968">
                  <c:v>-0.28000000000000003</c:v>
                </c:pt>
                <c:pt idx="969">
                  <c:v>-0.32</c:v>
                </c:pt>
                <c:pt idx="970">
                  <c:v>-0.33</c:v>
                </c:pt>
                <c:pt idx="971">
                  <c:v>-0.33</c:v>
                </c:pt>
                <c:pt idx="972">
                  <c:v>-0.27</c:v>
                </c:pt>
                <c:pt idx="973">
                  <c:v>-0.23</c:v>
                </c:pt>
                <c:pt idx="974">
                  <c:v>-0.22</c:v>
                </c:pt>
                <c:pt idx="975">
                  <c:v>-0.2</c:v>
                </c:pt>
                <c:pt idx="976">
                  <c:v>-0.21</c:v>
                </c:pt>
                <c:pt idx="977">
                  <c:v>-0.19</c:v>
                </c:pt>
                <c:pt idx="978">
                  <c:v>-0.22</c:v>
                </c:pt>
                <c:pt idx="979">
                  <c:v>-0.22</c:v>
                </c:pt>
                <c:pt idx="980">
                  <c:v>-0.18</c:v>
                </c:pt>
                <c:pt idx="981">
                  <c:v>-0.19</c:v>
                </c:pt>
                <c:pt idx="982">
                  <c:v>-0.19</c:v>
                </c:pt>
                <c:pt idx="983">
                  <c:v>-0.15</c:v>
                </c:pt>
                <c:pt idx="984">
                  <c:v>-0.12</c:v>
                </c:pt>
                <c:pt idx="985">
                  <c:v>-0.1</c:v>
                </c:pt>
                <c:pt idx="986">
                  <c:v>-0.14000000000000001</c:v>
                </c:pt>
                <c:pt idx="987">
                  <c:v>-0.18</c:v>
                </c:pt>
                <c:pt idx="988">
                  <c:v>-0.18</c:v>
                </c:pt>
                <c:pt idx="989">
                  <c:v>-0.15</c:v>
                </c:pt>
                <c:pt idx="990">
                  <c:v>-0.11</c:v>
                </c:pt>
                <c:pt idx="991">
                  <c:v>-0.12</c:v>
                </c:pt>
                <c:pt idx="992">
                  <c:v>-0.09</c:v>
                </c:pt>
                <c:pt idx="993">
                  <c:v>-0.1</c:v>
                </c:pt>
                <c:pt idx="994">
                  <c:v>-0.12</c:v>
                </c:pt>
                <c:pt idx="995">
                  <c:v>-0.12</c:v>
                </c:pt>
                <c:pt idx="996">
                  <c:v>-0.17</c:v>
                </c:pt>
                <c:pt idx="997">
                  <c:v>-0.15</c:v>
                </c:pt>
                <c:pt idx="998">
                  <c:v>-0.09</c:v>
                </c:pt>
                <c:pt idx="999">
                  <c:v>-0.09</c:v>
                </c:pt>
                <c:pt idx="1000">
                  <c:v>-0.17</c:v>
                </c:pt>
                <c:pt idx="1001">
                  <c:v>-0.17</c:v>
                </c:pt>
                <c:pt idx="1002">
                  <c:v>-0.22</c:v>
                </c:pt>
                <c:pt idx="1003">
                  <c:v>-0.28000000000000003</c:v>
                </c:pt>
                <c:pt idx="1004">
                  <c:v>-0.25</c:v>
                </c:pt>
                <c:pt idx="1005">
                  <c:v>-0.28999999999999998</c:v>
                </c:pt>
                <c:pt idx="1006">
                  <c:v>-0.25</c:v>
                </c:pt>
                <c:pt idx="1007">
                  <c:v>-0.23</c:v>
                </c:pt>
                <c:pt idx="1008">
                  <c:v>-0.25</c:v>
                </c:pt>
                <c:pt idx="1009">
                  <c:v>-0.25</c:v>
                </c:pt>
                <c:pt idx="1010">
                  <c:v>-0.25</c:v>
                </c:pt>
                <c:pt idx="1011">
                  <c:v>-0.24</c:v>
                </c:pt>
                <c:pt idx="1012">
                  <c:v>-0.28000000000000003</c:v>
                </c:pt>
                <c:pt idx="1013">
                  <c:v>-0.34</c:v>
                </c:pt>
                <c:pt idx="1014">
                  <c:v>-0.3</c:v>
                </c:pt>
                <c:pt idx="1015">
                  <c:v>-0.24</c:v>
                </c:pt>
                <c:pt idx="1016">
                  <c:v>-0.21</c:v>
                </c:pt>
                <c:pt idx="1017">
                  <c:v>-0.25</c:v>
                </c:pt>
                <c:pt idx="1018">
                  <c:v>-0.34</c:v>
                </c:pt>
                <c:pt idx="1019">
                  <c:v>-0.32</c:v>
                </c:pt>
                <c:pt idx="1020">
                  <c:v>-0.34</c:v>
                </c:pt>
                <c:pt idx="1021">
                  <c:v>-0.33</c:v>
                </c:pt>
                <c:pt idx="1022">
                  <c:v>-0.38</c:v>
                </c:pt>
                <c:pt idx="1023">
                  <c:v>-0.38</c:v>
                </c:pt>
                <c:pt idx="1024">
                  <c:v>-0.39</c:v>
                </c:pt>
                <c:pt idx="1025">
                  <c:v>-0.37</c:v>
                </c:pt>
                <c:pt idx="1026">
                  <c:v>-0.32</c:v>
                </c:pt>
                <c:pt idx="1027">
                  <c:v>-0.36</c:v>
                </c:pt>
                <c:pt idx="1028">
                  <c:v>-0.35</c:v>
                </c:pt>
                <c:pt idx="1029">
                  <c:v>-0.38</c:v>
                </c:pt>
                <c:pt idx="1030">
                  <c:v>-0.37</c:v>
                </c:pt>
                <c:pt idx="1031">
                  <c:v>-0.36</c:v>
                </c:pt>
                <c:pt idx="1032">
                  <c:v>-0.35</c:v>
                </c:pt>
                <c:pt idx="1033">
                  <c:v>-0.38</c:v>
                </c:pt>
                <c:pt idx="1034">
                  <c:v>-0.37</c:v>
                </c:pt>
                <c:pt idx="1035">
                  <c:v>-0.3</c:v>
                </c:pt>
                <c:pt idx="1036">
                  <c:v>-0.28999999999999998</c:v>
                </c:pt>
                <c:pt idx="1037">
                  <c:v>-0.25</c:v>
                </c:pt>
                <c:pt idx="1038">
                  <c:v>-0.25</c:v>
                </c:pt>
                <c:pt idx="1039">
                  <c:v>-0.25</c:v>
                </c:pt>
                <c:pt idx="1040">
                  <c:v>-0.24</c:v>
                </c:pt>
                <c:pt idx="1041">
                  <c:v>-0.19</c:v>
                </c:pt>
                <c:pt idx="1042">
                  <c:v>-0.18</c:v>
                </c:pt>
                <c:pt idx="1043">
                  <c:v>-0.18</c:v>
                </c:pt>
                <c:pt idx="1044">
                  <c:v>-0.14000000000000001</c:v>
                </c:pt>
                <c:pt idx="1045">
                  <c:v>-0.14000000000000001</c:v>
                </c:pt>
                <c:pt idx="1046">
                  <c:v>-0.14000000000000001</c:v>
                </c:pt>
                <c:pt idx="1047">
                  <c:v>-0.11</c:v>
                </c:pt>
                <c:pt idx="1048">
                  <c:v>-0.09</c:v>
                </c:pt>
                <c:pt idx="1049">
                  <c:v>-0.08</c:v>
                </c:pt>
                <c:pt idx="1050">
                  <c:v>-7.0000000000000007E-2</c:v>
                </c:pt>
                <c:pt idx="1051">
                  <c:v>-0.1</c:v>
                </c:pt>
                <c:pt idx="1052">
                  <c:v>-0.13</c:v>
                </c:pt>
                <c:pt idx="1053">
                  <c:v>-0.09</c:v>
                </c:pt>
                <c:pt idx="1054">
                  <c:v>-0.06</c:v>
                </c:pt>
                <c:pt idx="1055">
                  <c:v>-0.06</c:v>
                </c:pt>
                <c:pt idx="1056">
                  <c:v>-0.04</c:v>
                </c:pt>
                <c:pt idx="1057">
                  <c:v>-7.0000000000000007E-2</c:v>
                </c:pt>
                <c:pt idx="1058">
                  <c:v>-0.1</c:v>
                </c:pt>
                <c:pt idx="1059">
                  <c:v>-0.14000000000000001</c:v>
                </c:pt>
                <c:pt idx="1060">
                  <c:v>-0.13</c:v>
                </c:pt>
                <c:pt idx="1061">
                  <c:v>-0.1</c:v>
                </c:pt>
                <c:pt idx="1062">
                  <c:v>-0.09</c:v>
                </c:pt>
                <c:pt idx="1063">
                  <c:v>-0.08</c:v>
                </c:pt>
                <c:pt idx="1064">
                  <c:v>0.01</c:v>
                </c:pt>
                <c:pt idx="1065">
                  <c:v>0.03</c:v>
                </c:pt>
                <c:pt idx="1066">
                  <c:v>0.04</c:v>
                </c:pt>
                <c:pt idx="1067">
                  <c:v>0.15</c:v>
                </c:pt>
                <c:pt idx="1068">
                  <c:v>0.21</c:v>
                </c:pt>
                <c:pt idx="1069">
                  <c:v>0.23</c:v>
                </c:pt>
                <c:pt idx="1070">
                  <c:v>0.26</c:v>
                </c:pt>
                <c:pt idx="1071">
                  <c:v>0.22</c:v>
                </c:pt>
                <c:pt idx="1072">
                  <c:v>0.28000000000000003</c:v>
                </c:pt>
                <c:pt idx="1073">
                  <c:v>0.28000000000000003</c:v>
                </c:pt>
                <c:pt idx="1074">
                  <c:v>0.26</c:v>
                </c:pt>
                <c:pt idx="1075">
                  <c:v>0.31</c:v>
                </c:pt>
                <c:pt idx="1076">
                  <c:v>0.28000000000000003</c:v>
                </c:pt>
                <c:pt idx="1077">
                  <c:v>0.23</c:v>
                </c:pt>
                <c:pt idx="1078">
                  <c:v>0.2</c:v>
                </c:pt>
                <c:pt idx="1079">
                  <c:v>0.2</c:v>
                </c:pt>
                <c:pt idx="1080">
                  <c:v>0.24</c:v>
                </c:pt>
                <c:pt idx="1081">
                  <c:v>0.22</c:v>
                </c:pt>
                <c:pt idx="1082">
                  <c:v>0.16</c:v>
                </c:pt>
                <c:pt idx="1083">
                  <c:v>0.22</c:v>
                </c:pt>
                <c:pt idx="1084">
                  <c:v>0.16</c:v>
                </c:pt>
                <c:pt idx="1085">
                  <c:v>-0.02</c:v>
                </c:pt>
                <c:pt idx="1086">
                  <c:v>0.01</c:v>
                </c:pt>
                <c:pt idx="1087">
                  <c:v>0.03</c:v>
                </c:pt>
                <c:pt idx="1088">
                  <c:v>-0.1</c:v>
                </c:pt>
                <c:pt idx="1089">
                  <c:v>-0.02</c:v>
                </c:pt>
                <c:pt idx="1090">
                  <c:v>0.09</c:v>
                </c:pt>
                <c:pt idx="1091">
                  <c:v>0.21</c:v>
                </c:pt>
                <c:pt idx="1092">
                  <c:v>0.27</c:v>
                </c:pt>
                <c:pt idx="1093">
                  <c:v>0.28000000000000003</c:v>
                </c:pt>
                <c:pt idx="1094">
                  <c:v>0.37</c:v>
                </c:pt>
                <c:pt idx="1095">
                  <c:v>0.33</c:v>
                </c:pt>
                <c:pt idx="1096">
                  <c:v>0.39</c:v>
                </c:pt>
                <c:pt idx="1097">
                  <c:v>0.39</c:v>
                </c:pt>
                <c:pt idx="1098">
                  <c:v>0.37</c:v>
                </c:pt>
                <c:pt idx="1099">
                  <c:v>0.44</c:v>
                </c:pt>
                <c:pt idx="1100">
                  <c:v>0.5</c:v>
                </c:pt>
                <c:pt idx="1101">
                  <c:v>0.48</c:v>
                </c:pt>
                <c:pt idx="1102">
                  <c:v>0.52</c:v>
                </c:pt>
                <c:pt idx="1103">
                  <c:v>0.56000000000000005</c:v>
                </c:pt>
                <c:pt idx="1104">
                  <c:v>0.57999999999999996</c:v>
                </c:pt>
                <c:pt idx="1105">
                  <c:v>0.63</c:v>
                </c:pt>
                <c:pt idx="1106">
                  <c:v>0.66</c:v>
                </c:pt>
                <c:pt idx="1107">
                  <c:v>0.55000000000000004</c:v>
                </c:pt>
                <c:pt idx="1108">
                  <c:v>0.56999999999999995</c:v>
                </c:pt>
                <c:pt idx="1109">
                  <c:v>0.52</c:v>
                </c:pt>
                <c:pt idx="1110">
                  <c:v>0.62</c:v>
                </c:pt>
                <c:pt idx="1111">
                  <c:v>0.65</c:v>
                </c:pt>
                <c:pt idx="1112">
                  <c:v>0.69</c:v>
                </c:pt>
                <c:pt idx="1113">
                  <c:v>0.7</c:v>
                </c:pt>
                <c:pt idx="1114">
                  <c:v>0.82</c:v>
                </c:pt>
                <c:pt idx="1115">
                  <c:v>0.8</c:v>
                </c:pt>
                <c:pt idx="1116">
                  <c:v>0.77</c:v>
                </c:pt>
                <c:pt idx="1117">
                  <c:v>0.83</c:v>
                </c:pt>
                <c:pt idx="1118">
                  <c:v>0.83</c:v>
                </c:pt>
                <c:pt idx="1119">
                  <c:v>0.83</c:v>
                </c:pt>
                <c:pt idx="1120">
                  <c:v>0.93</c:v>
                </c:pt>
                <c:pt idx="1121">
                  <c:v>0.87</c:v>
                </c:pt>
                <c:pt idx="1122">
                  <c:v>0.93</c:v>
                </c:pt>
                <c:pt idx="1123">
                  <c:v>0.94</c:v>
                </c:pt>
                <c:pt idx="1124">
                  <c:v>0.85</c:v>
                </c:pt>
                <c:pt idx="1125">
                  <c:v>0.8</c:v>
                </c:pt>
                <c:pt idx="1126">
                  <c:v>0.81</c:v>
                </c:pt>
                <c:pt idx="1127">
                  <c:v>0.9</c:v>
                </c:pt>
                <c:pt idx="1128">
                  <c:v>0.94</c:v>
                </c:pt>
                <c:pt idx="1129">
                  <c:v>0.95</c:v>
                </c:pt>
                <c:pt idx="1130">
                  <c:v>0.94</c:v>
                </c:pt>
                <c:pt idx="1131">
                  <c:v>0.98</c:v>
                </c:pt>
                <c:pt idx="1132">
                  <c:v>1.03</c:v>
                </c:pt>
                <c:pt idx="1133">
                  <c:v>1.1499999999999999</c:v>
                </c:pt>
                <c:pt idx="1134">
                  <c:v>1.0900000000000001</c:v>
                </c:pt>
                <c:pt idx="1135">
                  <c:v>1.02</c:v>
                </c:pt>
                <c:pt idx="1136">
                  <c:v>1.01</c:v>
                </c:pt>
                <c:pt idx="1137">
                  <c:v>0.88</c:v>
                </c:pt>
                <c:pt idx="1138">
                  <c:v>0.95</c:v>
                </c:pt>
                <c:pt idx="1139">
                  <c:v>0.93</c:v>
                </c:pt>
                <c:pt idx="1140">
                  <c:v>1.04</c:v>
                </c:pt>
                <c:pt idx="1141">
                  <c:v>1.01</c:v>
                </c:pt>
                <c:pt idx="1142">
                  <c:v>0.94</c:v>
                </c:pt>
                <c:pt idx="1143">
                  <c:v>0.94</c:v>
                </c:pt>
                <c:pt idx="1144">
                  <c:v>0.99</c:v>
                </c:pt>
                <c:pt idx="1145">
                  <c:v>0.94</c:v>
                </c:pt>
                <c:pt idx="1146">
                  <c:v>0.94</c:v>
                </c:pt>
                <c:pt idx="1147">
                  <c:v>1</c:v>
                </c:pt>
                <c:pt idx="1148">
                  <c:v>0.96</c:v>
                </c:pt>
                <c:pt idx="1149">
                  <c:v>1.04</c:v>
                </c:pt>
                <c:pt idx="1150">
                  <c:v>1.1299999999999999</c:v>
                </c:pt>
                <c:pt idx="1151">
                  <c:v>1.1599999999999999</c:v>
                </c:pt>
                <c:pt idx="1152">
                  <c:v>1.22</c:v>
                </c:pt>
                <c:pt idx="1153">
                  <c:v>1.28</c:v>
                </c:pt>
                <c:pt idx="1154">
                  <c:v>1.32</c:v>
                </c:pt>
                <c:pt idx="1155">
                  <c:v>1.28</c:v>
                </c:pt>
                <c:pt idx="1156">
                  <c:v>1.34</c:v>
                </c:pt>
                <c:pt idx="1157">
                  <c:v>1.43</c:v>
                </c:pt>
                <c:pt idx="1158">
                  <c:v>1.49</c:v>
                </c:pt>
                <c:pt idx="1159">
                  <c:v>1.61</c:v>
                </c:pt>
                <c:pt idx="1160">
                  <c:v>1.7</c:v>
                </c:pt>
                <c:pt idx="1161">
                  <c:v>1.61</c:v>
                </c:pt>
                <c:pt idx="1162">
                  <c:v>1.7</c:v>
                </c:pt>
                <c:pt idx="1163">
                  <c:v>1.68</c:v>
                </c:pt>
                <c:pt idx="1164">
                  <c:v>1.73</c:v>
                </c:pt>
                <c:pt idx="1165">
                  <c:v>1.77</c:v>
                </c:pt>
                <c:pt idx="1166">
                  <c:v>1.62</c:v>
                </c:pt>
                <c:pt idx="1167">
                  <c:v>1.41</c:v>
                </c:pt>
                <c:pt idx="1168">
                  <c:v>1.43</c:v>
                </c:pt>
                <c:pt idx="1169">
                  <c:v>1.54</c:v>
                </c:pt>
                <c:pt idx="1170">
                  <c:v>1.63</c:v>
                </c:pt>
                <c:pt idx="1171">
                  <c:v>1.5</c:v>
                </c:pt>
                <c:pt idx="1172">
                  <c:v>1.36</c:v>
                </c:pt>
                <c:pt idx="1173">
                  <c:v>1.2</c:v>
                </c:pt>
                <c:pt idx="1174">
                  <c:v>1.34</c:v>
                </c:pt>
                <c:pt idx="1175">
                  <c:v>1.19</c:v>
                </c:pt>
                <c:pt idx="1176">
                  <c:v>1.08</c:v>
                </c:pt>
                <c:pt idx="1177">
                  <c:v>1.25</c:v>
                </c:pt>
                <c:pt idx="1178">
                  <c:v>1.28</c:v>
                </c:pt>
                <c:pt idx="1179">
                  <c:v>1.18</c:v>
                </c:pt>
                <c:pt idx="1180">
                  <c:v>1.07</c:v>
                </c:pt>
                <c:pt idx="1181">
                  <c:v>1.0900000000000001</c:v>
                </c:pt>
                <c:pt idx="1182">
                  <c:v>1.1499999999999999</c:v>
                </c:pt>
                <c:pt idx="1183">
                  <c:v>1.07</c:v>
                </c:pt>
                <c:pt idx="1184">
                  <c:v>1.1499999999999999</c:v>
                </c:pt>
                <c:pt idx="1185">
                  <c:v>1.22</c:v>
                </c:pt>
                <c:pt idx="1186">
                  <c:v>1.2</c:v>
                </c:pt>
                <c:pt idx="1187">
                  <c:v>1.1499999999999999</c:v>
                </c:pt>
                <c:pt idx="1188">
                  <c:v>0.97</c:v>
                </c:pt>
                <c:pt idx="1189">
                  <c:v>0.96</c:v>
                </c:pt>
                <c:pt idx="1190">
                  <c:v>0.87</c:v>
                </c:pt>
                <c:pt idx="1191">
                  <c:v>0.87</c:v>
                </c:pt>
                <c:pt idx="1192">
                  <c:v>0.75</c:v>
                </c:pt>
                <c:pt idx="1193">
                  <c:v>0.85</c:v>
                </c:pt>
                <c:pt idx="1194">
                  <c:v>0.77</c:v>
                </c:pt>
                <c:pt idx="1195">
                  <c:v>0.78</c:v>
                </c:pt>
                <c:pt idx="1196">
                  <c:v>0.88</c:v>
                </c:pt>
                <c:pt idx="1197">
                  <c:v>0.8</c:v>
                </c:pt>
                <c:pt idx="1198">
                  <c:v>0.94</c:v>
                </c:pt>
                <c:pt idx="1199">
                  <c:v>0.89</c:v>
                </c:pt>
                <c:pt idx="1200">
                  <c:v>0.93</c:v>
                </c:pt>
                <c:pt idx="1201">
                  <c:v>0.88</c:v>
                </c:pt>
                <c:pt idx="1202">
                  <c:v>0.97</c:v>
                </c:pt>
                <c:pt idx="1203">
                  <c:v>0.99</c:v>
                </c:pt>
                <c:pt idx="1204">
                  <c:v>0.89</c:v>
                </c:pt>
                <c:pt idx="1205">
                  <c:v>0.99</c:v>
                </c:pt>
                <c:pt idx="1206">
                  <c:v>1.08</c:v>
                </c:pt>
                <c:pt idx="1207">
                  <c:v>1.08</c:v>
                </c:pt>
                <c:pt idx="1208">
                  <c:v>1.23</c:v>
                </c:pt>
                <c:pt idx="1209">
                  <c:v>1.28</c:v>
                </c:pt>
                <c:pt idx="1210">
                  <c:v>1.32</c:v>
                </c:pt>
                <c:pt idx="1211">
                  <c:v>1.36</c:v>
                </c:pt>
                <c:pt idx="1212">
                  <c:v>1.31</c:v>
                </c:pt>
                <c:pt idx="1213">
                  <c:v>1.39</c:v>
                </c:pt>
                <c:pt idx="1214">
                  <c:v>1.49</c:v>
                </c:pt>
                <c:pt idx="1215">
                  <c:v>1.51</c:v>
                </c:pt>
                <c:pt idx="1216">
                  <c:v>1.53</c:v>
                </c:pt>
                <c:pt idx="1217">
                  <c:v>1.6</c:v>
                </c:pt>
                <c:pt idx="1218">
                  <c:v>1.51</c:v>
                </c:pt>
                <c:pt idx="1219">
                  <c:v>1.55</c:v>
                </c:pt>
                <c:pt idx="1220">
                  <c:v>1.6</c:v>
                </c:pt>
                <c:pt idx="1221">
                  <c:v>1.57</c:v>
                </c:pt>
                <c:pt idx="1222">
                  <c:v>1.69</c:v>
                </c:pt>
                <c:pt idx="1223">
                  <c:v>1.71</c:v>
                </c:pt>
                <c:pt idx="1224">
                  <c:v>1.63</c:v>
                </c:pt>
                <c:pt idx="1225">
                  <c:v>1.72</c:v>
                </c:pt>
                <c:pt idx="1226">
                  <c:v>1.7</c:v>
                </c:pt>
                <c:pt idx="1227">
                  <c:v>1.73</c:v>
                </c:pt>
                <c:pt idx="1228">
                  <c:v>1.77</c:v>
                </c:pt>
                <c:pt idx="1229">
                  <c:v>1.78</c:v>
                </c:pt>
                <c:pt idx="1230">
                  <c:v>1.94</c:v>
                </c:pt>
                <c:pt idx="1231">
                  <c:v>1.9</c:v>
                </c:pt>
                <c:pt idx="1232">
                  <c:v>1.95</c:v>
                </c:pt>
                <c:pt idx="1233">
                  <c:v>2.0099999999999998</c:v>
                </c:pt>
                <c:pt idx="1234">
                  <c:v>2.08</c:v>
                </c:pt>
                <c:pt idx="1235">
                  <c:v>2.1800000000000002</c:v>
                </c:pt>
                <c:pt idx="1236">
                  <c:v>2.15</c:v>
                </c:pt>
                <c:pt idx="1237">
                  <c:v>2.19</c:v>
                </c:pt>
                <c:pt idx="1238">
                  <c:v>2.1</c:v>
                </c:pt>
                <c:pt idx="1239">
                  <c:v>1.89</c:v>
                </c:pt>
                <c:pt idx="1240">
                  <c:v>1.86</c:v>
                </c:pt>
                <c:pt idx="1241">
                  <c:v>2.02</c:v>
                </c:pt>
                <c:pt idx="1242">
                  <c:v>2.09</c:v>
                </c:pt>
                <c:pt idx="1243">
                  <c:v>2.1800000000000002</c:v>
                </c:pt>
                <c:pt idx="1244">
                  <c:v>2.31</c:v>
                </c:pt>
                <c:pt idx="1245">
                  <c:v>2.31</c:v>
                </c:pt>
                <c:pt idx="1246">
                  <c:v>2.38</c:v>
                </c:pt>
                <c:pt idx="1247">
                  <c:v>2.29</c:v>
                </c:pt>
                <c:pt idx="1248">
                  <c:v>2.25</c:v>
                </c:pt>
                <c:pt idx="1249">
                  <c:v>2.2599999999999998</c:v>
                </c:pt>
                <c:pt idx="1250">
                  <c:v>2.25</c:v>
                </c:pt>
                <c:pt idx="1251">
                  <c:v>2.34</c:v>
                </c:pt>
                <c:pt idx="1252">
                  <c:v>2.39</c:v>
                </c:pt>
                <c:pt idx="1253">
                  <c:v>2.44</c:v>
                </c:pt>
                <c:pt idx="1254">
                  <c:v>2.34</c:v>
                </c:pt>
                <c:pt idx="1255">
                  <c:v>2.17</c:v>
                </c:pt>
                <c:pt idx="1256">
                  <c:v>2.12</c:v>
                </c:pt>
                <c:pt idx="1257">
                  <c:v>1.99</c:v>
                </c:pt>
                <c:pt idx="1258">
                  <c:v>2.0699999999999998</c:v>
                </c:pt>
                <c:pt idx="1259">
                  <c:v>2.14</c:v>
                </c:pt>
                <c:pt idx="1260">
                  <c:v>2.11</c:v>
                </c:pt>
                <c:pt idx="1261">
                  <c:v>2.13</c:v>
                </c:pt>
                <c:pt idx="1262">
                  <c:v>2.2599999999999998</c:v>
                </c:pt>
                <c:pt idx="1263">
                  <c:v>2.29</c:v>
                </c:pt>
                <c:pt idx="1264">
                  <c:v>2.31</c:v>
                </c:pt>
                <c:pt idx="1265">
                  <c:v>2.2599999999999998</c:v>
                </c:pt>
                <c:pt idx="1266">
                  <c:v>2.17</c:v>
                </c:pt>
                <c:pt idx="1267">
                  <c:v>1.99</c:v>
                </c:pt>
                <c:pt idx="1268">
                  <c:v>2.15</c:v>
                </c:pt>
                <c:pt idx="1269">
                  <c:v>2.15</c:v>
                </c:pt>
                <c:pt idx="1270">
                  <c:v>2.09</c:v>
                </c:pt>
                <c:pt idx="1271">
                  <c:v>2</c:v>
                </c:pt>
                <c:pt idx="1272">
                  <c:v>2.02</c:v>
                </c:pt>
                <c:pt idx="1273">
                  <c:v>2.0099999999999998</c:v>
                </c:pt>
                <c:pt idx="1274">
                  <c:v>1.99</c:v>
                </c:pt>
                <c:pt idx="1275">
                  <c:v>1.98</c:v>
                </c:pt>
                <c:pt idx="1276">
                  <c:v>1.92</c:v>
                </c:pt>
                <c:pt idx="1277">
                  <c:v>1.84</c:v>
                </c:pt>
                <c:pt idx="1278">
                  <c:v>1.96</c:v>
                </c:pt>
                <c:pt idx="1279">
                  <c:v>1.98</c:v>
                </c:pt>
                <c:pt idx="1280">
                  <c:v>1.9</c:v>
                </c:pt>
                <c:pt idx="1281">
                  <c:v>1.94</c:v>
                </c:pt>
                <c:pt idx="1282">
                  <c:v>1.81</c:v>
                </c:pt>
                <c:pt idx="1283">
                  <c:v>1.86</c:v>
                </c:pt>
                <c:pt idx="1284">
                  <c:v>1.88</c:v>
                </c:pt>
                <c:pt idx="1285">
                  <c:v>1.79</c:v>
                </c:pt>
                <c:pt idx="1286">
                  <c:v>1.78</c:v>
                </c:pt>
                <c:pt idx="1287">
                  <c:v>1.81</c:v>
                </c:pt>
                <c:pt idx="1288">
                  <c:v>1.92</c:v>
                </c:pt>
                <c:pt idx="1289">
                  <c:v>1.93</c:v>
                </c:pt>
                <c:pt idx="1290">
                  <c:v>1.89</c:v>
                </c:pt>
                <c:pt idx="1291">
                  <c:v>1.93</c:v>
                </c:pt>
                <c:pt idx="1292">
                  <c:v>2.0699999999999998</c:v>
                </c:pt>
                <c:pt idx="1293">
                  <c:v>2.16</c:v>
                </c:pt>
                <c:pt idx="1294">
                  <c:v>2.19</c:v>
                </c:pt>
                <c:pt idx="1295">
                  <c:v>2.29</c:v>
                </c:pt>
                <c:pt idx="1296">
                  <c:v>2.2999999999999998</c:v>
                </c:pt>
                <c:pt idx="1297">
                  <c:v>2.35</c:v>
                </c:pt>
                <c:pt idx="1298">
                  <c:v>2.38</c:v>
                </c:pt>
                <c:pt idx="1299">
                  <c:v>2.38</c:v>
                </c:pt>
                <c:pt idx="1300">
                  <c:v>2.5</c:v>
                </c:pt>
                <c:pt idx="1301">
                  <c:v>2.5</c:v>
                </c:pt>
                <c:pt idx="1302">
                  <c:v>2.46</c:v>
                </c:pt>
                <c:pt idx="1303">
                  <c:v>2.56</c:v>
                </c:pt>
                <c:pt idx="1304">
                  <c:v>2.44</c:v>
                </c:pt>
                <c:pt idx="1305">
                  <c:v>2.39</c:v>
                </c:pt>
                <c:pt idx="1306">
                  <c:v>2.27</c:v>
                </c:pt>
                <c:pt idx="1307">
                  <c:v>2.2999999999999998</c:v>
                </c:pt>
                <c:pt idx="1308">
                  <c:v>2.2000000000000002</c:v>
                </c:pt>
                <c:pt idx="1309">
                  <c:v>2.2200000000000002</c:v>
                </c:pt>
                <c:pt idx="1310">
                  <c:v>2.2999999999999998</c:v>
                </c:pt>
                <c:pt idx="1311">
                  <c:v>2.1800000000000002</c:v>
                </c:pt>
                <c:pt idx="1312">
                  <c:v>2.12</c:v>
                </c:pt>
                <c:pt idx="1313">
                  <c:v>2.11</c:v>
                </c:pt>
                <c:pt idx="1314">
                  <c:v>2.13</c:v>
                </c:pt>
                <c:pt idx="1315">
                  <c:v>2.04</c:v>
                </c:pt>
                <c:pt idx="1316">
                  <c:v>1.96</c:v>
                </c:pt>
                <c:pt idx="1317">
                  <c:v>2.02</c:v>
                </c:pt>
                <c:pt idx="1318">
                  <c:v>2.13</c:v>
                </c:pt>
                <c:pt idx="1319">
                  <c:v>2.15</c:v>
                </c:pt>
                <c:pt idx="1320">
                  <c:v>2.12</c:v>
                </c:pt>
                <c:pt idx="1321">
                  <c:v>2.11</c:v>
                </c:pt>
                <c:pt idx="1322">
                  <c:v>2.17</c:v>
                </c:pt>
                <c:pt idx="1323">
                  <c:v>2.2000000000000002</c:v>
                </c:pt>
                <c:pt idx="1324">
                  <c:v>2.2599999999999998</c:v>
                </c:pt>
                <c:pt idx="1325">
                  <c:v>2.29</c:v>
                </c:pt>
                <c:pt idx="1326">
                  <c:v>2.2999999999999998</c:v>
                </c:pt>
                <c:pt idx="1327">
                  <c:v>2.09</c:v>
                </c:pt>
                <c:pt idx="1328">
                  <c:v>2.19</c:v>
                </c:pt>
                <c:pt idx="1329">
                  <c:v>2.2799999999999998</c:v>
                </c:pt>
                <c:pt idx="1330">
                  <c:v>2.31</c:v>
                </c:pt>
                <c:pt idx="1331">
                  <c:v>2.36</c:v>
                </c:pt>
                <c:pt idx="1332">
                  <c:v>2.31</c:v>
                </c:pt>
                <c:pt idx="1333">
                  <c:v>2.37</c:v>
                </c:pt>
                <c:pt idx="1334">
                  <c:v>2.37</c:v>
                </c:pt>
                <c:pt idx="1335">
                  <c:v>2.4300000000000002</c:v>
                </c:pt>
                <c:pt idx="1336">
                  <c:v>2.4700000000000002</c:v>
                </c:pt>
                <c:pt idx="1337">
                  <c:v>2.48</c:v>
                </c:pt>
                <c:pt idx="1338">
                  <c:v>2.4500000000000002</c:v>
                </c:pt>
                <c:pt idx="1339">
                  <c:v>2.46</c:v>
                </c:pt>
                <c:pt idx="1340">
                  <c:v>2.5299999999999998</c:v>
                </c:pt>
                <c:pt idx="1341">
                  <c:v>2.5099999999999998</c:v>
                </c:pt>
                <c:pt idx="1342">
                  <c:v>2.4700000000000002</c:v>
                </c:pt>
                <c:pt idx="1343">
                  <c:v>2.5299999999999998</c:v>
                </c:pt>
                <c:pt idx="1344">
                  <c:v>2.58</c:v>
                </c:pt>
                <c:pt idx="1345">
                  <c:v>2.62</c:v>
                </c:pt>
                <c:pt idx="1346">
                  <c:v>2.71</c:v>
                </c:pt>
                <c:pt idx="1347">
                  <c:v>2.73</c:v>
                </c:pt>
                <c:pt idx="1348">
                  <c:v>2.72</c:v>
                </c:pt>
                <c:pt idx="1349">
                  <c:v>2.71</c:v>
                </c:pt>
                <c:pt idx="1350">
                  <c:v>2.69</c:v>
                </c:pt>
                <c:pt idx="1351">
                  <c:v>2.63</c:v>
                </c:pt>
                <c:pt idx="1352">
                  <c:v>2.63</c:v>
                </c:pt>
                <c:pt idx="1353">
                  <c:v>2.4700000000000002</c:v>
                </c:pt>
                <c:pt idx="1354">
                  <c:v>2.25</c:v>
                </c:pt>
                <c:pt idx="1355">
                  <c:v>2.4500000000000002</c:v>
                </c:pt>
                <c:pt idx="1356">
                  <c:v>2.13</c:v>
                </c:pt>
                <c:pt idx="1357">
                  <c:v>2.2200000000000002</c:v>
                </c:pt>
                <c:pt idx="1358">
                  <c:v>2.09</c:v>
                </c:pt>
                <c:pt idx="1359">
                  <c:v>2.11</c:v>
                </c:pt>
                <c:pt idx="1360">
                  <c:v>2.2799999999999998</c:v>
                </c:pt>
                <c:pt idx="1361">
                  <c:v>2.34</c:v>
                </c:pt>
                <c:pt idx="1362">
                  <c:v>2.2000000000000002</c:v>
                </c:pt>
                <c:pt idx="1363">
                  <c:v>2.11</c:v>
                </c:pt>
                <c:pt idx="1364">
                  <c:v>2.21</c:v>
                </c:pt>
                <c:pt idx="1365">
                  <c:v>2.2799999999999998</c:v>
                </c:pt>
                <c:pt idx="1366">
                  <c:v>2.2999999999999998</c:v>
                </c:pt>
                <c:pt idx="1367">
                  <c:v>2.36</c:v>
                </c:pt>
                <c:pt idx="1368">
                  <c:v>2.31</c:v>
                </c:pt>
                <c:pt idx="1369">
                  <c:v>2.2400000000000002</c:v>
                </c:pt>
                <c:pt idx="1370">
                  <c:v>2.2599999999999998</c:v>
                </c:pt>
                <c:pt idx="1371">
                  <c:v>2.17</c:v>
                </c:pt>
                <c:pt idx="1372">
                  <c:v>2.1800000000000002</c:v>
                </c:pt>
                <c:pt idx="1373">
                  <c:v>2.1800000000000002</c:v>
                </c:pt>
                <c:pt idx="1374">
                  <c:v>2.1800000000000002</c:v>
                </c:pt>
                <c:pt idx="1375">
                  <c:v>2.2999999999999998</c:v>
                </c:pt>
                <c:pt idx="1376">
                  <c:v>2.35</c:v>
                </c:pt>
                <c:pt idx="1377">
                  <c:v>2.36</c:v>
                </c:pt>
                <c:pt idx="1378">
                  <c:v>2.42</c:v>
                </c:pt>
                <c:pt idx="1379">
                  <c:v>2.48</c:v>
                </c:pt>
                <c:pt idx="1380">
                  <c:v>2.46</c:v>
                </c:pt>
                <c:pt idx="1381">
                  <c:v>2.5</c:v>
                </c:pt>
                <c:pt idx="1382">
                  <c:v>2.44</c:v>
                </c:pt>
                <c:pt idx="1383">
                  <c:v>2.48</c:v>
                </c:pt>
                <c:pt idx="1384">
                  <c:v>2.48</c:v>
                </c:pt>
                <c:pt idx="1385">
                  <c:v>2.38</c:v>
                </c:pt>
                <c:pt idx="1386">
                  <c:v>2.38</c:v>
                </c:pt>
                <c:pt idx="1387">
                  <c:v>2.4500000000000002</c:v>
                </c:pt>
                <c:pt idx="1388">
                  <c:v>2.31</c:v>
                </c:pt>
                <c:pt idx="1389">
                  <c:v>2.31</c:v>
                </c:pt>
                <c:pt idx="1390">
                  <c:v>2.25</c:v>
                </c:pt>
                <c:pt idx="1391">
                  <c:v>2.25</c:v>
                </c:pt>
                <c:pt idx="1392">
                  <c:v>2.2000000000000002</c:v>
                </c:pt>
                <c:pt idx="1393">
                  <c:v>2.29</c:v>
                </c:pt>
                <c:pt idx="1394">
                  <c:v>2.3199999999999998</c:v>
                </c:pt>
                <c:pt idx="1395">
                  <c:v>2.33</c:v>
                </c:pt>
                <c:pt idx="1396">
                  <c:v>2.29</c:v>
                </c:pt>
                <c:pt idx="1397">
                  <c:v>2.2200000000000002</c:v>
                </c:pt>
                <c:pt idx="1398">
                  <c:v>2.2599999999999998</c:v>
                </c:pt>
                <c:pt idx="1399">
                  <c:v>2.2999999999999998</c:v>
                </c:pt>
                <c:pt idx="1400">
                  <c:v>2.34</c:v>
                </c:pt>
                <c:pt idx="1401">
                  <c:v>2.33</c:v>
                </c:pt>
                <c:pt idx="1402">
                  <c:v>2.44</c:v>
                </c:pt>
                <c:pt idx="1403">
                  <c:v>2.4300000000000002</c:v>
                </c:pt>
                <c:pt idx="1404">
                  <c:v>2.4500000000000002</c:v>
                </c:pt>
                <c:pt idx="1405">
                  <c:v>2.46</c:v>
                </c:pt>
                <c:pt idx="1406">
                  <c:v>2.4500000000000002</c:v>
                </c:pt>
                <c:pt idx="1407">
                  <c:v>2.48</c:v>
                </c:pt>
                <c:pt idx="1408">
                  <c:v>2.54</c:v>
                </c:pt>
                <c:pt idx="1409">
                  <c:v>2.4300000000000002</c:v>
                </c:pt>
                <c:pt idx="1410">
                  <c:v>2.35</c:v>
                </c:pt>
                <c:pt idx="1411">
                  <c:v>2.27</c:v>
                </c:pt>
                <c:pt idx="1412">
                  <c:v>2.25</c:v>
                </c:pt>
                <c:pt idx="1413">
                  <c:v>2.29</c:v>
                </c:pt>
                <c:pt idx="1414">
                  <c:v>2.37</c:v>
                </c:pt>
                <c:pt idx="1415">
                  <c:v>2.36</c:v>
                </c:pt>
                <c:pt idx="1416">
                  <c:v>2.42</c:v>
                </c:pt>
                <c:pt idx="1417">
                  <c:v>2.41</c:v>
                </c:pt>
                <c:pt idx="1418">
                  <c:v>2.36</c:v>
                </c:pt>
                <c:pt idx="1419">
                  <c:v>2.35</c:v>
                </c:pt>
                <c:pt idx="1420">
                  <c:v>2.4</c:v>
                </c:pt>
                <c:pt idx="1421">
                  <c:v>2.44</c:v>
                </c:pt>
                <c:pt idx="1422">
                  <c:v>2.48</c:v>
                </c:pt>
                <c:pt idx="1423">
                  <c:v>2.4500000000000002</c:v>
                </c:pt>
                <c:pt idx="1424">
                  <c:v>2.5099999999999998</c:v>
                </c:pt>
                <c:pt idx="1425">
                  <c:v>2.39</c:v>
                </c:pt>
                <c:pt idx="1426">
                  <c:v>2.41</c:v>
                </c:pt>
                <c:pt idx="1427">
                  <c:v>2.4700000000000002</c:v>
                </c:pt>
                <c:pt idx="1428">
                  <c:v>2.33</c:v>
                </c:pt>
                <c:pt idx="1429">
                  <c:v>2.2799999999999998</c:v>
                </c:pt>
                <c:pt idx="1430">
                  <c:v>2.34</c:v>
                </c:pt>
                <c:pt idx="1431">
                  <c:v>2.2999999999999998</c:v>
                </c:pt>
                <c:pt idx="1432">
                  <c:v>2.39</c:v>
                </c:pt>
                <c:pt idx="1433">
                  <c:v>2.38</c:v>
                </c:pt>
                <c:pt idx="1434">
                  <c:v>2.41</c:v>
                </c:pt>
                <c:pt idx="1435">
                  <c:v>2.44</c:v>
                </c:pt>
                <c:pt idx="1436">
                  <c:v>2.46</c:v>
                </c:pt>
                <c:pt idx="1437">
                  <c:v>2.61</c:v>
                </c:pt>
                <c:pt idx="1438">
                  <c:v>2.61</c:v>
                </c:pt>
                <c:pt idx="1439">
                  <c:v>2.62</c:v>
                </c:pt>
                <c:pt idx="1440">
                  <c:v>2.63</c:v>
                </c:pt>
                <c:pt idx="1441">
                  <c:v>2.5299999999999998</c:v>
                </c:pt>
                <c:pt idx="1442">
                  <c:v>2.46</c:v>
                </c:pt>
                <c:pt idx="1443">
                  <c:v>2.4500000000000002</c:v>
                </c:pt>
                <c:pt idx="1444">
                  <c:v>2.44</c:v>
                </c:pt>
                <c:pt idx="1445">
                  <c:v>2.33</c:v>
                </c:pt>
                <c:pt idx="1446">
                  <c:v>2.29</c:v>
                </c:pt>
                <c:pt idx="1447">
                  <c:v>2.44</c:v>
                </c:pt>
                <c:pt idx="1448">
                  <c:v>2.41</c:v>
                </c:pt>
                <c:pt idx="1449">
                  <c:v>2.37</c:v>
                </c:pt>
                <c:pt idx="1450">
                  <c:v>2.4</c:v>
                </c:pt>
                <c:pt idx="1451">
                  <c:v>2.44</c:v>
                </c:pt>
                <c:pt idx="1452">
                  <c:v>2.44</c:v>
                </c:pt>
                <c:pt idx="1453">
                  <c:v>2.44</c:v>
                </c:pt>
                <c:pt idx="1454">
                  <c:v>2.48</c:v>
                </c:pt>
                <c:pt idx="1455">
                  <c:v>2.54</c:v>
                </c:pt>
                <c:pt idx="1456">
                  <c:v>2.52</c:v>
                </c:pt>
                <c:pt idx="1457">
                  <c:v>2.58</c:v>
                </c:pt>
                <c:pt idx="1458">
                  <c:v>2.56</c:v>
                </c:pt>
                <c:pt idx="1459">
                  <c:v>2.59</c:v>
                </c:pt>
                <c:pt idx="1460">
                  <c:v>2.46</c:v>
                </c:pt>
                <c:pt idx="1461">
                  <c:v>2.5</c:v>
                </c:pt>
                <c:pt idx="1462">
                  <c:v>2.5299999999999998</c:v>
                </c:pt>
                <c:pt idx="1463">
                  <c:v>2.61</c:v>
                </c:pt>
                <c:pt idx="1464">
                  <c:v>2.63</c:v>
                </c:pt>
                <c:pt idx="1465">
                  <c:v>2.7</c:v>
                </c:pt>
                <c:pt idx="1466">
                  <c:v>2.64</c:v>
                </c:pt>
                <c:pt idx="1467">
                  <c:v>2.69</c:v>
                </c:pt>
                <c:pt idx="1468">
                  <c:v>2.62</c:v>
                </c:pt>
                <c:pt idx="1469">
                  <c:v>2.7</c:v>
                </c:pt>
                <c:pt idx="1470">
                  <c:v>2.65</c:v>
                </c:pt>
                <c:pt idx="1471">
                  <c:v>2.52</c:v>
                </c:pt>
                <c:pt idx="1472">
                  <c:v>2.52</c:v>
                </c:pt>
                <c:pt idx="1473">
                  <c:v>2.56</c:v>
                </c:pt>
                <c:pt idx="1474">
                  <c:v>2.57</c:v>
                </c:pt>
                <c:pt idx="1475">
                  <c:v>2.52</c:v>
                </c:pt>
                <c:pt idx="1476">
                  <c:v>2.54</c:v>
                </c:pt>
                <c:pt idx="1477">
                  <c:v>2.46</c:v>
                </c:pt>
                <c:pt idx="1478">
                  <c:v>2.54</c:v>
                </c:pt>
                <c:pt idx="1479">
                  <c:v>2.57</c:v>
                </c:pt>
                <c:pt idx="1480">
                  <c:v>2.6</c:v>
                </c:pt>
                <c:pt idx="1481">
                  <c:v>2.65</c:v>
                </c:pt>
                <c:pt idx="1482">
                  <c:v>2.62</c:v>
                </c:pt>
                <c:pt idx="1483">
                  <c:v>2.6</c:v>
                </c:pt>
                <c:pt idx="1484">
                  <c:v>2.64</c:v>
                </c:pt>
                <c:pt idx="1485">
                  <c:v>2.64</c:v>
                </c:pt>
                <c:pt idx="1486">
                  <c:v>2.65</c:v>
                </c:pt>
                <c:pt idx="1487">
                  <c:v>2.58</c:v>
                </c:pt>
                <c:pt idx="1488">
                  <c:v>2.67</c:v>
                </c:pt>
                <c:pt idx="1489">
                  <c:v>2.71</c:v>
                </c:pt>
                <c:pt idx="1490">
                  <c:v>2.73</c:v>
                </c:pt>
                <c:pt idx="1491">
                  <c:v>2.7</c:v>
                </c:pt>
                <c:pt idx="1492">
                  <c:v>2.73</c:v>
                </c:pt>
                <c:pt idx="1493">
                  <c:v>2.73</c:v>
                </c:pt>
                <c:pt idx="1494">
                  <c:v>2.78</c:v>
                </c:pt>
                <c:pt idx="1495">
                  <c:v>2.8</c:v>
                </c:pt>
                <c:pt idx="1496">
                  <c:v>2.83</c:v>
                </c:pt>
                <c:pt idx="1497">
                  <c:v>2.96</c:v>
                </c:pt>
                <c:pt idx="1498">
                  <c:v>2.83</c:v>
                </c:pt>
                <c:pt idx="1499">
                  <c:v>2.91</c:v>
                </c:pt>
                <c:pt idx="1500">
                  <c:v>2.95</c:v>
                </c:pt>
                <c:pt idx="1501">
                  <c:v>2.95</c:v>
                </c:pt>
                <c:pt idx="1502">
                  <c:v>2.89</c:v>
                </c:pt>
                <c:pt idx="1503">
                  <c:v>2.9</c:v>
                </c:pt>
                <c:pt idx="1504">
                  <c:v>2.77</c:v>
                </c:pt>
                <c:pt idx="1505">
                  <c:v>2.79</c:v>
                </c:pt>
                <c:pt idx="1506">
                  <c:v>2.72</c:v>
                </c:pt>
                <c:pt idx="1507">
                  <c:v>2.78</c:v>
                </c:pt>
                <c:pt idx="1508">
                  <c:v>2.74</c:v>
                </c:pt>
                <c:pt idx="1509">
                  <c:v>2.78</c:v>
                </c:pt>
                <c:pt idx="1510">
                  <c:v>2.88</c:v>
                </c:pt>
                <c:pt idx="1511">
                  <c:v>2.93</c:v>
                </c:pt>
                <c:pt idx="1512">
                  <c:v>2.93</c:v>
                </c:pt>
                <c:pt idx="1513">
                  <c:v>2.88</c:v>
                </c:pt>
                <c:pt idx="1514">
                  <c:v>2.87</c:v>
                </c:pt>
                <c:pt idx="1515">
                  <c:v>2.83</c:v>
                </c:pt>
                <c:pt idx="1516">
                  <c:v>2.88</c:v>
                </c:pt>
                <c:pt idx="1517">
                  <c:v>2.85</c:v>
                </c:pt>
                <c:pt idx="1518">
                  <c:v>2.83</c:v>
                </c:pt>
                <c:pt idx="1519">
                  <c:v>2.82</c:v>
                </c:pt>
                <c:pt idx="1520">
                  <c:v>2.8</c:v>
                </c:pt>
                <c:pt idx="1521">
                  <c:v>2.75</c:v>
                </c:pt>
                <c:pt idx="1522">
                  <c:v>2.71</c:v>
                </c:pt>
                <c:pt idx="1523">
                  <c:v>2.64</c:v>
                </c:pt>
                <c:pt idx="1524">
                  <c:v>2.73</c:v>
                </c:pt>
                <c:pt idx="1525">
                  <c:v>2.66</c:v>
                </c:pt>
                <c:pt idx="1526">
                  <c:v>2.62</c:v>
                </c:pt>
                <c:pt idx="1527">
                  <c:v>2.64</c:v>
                </c:pt>
                <c:pt idx="1528">
                  <c:v>2.7</c:v>
                </c:pt>
                <c:pt idx="1529">
                  <c:v>2.72</c:v>
                </c:pt>
                <c:pt idx="1530">
                  <c:v>2.6</c:v>
                </c:pt>
                <c:pt idx="1531">
                  <c:v>2.62</c:v>
                </c:pt>
                <c:pt idx="1532">
                  <c:v>2.56</c:v>
                </c:pt>
                <c:pt idx="1533">
                  <c:v>2.58</c:v>
                </c:pt>
                <c:pt idx="1534">
                  <c:v>2.61</c:v>
                </c:pt>
                <c:pt idx="1535">
                  <c:v>2.56</c:v>
                </c:pt>
                <c:pt idx="1536">
                  <c:v>2.56</c:v>
                </c:pt>
                <c:pt idx="1537">
                  <c:v>2.61</c:v>
                </c:pt>
                <c:pt idx="1538">
                  <c:v>2.64</c:v>
                </c:pt>
                <c:pt idx="1539">
                  <c:v>2.54</c:v>
                </c:pt>
                <c:pt idx="1540">
                  <c:v>2.4900000000000002</c:v>
                </c:pt>
                <c:pt idx="1541">
                  <c:v>2.41</c:v>
                </c:pt>
                <c:pt idx="1542">
                  <c:v>2.46</c:v>
                </c:pt>
                <c:pt idx="1543">
                  <c:v>2.36</c:v>
                </c:pt>
                <c:pt idx="1544">
                  <c:v>2.34</c:v>
                </c:pt>
                <c:pt idx="1545">
                  <c:v>2.2400000000000002</c:v>
                </c:pt>
                <c:pt idx="1546">
                  <c:v>2.2000000000000002</c:v>
                </c:pt>
                <c:pt idx="1547">
                  <c:v>2.2000000000000002</c:v>
                </c:pt>
                <c:pt idx="1548">
                  <c:v>2.2599999999999998</c:v>
                </c:pt>
                <c:pt idx="1549">
                  <c:v>2.2599999999999998</c:v>
                </c:pt>
                <c:pt idx="1550">
                  <c:v>2.2200000000000002</c:v>
                </c:pt>
                <c:pt idx="1551">
                  <c:v>2.17</c:v>
                </c:pt>
                <c:pt idx="1552">
                  <c:v>2.12</c:v>
                </c:pt>
                <c:pt idx="1553">
                  <c:v>2.02</c:v>
                </c:pt>
                <c:pt idx="1554">
                  <c:v>2.0699999999999998</c:v>
                </c:pt>
                <c:pt idx="1555">
                  <c:v>2.0099999999999998</c:v>
                </c:pt>
                <c:pt idx="1556">
                  <c:v>1.97</c:v>
                </c:pt>
                <c:pt idx="1557">
                  <c:v>1.96</c:v>
                </c:pt>
                <c:pt idx="1558">
                  <c:v>1.97</c:v>
                </c:pt>
                <c:pt idx="1559">
                  <c:v>1.97</c:v>
                </c:pt>
                <c:pt idx="1560">
                  <c:v>1.97</c:v>
                </c:pt>
                <c:pt idx="1561">
                  <c:v>1.9</c:v>
                </c:pt>
                <c:pt idx="1562">
                  <c:v>1.93</c:v>
                </c:pt>
                <c:pt idx="1563">
                  <c:v>2.02</c:v>
                </c:pt>
                <c:pt idx="1564">
                  <c:v>2.02</c:v>
                </c:pt>
                <c:pt idx="1565">
                  <c:v>2.0499999999999998</c:v>
                </c:pt>
                <c:pt idx="1566">
                  <c:v>2.02</c:v>
                </c:pt>
                <c:pt idx="1567">
                  <c:v>2.1</c:v>
                </c:pt>
                <c:pt idx="1568">
                  <c:v>2.13</c:v>
                </c:pt>
                <c:pt idx="1569">
                  <c:v>2.13</c:v>
                </c:pt>
                <c:pt idx="1570">
                  <c:v>2.1800000000000002</c:v>
                </c:pt>
                <c:pt idx="1571">
                  <c:v>2.2000000000000002</c:v>
                </c:pt>
                <c:pt idx="1572">
                  <c:v>2.2000000000000002</c:v>
                </c:pt>
                <c:pt idx="1573">
                  <c:v>2.15</c:v>
                </c:pt>
                <c:pt idx="1574">
                  <c:v>2.19</c:v>
                </c:pt>
                <c:pt idx="1575">
                  <c:v>2.2200000000000002</c:v>
                </c:pt>
                <c:pt idx="1576">
                  <c:v>2.2799999999999998</c:v>
                </c:pt>
                <c:pt idx="1577">
                  <c:v>2.31</c:v>
                </c:pt>
                <c:pt idx="1578">
                  <c:v>2.2999999999999998</c:v>
                </c:pt>
                <c:pt idx="1579">
                  <c:v>2.25</c:v>
                </c:pt>
                <c:pt idx="1580">
                  <c:v>2.31</c:v>
                </c:pt>
                <c:pt idx="1581">
                  <c:v>2.2999999999999998</c:v>
                </c:pt>
                <c:pt idx="1582">
                  <c:v>2.25</c:v>
                </c:pt>
                <c:pt idx="1583">
                  <c:v>2.27</c:v>
                </c:pt>
                <c:pt idx="1584">
                  <c:v>2.2000000000000002</c:v>
                </c:pt>
                <c:pt idx="1585">
                  <c:v>2.25</c:v>
                </c:pt>
                <c:pt idx="1586">
                  <c:v>2.15</c:v>
                </c:pt>
                <c:pt idx="1587">
                  <c:v>2.12</c:v>
                </c:pt>
                <c:pt idx="1588">
                  <c:v>2.2400000000000002</c:v>
                </c:pt>
                <c:pt idx="1589">
                  <c:v>2.33</c:v>
                </c:pt>
                <c:pt idx="1590">
                  <c:v>2.2999999999999998</c:v>
                </c:pt>
                <c:pt idx="1591">
                  <c:v>2.29</c:v>
                </c:pt>
                <c:pt idx="1592">
                  <c:v>2.35</c:v>
                </c:pt>
                <c:pt idx="1593">
                  <c:v>2.38</c:v>
                </c:pt>
                <c:pt idx="1594">
                  <c:v>2.36</c:v>
                </c:pt>
                <c:pt idx="1595">
                  <c:v>2.39</c:v>
                </c:pt>
                <c:pt idx="1596">
                  <c:v>2.34</c:v>
                </c:pt>
                <c:pt idx="1597">
                  <c:v>2.34</c:v>
                </c:pt>
                <c:pt idx="1598">
                  <c:v>2.4</c:v>
                </c:pt>
                <c:pt idx="1599">
                  <c:v>2.41</c:v>
                </c:pt>
                <c:pt idx="1600">
                  <c:v>2.37</c:v>
                </c:pt>
                <c:pt idx="1601">
                  <c:v>2.4300000000000002</c:v>
                </c:pt>
                <c:pt idx="1602">
                  <c:v>2.4300000000000002</c:v>
                </c:pt>
                <c:pt idx="1603">
                  <c:v>2.37</c:v>
                </c:pt>
                <c:pt idx="1604">
                  <c:v>2.42</c:v>
                </c:pt>
                <c:pt idx="1605">
                  <c:v>2.4500000000000002</c:v>
                </c:pt>
                <c:pt idx="1606">
                  <c:v>2.46</c:v>
                </c:pt>
                <c:pt idx="1607">
                  <c:v>2.41</c:v>
                </c:pt>
                <c:pt idx="1608">
                  <c:v>2.4</c:v>
                </c:pt>
                <c:pt idx="1609">
                  <c:v>2.4</c:v>
                </c:pt>
                <c:pt idx="1610">
                  <c:v>2.31</c:v>
                </c:pt>
                <c:pt idx="1611">
                  <c:v>2.33</c:v>
                </c:pt>
                <c:pt idx="1612">
                  <c:v>2.2999999999999998</c:v>
                </c:pt>
                <c:pt idx="1613">
                  <c:v>2.2599999999999998</c:v>
                </c:pt>
                <c:pt idx="1614">
                  <c:v>2.2999999999999998</c:v>
                </c:pt>
                <c:pt idx="1615">
                  <c:v>2.3199999999999998</c:v>
                </c:pt>
                <c:pt idx="1616">
                  <c:v>2.36</c:v>
                </c:pt>
                <c:pt idx="1617">
                  <c:v>2.42</c:v>
                </c:pt>
                <c:pt idx="1618">
                  <c:v>2.44</c:v>
                </c:pt>
                <c:pt idx="1619">
                  <c:v>2.4500000000000002</c:v>
                </c:pt>
                <c:pt idx="1620">
                  <c:v>2.44</c:v>
                </c:pt>
                <c:pt idx="1621">
                  <c:v>2.4300000000000002</c:v>
                </c:pt>
                <c:pt idx="1622">
                  <c:v>2.4</c:v>
                </c:pt>
                <c:pt idx="1623">
                  <c:v>2.3199999999999998</c:v>
                </c:pt>
                <c:pt idx="1624">
                  <c:v>2.37</c:v>
                </c:pt>
                <c:pt idx="1625">
                  <c:v>2.35</c:v>
                </c:pt>
                <c:pt idx="1626">
                  <c:v>2.29</c:v>
                </c:pt>
                <c:pt idx="1627">
                  <c:v>2.29</c:v>
                </c:pt>
                <c:pt idx="1628">
                  <c:v>2.29</c:v>
                </c:pt>
                <c:pt idx="1629">
                  <c:v>2.29</c:v>
                </c:pt>
                <c:pt idx="1630">
                  <c:v>2.41</c:v>
                </c:pt>
                <c:pt idx="1631">
                  <c:v>2.4</c:v>
                </c:pt>
                <c:pt idx="1632">
                  <c:v>2.35</c:v>
                </c:pt>
                <c:pt idx="1633">
                  <c:v>2.4</c:v>
                </c:pt>
                <c:pt idx="1634">
                  <c:v>2.44</c:v>
                </c:pt>
                <c:pt idx="1635">
                  <c:v>2.36</c:v>
                </c:pt>
                <c:pt idx="1636">
                  <c:v>2.42</c:v>
                </c:pt>
                <c:pt idx="1637">
                  <c:v>2.48</c:v>
                </c:pt>
                <c:pt idx="1638">
                  <c:v>2.34</c:v>
                </c:pt>
                <c:pt idx="1639">
                  <c:v>2.4300000000000002</c:v>
                </c:pt>
                <c:pt idx="1640">
                  <c:v>2.4900000000000002</c:v>
                </c:pt>
                <c:pt idx="1641">
                  <c:v>2.46</c:v>
                </c:pt>
                <c:pt idx="1642">
                  <c:v>2.48</c:v>
                </c:pt>
                <c:pt idx="1643">
                  <c:v>2.5</c:v>
                </c:pt>
                <c:pt idx="1644">
                  <c:v>2.4900000000000002</c:v>
                </c:pt>
                <c:pt idx="1645">
                  <c:v>2.5</c:v>
                </c:pt>
                <c:pt idx="1646">
                  <c:v>2.58</c:v>
                </c:pt>
                <c:pt idx="1647">
                  <c:v>2.62</c:v>
                </c:pt>
                <c:pt idx="1648">
                  <c:v>2.57</c:v>
                </c:pt>
                <c:pt idx="1649">
                  <c:v>2.52</c:v>
                </c:pt>
                <c:pt idx="1650">
                  <c:v>2.58</c:v>
                </c:pt>
                <c:pt idx="1651">
                  <c:v>2.58</c:v>
                </c:pt>
                <c:pt idx="1652">
                  <c:v>2.5499999999999998</c:v>
                </c:pt>
                <c:pt idx="1653">
                  <c:v>2.5099999999999998</c:v>
                </c:pt>
                <c:pt idx="1654">
                  <c:v>2.4700000000000002</c:v>
                </c:pt>
                <c:pt idx="1655">
                  <c:v>2.42</c:v>
                </c:pt>
                <c:pt idx="1656">
                  <c:v>2.46</c:v>
                </c:pt>
                <c:pt idx="1657">
                  <c:v>2.4900000000000002</c:v>
                </c:pt>
                <c:pt idx="1658">
                  <c:v>2.52</c:v>
                </c:pt>
                <c:pt idx="1659">
                  <c:v>2.5</c:v>
                </c:pt>
                <c:pt idx="1660">
                  <c:v>2.54</c:v>
                </c:pt>
                <c:pt idx="1661">
                  <c:v>2.42</c:v>
                </c:pt>
                <c:pt idx="1662">
                  <c:v>2.4300000000000002</c:v>
                </c:pt>
                <c:pt idx="1663">
                  <c:v>2.5099999999999998</c:v>
                </c:pt>
                <c:pt idx="1664">
                  <c:v>2.5299999999999998</c:v>
                </c:pt>
                <c:pt idx="1665">
                  <c:v>2.5</c:v>
                </c:pt>
                <c:pt idx="1666">
                  <c:v>2.5299999999999998</c:v>
                </c:pt>
                <c:pt idx="1667">
                  <c:v>2.61</c:v>
                </c:pt>
                <c:pt idx="1668">
                  <c:v>2.57</c:v>
                </c:pt>
                <c:pt idx="1669">
                  <c:v>2.54</c:v>
                </c:pt>
                <c:pt idx="1670">
                  <c:v>2.58</c:v>
                </c:pt>
                <c:pt idx="1671">
                  <c:v>2.67</c:v>
                </c:pt>
                <c:pt idx="1672">
                  <c:v>2.66</c:v>
                </c:pt>
                <c:pt idx="1673">
                  <c:v>2.64</c:v>
                </c:pt>
                <c:pt idx="1674">
                  <c:v>2.58</c:v>
                </c:pt>
                <c:pt idx="1675">
                  <c:v>2.54</c:v>
                </c:pt>
                <c:pt idx="1676">
                  <c:v>2.5</c:v>
                </c:pt>
                <c:pt idx="1677">
                  <c:v>2.5499999999999998</c:v>
                </c:pt>
                <c:pt idx="1678">
                  <c:v>2.62</c:v>
                </c:pt>
                <c:pt idx="1679">
                  <c:v>2.67</c:v>
                </c:pt>
                <c:pt idx="1680">
                  <c:v>2.62</c:v>
                </c:pt>
                <c:pt idx="1681">
                  <c:v>2.5299999999999998</c:v>
                </c:pt>
                <c:pt idx="1682">
                  <c:v>2.5099999999999998</c:v>
                </c:pt>
                <c:pt idx="1683">
                  <c:v>2.35</c:v>
                </c:pt>
                <c:pt idx="1684">
                  <c:v>2.41</c:v>
                </c:pt>
                <c:pt idx="1685">
                  <c:v>2.39</c:v>
                </c:pt>
                <c:pt idx="1686">
                  <c:v>2.4</c:v>
                </c:pt>
                <c:pt idx="1687">
                  <c:v>2.4300000000000002</c:v>
                </c:pt>
                <c:pt idx="1688">
                  <c:v>2.4</c:v>
                </c:pt>
                <c:pt idx="1689">
                  <c:v>2.41</c:v>
                </c:pt>
                <c:pt idx="1690">
                  <c:v>2.41</c:v>
                </c:pt>
                <c:pt idx="1691">
                  <c:v>2.4500000000000002</c:v>
                </c:pt>
                <c:pt idx="1692">
                  <c:v>2.4500000000000002</c:v>
                </c:pt>
                <c:pt idx="1693">
                  <c:v>2.5</c:v>
                </c:pt>
                <c:pt idx="1694">
                  <c:v>2.62</c:v>
                </c:pt>
                <c:pt idx="1695">
                  <c:v>2.62</c:v>
                </c:pt>
                <c:pt idx="1696">
                  <c:v>2.56</c:v>
                </c:pt>
                <c:pt idx="1697">
                  <c:v>2.59</c:v>
                </c:pt>
                <c:pt idx="1698">
                  <c:v>2.54</c:v>
                </c:pt>
                <c:pt idx="1699">
                  <c:v>2.5299999999999998</c:v>
                </c:pt>
                <c:pt idx="1700">
                  <c:v>2.57</c:v>
                </c:pt>
                <c:pt idx="1701">
                  <c:v>2.5299999999999998</c:v>
                </c:pt>
                <c:pt idx="1702">
                  <c:v>2.4500000000000002</c:v>
                </c:pt>
              </c:numCache>
            </c:numRef>
          </c:val>
          <c:smooth val="0"/>
          <c:extLst>
            <c:ext xmlns:c16="http://schemas.microsoft.com/office/drawing/2014/chart" uri="{C3380CC4-5D6E-409C-BE32-E72D297353CC}">
              <c16:uniqueId val="{00000002-B7C2-4DA8-9E62-F4E45D0D7C69}"/>
            </c:ext>
          </c:extLst>
        </c:ser>
        <c:ser>
          <c:idx val="3"/>
          <c:order val="3"/>
          <c:tx>
            <c:strRef>
              <c:f>'10Yr_Gov'!$N$4</c:f>
              <c:strCache>
                <c:ptCount val="1"/>
                <c:pt idx="0">
                  <c:v>France</c:v>
                </c:pt>
              </c:strCache>
            </c:strRef>
          </c:tx>
          <c:spPr>
            <a:ln w="25400" cap="rnd" cmpd="sng" algn="ctr">
              <a:solidFill>
                <a:srgbClr val="DBD99A"/>
              </a:solidFill>
              <a:prstDash val="solid"/>
              <a:round/>
              <a:headEnd type="none" w="med" len="med"/>
              <a:tailEnd type="none" w="med" len="med"/>
            </a:ln>
          </c:spPr>
          <c:marker>
            <c:symbol val="none"/>
          </c:marker>
          <c:cat>
            <c:numRef>
              <c:f>'10Yr_Gov'!$J$5:$J$1707</c:f>
              <c:numCache>
                <c:formatCode>m/d/yyyy</c:formatCode>
                <c:ptCount val="1703"/>
                <c:pt idx="0">
                  <c:v>43102</c:v>
                </c:pt>
                <c:pt idx="1">
                  <c:v>43103</c:v>
                </c:pt>
                <c:pt idx="2">
                  <c:v>43104</c:v>
                </c:pt>
                <c:pt idx="3">
                  <c:v>43105</c:v>
                </c:pt>
                <c:pt idx="4">
                  <c:v>43108</c:v>
                </c:pt>
                <c:pt idx="5">
                  <c:v>43109</c:v>
                </c:pt>
                <c:pt idx="6">
                  <c:v>43110</c:v>
                </c:pt>
                <c:pt idx="7">
                  <c:v>43111</c:v>
                </c:pt>
                <c:pt idx="8">
                  <c:v>43112</c:v>
                </c:pt>
                <c:pt idx="9">
                  <c:v>43115</c:v>
                </c:pt>
                <c:pt idx="10">
                  <c:v>43116</c:v>
                </c:pt>
                <c:pt idx="11">
                  <c:v>43117</c:v>
                </c:pt>
                <c:pt idx="12">
                  <c:v>43118</c:v>
                </c:pt>
                <c:pt idx="13">
                  <c:v>43119</c:v>
                </c:pt>
                <c:pt idx="14">
                  <c:v>43122</c:v>
                </c:pt>
                <c:pt idx="15">
                  <c:v>43123</c:v>
                </c:pt>
                <c:pt idx="16">
                  <c:v>43124</c:v>
                </c:pt>
                <c:pt idx="17">
                  <c:v>43125</c:v>
                </c:pt>
                <c:pt idx="18">
                  <c:v>43126</c:v>
                </c:pt>
                <c:pt idx="19">
                  <c:v>43129</c:v>
                </c:pt>
                <c:pt idx="20">
                  <c:v>43130</c:v>
                </c:pt>
                <c:pt idx="21">
                  <c:v>43131</c:v>
                </c:pt>
                <c:pt idx="22">
                  <c:v>43132</c:v>
                </c:pt>
                <c:pt idx="23">
                  <c:v>43133</c:v>
                </c:pt>
                <c:pt idx="24">
                  <c:v>43136</c:v>
                </c:pt>
                <c:pt idx="25">
                  <c:v>43137</c:v>
                </c:pt>
                <c:pt idx="26">
                  <c:v>43138</c:v>
                </c:pt>
                <c:pt idx="27">
                  <c:v>43139</c:v>
                </c:pt>
                <c:pt idx="28">
                  <c:v>43140</c:v>
                </c:pt>
                <c:pt idx="29">
                  <c:v>43143</c:v>
                </c:pt>
                <c:pt idx="30">
                  <c:v>43144</c:v>
                </c:pt>
                <c:pt idx="31">
                  <c:v>43145</c:v>
                </c:pt>
                <c:pt idx="32">
                  <c:v>43146</c:v>
                </c:pt>
                <c:pt idx="33">
                  <c:v>43147</c:v>
                </c:pt>
                <c:pt idx="34">
                  <c:v>43150</c:v>
                </c:pt>
                <c:pt idx="35">
                  <c:v>43151</c:v>
                </c:pt>
                <c:pt idx="36">
                  <c:v>43152</c:v>
                </c:pt>
                <c:pt idx="37">
                  <c:v>43153</c:v>
                </c:pt>
                <c:pt idx="38">
                  <c:v>43154</c:v>
                </c:pt>
                <c:pt idx="39">
                  <c:v>43157</c:v>
                </c:pt>
                <c:pt idx="40">
                  <c:v>43158</c:v>
                </c:pt>
                <c:pt idx="41">
                  <c:v>43159</c:v>
                </c:pt>
                <c:pt idx="42">
                  <c:v>43160</c:v>
                </c:pt>
                <c:pt idx="43">
                  <c:v>43161</c:v>
                </c:pt>
                <c:pt idx="44">
                  <c:v>43164</c:v>
                </c:pt>
                <c:pt idx="45">
                  <c:v>43165</c:v>
                </c:pt>
                <c:pt idx="46">
                  <c:v>43166</c:v>
                </c:pt>
                <c:pt idx="47">
                  <c:v>43167</c:v>
                </c:pt>
                <c:pt idx="48">
                  <c:v>43168</c:v>
                </c:pt>
                <c:pt idx="49">
                  <c:v>43171</c:v>
                </c:pt>
                <c:pt idx="50">
                  <c:v>43172</c:v>
                </c:pt>
                <c:pt idx="51">
                  <c:v>43173</c:v>
                </c:pt>
                <c:pt idx="52">
                  <c:v>43174</c:v>
                </c:pt>
                <c:pt idx="53">
                  <c:v>43175</c:v>
                </c:pt>
                <c:pt idx="54">
                  <c:v>43178</c:v>
                </c:pt>
                <c:pt idx="55">
                  <c:v>43179</c:v>
                </c:pt>
                <c:pt idx="56">
                  <c:v>43180</c:v>
                </c:pt>
                <c:pt idx="57">
                  <c:v>43181</c:v>
                </c:pt>
                <c:pt idx="58">
                  <c:v>43182</c:v>
                </c:pt>
                <c:pt idx="59">
                  <c:v>43185</c:v>
                </c:pt>
                <c:pt idx="60">
                  <c:v>43186</c:v>
                </c:pt>
                <c:pt idx="61">
                  <c:v>43187</c:v>
                </c:pt>
                <c:pt idx="62">
                  <c:v>43188</c:v>
                </c:pt>
                <c:pt idx="63">
                  <c:v>43189</c:v>
                </c:pt>
                <c:pt idx="64">
                  <c:v>43192</c:v>
                </c:pt>
                <c:pt idx="65">
                  <c:v>43193</c:v>
                </c:pt>
                <c:pt idx="66">
                  <c:v>43194</c:v>
                </c:pt>
                <c:pt idx="67">
                  <c:v>43195</c:v>
                </c:pt>
                <c:pt idx="68">
                  <c:v>43196</c:v>
                </c:pt>
                <c:pt idx="69">
                  <c:v>43199</c:v>
                </c:pt>
                <c:pt idx="70">
                  <c:v>43200</c:v>
                </c:pt>
                <c:pt idx="71">
                  <c:v>43201</c:v>
                </c:pt>
                <c:pt idx="72">
                  <c:v>43202</c:v>
                </c:pt>
                <c:pt idx="73">
                  <c:v>43203</c:v>
                </c:pt>
                <c:pt idx="74">
                  <c:v>43206</c:v>
                </c:pt>
                <c:pt idx="75">
                  <c:v>43207</c:v>
                </c:pt>
                <c:pt idx="76">
                  <c:v>43208</c:v>
                </c:pt>
                <c:pt idx="77">
                  <c:v>43209</c:v>
                </c:pt>
                <c:pt idx="78">
                  <c:v>43210</c:v>
                </c:pt>
                <c:pt idx="79">
                  <c:v>43213</c:v>
                </c:pt>
                <c:pt idx="80">
                  <c:v>43214</c:v>
                </c:pt>
                <c:pt idx="81">
                  <c:v>43215</c:v>
                </c:pt>
                <c:pt idx="82">
                  <c:v>43216</c:v>
                </c:pt>
                <c:pt idx="83">
                  <c:v>43217</c:v>
                </c:pt>
                <c:pt idx="84">
                  <c:v>43220</c:v>
                </c:pt>
                <c:pt idx="85">
                  <c:v>43221</c:v>
                </c:pt>
                <c:pt idx="86">
                  <c:v>43222</c:v>
                </c:pt>
                <c:pt idx="87">
                  <c:v>43223</c:v>
                </c:pt>
                <c:pt idx="88">
                  <c:v>43224</c:v>
                </c:pt>
                <c:pt idx="89">
                  <c:v>43227</c:v>
                </c:pt>
                <c:pt idx="90">
                  <c:v>43228</c:v>
                </c:pt>
                <c:pt idx="91">
                  <c:v>43229</c:v>
                </c:pt>
                <c:pt idx="92">
                  <c:v>43230</c:v>
                </c:pt>
                <c:pt idx="93">
                  <c:v>43231</c:v>
                </c:pt>
                <c:pt idx="94">
                  <c:v>43234</c:v>
                </c:pt>
                <c:pt idx="95">
                  <c:v>43235</c:v>
                </c:pt>
                <c:pt idx="96">
                  <c:v>43236</c:v>
                </c:pt>
                <c:pt idx="97">
                  <c:v>43237</c:v>
                </c:pt>
                <c:pt idx="98">
                  <c:v>43238</c:v>
                </c:pt>
                <c:pt idx="99">
                  <c:v>43241</c:v>
                </c:pt>
                <c:pt idx="100">
                  <c:v>43242</c:v>
                </c:pt>
                <c:pt idx="101">
                  <c:v>43243</c:v>
                </c:pt>
                <c:pt idx="102">
                  <c:v>43244</c:v>
                </c:pt>
                <c:pt idx="103">
                  <c:v>43245</c:v>
                </c:pt>
                <c:pt idx="104">
                  <c:v>43248</c:v>
                </c:pt>
                <c:pt idx="105">
                  <c:v>43249</c:v>
                </c:pt>
                <c:pt idx="106">
                  <c:v>43250</c:v>
                </c:pt>
                <c:pt idx="107">
                  <c:v>43251</c:v>
                </c:pt>
                <c:pt idx="108">
                  <c:v>43252</c:v>
                </c:pt>
                <c:pt idx="109">
                  <c:v>43255</c:v>
                </c:pt>
                <c:pt idx="110">
                  <c:v>43256</c:v>
                </c:pt>
                <c:pt idx="111">
                  <c:v>43257</c:v>
                </c:pt>
                <c:pt idx="112">
                  <c:v>43258</c:v>
                </c:pt>
                <c:pt idx="113">
                  <c:v>43259</c:v>
                </c:pt>
                <c:pt idx="114">
                  <c:v>43262</c:v>
                </c:pt>
                <c:pt idx="115">
                  <c:v>43263</c:v>
                </c:pt>
                <c:pt idx="116">
                  <c:v>43264</c:v>
                </c:pt>
                <c:pt idx="117">
                  <c:v>43265</c:v>
                </c:pt>
                <c:pt idx="118">
                  <c:v>43266</c:v>
                </c:pt>
                <c:pt idx="119">
                  <c:v>43269</c:v>
                </c:pt>
                <c:pt idx="120">
                  <c:v>43270</c:v>
                </c:pt>
                <c:pt idx="121">
                  <c:v>43271</c:v>
                </c:pt>
                <c:pt idx="122">
                  <c:v>43272</c:v>
                </c:pt>
                <c:pt idx="123">
                  <c:v>43273</c:v>
                </c:pt>
                <c:pt idx="124">
                  <c:v>43276</c:v>
                </c:pt>
                <c:pt idx="125">
                  <c:v>43277</c:v>
                </c:pt>
                <c:pt idx="126">
                  <c:v>43278</c:v>
                </c:pt>
                <c:pt idx="127">
                  <c:v>43279</c:v>
                </c:pt>
                <c:pt idx="128">
                  <c:v>43280</c:v>
                </c:pt>
                <c:pt idx="129">
                  <c:v>43283</c:v>
                </c:pt>
                <c:pt idx="130">
                  <c:v>43284</c:v>
                </c:pt>
                <c:pt idx="131">
                  <c:v>43285</c:v>
                </c:pt>
                <c:pt idx="132">
                  <c:v>43286</c:v>
                </c:pt>
                <c:pt idx="133">
                  <c:v>43287</c:v>
                </c:pt>
                <c:pt idx="134">
                  <c:v>43290</c:v>
                </c:pt>
                <c:pt idx="135">
                  <c:v>43291</c:v>
                </c:pt>
                <c:pt idx="136">
                  <c:v>43292</c:v>
                </c:pt>
                <c:pt idx="137">
                  <c:v>43293</c:v>
                </c:pt>
                <c:pt idx="138">
                  <c:v>43294</c:v>
                </c:pt>
                <c:pt idx="139">
                  <c:v>43297</c:v>
                </c:pt>
                <c:pt idx="140">
                  <c:v>43298</c:v>
                </c:pt>
                <c:pt idx="141">
                  <c:v>43299</c:v>
                </c:pt>
                <c:pt idx="142">
                  <c:v>43300</c:v>
                </c:pt>
                <c:pt idx="143">
                  <c:v>43301</c:v>
                </c:pt>
                <c:pt idx="144">
                  <c:v>43304</c:v>
                </c:pt>
                <c:pt idx="145">
                  <c:v>43305</c:v>
                </c:pt>
                <c:pt idx="146">
                  <c:v>43306</c:v>
                </c:pt>
                <c:pt idx="147">
                  <c:v>43307</c:v>
                </c:pt>
                <c:pt idx="148">
                  <c:v>43308</c:v>
                </c:pt>
                <c:pt idx="149">
                  <c:v>43311</c:v>
                </c:pt>
                <c:pt idx="150">
                  <c:v>43312</c:v>
                </c:pt>
                <c:pt idx="151">
                  <c:v>43313</c:v>
                </c:pt>
                <c:pt idx="152">
                  <c:v>43314</c:v>
                </c:pt>
                <c:pt idx="153">
                  <c:v>43315</c:v>
                </c:pt>
                <c:pt idx="154">
                  <c:v>43318</c:v>
                </c:pt>
                <c:pt idx="155">
                  <c:v>43319</c:v>
                </c:pt>
                <c:pt idx="156">
                  <c:v>43320</c:v>
                </c:pt>
                <c:pt idx="157">
                  <c:v>43321</c:v>
                </c:pt>
                <c:pt idx="158">
                  <c:v>43322</c:v>
                </c:pt>
                <c:pt idx="159">
                  <c:v>43325</c:v>
                </c:pt>
                <c:pt idx="160">
                  <c:v>43326</c:v>
                </c:pt>
                <c:pt idx="161">
                  <c:v>43327</c:v>
                </c:pt>
                <c:pt idx="162">
                  <c:v>43328</c:v>
                </c:pt>
                <c:pt idx="163">
                  <c:v>43329</c:v>
                </c:pt>
                <c:pt idx="164">
                  <c:v>43332</c:v>
                </c:pt>
                <c:pt idx="165">
                  <c:v>43333</c:v>
                </c:pt>
                <c:pt idx="166">
                  <c:v>43334</c:v>
                </c:pt>
                <c:pt idx="167">
                  <c:v>43335</c:v>
                </c:pt>
                <c:pt idx="168">
                  <c:v>43336</c:v>
                </c:pt>
                <c:pt idx="169">
                  <c:v>43339</c:v>
                </c:pt>
                <c:pt idx="170">
                  <c:v>43340</c:v>
                </c:pt>
                <c:pt idx="171">
                  <c:v>43341</c:v>
                </c:pt>
                <c:pt idx="172">
                  <c:v>43342</c:v>
                </c:pt>
                <c:pt idx="173">
                  <c:v>43343</c:v>
                </c:pt>
                <c:pt idx="174">
                  <c:v>43346</c:v>
                </c:pt>
                <c:pt idx="175">
                  <c:v>43347</c:v>
                </c:pt>
                <c:pt idx="176">
                  <c:v>43348</c:v>
                </c:pt>
                <c:pt idx="177">
                  <c:v>43349</c:v>
                </c:pt>
                <c:pt idx="178">
                  <c:v>43350</c:v>
                </c:pt>
                <c:pt idx="179">
                  <c:v>43353</c:v>
                </c:pt>
                <c:pt idx="180">
                  <c:v>43354</c:v>
                </c:pt>
                <c:pt idx="181">
                  <c:v>43355</c:v>
                </c:pt>
                <c:pt idx="182">
                  <c:v>43356</c:v>
                </c:pt>
                <c:pt idx="183">
                  <c:v>43357</c:v>
                </c:pt>
                <c:pt idx="184">
                  <c:v>43360</c:v>
                </c:pt>
                <c:pt idx="185">
                  <c:v>43361</c:v>
                </c:pt>
                <c:pt idx="186">
                  <c:v>43362</c:v>
                </c:pt>
                <c:pt idx="187">
                  <c:v>43363</c:v>
                </c:pt>
                <c:pt idx="188">
                  <c:v>43364</c:v>
                </c:pt>
                <c:pt idx="189">
                  <c:v>43367</c:v>
                </c:pt>
                <c:pt idx="190">
                  <c:v>43368</c:v>
                </c:pt>
                <c:pt idx="191">
                  <c:v>43369</c:v>
                </c:pt>
                <c:pt idx="192">
                  <c:v>43370</c:v>
                </c:pt>
                <c:pt idx="193">
                  <c:v>43371</c:v>
                </c:pt>
                <c:pt idx="194">
                  <c:v>43374</c:v>
                </c:pt>
                <c:pt idx="195">
                  <c:v>43375</c:v>
                </c:pt>
                <c:pt idx="196">
                  <c:v>43376</c:v>
                </c:pt>
                <c:pt idx="197">
                  <c:v>43377</c:v>
                </c:pt>
                <c:pt idx="198">
                  <c:v>43378</c:v>
                </c:pt>
                <c:pt idx="199">
                  <c:v>43381</c:v>
                </c:pt>
                <c:pt idx="200">
                  <c:v>43382</c:v>
                </c:pt>
                <c:pt idx="201">
                  <c:v>43383</c:v>
                </c:pt>
                <c:pt idx="202">
                  <c:v>43384</c:v>
                </c:pt>
                <c:pt idx="203">
                  <c:v>43385</c:v>
                </c:pt>
                <c:pt idx="204">
                  <c:v>43388</c:v>
                </c:pt>
                <c:pt idx="205">
                  <c:v>43389</c:v>
                </c:pt>
                <c:pt idx="206">
                  <c:v>43390</c:v>
                </c:pt>
                <c:pt idx="207">
                  <c:v>43391</c:v>
                </c:pt>
                <c:pt idx="208">
                  <c:v>43392</c:v>
                </c:pt>
                <c:pt idx="209">
                  <c:v>43395</c:v>
                </c:pt>
                <c:pt idx="210">
                  <c:v>43396</c:v>
                </c:pt>
                <c:pt idx="211">
                  <c:v>43397</c:v>
                </c:pt>
                <c:pt idx="212">
                  <c:v>43398</c:v>
                </c:pt>
                <c:pt idx="213">
                  <c:v>43399</c:v>
                </c:pt>
                <c:pt idx="214">
                  <c:v>43402</c:v>
                </c:pt>
                <c:pt idx="215">
                  <c:v>43403</c:v>
                </c:pt>
                <c:pt idx="216">
                  <c:v>43404</c:v>
                </c:pt>
                <c:pt idx="217">
                  <c:v>43405</c:v>
                </c:pt>
                <c:pt idx="218">
                  <c:v>43406</c:v>
                </c:pt>
                <c:pt idx="219">
                  <c:v>43409</c:v>
                </c:pt>
                <c:pt idx="220">
                  <c:v>43410</c:v>
                </c:pt>
                <c:pt idx="221">
                  <c:v>43411</c:v>
                </c:pt>
                <c:pt idx="222">
                  <c:v>43412</c:v>
                </c:pt>
                <c:pt idx="223">
                  <c:v>43413</c:v>
                </c:pt>
                <c:pt idx="224">
                  <c:v>43416</c:v>
                </c:pt>
                <c:pt idx="225">
                  <c:v>43417</c:v>
                </c:pt>
                <c:pt idx="226">
                  <c:v>43418</c:v>
                </c:pt>
                <c:pt idx="227">
                  <c:v>43419</c:v>
                </c:pt>
                <c:pt idx="228">
                  <c:v>43420</c:v>
                </c:pt>
                <c:pt idx="229">
                  <c:v>43423</c:v>
                </c:pt>
                <c:pt idx="230">
                  <c:v>43424</c:v>
                </c:pt>
                <c:pt idx="231">
                  <c:v>43425</c:v>
                </c:pt>
                <c:pt idx="232">
                  <c:v>43426</c:v>
                </c:pt>
                <c:pt idx="233">
                  <c:v>43427</c:v>
                </c:pt>
                <c:pt idx="234">
                  <c:v>43430</c:v>
                </c:pt>
                <c:pt idx="235">
                  <c:v>43431</c:v>
                </c:pt>
                <c:pt idx="236">
                  <c:v>43432</c:v>
                </c:pt>
                <c:pt idx="237">
                  <c:v>43433</c:v>
                </c:pt>
                <c:pt idx="238">
                  <c:v>43434</c:v>
                </c:pt>
                <c:pt idx="239">
                  <c:v>43437</c:v>
                </c:pt>
                <c:pt idx="240">
                  <c:v>43438</c:v>
                </c:pt>
                <c:pt idx="241">
                  <c:v>43439</c:v>
                </c:pt>
                <c:pt idx="242">
                  <c:v>43440</c:v>
                </c:pt>
                <c:pt idx="243">
                  <c:v>43441</c:v>
                </c:pt>
                <c:pt idx="244">
                  <c:v>43444</c:v>
                </c:pt>
                <c:pt idx="245">
                  <c:v>43445</c:v>
                </c:pt>
                <c:pt idx="246">
                  <c:v>43446</c:v>
                </c:pt>
                <c:pt idx="247">
                  <c:v>43447</c:v>
                </c:pt>
                <c:pt idx="248">
                  <c:v>43448</c:v>
                </c:pt>
                <c:pt idx="249">
                  <c:v>43451</c:v>
                </c:pt>
                <c:pt idx="250">
                  <c:v>43452</c:v>
                </c:pt>
                <c:pt idx="251">
                  <c:v>43453</c:v>
                </c:pt>
                <c:pt idx="252">
                  <c:v>43454</c:v>
                </c:pt>
                <c:pt idx="253">
                  <c:v>43455</c:v>
                </c:pt>
                <c:pt idx="254">
                  <c:v>43458</c:v>
                </c:pt>
                <c:pt idx="255">
                  <c:v>43459</c:v>
                </c:pt>
                <c:pt idx="256">
                  <c:v>43460</c:v>
                </c:pt>
                <c:pt idx="257">
                  <c:v>43461</c:v>
                </c:pt>
                <c:pt idx="258">
                  <c:v>43462</c:v>
                </c:pt>
                <c:pt idx="259">
                  <c:v>43465</c:v>
                </c:pt>
                <c:pt idx="260">
                  <c:v>43466</c:v>
                </c:pt>
                <c:pt idx="261">
                  <c:v>43467</c:v>
                </c:pt>
                <c:pt idx="262">
                  <c:v>43468</c:v>
                </c:pt>
                <c:pt idx="263">
                  <c:v>43469</c:v>
                </c:pt>
                <c:pt idx="264">
                  <c:v>43472</c:v>
                </c:pt>
                <c:pt idx="265">
                  <c:v>43473</c:v>
                </c:pt>
                <c:pt idx="266">
                  <c:v>43474</c:v>
                </c:pt>
                <c:pt idx="267">
                  <c:v>43475</c:v>
                </c:pt>
                <c:pt idx="268">
                  <c:v>43476</c:v>
                </c:pt>
                <c:pt idx="269">
                  <c:v>43479</c:v>
                </c:pt>
                <c:pt idx="270">
                  <c:v>43480</c:v>
                </c:pt>
                <c:pt idx="271">
                  <c:v>43481</c:v>
                </c:pt>
                <c:pt idx="272">
                  <c:v>43482</c:v>
                </c:pt>
                <c:pt idx="273">
                  <c:v>43483</c:v>
                </c:pt>
                <c:pt idx="274">
                  <c:v>43486</c:v>
                </c:pt>
                <c:pt idx="275">
                  <c:v>43487</c:v>
                </c:pt>
                <c:pt idx="276">
                  <c:v>43488</c:v>
                </c:pt>
                <c:pt idx="277">
                  <c:v>43489</c:v>
                </c:pt>
                <c:pt idx="278">
                  <c:v>43490</c:v>
                </c:pt>
                <c:pt idx="279">
                  <c:v>43493</c:v>
                </c:pt>
                <c:pt idx="280">
                  <c:v>43494</c:v>
                </c:pt>
                <c:pt idx="281">
                  <c:v>43495</c:v>
                </c:pt>
                <c:pt idx="282">
                  <c:v>43496</c:v>
                </c:pt>
                <c:pt idx="283">
                  <c:v>43497</c:v>
                </c:pt>
                <c:pt idx="284">
                  <c:v>43500</c:v>
                </c:pt>
                <c:pt idx="285">
                  <c:v>43501</c:v>
                </c:pt>
                <c:pt idx="286">
                  <c:v>43502</c:v>
                </c:pt>
                <c:pt idx="287">
                  <c:v>43503</c:v>
                </c:pt>
                <c:pt idx="288">
                  <c:v>43504</c:v>
                </c:pt>
                <c:pt idx="289">
                  <c:v>43507</c:v>
                </c:pt>
                <c:pt idx="290">
                  <c:v>43508</c:v>
                </c:pt>
                <c:pt idx="291">
                  <c:v>43509</c:v>
                </c:pt>
                <c:pt idx="292">
                  <c:v>43510</c:v>
                </c:pt>
                <c:pt idx="293">
                  <c:v>43511</c:v>
                </c:pt>
                <c:pt idx="294">
                  <c:v>43514</c:v>
                </c:pt>
                <c:pt idx="295">
                  <c:v>43515</c:v>
                </c:pt>
                <c:pt idx="296">
                  <c:v>43516</c:v>
                </c:pt>
                <c:pt idx="297">
                  <c:v>43517</c:v>
                </c:pt>
                <c:pt idx="298">
                  <c:v>43518</c:v>
                </c:pt>
                <c:pt idx="299">
                  <c:v>43521</c:v>
                </c:pt>
                <c:pt idx="300">
                  <c:v>43522</c:v>
                </c:pt>
                <c:pt idx="301">
                  <c:v>43523</c:v>
                </c:pt>
                <c:pt idx="302">
                  <c:v>43524</c:v>
                </c:pt>
                <c:pt idx="303">
                  <c:v>43525</c:v>
                </c:pt>
                <c:pt idx="304">
                  <c:v>43528</c:v>
                </c:pt>
                <c:pt idx="305">
                  <c:v>43529</c:v>
                </c:pt>
                <c:pt idx="306">
                  <c:v>43530</c:v>
                </c:pt>
                <c:pt idx="307">
                  <c:v>43531</c:v>
                </c:pt>
                <c:pt idx="308">
                  <c:v>43532</c:v>
                </c:pt>
                <c:pt idx="309">
                  <c:v>43535</c:v>
                </c:pt>
                <c:pt idx="310">
                  <c:v>43536</c:v>
                </c:pt>
                <c:pt idx="311">
                  <c:v>43537</c:v>
                </c:pt>
                <c:pt idx="312">
                  <c:v>43538</c:v>
                </c:pt>
                <c:pt idx="313">
                  <c:v>43539</c:v>
                </c:pt>
                <c:pt idx="314">
                  <c:v>43542</c:v>
                </c:pt>
                <c:pt idx="315">
                  <c:v>43543</c:v>
                </c:pt>
                <c:pt idx="316">
                  <c:v>43544</c:v>
                </c:pt>
                <c:pt idx="317">
                  <c:v>43545</c:v>
                </c:pt>
                <c:pt idx="318">
                  <c:v>43546</c:v>
                </c:pt>
                <c:pt idx="319">
                  <c:v>43549</c:v>
                </c:pt>
                <c:pt idx="320">
                  <c:v>43550</c:v>
                </c:pt>
                <c:pt idx="321">
                  <c:v>43551</c:v>
                </c:pt>
                <c:pt idx="322">
                  <c:v>43552</c:v>
                </c:pt>
                <c:pt idx="323">
                  <c:v>43553</c:v>
                </c:pt>
                <c:pt idx="324">
                  <c:v>43556</c:v>
                </c:pt>
                <c:pt idx="325">
                  <c:v>43557</c:v>
                </c:pt>
                <c:pt idx="326">
                  <c:v>43558</c:v>
                </c:pt>
                <c:pt idx="327">
                  <c:v>43559</c:v>
                </c:pt>
                <c:pt idx="328">
                  <c:v>43560</c:v>
                </c:pt>
                <c:pt idx="329">
                  <c:v>43563</c:v>
                </c:pt>
                <c:pt idx="330">
                  <c:v>43564</c:v>
                </c:pt>
                <c:pt idx="331">
                  <c:v>43565</c:v>
                </c:pt>
                <c:pt idx="332">
                  <c:v>43566</c:v>
                </c:pt>
                <c:pt idx="333">
                  <c:v>43567</c:v>
                </c:pt>
                <c:pt idx="334">
                  <c:v>43570</c:v>
                </c:pt>
                <c:pt idx="335">
                  <c:v>43571</c:v>
                </c:pt>
                <c:pt idx="336">
                  <c:v>43572</c:v>
                </c:pt>
                <c:pt idx="337">
                  <c:v>43573</c:v>
                </c:pt>
                <c:pt idx="338">
                  <c:v>43574</c:v>
                </c:pt>
                <c:pt idx="339">
                  <c:v>43577</c:v>
                </c:pt>
                <c:pt idx="340">
                  <c:v>43578</c:v>
                </c:pt>
                <c:pt idx="341">
                  <c:v>43579</c:v>
                </c:pt>
                <c:pt idx="342">
                  <c:v>43580</c:v>
                </c:pt>
                <c:pt idx="343">
                  <c:v>43581</c:v>
                </c:pt>
                <c:pt idx="344">
                  <c:v>43584</c:v>
                </c:pt>
                <c:pt idx="345">
                  <c:v>43585</c:v>
                </c:pt>
                <c:pt idx="346">
                  <c:v>43586</c:v>
                </c:pt>
                <c:pt idx="347">
                  <c:v>43587</c:v>
                </c:pt>
                <c:pt idx="348">
                  <c:v>43588</c:v>
                </c:pt>
                <c:pt idx="349">
                  <c:v>43591</c:v>
                </c:pt>
                <c:pt idx="350">
                  <c:v>43592</c:v>
                </c:pt>
                <c:pt idx="351">
                  <c:v>43593</c:v>
                </c:pt>
                <c:pt idx="352">
                  <c:v>43594</c:v>
                </c:pt>
                <c:pt idx="353">
                  <c:v>43595</c:v>
                </c:pt>
                <c:pt idx="354">
                  <c:v>43598</c:v>
                </c:pt>
                <c:pt idx="355">
                  <c:v>43599</c:v>
                </c:pt>
                <c:pt idx="356">
                  <c:v>43600</c:v>
                </c:pt>
                <c:pt idx="357">
                  <c:v>43601</c:v>
                </c:pt>
                <c:pt idx="358">
                  <c:v>43602</c:v>
                </c:pt>
                <c:pt idx="359">
                  <c:v>43605</c:v>
                </c:pt>
                <c:pt idx="360">
                  <c:v>43606</c:v>
                </c:pt>
                <c:pt idx="361">
                  <c:v>43607</c:v>
                </c:pt>
                <c:pt idx="362">
                  <c:v>43608</c:v>
                </c:pt>
                <c:pt idx="363">
                  <c:v>43609</c:v>
                </c:pt>
                <c:pt idx="364">
                  <c:v>43612</c:v>
                </c:pt>
                <c:pt idx="365">
                  <c:v>43613</c:v>
                </c:pt>
                <c:pt idx="366">
                  <c:v>43614</c:v>
                </c:pt>
                <c:pt idx="367">
                  <c:v>43615</c:v>
                </c:pt>
                <c:pt idx="368">
                  <c:v>43616</c:v>
                </c:pt>
                <c:pt idx="369">
                  <c:v>43619</c:v>
                </c:pt>
                <c:pt idx="370">
                  <c:v>43620</c:v>
                </c:pt>
                <c:pt idx="371">
                  <c:v>43621</c:v>
                </c:pt>
                <c:pt idx="372">
                  <c:v>43622</c:v>
                </c:pt>
                <c:pt idx="373">
                  <c:v>43623</c:v>
                </c:pt>
                <c:pt idx="374">
                  <c:v>43626</c:v>
                </c:pt>
                <c:pt idx="375">
                  <c:v>43627</c:v>
                </c:pt>
                <c:pt idx="376">
                  <c:v>43628</c:v>
                </c:pt>
                <c:pt idx="377">
                  <c:v>43629</c:v>
                </c:pt>
                <c:pt idx="378">
                  <c:v>43630</c:v>
                </c:pt>
                <c:pt idx="379">
                  <c:v>43633</c:v>
                </c:pt>
                <c:pt idx="380">
                  <c:v>43634</c:v>
                </c:pt>
                <c:pt idx="381">
                  <c:v>43635</c:v>
                </c:pt>
                <c:pt idx="382">
                  <c:v>43636</c:v>
                </c:pt>
                <c:pt idx="383">
                  <c:v>43637</c:v>
                </c:pt>
                <c:pt idx="384">
                  <c:v>43640</c:v>
                </c:pt>
                <c:pt idx="385">
                  <c:v>43641</c:v>
                </c:pt>
                <c:pt idx="386">
                  <c:v>43642</c:v>
                </c:pt>
                <c:pt idx="387">
                  <c:v>43643</c:v>
                </c:pt>
                <c:pt idx="388">
                  <c:v>43644</c:v>
                </c:pt>
                <c:pt idx="389">
                  <c:v>43647</c:v>
                </c:pt>
                <c:pt idx="390">
                  <c:v>43648</c:v>
                </c:pt>
                <c:pt idx="391">
                  <c:v>43649</c:v>
                </c:pt>
                <c:pt idx="392">
                  <c:v>43650</c:v>
                </c:pt>
                <c:pt idx="393">
                  <c:v>43651</c:v>
                </c:pt>
                <c:pt idx="394">
                  <c:v>43654</c:v>
                </c:pt>
                <c:pt idx="395">
                  <c:v>43655</c:v>
                </c:pt>
                <c:pt idx="396">
                  <c:v>43656</c:v>
                </c:pt>
                <c:pt idx="397">
                  <c:v>43657</c:v>
                </c:pt>
                <c:pt idx="398">
                  <c:v>43658</c:v>
                </c:pt>
                <c:pt idx="399">
                  <c:v>43661</c:v>
                </c:pt>
                <c:pt idx="400">
                  <c:v>43662</c:v>
                </c:pt>
                <c:pt idx="401">
                  <c:v>43663</c:v>
                </c:pt>
                <c:pt idx="402">
                  <c:v>43664</c:v>
                </c:pt>
                <c:pt idx="403">
                  <c:v>43665</c:v>
                </c:pt>
                <c:pt idx="404">
                  <c:v>43668</c:v>
                </c:pt>
                <c:pt idx="405">
                  <c:v>43669</c:v>
                </c:pt>
                <c:pt idx="406">
                  <c:v>43670</c:v>
                </c:pt>
                <c:pt idx="407">
                  <c:v>43671</c:v>
                </c:pt>
                <c:pt idx="408">
                  <c:v>43672</c:v>
                </c:pt>
                <c:pt idx="409">
                  <c:v>43675</c:v>
                </c:pt>
                <c:pt idx="410">
                  <c:v>43676</c:v>
                </c:pt>
                <c:pt idx="411">
                  <c:v>43677</c:v>
                </c:pt>
                <c:pt idx="412">
                  <c:v>43678</c:v>
                </c:pt>
                <c:pt idx="413">
                  <c:v>43679</c:v>
                </c:pt>
                <c:pt idx="414">
                  <c:v>43682</c:v>
                </c:pt>
                <c:pt idx="415">
                  <c:v>43683</c:v>
                </c:pt>
                <c:pt idx="416">
                  <c:v>43684</c:v>
                </c:pt>
                <c:pt idx="417">
                  <c:v>43685</c:v>
                </c:pt>
                <c:pt idx="418">
                  <c:v>43686</c:v>
                </c:pt>
                <c:pt idx="419">
                  <c:v>43689</c:v>
                </c:pt>
                <c:pt idx="420">
                  <c:v>43690</c:v>
                </c:pt>
                <c:pt idx="421">
                  <c:v>43691</c:v>
                </c:pt>
                <c:pt idx="422">
                  <c:v>43692</c:v>
                </c:pt>
                <c:pt idx="423">
                  <c:v>43693</c:v>
                </c:pt>
                <c:pt idx="424">
                  <c:v>43696</c:v>
                </c:pt>
                <c:pt idx="425">
                  <c:v>43697</c:v>
                </c:pt>
                <c:pt idx="426">
                  <c:v>43698</c:v>
                </c:pt>
                <c:pt idx="427">
                  <c:v>43699</c:v>
                </c:pt>
                <c:pt idx="428">
                  <c:v>43700</c:v>
                </c:pt>
                <c:pt idx="429">
                  <c:v>43703</c:v>
                </c:pt>
                <c:pt idx="430">
                  <c:v>43704</c:v>
                </c:pt>
                <c:pt idx="431">
                  <c:v>43705</c:v>
                </c:pt>
                <c:pt idx="432">
                  <c:v>43706</c:v>
                </c:pt>
                <c:pt idx="433">
                  <c:v>43707</c:v>
                </c:pt>
                <c:pt idx="434">
                  <c:v>43710</c:v>
                </c:pt>
                <c:pt idx="435">
                  <c:v>43711</c:v>
                </c:pt>
                <c:pt idx="436">
                  <c:v>43712</c:v>
                </c:pt>
                <c:pt idx="437">
                  <c:v>43713</c:v>
                </c:pt>
                <c:pt idx="438">
                  <c:v>43714</c:v>
                </c:pt>
                <c:pt idx="439">
                  <c:v>43717</c:v>
                </c:pt>
                <c:pt idx="440">
                  <c:v>43718</c:v>
                </c:pt>
                <c:pt idx="441">
                  <c:v>43719</c:v>
                </c:pt>
                <c:pt idx="442">
                  <c:v>43720</c:v>
                </c:pt>
                <c:pt idx="443">
                  <c:v>43721</c:v>
                </c:pt>
                <c:pt idx="444">
                  <c:v>43724</c:v>
                </c:pt>
                <c:pt idx="445">
                  <c:v>43725</c:v>
                </c:pt>
                <c:pt idx="446">
                  <c:v>43726</c:v>
                </c:pt>
                <c:pt idx="447">
                  <c:v>43727</c:v>
                </c:pt>
                <c:pt idx="448">
                  <c:v>43728</c:v>
                </c:pt>
                <c:pt idx="449">
                  <c:v>43731</c:v>
                </c:pt>
                <c:pt idx="450">
                  <c:v>43732</c:v>
                </c:pt>
                <c:pt idx="451">
                  <c:v>43733</c:v>
                </c:pt>
                <c:pt idx="452">
                  <c:v>43734</c:v>
                </c:pt>
                <c:pt idx="453">
                  <c:v>43735</c:v>
                </c:pt>
                <c:pt idx="454">
                  <c:v>43738</c:v>
                </c:pt>
                <c:pt idx="455">
                  <c:v>43739</c:v>
                </c:pt>
                <c:pt idx="456">
                  <c:v>43740</c:v>
                </c:pt>
                <c:pt idx="457">
                  <c:v>43741</c:v>
                </c:pt>
                <c:pt idx="458">
                  <c:v>43742</c:v>
                </c:pt>
                <c:pt idx="459">
                  <c:v>43745</c:v>
                </c:pt>
                <c:pt idx="460">
                  <c:v>43746</c:v>
                </c:pt>
                <c:pt idx="461">
                  <c:v>43747</c:v>
                </c:pt>
                <c:pt idx="462">
                  <c:v>43748</c:v>
                </c:pt>
                <c:pt idx="463">
                  <c:v>43749</c:v>
                </c:pt>
                <c:pt idx="464">
                  <c:v>43752</c:v>
                </c:pt>
                <c:pt idx="465">
                  <c:v>43753</c:v>
                </c:pt>
                <c:pt idx="466">
                  <c:v>43754</c:v>
                </c:pt>
                <c:pt idx="467">
                  <c:v>43755</c:v>
                </c:pt>
                <c:pt idx="468">
                  <c:v>43756</c:v>
                </c:pt>
                <c:pt idx="469">
                  <c:v>43759</c:v>
                </c:pt>
                <c:pt idx="470">
                  <c:v>43760</c:v>
                </c:pt>
                <c:pt idx="471">
                  <c:v>43761</c:v>
                </c:pt>
                <c:pt idx="472">
                  <c:v>43762</c:v>
                </c:pt>
                <c:pt idx="473">
                  <c:v>43763</c:v>
                </c:pt>
                <c:pt idx="474">
                  <c:v>43766</c:v>
                </c:pt>
                <c:pt idx="475">
                  <c:v>43767</c:v>
                </c:pt>
                <c:pt idx="476">
                  <c:v>43768</c:v>
                </c:pt>
                <c:pt idx="477">
                  <c:v>43769</c:v>
                </c:pt>
                <c:pt idx="478">
                  <c:v>43770</c:v>
                </c:pt>
                <c:pt idx="479">
                  <c:v>43773</c:v>
                </c:pt>
                <c:pt idx="480">
                  <c:v>43774</c:v>
                </c:pt>
                <c:pt idx="481">
                  <c:v>43775</c:v>
                </c:pt>
                <c:pt idx="482">
                  <c:v>43776</c:v>
                </c:pt>
                <c:pt idx="483">
                  <c:v>43777</c:v>
                </c:pt>
                <c:pt idx="484">
                  <c:v>43780</c:v>
                </c:pt>
                <c:pt idx="485">
                  <c:v>43781</c:v>
                </c:pt>
                <c:pt idx="486">
                  <c:v>43782</c:v>
                </c:pt>
                <c:pt idx="487">
                  <c:v>43783</c:v>
                </c:pt>
                <c:pt idx="488">
                  <c:v>43784</c:v>
                </c:pt>
                <c:pt idx="489">
                  <c:v>43787</c:v>
                </c:pt>
                <c:pt idx="490">
                  <c:v>43788</c:v>
                </c:pt>
                <c:pt idx="491">
                  <c:v>43789</c:v>
                </c:pt>
                <c:pt idx="492">
                  <c:v>43790</c:v>
                </c:pt>
                <c:pt idx="493">
                  <c:v>43791</c:v>
                </c:pt>
                <c:pt idx="494">
                  <c:v>43794</c:v>
                </c:pt>
                <c:pt idx="495">
                  <c:v>43795</c:v>
                </c:pt>
                <c:pt idx="496">
                  <c:v>43796</c:v>
                </c:pt>
                <c:pt idx="497">
                  <c:v>43797</c:v>
                </c:pt>
                <c:pt idx="498">
                  <c:v>43798</c:v>
                </c:pt>
                <c:pt idx="499">
                  <c:v>43801</c:v>
                </c:pt>
                <c:pt idx="500">
                  <c:v>43802</c:v>
                </c:pt>
                <c:pt idx="501">
                  <c:v>43803</c:v>
                </c:pt>
                <c:pt idx="502">
                  <c:v>43804</c:v>
                </c:pt>
                <c:pt idx="503">
                  <c:v>43805</c:v>
                </c:pt>
                <c:pt idx="504">
                  <c:v>43808</c:v>
                </c:pt>
                <c:pt idx="505">
                  <c:v>43809</c:v>
                </c:pt>
                <c:pt idx="506">
                  <c:v>43810</c:v>
                </c:pt>
                <c:pt idx="507">
                  <c:v>43811</c:v>
                </c:pt>
                <c:pt idx="508">
                  <c:v>43812</c:v>
                </c:pt>
                <c:pt idx="509">
                  <c:v>43815</c:v>
                </c:pt>
                <c:pt idx="510">
                  <c:v>43816</c:v>
                </c:pt>
                <c:pt idx="511">
                  <c:v>43817</c:v>
                </c:pt>
                <c:pt idx="512">
                  <c:v>43818</c:v>
                </c:pt>
                <c:pt idx="513">
                  <c:v>43819</c:v>
                </c:pt>
                <c:pt idx="514">
                  <c:v>43822</c:v>
                </c:pt>
                <c:pt idx="515">
                  <c:v>43823</c:v>
                </c:pt>
                <c:pt idx="516">
                  <c:v>43824</c:v>
                </c:pt>
                <c:pt idx="517">
                  <c:v>43825</c:v>
                </c:pt>
                <c:pt idx="518">
                  <c:v>43826</c:v>
                </c:pt>
                <c:pt idx="519">
                  <c:v>43829</c:v>
                </c:pt>
                <c:pt idx="520">
                  <c:v>43830</c:v>
                </c:pt>
                <c:pt idx="521">
                  <c:v>43831</c:v>
                </c:pt>
                <c:pt idx="522">
                  <c:v>43832</c:v>
                </c:pt>
                <c:pt idx="523">
                  <c:v>43833</c:v>
                </c:pt>
                <c:pt idx="524">
                  <c:v>43836</c:v>
                </c:pt>
                <c:pt idx="525">
                  <c:v>43837</c:v>
                </c:pt>
                <c:pt idx="526">
                  <c:v>43838</c:v>
                </c:pt>
                <c:pt idx="527">
                  <c:v>43839</c:v>
                </c:pt>
                <c:pt idx="528">
                  <c:v>43840</c:v>
                </c:pt>
                <c:pt idx="529">
                  <c:v>43843</c:v>
                </c:pt>
                <c:pt idx="530">
                  <c:v>43844</c:v>
                </c:pt>
                <c:pt idx="531">
                  <c:v>43845</c:v>
                </c:pt>
                <c:pt idx="532">
                  <c:v>43846</c:v>
                </c:pt>
                <c:pt idx="533">
                  <c:v>43847</c:v>
                </c:pt>
                <c:pt idx="534">
                  <c:v>43850</c:v>
                </c:pt>
                <c:pt idx="535">
                  <c:v>43851</c:v>
                </c:pt>
                <c:pt idx="536">
                  <c:v>43852</c:v>
                </c:pt>
                <c:pt idx="537">
                  <c:v>43853</c:v>
                </c:pt>
                <c:pt idx="538">
                  <c:v>43854</c:v>
                </c:pt>
                <c:pt idx="539">
                  <c:v>43857</c:v>
                </c:pt>
                <c:pt idx="540">
                  <c:v>43858</c:v>
                </c:pt>
                <c:pt idx="541">
                  <c:v>43859</c:v>
                </c:pt>
                <c:pt idx="542">
                  <c:v>43860</c:v>
                </c:pt>
                <c:pt idx="543">
                  <c:v>43861</c:v>
                </c:pt>
                <c:pt idx="544">
                  <c:v>43864</c:v>
                </c:pt>
                <c:pt idx="545">
                  <c:v>43865</c:v>
                </c:pt>
                <c:pt idx="546">
                  <c:v>43866</c:v>
                </c:pt>
                <c:pt idx="547">
                  <c:v>43867</c:v>
                </c:pt>
                <c:pt idx="548">
                  <c:v>43868</c:v>
                </c:pt>
                <c:pt idx="549">
                  <c:v>43871</c:v>
                </c:pt>
                <c:pt idx="550">
                  <c:v>43872</c:v>
                </c:pt>
                <c:pt idx="551">
                  <c:v>43873</c:v>
                </c:pt>
                <c:pt idx="552">
                  <c:v>43874</c:v>
                </c:pt>
                <c:pt idx="553">
                  <c:v>43875</c:v>
                </c:pt>
                <c:pt idx="554">
                  <c:v>43878</c:v>
                </c:pt>
                <c:pt idx="555">
                  <c:v>43879</c:v>
                </c:pt>
                <c:pt idx="556">
                  <c:v>43880</c:v>
                </c:pt>
                <c:pt idx="557">
                  <c:v>43881</c:v>
                </c:pt>
                <c:pt idx="558">
                  <c:v>43882</c:v>
                </c:pt>
                <c:pt idx="559">
                  <c:v>43885</c:v>
                </c:pt>
                <c:pt idx="560">
                  <c:v>43886</c:v>
                </c:pt>
                <c:pt idx="561">
                  <c:v>43887</c:v>
                </c:pt>
                <c:pt idx="562">
                  <c:v>43888</c:v>
                </c:pt>
                <c:pt idx="563">
                  <c:v>43889</c:v>
                </c:pt>
                <c:pt idx="564">
                  <c:v>43892</c:v>
                </c:pt>
                <c:pt idx="565">
                  <c:v>43893</c:v>
                </c:pt>
                <c:pt idx="566">
                  <c:v>43894</c:v>
                </c:pt>
                <c:pt idx="567">
                  <c:v>43895</c:v>
                </c:pt>
                <c:pt idx="568">
                  <c:v>43896</c:v>
                </c:pt>
                <c:pt idx="569">
                  <c:v>43899</c:v>
                </c:pt>
                <c:pt idx="570">
                  <c:v>43900</c:v>
                </c:pt>
                <c:pt idx="571">
                  <c:v>43901</c:v>
                </c:pt>
                <c:pt idx="572">
                  <c:v>43902</c:v>
                </c:pt>
                <c:pt idx="573">
                  <c:v>43903</c:v>
                </c:pt>
                <c:pt idx="574">
                  <c:v>43906</c:v>
                </c:pt>
                <c:pt idx="575">
                  <c:v>43907</c:v>
                </c:pt>
                <c:pt idx="576">
                  <c:v>43908</c:v>
                </c:pt>
                <c:pt idx="577">
                  <c:v>43909</c:v>
                </c:pt>
                <c:pt idx="578">
                  <c:v>43910</c:v>
                </c:pt>
                <c:pt idx="579">
                  <c:v>43913</c:v>
                </c:pt>
                <c:pt idx="580">
                  <c:v>43914</c:v>
                </c:pt>
                <c:pt idx="581">
                  <c:v>43915</c:v>
                </c:pt>
                <c:pt idx="582">
                  <c:v>43916</c:v>
                </c:pt>
                <c:pt idx="583">
                  <c:v>43917</c:v>
                </c:pt>
                <c:pt idx="584">
                  <c:v>43920</c:v>
                </c:pt>
                <c:pt idx="585">
                  <c:v>43921</c:v>
                </c:pt>
                <c:pt idx="586">
                  <c:v>43922</c:v>
                </c:pt>
                <c:pt idx="587">
                  <c:v>43923</c:v>
                </c:pt>
                <c:pt idx="588">
                  <c:v>43924</c:v>
                </c:pt>
                <c:pt idx="589">
                  <c:v>43927</c:v>
                </c:pt>
                <c:pt idx="590">
                  <c:v>43928</c:v>
                </c:pt>
                <c:pt idx="591">
                  <c:v>43929</c:v>
                </c:pt>
                <c:pt idx="592">
                  <c:v>43930</c:v>
                </c:pt>
                <c:pt idx="593">
                  <c:v>43931</c:v>
                </c:pt>
                <c:pt idx="594">
                  <c:v>43934</c:v>
                </c:pt>
                <c:pt idx="595">
                  <c:v>43935</c:v>
                </c:pt>
                <c:pt idx="596">
                  <c:v>43936</c:v>
                </c:pt>
                <c:pt idx="597">
                  <c:v>43937</c:v>
                </c:pt>
                <c:pt idx="598">
                  <c:v>43938</c:v>
                </c:pt>
                <c:pt idx="599">
                  <c:v>43941</c:v>
                </c:pt>
                <c:pt idx="600">
                  <c:v>43942</c:v>
                </c:pt>
                <c:pt idx="601">
                  <c:v>43943</c:v>
                </c:pt>
                <c:pt idx="602">
                  <c:v>43944</c:v>
                </c:pt>
                <c:pt idx="603">
                  <c:v>43945</c:v>
                </c:pt>
                <c:pt idx="604">
                  <c:v>43948</c:v>
                </c:pt>
                <c:pt idx="605">
                  <c:v>43949</c:v>
                </c:pt>
                <c:pt idx="606">
                  <c:v>43950</c:v>
                </c:pt>
                <c:pt idx="607">
                  <c:v>43951</c:v>
                </c:pt>
                <c:pt idx="608">
                  <c:v>43952</c:v>
                </c:pt>
                <c:pt idx="609">
                  <c:v>43955</c:v>
                </c:pt>
                <c:pt idx="610">
                  <c:v>43956</c:v>
                </c:pt>
                <c:pt idx="611">
                  <c:v>43957</c:v>
                </c:pt>
                <c:pt idx="612">
                  <c:v>43958</c:v>
                </c:pt>
                <c:pt idx="613">
                  <c:v>43959</c:v>
                </c:pt>
                <c:pt idx="614">
                  <c:v>43962</c:v>
                </c:pt>
                <c:pt idx="615">
                  <c:v>43963</c:v>
                </c:pt>
                <c:pt idx="616">
                  <c:v>43964</c:v>
                </c:pt>
                <c:pt idx="617">
                  <c:v>43965</c:v>
                </c:pt>
                <c:pt idx="618">
                  <c:v>43966</c:v>
                </c:pt>
                <c:pt idx="619">
                  <c:v>43969</c:v>
                </c:pt>
                <c:pt idx="620">
                  <c:v>43970</c:v>
                </c:pt>
                <c:pt idx="621">
                  <c:v>43971</c:v>
                </c:pt>
                <c:pt idx="622">
                  <c:v>43972</c:v>
                </c:pt>
                <c:pt idx="623">
                  <c:v>43973</c:v>
                </c:pt>
                <c:pt idx="624">
                  <c:v>43976</c:v>
                </c:pt>
                <c:pt idx="625">
                  <c:v>43977</c:v>
                </c:pt>
                <c:pt idx="626">
                  <c:v>43978</c:v>
                </c:pt>
                <c:pt idx="627">
                  <c:v>43979</c:v>
                </c:pt>
                <c:pt idx="628">
                  <c:v>43980</c:v>
                </c:pt>
                <c:pt idx="629">
                  <c:v>43983</c:v>
                </c:pt>
                <c:pt idx="630">
                  <c:v>43984</c:v>
                </c:pt>
                <c:pt idx="631">
                  <c:v>43985</c:v>
                </c:pt>
                <c:pt idx="632">
                  <c:v>43986</c:v>
                </c:pt>
                <c:pt idx="633">
                  <c:v>43987</c:v>
                </c:pt>
                <c:pt idx="634">
                  <c:v>43990</c:v>
                </c:pt>
                <c:pt idx="635">
                  <c:v>43991</c:v>
                </c:pt>
                <c:pt idx="636">
                  <c:v>43992</c:v>
                </c:pt>
                <c:pt idx="637">
                  <c:v>43993</c:v>
                </c:pt>
                <c:pt idx="638">
                  <c:v>43994</c:v>
                </c:pt>
                <c:pt idx="639">
                  <c:v>43997</c:v>
                </c:pt>
                <c:pt idx="640">
                  <c:v>43998</c:v>
                </c:pt>
                <c:pt idx="641">
                  <c:v>43999</c:v>
                </c:pt>
                <c:pt idx="642">
                  <c:v>44000</c:v>
                </c:pt>
                <c:pt idx="643">
                  <c:v>44001</c:v>
                </c:pt>
                <c:pt idx="644">
                  <c:v>44004</c:v>
                </c:pt>
                <c:pt idx="645">
                  <c:v>44005</c:v>
                </c:pt>
                <c:pt idx="646">
                  <c:v>44006</c:v>
                </c:pt>
                <c:pt idx="647">
                  <c:v>44007</c:v>
                </c:pt>
                <c:pt idx="648">
                  <c:v>44008</c:v>
                </c:pt>
                <c:pt idx="649">
                  <c:v>44011</c:v>
                </c:pt>
                <c:pt idx="650">
                  <c:v>44012</c:v>
                </c:pt>
                <c:pt idx="651">
                  <c:v>44013</c:v>
                </c:pt>
                <c:pt idx="652">
                  <c:v>44014</c:v>
                </c:pt>
                <c:pt idx="653">
                  <c:v>44015</c:v>
                </c:pt>
                <c:pt idx="654">
                  <c:v>44018</c:v>
                </c:pt>
                <c:pt idx="655">
                  <c:v>44019</c:v>
                </c:pt>
                <c:pt idx="656">
                  <c:v>44020</c:v>
                </c:pt>
                <c:pt idx="657">
                  <c:v>44021</c:v>
                </c:pt>
                <c:pt idx="658">
                  <c:v>44022</c:v>
                </c:pt>
                <c:pt idx="659">
                  <c:v>44025</c:v>
                </c:pt>
                <c:pt idx="660">
                  <c:v>44026</c:v>
                </c:pt>
                <c:pt idx="661">
                  <c:v>44027</c:v>
                </c:pt>
                <c:pt idx="662">
                  <c:v>44028</c:v>
                </c:pt>
                <c:pt idx="663">
                  <c:v>44029</c:v>
                </c:pt>
                <c:pt idx="664">
                  <c:v>44032</c:v>
                </c:pt>
                <c:pt idx="665">
                  <c:v>44033</c:v>
                </c:pt>
                <c:pt idx="666">
                  <c:v>44034</c:v>
                </c:pt>
                <c:pt idx="667">
                  <c:v>44035</c:v>
                </c:pt>
                <c:pt idx="668">
                  <c:v>44036</c:v>
                </c:pt>
                <c:pt idx="669">
                  <c:v>44039</c:v>
                </c:pt>
                <c:pt idx="670">
                  <c:v>44040</c:v>
                </c:pt>
                <c:pt idx="671">
                  <c:v>44041</c:v>
                </c:pt>
                <c:pt idx="672">
                  <c:v>44042</c:v>
                </c:pt>
                <c:pt idx="673">
                  <c:v>44043</c:v>
                </c:pt>
                <c:pt idx="674">
                  <c:v>44046</c:v>
                </c:pt>
                <c:pt idx="675">
                  <c:v>44047</c:v>
                </c:pt>
                <c:pt idx="676">
                  <c:v>44048</c:v>
                </c:pt>
                <c:pt idx="677">
                  <c:v>44049</c:v>
                </c:pt>
                <c:pt idx="678">
                  <c:v>44050</c:v>
                </c:pt>
                <c:pt idx="679">
                  <c:v>44053</c:v>
                </c:pt>
                <c:pt idx="680">
                  <c:v>44054</c:v>
                </c:pt>
                <c:pt idx="681">
                  <c:v>44055</c:v>
                </c:pt>
                <c:pt idx="682">
                  <c:v>44056</c:v>
                </c:pt>
                <c:pt idx="683">
                  <c:v>44057</c:v>
                </c:pt>
                <c:pt idx="684">
                  <c:v>44060</c:v>
                </c:pt>
                <c:pt idx="685">
                  <c:v>44061</c:v>
                </c:pt>
                <c:pt idx="686">
                  <c:v>44062</c:v>
                </c:pt>
                <c:pt idx="687">
                  <c:v>44063</c:v>
                </c:pt>
                <c:pt idx="688">
                  <c:v>44064</c:v>
                </c:pt>
                <c:pt idx="689">
                  <c:v>44067</c:v>
                </c:pt>
                <c:pt idx="690">
                  <c:v>44068</c:v>
                </c:pt>
                <c:pt idx="691">
                  <c:v>44069</c:v>
                </c:pt>
                <c:pt idx="692">
                  <c:v>44070</c:v>
                </c:pt>
                <c:pt idx="693">
                  <c:v>44071</c:v>
                </c:pt>
                <c:pt idx="694">
                  <c:v>44074</c:v>
                </c:pt>
                <c:pt idx="695">
                  <c:v>44075</c:v>
                </c:pt>
                <c:pt idx="696">
                  <c:v>44076</c:v>
                </c:pt>
                <c:pt idx="697">
                  <c:v>44077</c:v>
                </c:pt>
                <c:pt idx="698">
                  <c:v>44078</c:v>
                </c:pt>
                <c:pt idx="699">
                  <c:v>44081</c:v>
                </c:pt>
                <c:pt idx="700">
                  <c:v>44082</c:v>
                </c:pt>
                <c:pt idx="701">
                  <c:v>44083</c:v>
                </c:pt>
                <c:pt idx="702">
                  <c:v>44084</c:v>
                </c:pt>
                <c:pt idx="703">
                  <c:v>44085</c:v>
                </c:pt>
                <c:pt idx="704">
                  <c:v>44088</c:v>
                </c:pt>
                <c:pt idx="705">
                  <c:v>44089</c:v>
                </c:pt>
                <c:pt idx="706">
                  <c:v>44090</c:v>
                </c:pt>
                <c:pt idx="707">
                  <c:v>44091</c:v>
                </c:pt>
                <c:pt idx="708">
                  <c:v>44092</c:v>
                </c:pt>
                <c:pt idx="709">
                  <c:v>44095</c:v>
                </c:pt>
                <c:pt idx="710">
                  <c:v>44096</c:v>
                </c:pt>
                <c:pt idx="711">
                  <c:v>44097</c:v>
                </c:pt>
                <c:pt idx="712">
                  <c:v>44098</c:v>
                </c:pt>
                <c:pt idx="713">
                  <c:v>44099</c:v>
                </c:pt>
                <c:pt idx="714">
                  <c:v>44102</c:v>
                </c:pt>
                <c:pt idx="715">
                  <c:v>44103</c:v>
                </c:pt>
                <c:pt idx="716">
                  <c:v>44104</c:v>
                </c:pt>
                <c:pt idx="717">
                  <c:v>44105</c:v>
                </c:pt>
                <c:pt idx="718">
                  <c:v>44106</c:v>
                </c:pt>
                <c:pt idx="719">
                  <c:v>44109</c:v>
                </c:pt>
                <c:pt idx="720">
                  <c:v>44110</c:v>
                </c:pt>
                <c:pt idx="721">
                  <c:v>44111</c:v>
                </c:pt>
                <c:pt idx="722">
                  <c:v>44112</c:v>
                </c:pt>
                <c:pt idx="723">
                  <c:v>44113</c:v>
                </c:pt>
                <c:pt idx="724">
                  <c:v>44116</c:v>
                </c:pt>
                <c:pt idx="725">
                  <c:v>44117</c:v>
                </c:pt>
                <c:pt idx="726">
                  <c:v>44118</c:v>
                </c:pt>
                <c:pt idx="727">
                  <c:v>44119</c:v>
                </c:pt>
                <c:pt idx="728">
                  <c:v>44120</c:v>
                </c:pt>
                <c:pt idx="729">
                  <c:v>44123</c:v>
                </c:pt>
                <c:pt idx="730">
                  <c:v>44124</c:v>
                </c:pt>
                <c:pt idx="731">
                  <c:v>44125</c:v>
                </c:pt>
                <c:pt idx="732">
                  <c:v>44126</c:v>
                </c:pt>
                <c:pt idx="733">
                  <c:v>44127</c:v>
                </c:pt>
                <c:pt idx="734">
                  <c:v>44130</c:v>
                </c:pt>
                <c:pt idx="735">
                  <c:v>44131</c:v>
                </c:pt>
                <c:pt idx="736">
                  <c:v>44132</c:v>
                </c:pt>
                <c:pt idx="737">
                  <c:v>44133</c:v>
                </c:pt>
                <c:pt idx="738">
                  <c:v>44134</c:v>
                </c:pt>
                <c:pt idx="739">
                  <c:v>44137</c:v>
                </c:pt>
                <c:pt idx="740">
                  <c:v>44138</c:v>
                </c:pt>
                <c:pt idx="741">
                  <c:v>44139</c:v>
                </c:pt>
                <c:pt idx="742">
                  <c:v>44140</c:v>
                </c:pt>
                <c:pt idx="743">
                  <c:v>44141</c:v>
                </c:pt>
                <c:pt idx="744">
                  <c:v>44144</c:v>
                </c:pt>
                <c:pt idx="745">
                  <c:v>44145</c:v>
                </c:pt>
                <c:pt idx="746">
                  <c:v>44146</c:v>
                </c:pt>
                <c:pt idx="747">
                  <c:v>44147</c:v>
                </c:pt>
                <c:pt idx="748">
                  <c:v>44148</c:v>
                </c:pt>
                <c:pt idx="749">
                  <c:v>44151</c:v>
                </c:pt>
                <c:pt idx="750">
                  <c:v>44152</c:v>
                </c:pt>
                <c:pt idx="751">
                  <c:v>44153</c:v>
                </c:pt>
                <c:pt idx="752">
                  <c:v>44154</c:v>
                </c:pt>
                <c:pt idx="753">
                  <c:v>44155</c:v>
                </c:pt>
                <c:pt idx="754">
                  <c:v>44158</c:v>
                </c:pt>
                <c:pt idx="755">
                  <c:v>44159</c:v>
                </c:pt>
                <c:pt idx="756">
                  <c:v>44160</c:v>
                </c:pt>
                <c:pt idx="757">
                  <c:v>44161</c:v>
                </c:pt>
                <c:pt idx="758">
                  <c:v>44162</c:v>
                </c:pt>
                <c:pt idx="759">
                  <c:v>44165</c:v>
                </c:pt>
                <c:pt idx="760">
                  <c:v>44166</c:v>
                </c:pt>
                <c:pt idx="761">
                  <c:v>44167</c:v>
                </c:pt>
                <c:pt idx="762">
                  <c:v>44168</c:v>
                </c:pt>
                <c:pt idx="763">
                  <c:v>44169</c:v>
                </c:pt>
                <c:pt idx="764">
                  <c:v>44172</c:v>
                </c:pt>
                <c:pt idx="765">
                  <c:v>44173</c:v>
                </c:pt>
                <c:pt idx="766">
                  <c:v>44174</c:v>
                </c:pt>
                <c:pt idx="767">
                  <c:v>44175</c:v>
                </c:pt>
                <c:pt idx="768">
                  <c:v>44176</c:v>
                </c:pt>
                <c:pt idx="769">
                  <c:v>44179</c:v>
                </c:pt>
                <c:pt idx="770">
                  <c:v>44180</c:v>
                </c:pt>
                <c:pt idx="771">
                  <c:v>44181</c:v>
                </c:pt>
                <c:pt idx="772">
                  <c:v>44182</c:v>
                </c:pt>
                <c:pt idx="773">
                  <c:v>44183</c:v>
                </c:pt>
                <c:pt idx="774">
                  <c:v>44186</c:v>
                </c:pt>
                <c:pt idx="775">
                  <c:v>44187</c:v>
                </c:pt>
                <c:pt idx="776">
                  <c:v>44188</c:v>
                </c:pt>
                <c:pt idx="777">
                  <c:v>44189</c:v>
                </c:pt>
                <c:pt idx="778">
                  <c:v>44190</c:v>
                </c:pt>
                <c:pt idx="779">
                  <c:v>44193</c:v>
                </c:pt>
                <c:pt idx="780">
                  <c:v>44194</c:v>
                </c:pt>
                <c:pt idx="781">
                  <c:v>44195</c:v>
                </c:pt>
                <c:pt idx="782">
                  <c:v>44196</c:v>
                </c:pt>
                <c:pt idx="783">
                  <c:v>44197</c:v>
                </c:pt>
                <c:pt idx="784">
                  <c:v>44200</c:v>
                </c:pt>
                <c:pt idx="785">
                  <c:v>44201</c:v>
                </c:pt>
                <c:pt idx="786">
                  <c:v>44202</c:v>
                </c:pt>
                <c:pt idx="787">
                  <c:v>44203</c:v>
                </c:pt>
                <c:pt idx="788">
                  <c:v>44204</c:v>
                </c:pt>
                <c:pt idx="789">
                  <c:v>44207</c:v>
                </c:pt>
                <c:pt idx="790">
                  <c:v>44208</c:v>
                </c:pt>
                <c:pt idx="791">
                  <c:v>44209</c:v>
                </c:pt>
                <c:pt idx="792">
                  <c:v>44210</c:v>
                </c:pt>
                <c:pt idx="793">
                  <c:v>44211</c:v>
                </c:pt>
                <c:pt idx="794">
                  <c:v>44214</c:v>
                </c:pt>
                <c:pt idx="795">
                  <c:v>44215</c:v>
                </c:pt>
                <c:pt idx="796">
                  <c:v>44216</c:v>
                </c:pt>
                <c:pt idx="797">
                  <c:v>44217</c:v>
                </c:pt>
                <c:pt idx="798">
                  <c:v>44218</c:v>
                </c:pt>
                <c:pt idx="799">
                  <c:v>44221</c:v>
                </c:pt>
                <c:pt idx="800">
                  <c:v>44222</c:v>
                </c:pt>
                <c:pt idx="801">
                  <c:v>44223</c:v>
                </c:pt>
                <c:pt idx="802">
                  <c:v>44224</c:v>
                </c:pt>
                <c:pt idx="803">
                  <c:v>44225</c:v>
                </c:pt>
                <c:pt idx="804">
                  <c:v>44228</c:v>
                </c:pt>
                <c:pt idx="805">
                  <c:v>44229</c:v>
                </c:pt>
                <c:pt idx="806">
                  <c:v>44230</c:v>
                </c:pt>
                <c:pt idx="807">
                  <c:v>44231</c:v>
                </c:pt>
                <c:pt idx="808">
                  <c:v>44232</c:v>
                </c:pt>
                <c:pt idx="809">
                  <c:v>44235</c:v>
                </c:pt>
                <c:pt idx="810">
                  <c:v>44236</c:v>
                </c:pt>
                <c:pt idx="811">
                  <c:v>44237</c:v>
                </c:pt>
                <c:pt idx="812">
                  <c:v>44238</c:v>
                </c:pt>
                <c:pt idx="813">
                  <c:v>44239</c:v>
                </c:pt>
                <c:pt idx="814">
                  <c:v>44242</c:v>
                </c:pt>
                <c:pt idx="815">
                  <c:v>44243</c:v>
                </c:pt>
                <c:pt idx="816">
                  <c:v>44244</c:v>
                </c:pt>
                <c:pt idx="817">
                  <c:v>44245</c:v>
                </c:pt>
                <c:pt idx="818">
                  <c:v>44246</c:v>
                </c:pt>
                <c:pt idx="819">
                  <c:v>44249</c:v>
                </c:pt>
                <c:pt idx="820">
                  <c:v>44250</c:v>
                </c:pt>
                <c:pt idx="821">
                  <c:v>44251</c:v>
                </c:pt>
                <c:pt idx="822">
                  <c:v>44252</c:v>
                </c:pt>
                <c:pt idx="823">
                  <c:v>44253</c:v>
                </c:pt>
                <c:pt idx="824">
                  <c:v>44256</c:v>
                </c:pt>
                <c:pt idx="825">
                  <c:v>44257</c:v>
                </c:pt>
                <c:pt idx="826">
                  <c:v>44258</c:v>
                </c:pt>
                <c:pt idx="827">
                  <c:v>44259</c:v>
                </c:pt>
                <c:pt idx="828">
                  <c:v>44260</c:v>
                </c:pt>
                <c:pt idx="829">
                  <c:v>44263</c:v>
                </c:pt>
                <c:pt idx="830">
                  <c:v>44264</c:v>
                </c:pt>
                <c:pt idx="831">
                  <c:v>44265</c:v>
                </c:pt>
                <c:pt idx="832">
                  <c:v>44266</c:v>
                </c:pt>
                <c:pt idx="833">
                  <c:v>44267</c:v>
                </c:pt>
                <c:pt idx="834">
                  <c:v>44270</c:v>
                </c:pt>
                <c:pt idx="835">
                  <c:v>44271</c:v>
                </c:pt>
                <c:pt idx="836">
                  <c:v>44272</c:v>
                </c:pt>
                <c:pt idx="837">
                  <c:v>44273</c:v>
                </c:pt>
                <c:pt idx="838">
                  <c:v>44274</c:v>
                </c:pt>
                <c:pt idx="839">
                  <c:v>44277</c:v>
                </c:pt>
                <c:pt idx="840">
                  <c:v>44278</c:v>
                </c:pt>
                <c:pt idx="841">
                  <c:v>44279</c:v>
                </c:pt>
                <c:pt idx="842">
                  <c:v>44280</c:v>
                </c:pt>
                <c:pt idx="843">
                  <c:v>44281</c:v>
                </c:pt>
                <c:pt idx="844">
                  <c:v>44284</c:v>
                </c:pt>
                <c:pt idx="845">
                  <c:v>44285</c:v>
                </c:pt>
                <c:pt idx="846">
                  <c:v>44286</c:v>
                </c:pt>
                <c:pt idx="847">
                  <c:v>44287</c:v>
                </c:pt>
                <c:pt idx="848">
                  <c:v>44288</c:v>
                </c:pt>
                <c:pt idx="849">
                  <c:v>44291</c:v>
                </c:pt>
                <c:pt idx="850">
                  <c:v>44292</c:v>
                </c:pt>
                <c:pt idx="851">
                  <c:v>44293</c:v>
                </c:pt>
                <c:pt idx="852">
                  <c:v>44294</c:v>
                </c:pt>
                <c:pt idx="853">
                  <c:v>44295</c:v>
                </c:pt>
                <c:pt idx="854">
                  <c:v>44298</c:v>
                </c:pt>
                <c:pt idx="855">
                  <c:v>44299</c:v>
                </c:pt>
                <c:pt idx="856">
                  <c:v>44300</c:v>
                </c:pt>
                <c:pt idx="857">
                  <c:v>44301</c:v>
                </c:pt>
                <c:pt idx="858">
                  <c:v>44302</c:v>
                </c:pt>
                <c:pt idx="859">
                  <c:v>44305</c:v>
                </c:pt>
                <c:pt idx="860">
                  <c:v>44306</c:v>
                </c:pt>
                <c:pt idx="861">
                  <c:v>44307</c:v>
                </c:pt>
                <c:pt idx="862">
                  <c:v>44308</c:v>
                </c:pt>
                <c:pt idx="863">
                  <c:v>44309</c:v>
                </c:pt>
                <c:pt idx="864">
                  <c:v>44312</c:v>
                </c:pt>
                <c:pt idx="865">
                  <c:v>44313</c:v>
                </c:pt>
                <c:pt idx="866">
                  <c:v>44314</c:v>
                </c:pt>
                <c:pt idx="867">
                  <c:v>44315</c:v>
                </c:pt>
                <c:pt idx="868">
                  <c:v>44316</c:v>
                </c:pt>
                <c:pt idx="869">
                  <c:v>44319</c:v>
                </c:pt>
                <c:pt idx="870">
                  <c:v>44320</c:v>
                </c:pt>
                <c:pt idx="871">
                  <c:v>44321</c:v>
                </c:pt>
                <c:pt idx="872">
                  <c:v>44322</c:v>
                </c:pt>
                <c:pt idx="873">
                  <c:v>44323</c:v>
                </c:pt>
                <c:pt idx="874">
                  <c:v>44326</c:v>
                </c:pt>
                <c:pt idx="875">
                  <c:v>44327</c:v>
                </c:pt>
                <c:pt idx="876">
                  <c:v>44328</c:v>
                </c:pt>
                <c:pt idx="877">
                  <c:v>44329</c:v>
                </c:pt>
                <c:pt idx="878">
                  <c:v>44330</c:v>
                </c:pt>
                <c:pt idx="879">
                  <c:v>44333</c:v>
                </c:pt>
                <c:pt idx="880">
                  <c:v>44334</c:v>
                </c:pt>
                <c:pt idx="881">
                  <c:v>44335</c:v>
                </c:pt>
                <c:pt idx="882">
                  <c:v>44336</c:v>
                </c:pt>
                <c:pt idx="883">
                  <c:v>44337</c:v>
                </c:pt>
                <c:pt idx="884">
                  <c:v>44340</c:v>
                </c:pt>
                <c:pt idx="885">
                  <c:v>44341</c:v>
                </c:pt>
                <c:pt idx="886">
                  <c:v>44342</c:v>
                </c:pt>
                <c:pt idx="887">
                  <c:v>44343</c:v>
                </c:pt>
                <c:pt idx="888">
                  <c:v>44344</c:v>
                </c:pt>
                <c:pt idx="889">
                  <c:v>44347</c:v>
                </c:pt>
                <c:pt idx="890">
                  <c:v>44348</c:v>
                </c:pt>
                <c:pt idx="891">
                  <c:v>44349</c:v>
                </c:pt>
                <c:pt idx="892">
                  <c:v>44350</c:v>
                </c:pt>
                <c:pt idx="893">
                  <c:v>44351</c:v>
                </c:pt>
                <c:pt idx="894">
                  <c:v>44354</c:v>
                </c:pt>
                <c:pt idx="895">
                  <c:v>44355</c:v>
                </c:pt>
                <c:pt idx="896">
                  <c:v>44356</c:v>
                </c:pt>
                <c:pt idx="897">
                  <c:v>44357</c:v>
                </c:pt>
                <c:pt idx="898">
                  <c:v>44358</c:v>
                </c:pt>
                <c:pt idx="899">
                  <c:v>44361</c:v>
                </c:pt>
                <c:pt idx="900">
                  <c:v>44362</c:v>
                </c:pt>
                <c:pt idx="901">
                  <c:v>44363</c:v>
                </c:pt>
                <c:pt idx="902">
                  <c:v>44364</c:v>
                </c:pt>
                <c:pt idx="903">
                  <c:v>44365</c:v>
                </c:pt>
                <c:pt idx="904">
                  <c:v>44368</c:v>
                </c:pt>
                <c:pt idx="905">
                  <c:v>44369</c:v>
                </c:pt>
                <c:pt idx="906">
                  <c:v>44370</c:v>
                </c:pt>
                <c:pt idx="907">
                  <c:v>44371</c:v>
                </c:pt>
                <c:pt idx="908">
                  <c:v>44372</c:v>
                </c:pt>
                <c:pt idx="909">
                  <c:v>44375</c:v>
                </c:pt>
                <c:pt idx="910">
                  <c:v>44376</c:v>
                </c:pt>
                <c:pt idx="911">
                  <c:v>44377</c:v>
                </c:pt>
                <c:pt idx="912">
                  <c:v>44378</c:v>
                </c:pt>
                <c:pt idx="913">
                  <c:v>44379</c:v>
                </c:pt>
                <c:pt idx="914">
                  <c:v>44382</c:v>
                </c:pt>
                <c:pt idx="915">
                  <c:v>44383</c:v>
                </c:pt>
                <c:pt idx="916">
                  <c:v>44384</c:v>
                </c:pt>
                <c:pt idx="917">
                  <c:v>44385</c:v>
                </c:pt>
                <c:pt idx="918">
                  <c:v>44386</c:v>
                </c:pt>
                <c:pt idx="919">
                  <c:v>44389</c:v>
                </c:pt>
                <c:pt idx="920">
                  <c:v>44390</c:v>
                </c:pt>
                <c:pt idx="921">
                  <c:v>44391</c:v>
                </c:pt>
                <c:pt idx="922">
                  <c:v>44392</c:v>
                </c:pt>
                <c:pt idx="923">
                  <c:v>44393</c:v>
                </c:pt>
                <c:pt idx="924">
                  <c:v>44396</c:v>
                </c:pt>
                <c:pt idx="925">
                  <c:v>44397</c:v>
                </c:pt>
                <c:pt idx="926">
                  <c:v>44398</c:v>
                </c:pt>
                <c:pt idx="927">
                  <c:v>44399</c:v>
                </c:pt>
                <c:pt idx="928">
                  <c:v>44400</c:v>
                </c:pt>
                <c:pt idx="929">
                  <c:v>44403</c:v>
                </c:pt>
                <c:pt idx="930">
                  <c:v>44404</c:v>
                </c:pt>
                <c:pt idx="931">
                  <c:v>44405</c:v>
                </c:pt>
                <c:pt idx="932">
                  <c:v>44406</c:v>
                </c:pt>
                <c:pt idx="933">
                  <c:v>44407</c:v>
                </c:pt>
                <c:pt idx="934">
                  <c:v>44410</c:v>
                </c:pt>
                <c:pt idx="935">
                  <c:v>44411</c:v>
                </c:pt>
                <c:pt idx="936">
                  <c:v>44412</c:v>
                </c:pt>
                <c:pt idx="937">
                  <c:v>44413</c:v>
                </c:pt>
                <c:pt idx="938">
                  <c:v>44414</c:v>
                </c:pt>
                <c:pt idx="939">
                  <c:v>44417</c:v>
                </c:pt>
                <c:pt idx="940">
                  <c:v>44418</c:v>
                </c:pt>
                <c:pt idx="941">
                  <c:v>44419</c:v>
                </c:pt>
                <c:pt idx="942">
                  <c:v>44420</c:v>
                </c:pt>
                <c:pt idx="943">
                  <c:v>44421</c:v>
                </c:pt>
                <c:pt idx="944">
                  <c:v>44424</c:v>
                </c:pt>
                <c:pt idx="945">
                  <c:v>44425</c:v>
                </c:pt>
                <c:pt idx="946">
                  <c:v>44426</c:v>
                </c:pt>
                <c:pt idx="947">
                  <c:v>44427</c:v>
                </c:pt>
                <c:pt idx="948">
                  <c:v>44428</c:v>
                </c:pt>
                <c:pt idx="949">
                  <c:v>44431</c:v>
                </c:pt>
                <c:pt idx="950">
                  <c:v>44432</c:v>
                </c:pt>
                <c:pt idx="951">
                  <c:v>44433</c:v>
                </c:pt>
                <c:pt idx="952">
                  <c:v>44434</c:v>
                </c:pt>
                <c:pt idx="953">
                  <c:v>44435</c:v>
                </c:pt>
                <c:pt idx="954">
                  <c:v>44438</c:v>
                </c:pt>
                <c:pt idx="955">
                  <c:v>44439</c:v>
                </c:pt>
                <c:pt idx="956">
                  <c:v>44440</c:v>
                </c:pt>
                <c:pt idx="957">
                  <c:v>44441</c:v>
                </c:pt>
                <c:pt idx="958">
                  <c:v>44442</c:v>
                </c:pt>
                <c:pt idx="959">
                  <c:v>44445</c:v>
                </c:pt>
                <c:pt idx="960">
                  <c:v>44446</c:v>
                </c:pt>
                <c:pt idx="961">
                  <c:v>44447</c:v>
                </c:pt>
                <c:pt idx="962">
                  <c:v>44448</c:v>
                </c:pt>
                <c:pt idx="963">
                  <c:v>44449</c:v>
                </c:pt>
                <c:pt idx="964">
                  <c:v>44452</c:v>
                </c:pt>
                <c:pt idx="965">
                  <c:v>44453</c:v>
                </c:pt>
                <c:pt idx="966">
                  <c:v>44454</c:v>
                </c:pt>
                <c:pt idx="967">
                  <c:v>44455</c:v>
                </c:pt>
                <c:pt idx="968">
                  <c:v>44456</c:v>
                </c:pt>
                <c:pt idx="969">
                  <c:v>44459</c:v>
                </c:pt>
                <c:pt idx="970">
                  <c:v>44460</c:v>
                </c:pt>
                <c:pt idx="971">
                  <c:v>44461</c:v>
                </c:pt>
                <c:pt idx="972">
                  <c:v>44462</c:v>
                </c:pt>
                <c:pt idx="973">
                  <c:v>44463</c:v>
                </c:pt>
                <c:pt idx="974">
                  <c:v>44466</c:v>
                </c:pt>
                <c:pt idx="975">
                  <c:v>44467</c:v>
                </c:pt>
                <c:pt idx="976">
                  <c:v>44468</c:v>
                </c:pt>
                <c:pt idx="977">
                  <c:v>44469</c:v>
                </c:pt>
                <c:pt idx="978">
                  <c:v>44470</c:v>
                </c:pt>
                <c:pt idx="979">
                  <c:v>44473</c:v>
                </c:pt>
                <c:pt idx="980">
                  <c:v>44474</c:v>
                </c:pt>
                <c:pt idx="981">
                  <c:v>44475</c:v>
                </c:pt>
                <c:pt idx="982">
                  <c:v>44476</c:v>
                </c:pt>
                <c:pt idx="983">
                  <c:v>44477</c:v>
                </c:pt>
                <c:pt idx="984">
                  <c:v>44480</c:v>
                </c:pt>
                <c:pt idx="985">
                  <c:v>44481</c:v>
                </c:pt>
                <c:pt idx="986">
                  <c:v>44482</c:v>
                </c:pt>
                <c:pt idx="987">
                  <c:v>44483</c:v>
                </c:pt>
                <c:pt idx="988">
                  <c:v>44484</c:v>
                </c:pt>
                <c:pt idx="989">
                  <c:v>44487</c:v>
                </c:pt>
                <c:pt idx="990">
                  <c:v>44488</c:v>
                </c:pt>
                <c:pt idx="991">
                  <c:v>44489</c:v>
                </c:pt>
                <c:pt idx="992">
                  <c:v>44490</c:v>
                </c:pt>
                <c:pt idx="993">
                  <c:v>44491</c:v>
                </c:pt>
                <c:pt idx="994">
                  <c:v>44494</c:v>
                </c:pt>
                <c:pt idx="995">
                  <c:v>44495</c:v>
                </c:pt>
                <c:pt idx="996">
                  <c:v>44496</c:v>
                </c:pt>
                <c:pt idx="997">
                  <c:v>44497</c:v>
                </c:pt>
                <c:pt idx="998">
                  <c:v>44498</c:v>
                </c:pt>
                <c:pt idx="999">
                  <c:v>44501</c:v>
                </c:pt>
                <c:pt idx="1000">
                  <c:v>44502</c:v>
                </c:pt>
                <c:pt idx="1001">
                  <c:v>44503</c:v>
                </c:pt>
                <c:pt idx="1002">
                  <c:v>44504</c:v>
                </c:pt>
                <c:pt idx="1003">
                  <c:v>44505</c:v>
                </c:pt>
                <c:pt idx="1004">
                  <c:v>44508</c:v>
                </c:pt>
                <c:pt idx="1005">
                  <c:v>44509</c:v>
                </c:pt>
                <c:pt idx="1006">
                  <c:v>44510</c:v>
                </c:pt>
                <c:pt idx="1007">
                  <c:v>44511</c:v>
                </c:pt>
                <c:pt idx="1008">
                  <c:v>44512</c:v>
                </c:pt>
                <c:pt idx="1009">
                  <c:v>44515</c:v>
                </c:pt>
                <c:pt idx="1010">
                  <c:v>44516</c:v>
                </c:pt>
                <c:pt idx="1011">
                  <c:v>44517</c:v>
                </c:pt>
                <c:pt idx="1012">
                  <c:v>44518</c:v>
                </c:pt>
                <c:pt idx="1013">
                  <c:v>44519</c:v>
                </c:pt>
                <c:pt idx="1014">
                  <c:v>44522</c:v>
                </c:pt>
                <c:pt idx="1015">
                  <c:v>44523</c:v>
                </c:pt>
                <c:pt idx="1016">
                  <c:v>44524</c:v>
                </c:pt>
                <c:pt idx="1017">
                  <c:v>44525</c:v>
                </c:pt>
                <c:pt idx="1018">
                  <c:v>44526</c:v>
                </c:pt>
                <c:pt idx="1019">
                  <c:v>44529</c:v>
                </c:pt>
                <c:pt idx="1020">
                  <c:v>44530</c:v>
                </c:pt>
                <c:pt idx="1021">
                  <c:v>44531</c:v>
                </c:pt>
                <c:pt idx="1022">
                  <c:v>44532</c:v>
                </c:pt>
                <c:pt idx="1023">
                  <c:v>44533</c:v>
                </c:pt>
                <c:pt idx="1024">
                  <c:v>44536</c:v>
                </c:pt>
                <c:pt idx="1025">
                  <c:v>44537</c:v>
                </c:pt>
                <c:pt idx="1026">
                  <c:v>44538</c:v>
                </c:pt>
                <c:pt idx="1027">
                  <c:v>44539</c:v>
                </c:pt>
                <c:pt idx="1028">
                  <c:v>44540</c:v>
                </c:pt>
                <c:pt idx="1029">
                  <c:v>44543</c:v>
                </c:pt>
                <c:pt idx="1030">
                  <c:v>44544</c:v>
                </c:pt>
                <c:pt idx="1031">
                  <c:v>44545</c:v>
                </c:pt>
                <c:pt idx="1032">
                  <c:v>44546</c:v>
                </c:pt>
                <c:pt idx="1033">
                  <c:v>44547</c:v>
                </c:pt>
                <c:pt idx="1034">
                  <c:v>44550</c:v>
                </c:pt>
                <c:pt idx="1035">
                  <c:v>44551</c:v>
                </c:pt>
                <c:pt idx="1036">
                  <c:v>44552</c:v>
                </c:pt>
                <c:pt idx="1037">
                  <c:v>44553</c:v>
                </c:pt>
                <c:pt idx="1038">
                  <c:v>44554</c:v>
                </c:pt>
                <c:pt idx="1039">
                  <c:v>44557</c:v>
                </c:pt>
                <c:pt idx="1040">
                  <c:v>44558</c:v>
                </c:pt>
                <c:pt idx="1041">
                  <c:v>44559</c:v>
                </c:pt>
                <c:pt idx="1042">
                  <c:v>44560</c:v>
                </c:pt>
                <c:pt idx="1043">
                  <c:v>44561</c:v>
                </c:pt>
                <c:pt idx="1044">
                  <c:v>44564</c:v>
                </c:pt>
                <c:pt idx="1045">
                  <c:v>44565</c:v>
                </c:pt>
                <c:pt idx="1046">
                  <c:v>44566</c:v>
                </c:pt>
                <c:pt idx="1047">
                  <c:v>44567</c:v>
                </c:pt>
                <c:pt idx="1048">
                  <c:v>44568</c:v>
                </c:pt>
                <c:pt idx="1049">
                  <c:v>44571</c:v>
                </c:pt>
                <c:pt idx="1050">
                  <c:v>44572</c:v>
                </c:pt>
                <c:pt idx="1051">
                  <c:v>44573</c:v>
                </c:pt>
                <c:pt idx="1052">
                  <c:v>44574</c:v>
                </c:pt>
                <c:pt idx="1053">
                  <c:v>44575</c:v>
                </c:pt>
                <c:pt idx="1054">
                  <c:v>44578</c:v>
                </c:pt>
                <c:pt idx="1055">
                  <c:v>44579</c:v>
                </c:pt>
                <c:pt idx="1056">
                  <c:v>44580</c:v>
                </c:pt>
                <c:pt idx="1057">
                  <c:v>44581</c:v>
                </c:pt>
                <c:pt idx="1058">
                  <c:v>44582</c:v>
                </c:pt>
                <c:pt idx="1059">
                  <c:v>44585</c:v>
                </c:pt>
                <c:pt idx="1060">
                  <c:v>44586</c:v>
                </c:pt>
                <c:pt idx="1061">
                  <c:v>44587</c:v>
                </c:pt>
                <c:pt idx="1062">
                  <c:v>44588</c:v>
                </c:pt>
                <c:pt idx="1063">
                  <c:v>44589</c:v>
                </c:pt>
                <c:pt idx="1064">
                  <c:v>44592</c:v>
                </c:pt>
                <c:pt idx="1065">
                  <c:v>44593</c:v>
                </c:pt>
                <c:pt idx="1066">
                  <c:v>44594</c:v>
                </c:pt>
                <c:pt idx="1067">
                  <c:v>44595</c:v>
                </c:pt>
                <c:pt idx="1068">
                  <c:v>44596</c:v>
                </c:pt>
                <c:pt idx="1069">
                  <c:v>44599</c:v>
                </c:pt>
                <c:pt idx="1070">
                  <c:v>44600</c:v>
                </c:pt>
                <c:pt idx="1071">
                  <c:v>44601</c:v>
                </c:pt>
                <c:pt idx="1072">
                  <c:v>44602</c:v>
                </c:pt>
                <c:pt idx="1073">
                  <c:v>44603</c:v>
                </c:pt>
                <c:pt idx="1074">
                  <c:v>44606</c:v>
                </c:pt>
                <c:pt idx="1075">
                  <c:v>44607</c:v>
                </c:pt>
                <c:pt idx="1076">
                  <c:v>44608</c:v>
                </c:pt>
                <c:pt idx="1077">
                  <c:v>44609</c:v>
                </c:pt>
                <c:pt idx="1078">
                  <c:v>44610</c:v>
                </c:pt>
                <c:pt idx="1079">
                  <c:v>44613</c:v>
                </c:pt>
                <c:pt idx="1080">
                  <c:v>44614</c:v>
                </c:pt>
                <c:pt idx="1081">
                  <c:v>44615</c:v>
                </c:pt>
                <c:pt idx="1082">
                  <c:v>44616</c:v>
                </c:pt>
                <c:pt idx="1083">
                  <c:v>44617</c:v>
                </c:pt>
                <c:pt idx="1084">
                  <c:v>44620</c:v>
                </c:pt>
                <c:pt idx="1085">
                  <c:v>44621</c:v>
                </c:pt>
                <c:pt idx="1086">
                  <c:v>44622</c:v>
                </c:pt>
                <c:pt idx="1087">
                  <c:v>44623</c:v>
                </c:pt>
                <c:pt idx="1088">
                  <c:v>44624</c:v>
                </c:pt>
                <c:pt idx="1089">
                  <c:v>44627</c:v>
                </c:pt>
                <c:pt idx="1090">
                  <c:v>44628</c:v>
                </c:pt>
                <c:pt idx="1091">
                  <c:v>44629</c:v>
                </c:pt>
                <c:pt idx="1092">
                  <c:v>44630</c:v>
                </c:pt>
                <c:pt idx="1093">
                  <c:v>44631</c:v>
                </c:pt>
                <c:pt idx="1094">
                  <c:v>44634</c:v>
                </c:pt>
                <c:pt idx="1095">
                  <c:v>44635</c:v>
                </c:pt>
                <c:pt idx="1096">
                  <c:v>44636</c:v>
                </c:pt>
                <c:pt idx="1097">
                  <c:v>44637</c:v>
                </c:pt>
                <c:pt idx="1098">
                  <c:v>44638</c:v>
                </c:pt>
                <c:pt idx="1099">
                  <c:v>44641</c:v>
                </c:pt>
                <c:pt idx="1100">
                  <c:v>44642</c:v>
                </c:pt>
                <c:pt idx="1101">
                  <c:v>44643</c:v>
                </c:pt>
                <c:pt idx="1102">
                  <c:v>44644</c:v>
                </c:pt>
                <c:pt idx="1103">
                  <c:v>44645</c:v>
                </c:pt>
                <c:pt idx="1104">
                  <c:v>44648</c:v>
                </c:pt>
                <c:pt idx="1105">
                  <c:v>44649</c:v>
                </c:pt>
                <c:pt idx="1106">
                  <c:v>44650</c:v>
                </c:pt>
                <c:pt idx="1107">
                  <c:v>44651</c:v>
                </c:pt>
                <c:pt idx="1108">
                  <c:v>44652</c:v>
                </c:pt>
                <c:pt idx="1109">
                  <c:v>44655</c:v>
                </c:pt>
                <c:pt idx="1110">
                  <c:v>44656</c:v>
                </c:pt>
                <c:pt idx="1111">
                  <c:v>44657</c:v>
                </c:pt>
                <c:pt idx="1112">
                  <c:v>44658</c:v>
                </c:pt>
                <c:pt idx="1113">
                  <c:v>44659</c:v>
                </c:pt>
                <c:pt idx="1114">
                  <c:v>44662</c:v>
                </c:pt>
                <c:pt idx="1115">
                  <c:v>44663</c:v>
                </c:pt>
                <c:pt idx="1116">
                  <c:v>44664</c:v>
                </c:pt>
                <c:pt idx="1117">
                  <c:v>44665</c:v>
                </c:pt>
                <c:pt idx="1118">
                  <c:v>44666</c:v>
                </c:pt>
                <c:pt idx="1119">
                  <c:v>44669</c:v>
                </c:pt>
                <c:pt idx="1120">
                  <c:v>44670</c:v>
                </c:pt>
                <c:pt idx="1121">
                  <c:v>44671</c:v>
                </c:pt>
                <c:pt idx="1122">
                  <c:v>44672</c:v>
                </c:pt>
                <c:pt idx="1123">
                  <c:v>44673</c:v>
                </c:pt>
                <c:pt idx="1124">
                  <c:v>44676</c:v>
                </c:pt>
                <c:pt idx="1125">
                  <c:v>44677</c:v>
                </c:pt>
                <c:pt idx="1126">
                  <c:v>44678</c:v>
                </c:pt>
                <c:pt idx="1127">
                  <c:v>44679</c:v>
                </c:pt>
                <c:pt idx="1128">
                  <c:v>44680</c:v>
                </c:pt>
                <c:pt idx="1129">
                  <c:v>44683</c:v>
                </c:pt>
                <c:pt idx="1130">
                  <c:v>44684</c:v>
                </c:pt>
                <c:pt idx="1131">
                  <c:v>44685</c:v>
                </c:pt>
                <c:pt idx="1132">
                  <c:v>44686</c:v>
                </c:pt>
                <c:pt idx="1133">
                  <c:v>44687</c:v>
                </c:pt>
                <c:pt idx="1134">
                  <c:v>44690</c:v>
                </c:pt>
                <c:pt idx="1135">
                  <c:v>44691</c:v>
                </c:pt>
                <c:pt idx="1136">
                  <c:v>44692</c:v>
                </c:pt>
                <c:pt idx="1137">
                  <c:v>44693</c:v>
                </c:pt>
                <c:pt idx="1138">
                  <c:v>44694</c:v>
                </c:pt>
                <c:pt idx="1139">
                  <c:v>44697</c:v>
                </c:pt>
                <c:pt idx="1140">
                  <c:v>44698</c:v>
                </c:pt>
                <c:pt idx="1141">
                  <c:v>44699</c:v>
                </c:pt>
                <c:pt idx="1142">
                  <c:v>44700</c:v>
                </c:pt>
                <c:pt idx="1143">
                  <c:v>44701</c:v>
                </c:pt>
                <c:pt idx="1144">
                  <c:v>44704</c:v>
                </c:pt>
                <c:pt idx="1145">
                  <c:v>44705</c:v>
                </c:pt>
                <c:pt idx="1146">
                  <c:v>44706</c:v>
                </c:pt>
                <c:pt idx="1147">
                  <c:v>44707</c:v>
                </c:pt>
                <c:pt idx="1148">
                  <c:v>44708</c:v>
                </c:pt>
                <c:pt idx="1149">
                  <c:v>44711</c:v>
                </c:pt>
                <c:pt idx="1150">
                  <c:v>44712</c:v>
                </c:pt>
                <c:pt idx="1151">
                  <c:v>44713</c:v>
                </c:pt>
                <c:pt idx="1152">
                  <c:v>44714</c:v>
                </c:pt>
                <c:pt idx="1153">
                  <c:v>44715</c:v>
                </c:pt>
                <c:pt idx="1154">
                  <c:v>44718</c:v>
                </c:pt>
                <c:pt idx="1155">
                  <c:v>44719</c:v>
                </c:pt>
                <c:pt idx="1156">
                  <c:v>44720</c:v>
                </c:pt>
                <c:pt idx="1157">
                  <c:v>44721</c:v>
                </c:pt>
                <c:pt idx="1158">
                  <c:v>44722</c:v>
                </c:pt>
                <c:pt idx="1159">
                  <c:v>44725</c:v>
                </c:pt>
                <c:pt idx="1160">
                  <c:v>44726</c:v>
                </c:pt>
                <c:pt idx="1161">
                  <c:v>44727</c:v>
                </c:pt>
                <c:pt idx="1162">
                  <c:v>44728</c:v>
                </c:pt>
                <c:pt idx="1163">
                  <c:v>44729</c:v>
                </c:pt>
                <c:pt idx="1164">
                  <c:v>44732</c:v>
                </c:pt>
                <c:pt idx="1165">
                  <c:v>44733</c:v>
                </c:pt>
                <c:pt idx="1166">
                  <c:v>44734</c:v>
                </c:pt>
                <c:pt idx="1167">
                  <c:v>44735</c:v>
                </c:pt>
                <c:pt idx="1168">
                  <c:v>44736</c:v>
                </c:pt>
                <c:pt idx="1169">
                  <c:v>44739</c:v>
                </c:pt>
                <c:pt idx="1170">
                  <c:v>44740</c:v>
                </c:pt>
                <c:pt idx="1171">
                  <c:v>44741</c:v>
                </c:pt>
                <c:pt idx="1172">
                  <c:v>44742</c:v>
                </c:pt>
                <c:pt idx="1173">
                  <c:v>44743</c:v>
                </c:pt>
                <c:pt idx="1174">
                  <c:v>44746</c:v>
                </c:pt>
                <c:pt idx="1175">
                  <c:v>44747</c:v>
                </c:pt>
                <c:pt idx="1176">
                  <c:v>44748</c:v>
                </c:pt>
                <c:pt idx="1177">
                  <c:v>44749</c:v>
                </c:pt>
                <c:pt idx="1178">
                  <c:v>44750</c:v>
                </c:pt>
                <c:pt idx="1179">
                  <c:v>44753</c:v>
                </c:pt>
                <c:pt idx="1180">
                  <c:v>44754</c:v>
                </c:pt>
                <c:pt idx="1181">
                  <c:v>44755</c:v>
                </c:pt>
                <c:pt idx="1182">
                  <c:v>44756</c:v>
                </c:pt>
                <c:pt idx="1183">
                  <c:v>44757</c:v>
                </c:pt>
                <c:pt idx="1184">
                  <c:v>44760</c:v>
                </c:pt>
                <c:pt idx="1185">
                  <c:v>44761</c:v>
                </c:pt>
                <c:pt idx="1186">
                  <c:v>44762</c:v>
                </c:pt>
                <c:pt idx="1187">
                  <c:v>44763</c:v>
                </c:pt>
                <c:pt idx="1188">
                  <c:v>44764</c:v>
                </c:pt>
                <c:pt idx="1189">
                  <c:v>44767</c:v>
                </c:pt>
                <c:pt idx="1190">
                  <c:v>44768</c:v>
                </c:pt>
                <c:pt idx="1191">
                  <c:v>44769</c:v>
                </c:pt>
                <c:pt idx="1192">
                  <c:v>44770</c:v>
                </c:pt>
                <c:pt idx="1193">
                  <c:v>44771</c:v>
                </c:pt>
                <c:pt idx="1194">
                  <c:v>44774</c:v>
                </c:pt>
                <c:pt idx="1195">
                  <c:v>44775</c:v>
                </c:pt>
                <c:pt idx="1196">
                  <c:v>44776</c:v>
                </c:pt>
                <c:pt idx="1197">
                  <c:v>44777</c:v>
                </c:pt>
                <c:pt idx="1198">
                  <c:v>44778</c:v>
                </c:pt>
                <c:pt idx="1199">
                  <c:v>44781</c:v>
                </c:pt>
                <c:pt idx="1200">
                  <c:v>44782</c:v>
                </c:pt>
                <c:pt idx="1201">
                  <c:v>44783</c:v>
                </c:pt>
                <c:pt idx="1202">
                  <c:v>44784</c:v>
                </c:pt>
                <c:pt idx="1203">
                  <c:v>44785</c:v>
                </c:pt>
                <c:pt idx="1204">
                  <c:v>44788</c:v>
                </c:pt>
                <c:pt idx="1205">
                  <c:v>44789</c:v>
                </c:pt>
                <c:pt idx="1206">
                  <c:v>44790</c:v>
                </c:pt>
                <c:pt idx="1207">
                  <c:v>44791</c:v>
                </c:pt>
                <c:pt idx="1208">
                  <c:v>44792</c:v>
                </c:pt>
                <c:pt idx="1209">
                  <c:v>44795</c:v>
                </c:pt>
                <c:pt idx="1210">
                  <c:v>44796</c:v>
                </c:pt>
                <c:pt idx="1211">
                  <c:v>44797</c:v>
                </c:pt>
                <c:pt idx="1212">
                  <c:v>44798</c:v>
                </c:pt>
                <c:pt idx="1213">
                  <c:v>44799</c:v>
                </c:pt>
                <c:pt idx="1214">
                  <c:v>44802</c:v>
                </c:pt>
                <c:pt idx="1215">
                  <c:v>44803</c:v>
                </c:pt>
                <c:pt idx="1216">
                  <c:v>44804</c:v>
                </c:pt>
                <c:pt idx="1217">
                  <c:v>44805</c:v>
                </c:pt>
                <c:pt idx="1218">
                  <c:v>44806</c:v>
                </c:pt>
                <c:pt idx="1219">
                  <c:v>44809</c:v>
                </c:pt>
                <c:pt idx="1220">
                  <c:v>44810</c:v>
                </c:pt>
                <c:pt idx="1221">
                  <c:v>44811</c:v>
                </c:pt>
                <c:pt idx="1222">
                  <c:v>44812</c:v>
                </c:pt>
                <c:pt idx="1223">
                  <c:v>44813</c:v>
                </c:pt>
                <c:pt idx="1224">
                  <c:v>44816</c:v>
                </c:pt>
                <c:pt idx="1225">
                  <c:v>44817</c:v>
                </c:pt>
                <c:pt idx="1226">
                  <c:v>44818</c:v>
                </c:pt>
                <c:pt idx="1227">
                  <c:v>44819</c:v>
                </c:pt>
                <c:pt idx="1228">
                  <c:v>44820</c:v>
                </c:pt>
                <c:pt idx="1229">
                  <c:v>44823</c:v>
                </c:pt>
                <c:pt idx="1230">
                  <c:v>44824</c:v>
                </c:pt>
                <c:pt idx="1231">
                  <c:v>44825</c:v>
                </c:pt>
                <c:pt idx="1232">
                  <c:v>44826</c:v>
                </c:pt>
                <c:pt idx="1233">
                  <c:v>44827</c:v>
                </c:pt>
                <c:pt idx="1234">
                  <c:v>44830</c:v>
                </c:pt>
                <c:pt idx="1235">
                  <c:v>44831</c:v>
                </c:pt>
                <c:pt idx="1236">
                  <c:v>44832</c:v>
                </c:pt>
                <c:pt idx="1237">
                  <c:v>44833</c:v>
                </c:pt>
                <c:pt idx="1238">
                  <c:v>44834</c:v>
                </c:pt>
                <c:pt idx="1239">
                  <c:v>44837</c:v>
                </c:pt>
                <c:pt idx="1240">
                  <c:v>44838</c:v>
                </c:pt>
                <c:pt idx="1241">
                  <c:v>44839</c:v>
                </c:pt>
                <c:pt idx="1242">
                  <c:v>44840</c:v>
                </c:pt>
                <c:pt idx="1243">
                  <c:v>44841</c:v>
                </c:pt>
                <c:pt idx="1244">
                  <c:v>44844</c:v>
                </c:pt>
                <c:pt idx="1245">
                  <c:v>44845</c:v>
                </c:pt>
                <c:pt idx="1246">
                  <c:v>44846</c:v>
                </c:pt>
                <c:pt idx="1247">
                  <c:v>44847</c:v>
                </c:pt>
                <c:pt idx="1248">
                  <c:v>44848</c:v>
                </c:pt>
                <c:pt idx="1249">
                  <c:v>44851</c:v>
                </c:pt>
                <c:pt idx="1250">
                  <c:v>44852</c:v>
                </c:pt>
                <c:pt idx="1251">
                  <c:v>44853</c:v>
                </c:pt>
                <c:pt idx="1252">
                  <c:v>44854</c:v>
                </c:pt>
                <c:pt idx="1253">
                  <c:v>44855</c:v>
                </c:pt>
                <c:pt idx="1254">
                  <c:v>44858</c:v>
                </c:pt>
                <c:pt idx="1255">
                  <c:v>44859</c:v>
                </c:pt>
                <c:pt idx="1256">
                  <c:v>44860</c:v>
                </c:pt>
                <c:pt idx="1257">
                  <c:v>44861</c:v>
                </c:pt>
                <c:pt idx="1258">
                  <c:v>44862</c:v>
                </c:pt>
                <c:pt idx="1259">
                  <c:v>44865</c:v>
                </c:pt>
                <c:pt idx="1260">
                  <c:v>44866</c:v>
                </c:pt>
                <c:pt idx="1261">
                  <c:v>44867</c:v>
                </c:pt>
                <c:pt idx="1262">
                  <c:v>44868</c:v>
                </c:pt>
                <c:pt idx="1263">
                  <c:v>44869</c:v>
                </c:pt>
                <c:pt idx="1264">
                  <c:v>44872</c:v>
                </c:pt>
                <c:pt idx="1265">
                  <c:v>44873</c:v>
                </c:pt>
                <c:pt idx="1266">
                  <c:v>44874</c:v>
                </c:pt>
                <c:pt idx="1267">
                  <c:v>44875</c:v>
                </c:pt>
                <c:pt idx="1268">
                  <c:v>44876</c:v>
                </c:pt>
                <c:pt idx="1269">
                  <c:v>44879</c:v>
                </c:pt>
                <c:pt idx="1270">
                  <c:v>44880</c:v>
                </c:pt>
                <c:pt idx="1271">
                  <c:v>44881</c:v>
                </c:pt>
                <c:pt idx="1272">
                  <c:v>44882</c:v>
                </c:pt>
                <c:pt idx="1273">
                  <c:v>44883</c:v>
                </c:pt>
                <c:pt idx="1274">
                  <c:v>44886</c:v>
                </c:pt>
                <c:pt idx="1275">
                  <c:v>44887</c:v>
                </c:pt>
                <c:pt idx="1276">
                  <c:v>44888</c:v>
                </c:pt>
                <c:pt idx="1277">
                  <c:v>44889</c:v>
                </c:pt>
                <c:pt idx="1278">
                  <c:v>44890</c:v>
                </c:pt>
                <c:pt idx="1279">
                  <c:v>44893</c:v>
                </c:pt>
                <c:pt idx="1280">
                  <c:v>44894</c:v>
                </c:pt>
                <c:pt idx="1281">
                  <c:v>44895</c:v>
                </c:pt>
                <c:pt idx="1282">
                  <c:v>44896</c:v>
                </c:pt>
                <c:pt idx="1283">
                  <c:v>44897</c:v>
                </c:pt>
                <c:pt idx="1284">
                  <c:v>44900</c:v>
                </c:pt>
                <c:pt idx="1285">
                  <c:v>44901</c:v>
                </c:pt>
                <c:pt idx="1286">
                  <c:v>44902</c:v>
                </c:pt>
                <c:pt idx="1287">
                  <c:v>44903</c:v>
                </c:pt>
                <c:pt idx="1288">
                  <c:v>44904</c:v>
                </c:pt>
                <c:pt idx="1289">
                  <c:v>44907</c:v>
                </c:pt>
                <c:pt idx="1290">
                  <c:v>44908</c:v>
                </c:pt>
                <c:pt idx="1291">
                  <c:v>44909</c:v>
                </c:pt>
                <c:pt idx="1292">
                  <c:v>44910</c:v>
                </c:pt>
                <c:pt idx="1293">
                  <c:v>44911</c:v>
                </c:pt>
                <c:pt idx="1294">
                  <c:v>44914</c:v>
                </c:pt>
                <c:pt idx="1295">
                  <c:v>44915</c:v>
                </c:pt>
                <c:pt idx="1296">
                  <c:v>44916</c:v>
                </c:pt>
                <c:pt idx="1297">
                  <c:v>44917</c:v>
                </c:pt>
                <c:pt idx="1298">
                  <c:v>44918</c:v>
                </c:pt>
                <c:pt idx="1299">
                  <c:v>44921</c:v>
                </c:pt>
                <c:pt idx="1300">
                  <c:v>44922</c:v>
                </c:pt>
                <c:pt idx="1301">
                  <c:v>44923</c:v>
                </c:pt>
                <c:pt idx="1302">
                  <c:v>44924</c:v>
                </c:pt>
                <c:pt idx="1303">
                  <c:v>44925</c:v>
                </c:pt>
                <c:pt idx="1304">
                  <c:v>44928</c:v>
                </c:pt>
                <c:pt idx="1305">
                  <c:v>44929</c:v>
                </c:pt>
                <c:pt idx="1306">
                  <c:v>44930</c:v>
                </c:pt>
                <c:pt idx="1307">
                  <c:v>44931</c:v>
                </c:pt>
                <c:pt idx="1308">
                  <c:v>44932</c:v>
                </c:pt>
                <c:pt idx="1309">
                  <c:v>44935</c:v>
                </c:pt>
                <c:pt idx="1310">
                  <c:v>44936</c:v>
                </c:pt>
                <c:pt idx="1311">
                  <c:v>44937</c:v>
                </c:pt>
                <c:pt idx="1312">
                  <c:v>44938</c:v>
                </c:pt>
                <c:pt idx="1313">
                  <c:v>44939</c:v>
                </c:pt>
                <c:pt idx="1314">
                  <c:v>44942</c:v>
                </c:pt>
                <c:pt idx="1315">
                  <c:v>44943</c:v>
                </c:pt>
                <c:pt idx="1316">
                  <c:v>44944</c:v>
                </c:pt>
                <c:pt idx="1317">
                  <c:v>44945</c:v>
                </c:pt>
                <c:pt idx="1318">
                  <c:v>44946</c:v>
                </c:pt>
                <c:pt idx="1319">
                  <c:v>44949</c:v>
                </c:pt>
                <c:pt idx="1320">
                  <c:v>44950</c:v>
                </c:pt>
                <c:pt idx="1321">
                  <c:v>44951</c:v>
                </c:pt>
                <c:pt idx="1322">
                  <c:v>44952</c:v>
                </c:pt>
                <c:pt idx="1323">
                  <c:v>44953</c:v>
                </c:pt>
                <c:pt idx="1324">
                  <c:v>44956</c:v>
                </c:pt>
                <c:pt idx="1325">
                  <c:v>44957</c:v>
                </c:pt>
                <c:pt idx="1326">
                  <c:v>44958</c:v>
                </c:pt>
                <c:pt idx="1327">
                  <c:v>44959</c:v>
                </c:pt>
                <c:pt idx="1328">
                  <c:v>44960</c:v>
                </c:pt>
                <c:pt idx="1329">
                  <c:v>44963</c:v>
                </c:pt>
                <c:pt idx="1330">
                  <c:v>44964</c:v>
                </c:pt>
                <c:pt idx="1331">
                  <c:v>44965</c:v>
                </c:pt>
                <c:pt idx="1332">
                  <c:v>44966</c:v>
                </c:pt>
                <c:pt idx="1333">
                  <c:v>44967</c:v>
                </c:pt>
                <c:pt idx="1334">
                  <c:v>44970</c:v>
                </c:pt>
                <c:pt idx="1335">
                  <c:v>44971</c:v>
                </c:pt>
                <c:pt idx="1336">
                  <c:v>44972</c:v>
                </c:pt>
                <c:pt idx="1337">
                  <c:v>44973</c:v>
                </c:pt>
                <c:pt idx="1338">
                  <c:v>44974</c:v>
                </c:pt>
                <c:pt idx="1339">
                  <c:v>44977</c:v>
                </c:pt>
                <c:pt idx="1340">
                  <c:v>44978</c:v>
                </c:pt>
                <c:pt idx="1341">
                  <c:v>44979</c:v>
                </c:pt>
                <c:pt idx="1342">
                  <c:v>44980</c:v>
                </c:pt>
                <c:pt idx="1343">
                  <c:v>44981</c:v>
                </c:pt>
                <c:pt idx="1344">
                  <c:v>44984</c:v>
                </c:pt>
                <c:pt idx="1345">
                  <c:v>44985</c:v>
                </c:pt>
                <c:pt idx="1346">
                  <c:v>44986</c:v>
                </c:pt>
                <c:pt idx="1347">
                  <c:v>44987</c:v>
                </c:pt>
                <c:pt idx="1348">
                  <c:v>44988</c:v>
                </c:pt>
                <c:pt idx="1349">
                  <c:v>44991</c:v>
                </c:pt>
                <c:pt idx="1350">
                  <c:v>44992</c:v>
                </c:pt>
                <c:pt idx="1351">
                  <c:v>44993</c:v>
                </c:pt>
                <c:pt idx="1352">
                  <c:v>44994</c:v>
                </c:pt>
                <c:pt idx="1353">
                  <c:v>44995</c:v>
                </c:pt>
                <c:pt idx="1354">
                  <c:v>44998</c:v>
                </c:pt>
                <c:pt idx="1355">
                  <c:v>44999</c:v>
                </c:pt>
                <c:pt idx="1356">
                  <c:v>45000</c:v>
                </c:pt>
                <c:pt idx="1357">
                  <c:v>45001</c:v>
                </c:pt>
                <c:pt idx="1358">
                  <c:v>45002</c:v>
                </c:pt>
                <c:pt idx="1359">
                  <c:v>45005</c:v>
                </c:pt>
                <c:pt idx="1360">
                  <c:v>45006</c:v>
                </c:pt>
                <c:pt idx="1361">
                  <c:v>45007</c:v>
                </c:pt>
                <c:pt idx="1362">
                  <c:v>45008</c:v>
                </c:pt>
                <c:pt idx="1363">
                  <c:v>45009</c:v>
                </c:pt>
                <c:pt idx="1364">
                  <c:v>45012</c:v>
                </c:pt>
                <c:pt idx="1365">
                  <c:v>45013</c:v>
                </c:pt>
                <c:pt idx="1366">
                  <c:v>45014</c:v>
                </c:pt>
                <c:pt idx="1367">
                  <c:v>45015</c:v>
                </c:pt>
                <c:pt idx="1368">
                  <c:v>45016</c:v>
                </c:pt>
                <c:pt idx="1369">
                  <c:v>45019</c:v>
                </c:pt>
                <c:pt idx="1370">
                  <c:v>45020</c:v>
                </c:pt>
                <c:pt idx="1371">
                  <c:v>45021</c:v>
                </c:pt>
                <c:pt idx="1372">
                  <c:v>45022</c:v>
                </c:pt>
                <c:pt idx="1373">
                  <c:v>45023</c:v>
                </c:pt>
                <c:pt idx="1374">
                  <c:v>45026</c:v>
                </c:pt>
                <c:pt idx="1375">
                  <c:v>45027</c:v>
                </c:pt>
                <c:pt idx="1376">
                  <c:v>45028</c:v>
                </c:pt>
                <c:pt idx="1377">
                  <c:v>45029</c:v>
                </c:pt>
                <c:pt idx="1378">
                  <c:v>45030</c:v>
                </c:pt>
                <c:pt idx="1379">
                  <c:v>45033</c:v>
                </c:pt>
                <c:pt idx="1380">
                  <c:v>45034</c:v>
                </c:pt>
                <c:pt idx="1381">
                  <c:v>45035</c:v>
                </c:pt>
                <c:pt idx="1382">
                  <c:v>45036</c:v>
                </c:pt>
                <c:pt idx="1383">
                  <c:v>45037</c:v>
                </c:pt>
                <c:pt idx="1384">
                  <c:v>45040</c:v>
                </c:pt>
                <c:pt idx="1385">
                  <c:v>45041</c:v>
                </c:pt>
                <c:pt idx="1386">
                  <c:v>45042</c:v>
                </c:pt>
                <c:pt idx="1387">
                  <c:v>45043</c:v>
                </c:pt>
                <c:pt idx="1388">
                  <c:v>45044</c:v>
                </c:pt>
                <c:pt idx="1389">
                  <c:v>45047</c:v>
                </c:pt>
                <c:pt idx="1390">
                  <c:v>45048</c:v>
                </c:pt>
                <c:pt idx="1391">
                  <c:v>45049</c:v>
                </c:pt>
                <c:pt idx="1392">
                  <c:v>45050</c:v>
                </c:pt>
                <c:pt idx="1393">
                  <c:v>45051</c:v>
                </c:pt>
                <c:pt idx="1394">
                  <c:v>45054</c:v>
                </c:pt>
                <c:pt idx="1395">
                  <c:v>45055</c:v>
                </c:pt>
                <c:pt idx="1396">
                  <c:v>45056</c:v>
                </c:pt>
                <c:pt idx="1397">
                  <c:v>45057</c:v>
                </c:pt>
                <c:pt idx="1398">
                  <c:v>45058</c:v>
                </c:pt>
                <c:pt idx="1399">
                  <c:v>45061</c:v>
                </c:pt>
                <c:pt idx="1400">
                  <c:v>45062</c:v>
                </c:pt>
                <c:pt idx="1401">
                  <c:v>45063</c:v>
                </c:pt>
                <c:pt idx="1402">
                  <c:v>45064</c:v>
                </c:pt>
                <c:pt idx="1403">
                  <c:v>45065</c:v>
                </c:pt>
                <c:pt idx="1404">
                  <c:v>45068</c:v>
                </c:pt>
                <c:pt idx="1405">
                  <c:v>45069</c:v>
                </c:pt>
                <c:pt idx="1406">
                  <c:v>45070</c:v>
                </c:pt>
                <c:pt idx="1407">
                  <c:v>45071</c:v>
                </c:pt>
                <c:pt idx="1408">
                  <c:v>45072</c:v>
                </c:pt>
                <c:pt idx="1409">
                  <c:v>45075</c:v>
                </c:pt>
                <c:pt idx="1410">
                  <c:v>45076</c:v>
                </c:pt>
                <c:pt idx="1411">
                  <c:v>45077</c:v>
                </c:pt>
                <c:pt idx="1412">
                  <c:v>45078</c:v>
                </c:pt>
                <c:pt idx="1413">
                  <c:v>45079</c:v>
                </c:pt>
                <c:pt idx="1414">
                  <c:v>45082</c:v>
                </c:pt>
                <c:pt idx="1415">
                  <c:v>45083</c:v>
                </c:pt>
                <c:pt idx="1416">
                  <c:v>45084</c:v>
                </c:pt>
                <c:pt idx="1417">
                  <c:v>45085</c:v>
                </c:pt>
                <c:pt idx="1418">
                  <c:v>45086</c:v>
                </c:pt>
                <c:pt idx="1419">
                  <c:v>45089</c:v>
                </c:pt>
                <c:pt idx="1420">
                  <c:v>45090</c:v>
                </c:pt>
                <c:pt idx="1421">
                  <c:v>45091</c:v>
                </c:pt>
                <c:pt idx="1422">
                  <c:v>45092</c:v>
                </c:pt>
                <c:pt idx="1423">
                  <c:v>45093</c:v>
                </c:pt>
                <c:pt idx="1424">
                  <c:v>45096</c:v>
                </c:pt>
                <c:pt idx="1425">
                  <c:v>45097</c:v>
                </c:pt>
                <c:pt idx="1426">
                  <c:v>45098</c:v>
                </c:pt>
                <c:pt idx="1427">
                  <c:v>45099</c:v>
                </c:pt>
                <c:pt idx="1428">
                  <c:v>45100</c:v>
                </c:pt>
                <c:pt idx="1429">
                  <c:v>45103</c:v>
                </c:pt>
                <c:pt idx="1430">
                  <c:v>45104</c:v>
                </c:pt>
                <c:pt idx="1431">
                  <c:v>45105</c:v>
                </c:pt>
                <c:pt idx="1432">
                  <c:v>45106</c:v>
                </c:pt>
                <c:pt idx="1433">
                  <c:v>45107</c:v>
                </c:pt>
                <c:pt idx="1434">
                  <c:v>45110</c:v>
                </c:pt>
                <c:pt idx="1435">
                  <c:v>45111</c:v>
                </c:pt>
                <c:pt idx="1436">
                  <c:v>45112</c:v>
                </c:pt>
                <c:pt idx="1437">
                  <c:v>45113</c:v>
                </c:pt>
                <c:pt idx="1438">
                  <c:v>45114</c:v>
                </c:pt>
                <c:pt idx="1439">
                  <c:v>45117</c:v>
                </c:pt>
                <c:pt idx="1440">
                  <c:v>45118</c:v>
                </c:pt>
                <c:pt idx="1441">
                  <c:v>45119</c:v>
                </c:pt>
                <c:pt idx="1442">
                  <c:v>45120</c:v>
                </c:pt>
                <c:pt idx="1443">
                  <c:v>45121</c:v>
                </c:pt>
                <c:pt idx="1444">
                  <c:v>45124</c:v>
                </c:pt>
                <c:pt idx="1445">
                  <c:v>45125</c:v>
                </c:pt>
                <c:pt idx="1446">
                  <c:v>45126</c:v>
                </c:pt>
                <c:pt idx="1447">
                  <c:v>45127</c:v>
                </c:pt>
                <c:pt idx="1448">
                  <c:v>45128</c:v>
                </c:pt>
                <c:pt idx="1449">
                  <c:v>45131</c:v>
                </c:pt>
                <c:pt idx="1450">
                  <c:v>45132</c:v>
                </c:pt>
                <c:pt idx="1451">
                  <c:v>45133</c:v>
                </c:pt>
                <c:pt idx="1452">
                  <c:v>45134</c:v>
                </c:pt>
                <c:pt idx="1453">
                  <c:v>45135</c:v>
                </c:pt>
                <c:pt idx="1454">
                  <c:v>45138</c:v>
                </c:pt>
                <c:pt idx="1455">
                  <c:v>45139</c:v>
                </c:pt>
                <c:pt idx="1456">
                  <c:v>45140</c:v>
                </c:pt>
                <c:pt idx="1457">
                  <c:v>45141</c:v>
                </c:pt>
                <c:pt idx="1458">
                  <c:v>45142</c:v>
                </c:pt>
                <c:pt idx="1459">
                  <c:v>45145</c:v>
                </c:pt>
                <c:pt idx="1460">
                  <c:v>45146</c:v>
                </c:pt>
                <c:pt idx="1461">
                  <c:v>45147</c:v>
                </c:pt>
                <c:pt idx="1462">
                  <c:v>45148</c:v>
                </c:pt>
                <c:pt idx="1463">
                  <c:v>45149</c:v>
                </c:pt>
                <c:pt idx="1464">
                  <c:v>45152</c:v>
                </c:pt>
                <c:pt idx="1465">
                  <c:v>45153</c:v>
                </c:pt>
                <c:pt idx="1466">
                  <c:v>45154</c:v>
                </c:pt>
                <c:pt idx="1467">
                  <c:v>45155</c:v>
                </c:pt>
                <c:pt idx="1468">
                  <c:v>45156</c:v>
                </c:pt>
                <c:pt idx="1469">
                  <c:v>45159</c:v>
                </c:pt>
                <c:pt idx="1470">
                  <c:v>45160</c:v>
                </c:pt>
                <c:pt idx="1471">
                  <c:v>45161</c:v>
                </c:pt>
                <c:pt idx="1472">
                  <c:v>45162</c:v>
                </c:pt>
                <c:pt idx="1473">
                  <c:v>45163</c:v>
                </c:pt>
                <c:pt idx="1474">
                  <c:v>45166</c:v>
                </c:pt>
                <c:pt idx="1475">
                  <c:v>45167</c:v>
                </c:pt>
                <c:pt idx="1476">
                  <c:v>45168</c:v>
                </c:pt>
                <c:pt idx="1477">
                  <c:v>45169</c:v>
                </c:pt>
                <c:pt idx="1478">
                  <c:v>45170</c:v>
                </c:pt>
                <c:pt idx="1479">
                  <c:v>45173</c:v>
                </c:pt>
                <c:pt idx="1480">
                  <c:v>45174</c:v>
                </c:pt>
                <c:pt idx="1481">
                  <c:v>45175</c:v>
                </c:pt>
                <c:pt idx="1482">
                  <c:v>45176</c:v>
                </c:pt>
                <c:pt idx="1483">
                  <c:v>45177</c:v>
                </c:pt>
                <c:pt idx="1484">
                  <c:v>45180</c:v>
                </c:pt>
                <c:pt idx="1485">
                  <c:v>45181</c:v>
                </c:pt>
                <c:pt idx="1486">
                  <c:v>45182</c:v>
                </c:pt>
                <c:pt idx="1487">
                  <c:v>45183</c:v>
                </c:pt>
                <c:pt idx="1488">
                  <c:v>45184</c:v>
                </c:pt>
                <c:pt idx="1489">
                  <c:v>45187</c:v>
                </c:pt>
                <c:pt idx="1490">
                  <c:v>45188</c:v>
                </c:pt>
                <c:pt idx="1491">
                  <c:v>45189</c:v>
                </c:pt>
                <c:pt idx="1492">
                  <c:v>45190</c:v>
                </c:pt>
                <c:pt idx="1493">
                  <c:v>45191</c:v>
                </c:pt>
                <c:pt idx="1494">
                  <c:v>45194</c:v>
                </c:pt>
                <c:pt idx="1495">
                  <c:v>45195</c:v>
                </c:pt>
                <c:pt idx="1496">
                  <c:v>45196</c:v>
                </c:pt>
                <c:pt idx="1497">
                  <c:v>45197</c:v>
                </c:pt>
                <c:pt idx="1498">
                  <c:v>45198</c:v>
                </c:pt>
                <c:pt idx="1499">
                  <c:v>45201</c:v>
                </c:pt>
                <c:pt idx="1500">
                  <c:v>45202</c:v>
                </c:pt>
                <c:pt idx="1501">
                  <c:v>45203</c:v>
                </c:pt>
                <c:pt idx="1502">
                  <c:v>45204</c:v>
                </c:pt>
                <c:pt idx="1503">
                  <c:v>45205</c:v>
                </c:pt>
                <c:pt idx="1504">
                  <c:v>45208</c:v>
                </c:pt>
                <c:pt idx="1505">
                  <c:v>45209</c:v>
                </c:pt>
                <c:pt idx="1506">
                  <c:v>45210</c:v>
                </c:pt>
                <c:pt idx="1507">
                  <c:v>45211</c:v>
                </c:pt>
                <c:pt idx="1508">
                  <c:v>45212</c:v>
                </c:pt>
                <c:pt idx="1509">
                  <c:v>45215</c:v>
                </c:pt>
                <c:pt idx="1510">
                  <c:v>45216</c:v>
                </c:pt>
                <c:pt idx="1511">
                  <c:v>45217</c:v>
                </c:pt>
                <c:pt idx="1512">
                  <c:v>45218</c:v>
                </c:pt>
                <c:pt idx="1513">
                  <c:v>45219</c:v>
                </c:pt>
                <c:pt idx="1514">
                  <c:v>45222</c:v>
                </c:pt>
                <c:pt idx="1515">
                  <c:v>45223</c:v>
                </c:pt>
                <c:pt idx="1516">
                  <c:v>45224</c:v>
                </c:pt>
                <c:pt idx="1517">
                  <c:v>45225</c:v>
                </c:pt>
                <c:pt idx="1518">
                  <c:v>45226</c:v>
                </c:pt>
                <c:pt idx="1519">
                  <c:v>45229</c:v>
                </c:pt>
                <c:pt idx="1520">
                  <c:v>45230</c:v>
                </c:pt>
                <c:pt idx="1521">
                  <c:v>45231</c:v>
                </c:pt>
                <c:pt idx="1522">
                  <c:v>45232</c:v>
                </c:pt>
                <c:pt idx="1523">
                  <c:v>45233</c:v>
                </c:pt>
                <c:pt idx="1524">
                  <c:v>45236</c:v>
                </c:pt>
                <c:pt idx="1525">
                  <c:v>45237</c:v>
                </c:pt>
                <c:pt idx="1526">
                  <c:v>45238</c:v>
                </c:pt>
                <c:pt idx="1527">
                  <c:v>45239</c:v>
                </c:pt>
                <c:pt idx="1528">
                  <c:v>45240</c:v>
                </c:pt>
                <c:pt idx="1529">
                  <c:v>45243</c:v>
                </c:pt>
                <c:pt idx="1530">
                  <c:v>45244</c:v>
                </c:pt>
                <c:pt idx="1531">
                  <c:v>45245</c:v>
                </c:pt>
                <c:pt idx="1532">
                  <c:v>45246</c:v>
                </c:pt>
                <c:pt idx="1533">
                  <c:v>45247</c:v>
                </c:pt>
                <c:pt idx="1534">
                  <c:v>45250</c:v>
                </c:pt>
                <c:pt idx="1535">
                  <c:v>45251</c:v>
                </c:pt>
                <c:pt idx="1536">
                  <c:v>45252</c:v>
                </c:pt>
                <c:pt idx="1537">
                  <c:v>45253</c:v>
                </c:pt>
                <c:pt idx="1538">
                  <c:v>45254</c:v>
                </c:pt>
                <c:pt idx="1539">
                  <c:v>45257</c:v>
                </c:pt>
                <c:pt idx="1540">
                  <c:v>45258</c:v>
                </c:pt>
                <c:pt idx="1541">
                  <c:v>45259</c:v>
                </c:pt>
                <c:pt idx="1542">
                  <c:v>45260</c:v>
                </c:pt>
                <c:pt idx="1543">
                  <c:v>45261</c:v>
                </c:pt>
                <c:pt idx="1544">
                  <c:v>45264</c:v>
                </c:pt>
                <c:pt idx="1545">
                  <c:v>45265</c:v>
                </c:pt>
                <c:pt idx="1546">
                  <c:v>45266</c:v>
                </c:pt>
                <c:pt idx="1547">
                  <c:v>45267</c:v>
                </c:pt>
                <c:pt idx="1548">
                  <c:v>45268</c:v>
                </c:pt>
                <c:pt idx="1549">
                  <c:v>45271</c:v>
                </c:pt>
                <c:pt idx="1550">
                  <c:v>45272</c:v>
                </c:pt>
                <c:pt idx="1551">
                  <c:v>45273</c:v>
                </c:pt>
                <c:pt idx="1552">
                  <c:v>45274</c:v>
                </c:pt>
                <c:pt idx="1553">
                  <c:v>45275</c:v>
                </c:pt>
                <c:pt idx="1554">
                  <c:v>45278</c:v>
                </c:pt>
                <c:pt idx="1555">
                  <c:v>45279</c:v>
                </c:pt>
                <c:pt idx="1556">
                  <c:v>45280</c:v>
                </c:pt>
                <c:pt idx="1557">
                  <c:v>45281</c:v>
                </c:pt>
                <c:pt idx="1558">
                  <c:v>45282</c:v>
                </c:pt>
                <c:pt idx="1559">
                  <c:v>45285</c:v>
                </c:pt>
                <c:pt idx="1560">
                  <c:v>45286</c:v>
                </c:pt>
                <c:pt idx="1561">
                  <c:v>45287</c:v>
                </c:pt>
                <c:pt idx="1562">
                  <c:v>45288</c:v>
                </c:pt>
                <c:pt idx="1563">
                  <c:v>45289</c:v>
                </c:pt>
                <c:pt idx="1564">
                  <c:v>45292</c:v>
                </c:pt>
                <c:pt idx="1565">
                  <c:v>45293</c:v>
                </c:pt>
                <c:pt idx="1566">
                  <c:v>45294</c:v>
                </c:pt>
                <c:pt idx="1567">
                  <c:v>45295</c:v>
                </c:pt>
                <c:pt idx="1568">
                  <c:v>45296</c:v>
                </c:pt>
                <c:pt idx="1569">
                  <c:v>45299</c:v>
                </c:pt>
                <c:pt idx="1570">
                  <c:v>45300</c:v>
                </c:pt>
                <c:pt idx="1571">
                  <c:v>45301</c:v>
                </c:pt>
                <c:pt idx="1572">
                  <c:v>45302</c:v>
                </c:pt>
                <c:pt idx="1573">
                  <c:v>45303</c:v>
                </c:pt>
                <c:pt idx="1574">
                  <c:v>45306</c:v>
                </c:pt>
                <c:pt idx="1575">
                  <c:v>45307</c:v>
                </c:pt>
                <c:pt idx="1576">
                  <c:v>45308</c:v>
                </c:pt>
                <c:pt idx="1577">
                  <c:v>45309</c:v>
                </c:pt>
                <c:pt idx="1578">
                  <c:v>45310</c:v>
                </c:pt>
                <c:pt idx="1579">
                  <c:v>45313</c:v>
                </c:pt>
                <c:pt idx="1580">
                  <c:v>45314</c:v>
                </c:pt>
                <c:pt idx="1581">
                  <c:v>45315</c:v>
                </c:pt>
                <c:pt idx="1582">
                  <c:v>45316</c:v>
                </c:pt>
                <c:pt idx="1583">
                  <c:v>45317</c:v>
                </c:pt>
                <c:pt idx="1584">
                  <c:v>45320</c:v>
                </c:pt>
                <c:pt idx="1585">
                  <c:v>45321</c:v>
                </c:pt>
                <c:pt idx="1586">
                  <c:v>45322</c:v>
                </c:pt>
                <c:pt idx="1587">
                  <c:v>45323</c:v>
                </c:pt>
                <c:pt idx="1588">
                  <c:v>45324</c:v>
                </c:pt>
                <c:pt idx="1589">
                  <c:v>45327</c:v>
                </c:pt>
                <c:pt idx="1590">
                  <c:v>45328</c:v>
                </c:pt>
                <c:pt idx="1591">
                  <c:v>45329</c:v>
                </c:pt>
                <c:pt idx="1592">
                  <c:v>45330</c:v>
                </c:pt>
                <c:pt idx="1593">
                  <c:v>45331</c:v>
                </c:pt>
                <c:pt idx="1594">
                  <c:v>45334</c:v>
                </c:pt>
                <c:pt idx="1595">
                  <c:v>45335</c:v>
                </c:pt>
                <c:pt idx="1596">
                  <c:v>45336</c:v>
                </c:pt>
                <c:pt idx="1597">
                  <c:v>45337</c:v>
                </c:pt>
                <c:pt idx="1598">
                  <c:v>45338</c:v>
                </c:pt>
                <c:pt idx="1599">
                  <c:v>45341</c:v>
                </c:pt>
                <c:pt idx="1600">
                  <c:v>45342</c:v>
                </c:pt>
                <c:pt idx="1601">
                  <c:v>45343</c:v>
                </c:pt>
                <c:pt idx="1602">
                  <c:v>45344</c:v>
                </c:pt>
                <c:pt idx="1603">
                  <c:v>45345</c:v>
                </c:pt>
                <c:pt idx="1604">
                  <c:v>45348</c:v>
                </c:pt>
                <c:pt idx="1605">
                  <c:v>45349</c:v>
                </c:pt>
                <c:pt idx="1606">
                  <c:v>45350</c:v>
                </c:pt>
                <c:pt idx="1607">
                  <c:v>45351</c:v>
                </c:pt>
                <c:pt idx="1608">
                  <c:v>45352</c:v>
                </c:pt>
                <c:pt idx="1609">
                  <c:v>45355</c:v>
                </c:pt>
                <c:pt idx="1610">
                  <c:v>45356</c:v>
                </c:pt>
                <c:pt idx="1611">
                  <c:v>45357</c:v>
                </c:pt>
                <c:pt idx="1612">
                  <c:v>45358</c:v>
                </c:pt>
                <c:pt idx="1613">
                  <c:v>45359</c:v>
                </c:pt>
                <c:pt idx="1614">
                  <c:v>45362</c:v>
                </c:pt>
                <c:pt idx="1615">
                  <c:v>45363</c:v>
                </c:pt>
                <c:pt idx="1616">
                  <c:v>45364</c:v>
                </c:pt>
                <c:pt idx="1617">
                  <c:v>45365</c:v>
                </c:pt>
                <c:pt idx="1618">
                  <c:v>45366</c:v>
                </c:pt>
                <c:pt idx="1619">
                  <c:v>45369</c:v>
                </c:pt>
                <c:pt idx="1620">
                  <c:v>45370</c:v>
                </c:pt>
                <c:pt idx="1621">
                  <c:v>45371</c:v>
                </c:pt>
                <c:pt idx="1622">
                  <c:v>45372</c:v>
                </c:pt>
                <c:pt idx="1623">
                  <c:v>45373</c:v>
                </c:pt>
                <c:pt idx="1624">
                  <c:v>45376</c:v>
                </c:pt>
                <c:pt idx="1625">
                  <c:v>45377</c:v>
                </c:pt>
                <c:pt idx="1626">
                  <c:v>45378</c:v>
                </c:pt>
                <c:pt idx="1627">
                  <c:v>45379</c:v>
                </c:pt>
                <c:pt idx="1628">
                  <c:v>45380</c:v>
                </c:pt>
                <c:pt idx="1629">
                  <c:v>45383</c:v>
                </c:pt>
                <c:pt idx="1630">
                  <c:v>45384</c:v>
                </c:pt>
                <c:pt idx="1631">
                  <c:v>45385</c:v>
                </c:pt>
                <c:pt idx="1632">
                  <c:v>45386</c:v>
                </c:pt>
                <c:pt idx="1633">
                  <c:v>45387</c:v>
                </c:pt>
                <c:pt idx="1634">
                  <c:v>45390</c:v>
                </c:pt>
                <c:pt idx="1635">
                  <c:v>45391</c:v>
                </c:pt>
                <c:pt idx="1636">
                  <c:v>45392</c:v>
                </c:pt>
                <c:pt idx="1637">
                  <c:v>45393</c:v>
                </c:pt>
                <c:pt idx="1638">
                  <c:v>45394</c:v>
                </c:pt>
                <c:pt idx="1639">
                  <c:v>45397</c:v>
                </c:pt>
                <c:pt idx="1640">
                  <c:v>45398</c:v>
                </c:pt>
                <c:pt idx="1641">
                  <c:v>45399</c:v>
                </c:pt>
                <c:pt idx="1642">
                  <c:v>45400</c:v>
                </c:pt>
                <c:pt idx="1643">
                  <c:v>45401</c:v>
                </c:pt>
                <c:pt idx="1644">
                  <c:v>45404</c:v>
                </c:pt>
                <c:pt idx="1645">
                  <c:v>45405</c:v>
                </c:pt>
                <c:pt idx="1646">
                  <c:v>45406</c:v>
                </c:pt>
                <c:pt idx="1647">
                  <c:v>45407</c:v>
                </c:pt>
                <c:pt idx="1648">
                  <c:v>45408</c:v>
                </c:pt>
                <c:pt idx="1649">
                  <c:v>45411</c:v>
                </c:pt>
                <c:pt idx="1650">
                  <c:v>45412</c:v>
                </c:pt>
                <c:pt idx="1651">
                  <c:v>45413</c:v>
                </c:pt>
                <c:pt idx="1652">
                  <c:v>45414</c:v>
                </c:pt>
                <c:pt idx="1653">
                  <c:v>45415</c:v>
                </c:pt>
                <c:pt idx="1654">
                  <c:v>45418</c:v>
                </c:pt>
                <c:pt idx="1655">
                  <c:v>45419</c:v>
                </c:pt>
                <c:pt idx="1656">
                  <c:v>45420</c:v>
                </c:pt>
                <c:pt idx="1657">
                  <c:v>45421</c:v>
                </c:pt>
                <c:pt idx="1658">
                  <c:v>45422</c:v>
                </c:pt>
                <c:pt idx="1659">
                  <c:v>45425</c:v>
                </c:pt>
                <c:pt idx="1660">
                  <c:v>45426</c:v>
                </c:pt>
                <c:pt idx="1661">
                  <c:v>45427</c:v>
                </c:pt>
                <c:pt idx="1662">
                  <c:v>45428</c:v>
                </c:pt>
                <c:pt idx="1663">
                  <c:v>45429</c:v>
                </c:pt>
                <c:pt idx="1664">
                  <c:v>45432</c:v>
                </c:pt>
                <c:pt idx="1665">
                  <c:v>45433</c:v>
                </c:pt>
                <c:pt idx="1666">
                  <c:v>45434</c:v>
                </c:pt>
                <c:pt idx="1667">
                  <c:v>45435</c:v>
                </c:pt>
                <c:pt idx="1668">
                  <c:v>45436</c:v>
                </c:pt>
                <c:pt idx="1669">
                  <c:v>45439</c:v>
                </c:pt>
                <c:pt idx="1670">
                  <c:v>45440</c:v>
                </c:pt>
                <c:pt idx="1671">
                  <c:v>45441</c:v>
                </c:pt>
                <c:pt idx="1672">
                  <c:v>45442</c:v>
                </c:pt>
                <c:pt idx="1673">
                  <c:v>45443</c:v>
                </c:pt>
                <c:pt idx="1674">
                  <c:v>45446</c:v>
                </c:pt>
                <c:pt idx="1675">
                  <c:v>45447</c:v>
                </c:pt>
                <c:pt idx="1676">
                  <c:v>45448</c:v>
                </c:pt>
                <c:pt idx="1677">
                  <c:v>45449</c:v>
                </c:pt>
                <c:pt idx="1678">
                  <c:v>45450</c:v>
                </c:pt>
                <c:pt idx="1679">
                  <c:v>45453</c:v>
                </c:pt>
                <c:pt idx="1680">
                  <c:v>45454</c:v>
                </c:pt>
                <c:pt idx="1681">
                  <c:v>45455</c:v>
                </c:pt>
                <c:pt idx="1682">
                  <c:v>45456</c:v>
                </c:pt>
                <c:pt idx="1683">
                  <c:v>45457</c:v>
                </c:pt>
                <c:pt idx="1684">
                  <c:v>45460</c:v>
                </c:pt>
                <c:pt idx="1685">
                  <c:v>45461</c:v>
                </c:pt>
                <c:pt idx="1686">
                  <c:v>45462</c:v>
                </c:pt>
                <c:pt idx="1687">
                  <c:v>45463</c:v>
                </c:pt>
                <c:pt idx="1688">
                  <c:v>45464</c:v>
                </c:pt>
                <c:pt idx="1689">
                  <c:v>45467</c:v>
                </c:pt>
                <c:pt idx="1690">
                  <c:v>45468</c:v>
                </c:pt>
                <c:pt idx="1691">
                  <c:v>45469</c:v>
                </c:pt>
                <c:pt idx="1692">
                  <c:v>45470</c:v>
                </c:pt>
                <c:pt idx="1693">
                  <c:v>45471</c:v>
                </c:pt>
                <c:pt idx="1694">
                  <c:v>45474</c:v>
                </c:pt>
                <c:pt idx="1695">
                  <c:v>45475</c:v>
                </c:pt>
                <c:pt idx="1696">
                  <c:v>45476</c:v>
                </c:pt>
                <c:pt idx="1697">
                  <c:v>45477</c:v>
                </c:pt>
                <c:pt idx="1698">
                  <c:v>45478</c:v>
                </c:pt>
                <c:pt idx="1699">
                  <c:v>45481</c:v>
                </c:pt>
                <c:pt idx="1700">
                  <c:v>45482</c:v>
                </c:pt>
                <c:pt idx="1701">
                  <c:v>45483</c:v>
                </c:pt>
                <c:pt idx="1702">
                  <c:v>45484</c:v>
                </c:pt>
              </c:numCache>
            </c:numRef>
          </c:cat>
          <c:val>
            <c:numRef>
              <c:f>'10Yr_Gov'!$N$5:$N$1707</c:f>
              <c:numCache>
                <c:formatCode>General</c:formatCode>
                <c:ptCount val="1703"/>
                <c:pt idx="0">
                  <c:v>0.82</c:v>
                </c:pt>
                <c:pt idx="1">
                  <c:v>0.8</c:v>
                </c:pt>
                <c:pt idx="2">
                  <c:v>0.79</c:v>
                </c:pt>
                <c:pt idx="3">
                  <c:v>0.79</c:v>
                </c:pt>
                <c:pt idx="4">
                  <c:v>0.8</c:v>
                </c:pt>
                <c:pt idx="5">
                  <c:v>0.83</c:v>
                </c:pt>
                <c:pt idx="6">
                  <c:v>0.82</c:v>
                </c:pt>
                <c:pt idx="7">
                  <c:v>0.87</c:v>
                </c:pt>
                <c:pt idx="8">
                  <c:v>0.87</c:v>
                </c:pt>
                <c:pt idx="9">
                  <c:v>0.87</c:v>
                </c:pt>
                <c:pt idx="10">
                  <c:v>0.85</c:v>
                </c:pt>
                <c:pt idx="11">
                  <c:v>0.85</c:v>
                </c:pt>
                <c:pt idx="12">
                  <c:v>0.86</c:v>
                </c:pt>
                <c:pt idx="13">
                  <c:v>0.86</c:v>
                </c:pt>
                <c:pt idx="14">
                  <c:v>0.86</c:v>
                </c:pt>
                <c:pt idx="15">
                  <c:v>0.85</c:v>
                </c:pt>
                <c:pt idx="16">
                  <c:v>0.87</c:v>
                </c:pt>
                <c:pt idx="17">
                  <c:v>0.9</c:v>
                </c:pt>
                <c:pt idx="18">
                  <c:v>0.92</c:v>
                </c:pt>
                <c:pt idx="19">
                  <c:v>0.99</c:v>
                </c:pt>
                <c:pt idx="20">
                  <c:v>0.98</c:v>
                </c:pt>
                <c:pt idx="21">
                  <c:v>0.98</c:v>
                </c:pt>
                <c:pt idx="22">
                  <c:v>0.99</c:v>
                </c:pt>
                <c:pt idx="23">
                  <c:v>1.03</c:v>
                </c:pt>
                <c:pt idx="24">
                  <c:v>1.01</c:v>
                </c:pt>
                <c:pt idx="25">
                  <c:v>0.97</c:v>
                </c:pt>
                <c:pt idx="26">
                  <c:v>0.99</c:v>
                </c:pt>
                <c:pt idx="27">
                  <c:v>1.01</c:v>
                </c:pt>
                <c:pt idx="28">
                  <c:v>0.99</c:v>
                </c:pt>
                <c:pt idx="29">
                  <c:v>1.01</c:v>
                </c:pt>
                <c:pt idx="30">
                  <c:v>1.01</c:v>
                </c:pt>
                <c:pt idx="31">
                  <c:v>1.01</c:v>
                </c:pt>
                <c:pt idx="32">
                  <c:v>1.02</c:v>
                </c:pt>
                <c:pt idx="33">
                  <c:v>0.96</c:v>
                </c:pt>
                <c:pt idx="34">
                  <c:v>1</c:v>
                </c:pt>
                <c:pt idx="35">
                  <c:v>1.01</c:v>
                </c:pt>
                <c:pt idx="36">
                  <c:v>0.99</c:v>
                </c:pt>
                <c:pt idx="37">
                  <c:v>0.99</c:v>
                </c:pt>
                <c:pt idx="38">
                  <c:v>0.94</c:v>
                </c:pt>
                <c:pt idx="39">
                  <c:v>0.95</c:v>
                </c:pt>
                <c:pt idx="40">
                  <c:v>0.96</c:v>
                </c:pt>
                <c:pt idx="41">
                  <c:v>0.93</c:v>
                </c:pt>
                <c:pt idx="42">
                  <c:v>0.92</c:v>
                </c:pt>
                <c:pt idx="43">
                  <c:v>0.93</c:v>
                </c:pt>
                <c:pt idx="44">
                  <c:v>0.91</c:v>
                </c:pt>
                <c:pt idx="45">
                  <c:v>0.94</c:v>
                </c:pt>
                <c:pt idx="46">
                  <c:v>0.91</c:v>
                </c:pt>
                <c:pt idx="47">
                  <c:v>0.87</c:v>
                </c:pt>
                <c:pt idx="48">
                  <c:v>0.9</c:v>
                </c:pt>
                <c:pt idx="49">
                  <c:v>0.88</c:v>
                </c:pt>
                <c:pt idx="50">
                  <c:v>0.87</c:v>
                </c:pt>
                <c:pt idx="51">
                  <c:v>0.84</c:v>
                </c:pt>
                <c:pt idx="52">
                  <c:v>0.83</c:v>
                </c:pt>
                <c:pt idx="53">
                  <c:v>0.82</c:v>
                </c:pt>
                <c:pt idx="54">
                  <c:v>0.82</c:v>
                </c:pt>
                <c:pt idx="55">
                  <c:v>0.83</c:v>
                </c:pt>
                <c:pt idx="56">
                  <c:v>0.84</c:v>
                </c:pt>
                <c:pt idx="57">
                  <c:v>0.78</c:v>
                </c:pt>
                <c:pt idx="58">
                  <c:v>0.77</c:v>
                </c:pt>
                <c:pt idx="59">
                  <c:v>0.77</c:v>
                </c:pt>
                <c:pt idx="60">
                  <c:v>0.74</c:v>
                </c:pt>
                <c:pt idx="61">
                  <c:v>0.74</c:v>
                </c:pt>
                <c:pt idx="62">
                  <c:v>0.73</c:v>
                </c:pt>
                <c:pt idx="63">
                  <c:v>0.72</c:v>
                </c:pt>
                <c:pt idx="64">
                  <c:v>0.72</c:v>
                </c:pt>
                <c:pt idx="65">
                  <c:v>0.74</c:v>
                </c:pt>
                <c:pt idx="66">
                  <c:v>0.73</c:v>
                </c:pt>
                <c:pt idx="67">
                  <c:v>0.76</c:v>
                </c:pt>
                <c:pt idx="68">
                  <c:v>0.74</c:v>
                </c:pt>
                <c:pt idx="69">
                  <c:v>0.75</c:v>
                </c:pt>
                <c:pt idx="70">
                  <c:v>0.76</c:v>
                </c:pt>
                <c:pt idx="71">
                  <c:v>0.74</c:v>
                </c:pt>
                <c:pt idx="72">
                  <c:v>0.76</c:v>
                </c:pt>
                <c:pt idx="73">
                  <c:v>0.75</c:v>
                </c:pt>
                <c:pt idx="74">
                  <c:v>0.76</c:v>
                </c:pt>
                <c:pt idx="75">
                  <c:v>0.74</c:v>
                </c:pt>
                <c:pt idx="76">
                  <c:v>0.76</c:v>
                </c:pt>
                <c:pt idx="77">
                  <c:v>0.83</c:v>
                </c:pt>
                <c:pt idx="78">
                  <c:v>0.81</c:v>
                </c:pt>
                <c:pt idx="79">
                  <c:v>0.85</c:v>
                </c:pt>
                <c:pt idx="80">
                  <c:v>0.85</c:v>
                </c:pt>
                <c:pt idx="81">
                  <c:v>0.86</c:v>
                </c:pt>
                <c:pt idx="82">
                  <c:v>0.82</c:v>
                </c:pt>
                <c:pt idx="83">
                  <c:v>0.8</c:v>
                </c:pt>
                <c:pt idx="84">
                  <c:v>0.79</c:v>
                </c:pt>
                <c:pt idx="85">
                  <c:v>0.79</c:v>
                </c:pt>
                <c:pt idx="86">
                  <c:v>0.81</c:v>
                </c:pt>
                <c:pt idx="87">
                  <c:v>0.76</c:v>
                </c:pt>
                <c:pt idx="88">
                  <c:v>0.78</c:v>
                </c:pt>
                <c:pt idx="89">
                  <c:v>0.78</c:v>
                </c:pt>
                <c:pt idx="90">
                  <c:v>0.81</c:v>
                </c:pt>
                <c:pt idx="91">
                  <c:v>0.8</c:v>
                </c:pt>
                <c:pt idx="92">
                  <c:v>0.8</c:v>
                </c:pt>
                <c:pt idx="93">
                  <c:v>0.79</c:v>
                </c:pt>
                <c:pt idx="94">
                  <c:v>0.84</c:v>
                </c:pt>
                <c:pt idx="95">
                  <c:v>0.86</c:v>
                </c:pt>
                <c:pt idx="96">
                  <c:v>0.84</c:v>
                </c:pt>
                <c:pt idx="97">
                  <c:v>0.87</c:v>
                </c:pt>
                <c:pt idx="98">
                  <c:v>0.83</c:v>
                </c:pt>
                <c:pt idx="99">
                  <c:v>0.83</c:v>
                </c:pt>
                <c:pt idx="100">
                  <c:v>0.83</c:v>
                </c:pt>
                <c:pt idx="101">
                  <c:v>0.8</c:v>
                </c:pt>
                <c:pt idx="102">
                  <c:v>0.75</c:v>
                </c:pt>
                <c:pt idx="103">
                  <c:v>0.71</c:v>
                </c:pt>
                <c:pt idx="104">
                  <c:v>0.69</c:v>
                </c:pt>
                <c:pt idx="105">
                  <c:v>0.65</c:v>
                </c:pt>
                <c:pt idx="106">
                  <c:v>0.69</c:v>
                </c:pt>
                <c:pt idx="107">
                  <c:v>0.66</c:v>
                </c:pt>
                <c:pt idx="108">
                  <c:v>0.71</c:v>
                </c:pt>
                <c:pt idx="109">
                  <c:v>0.73</c:v>
                </c:pt>
                <c:pt idx="110">
                  <c:v>0.69</c:v>
                </c:pt>
                <c:pt idx="111">
                  <c:v>0.8</c:v>
                </c:pt>
                <c:pt idx="112">
                  <c:v>0.83</c:v>
                </c:pt>
                <c:pt idx="113">
                  <c:v>0.81</c:v>
                </c:pt>
                <c:pt idx="114">
                  <c:v>0.85</c:v>
                </c:pt>
                <c:pt idx="115">
                  <c:v>0.83</c:v>
                </c:pt>
                <c:pt idx="116">
                  <c:v>0.78</c:v>
                </c:pt>
                <c:pt idx="117">
                  <c:v>0.71</c:v>
                </c:pt>
                <c:pt idx="118">
                  <c:v>0.67</c:v>
                </c:pt>
                <c:pt idx="119">
                  <c:v>0.66</c:v>
                </c:pt>
                <c:pt idx="120">
                  <c:v>0.64</c:v>
                </c:pt>
                <c:pt idx="121">
                  <c:v>0.65</c:v>
                </c:pt>
                <c:pt idx="122">
                  <c:v>0.64</c:v>
                </c:pt>
                <c:pt idx="123">
                  <c:v>0.65</c:v>
                </c:pt>
                <c:pt idx="124">
                  <c:v>0.65</c:v>
                </c:pt>
                <c:pt idx="125">
                  <c:v>0.67</c:v>
                </c:pt>
                <c:pt idx="126">
                  <c:v>0.65</c:v>
                </c:pt>
                <c:pt idx="127">
                  <c:v>0.63</c:v>
                </c:pt>
                <c:pt idx="128">
                  <c:v>0.6</c:v>
                </c:pt>
                <c:pt idx="129">
                  <c:v>0.59</c:v>
                </c:pt>
                <c:pt idx="130">
                  <c:v>0.57999999999999996</c:v>
                </c:pt>
                <c:pt idx="131">
                  <c:v>0.59</c:v>
                </c:pt>
                <c:pt idx="132">
                  <c:v>0.57999999999999996</c:v>
                </c:pt>
                <c:pt idx="133">
                  <c:v>0.57999999999999996</c:v>
                </c:pt>
                <c:pt idx="134">
                  <c:v>0.57999999999999996</c:v>
                </c:pt>
                <c:pt idx="135">
                  <c:v>0.59</c:v>
                </c:pt>
                <c:pt idx="136">
                  <c:v>0.59</c:v>
                </c:pt>
                <c:pt idx="137">
                  <c:v>0.57999999999999996</c:v>
                </c:pt>
                <c:pt idx="138">
                  <c:v>0.56000000000000005</c:v>
                </c:pt>
                <c:pt idx="139">
                  <c:v>0.6</c:v>
                </c:pt>
                <c:pt idx="140">
                  <c:v>0.56999999999999995</c:v>
                </c:pt>
                <c:pt idx="141">
                  <c:v>0.56000000000000005</c:v>
                </c:pt>
                <c:pt idx="142">
                  <c:v>0.56000000000000005</c:v>
                </c:pt>
                <c:pt idx="143">
                  <c:v>0.61</c:v>
                </c:pt>
                <c:pt idx="144">
                  <c:v>0.65</c:v>
                </c:pt>
                <c:pt idx="145">
                  <c:v>0.63</c:v>
                </c:pt>
                <c:pt idx="146">
                  <c:v>0.62</c:v>
                </c:pt>
                <c:pt idx="147">
                  <c:v>0.63</c:v>
                </c:pt>
                <c:pt idx="148">
                  <c:v>0.64</c:v>
                </c:pt>
                <c:pt idx="149">
                  <c:v>0.69</c:v>
                </c:pt>
                <c:pt idx="150">
                  <c:v>0.73</c:v>
                </c:pt>
                <c:pt idx="151">
                  <c:v>0.78</c:v>
                </c:pt>
                <c:pt idx="152">
                  <c:v>0.78</c:v>
                </c:pt>
                <c:pt idx="153">
                  <c:v>0.74</c:v>
                </c:pt>
                <c:pt idx="154">
                  <c:v>0.71</c:v>
                </c:pt>
                <c:pt idx="155">
                  <c:v>0.73</c:v>
                </c:pt>
                <c:pt idx="156">
                  <c:v>0.73</c:v>
                </c:pt>
                <c:pt idx="157">
                  <c:v>0.71</c:v>
                </c:pt>
                <c:pt idx="158">
                  <c:v>0.67</c:v>
                </c:pt>
                <c:pt idx="159">
                  <c:v>0.68</c:v>
                </c:pt>
                <c:pt idx="160">
                  <c:v>0.68</c:v>
                </c:pt>
                <c:pt idx="161">
                  <c:v>0.66</c:v>
                </c:pt>
                <c:pt idx="162">
                  <c:v>0.67</c:v>
                </c:pt>
                <c:pt idx="163">
                  <c:v>0.66</c:v>
                </c:pt>
                <c:pt idx="164">
                  <c:v>0.65</c:v>
                </c:pt>
                <c:pt idx="165">
                  <c:v>0.67</c:v>
                </c:pt>
                <c:pt idx="166">
                  <c:v>0.69</c:v>
                </c:pt>
                <c:pt idx="167">
                  <c:v>0.68</c:v>
                </c:pt>
                <c:pt idx="168">
                  <c:v>0.68</c:v>
                </c:pt>
                <c:pt idx="169">
                  <c:v>0.71</c:v>
                </c:pt>
                <c:pt idx="170">
                  <c:v>0.72</c:v>
                </c:pt>
                <c:pt idx="171">
                  <c:v>0.73</c:v>
                </c:pt>
                <c:pt idx="172">
                  <c:v>0.69</c:v>
                </c:pt>
                <c:pt idx="173">
                  <c:v>0.68</c:v>
                </c:pt>
                <c:pt idx="174">
                  <c:v>0.69</c:v>
                </c:pt>
                <c:pt idx="175">
                  <c:v>0.69</c:v>
                </c:pt>
                <c:pt idx="176">
                  <c:v>0.72</c:v>
                </c:pt>
                <c:pt idx="177">
                  <c:v>0.69</c:v>
                </c:pt>
                <c:pt idx="178">
                  <c:v>0.72</c:v>
                </c:pt>
                <c:pt idx="179">
                  <c:v>0.72</c:v>
                </c:pt>
                <c:pt idx="180">
                  <c:v>0.74</c:v>
                </c:pt>
                <c:pt idx="181">
                  <c:v>0.72</c:v>
                </c:pt>
                <c:pt idx="182">
                  <c:v>0.73</c:v>
                </c:pt>
                <c:pt idx="183">
                  <c:v>0.76</c:v>
                </c:pt>
                <c:pt idx="184">
                  <c:v>0.77</c:v>
                </c:pt>
                <c:pt idx="185">
                  <c:v>0.79</c:v>
                </c:pt>
                <c:pt idx="186">
                  <c:v>0.8</c:v>
                </c:pt>
                <c:pt idx="187">
                  <c:v>0.79</c:v>
                </c:pt>
                <c:pt idx="188">
                  <c:v>0.78</c:v>
                </c:pt>
                <c:pt idx="189">
                  <c:v>0.83</c:v>
                </c:pt>
                <c:pt idx="190">
                  <c:v>0.86</c:v>
                </c:pt>
                <c:pt idx="191">
                  <c:v>0.84</c:v>
                </c:pt>
                <c:pt idx="192">
                  <c:v>0.85</c:v>
                </c:pt>
                <c:pt idx="193">
                  <c:v>0.81</c:v>
                </c:pt>
                <c:pt idx="194">
                  <c:v>0.82</c:v>
                </c:pt>
                <c:pt idx="195">
                  <c:v>0.78</c:v>
                </c:pt>
                <c:pt idx="196">
                  <c:v>0.81</c:v>
                </c:pt>
                <c:pt idx="197">
                  <c:v>0.87</c:v>
                </c:pt>
                <c:pt idx="198">
                  <c:v>0.89</c:v>
                </c:pt>
                <c:pt idx="199">
                  <c:v>0.88</c:v>
                </c:pt>
                <c:pt idx="200">
                  <c:v>0.88</c:v>
                </c:pt>
                <c:pt idx="201">
                  <c:v>0.9</c:v>
                </c:pt>
                <c:pt idx="202">
                  <c:v>0.87</c:v>
                </c:pt>
                <c:pt idx="203">
                  <c:v>0.86</c:v>
                </c:pt>
                <c:pt idx="204">
                  <c:v>0.87</c:v>
                </c:pt>
                <c:pt idx="205">
                  <c:v>0.84</c:v>
                </c:pt>
                <c:pt idx="206">
                  <c:v>0.81</c:v>
                </c:pt>
                <c:pt idx="207">
                  <c:v>0.81</c:v>
                </c:pt>
                <c:pt idx="208">
                  <c:v>0.83</c:v>
                </c:pt>
                <c:pt idx="209">
                  <c:v>0.82</c:v>
                </c:pt>
                <c:pt idx="210">
                  <c:v>0.79</c:v>
                </c:pt>
                <c:pt idx="211">
                  <c:v>0.76</c:v>
                </c:pt>
                <c:pt idx="212">
                  <c:v>0.76</c:v>
                </c:pt>
                <c:pt idx="213">
                  <c:v>0.73</c:v>
                </c:pt>
                <c:pt idx="214">
                  <c:v>0.74</c:v>
                </c:pt>
                <c:pt idx="215">
                  <c:v>0.74</c:v>
                </c:pt>
                <c:pt idx="216">
                  <c:v>0.75</c:v>
                </c:pt>
                <c:pt idx="217">
                  <c:v>0.76</c:v>
                </c:pt>
                <c:pt idx="218">
                  <c:v>0.79</c:v>
                </c:pt>
                <c:pt idx="219">
                  <c:v>0.79</c:v>
                </c:pt>
                <c:pt idx="220">
                  <c:v>0.8</c:v>
                </c:pt>
                <c:pt idx="221">
                  <c:v>0.81</c:v>
                </c:pt>
                <c:pt idx="222">
                  <c:v>0.82</c:v>
                </c:pt>
                <c:pt idx="223">
                  <c:v>0.78</c:v>
                </c:pt>
                <c:pt idx="224">
                  <c:v>0.77</c:v>
                </c:pt>
                <c:pt idx="225">
                  <c:v>0.78</c:v>
                </c:pt>
                <c:pt idx="226">
                  <c:v>0.78</c:v>
                </c:pt>
                <c:pt idx="227">
                  <c:v>0.75</c:v>
                </c:pt>
                <c:pt idx="228">
                  <c:v>0.76</c:v>
                </c:pt>
                <c:pt idx="229">
                  <c:v>0.78</c:v>
                </c:pt>
                <c:pt idx="230">
                  <c:v>0.75</c:v>
                </c:pt>
                <c:pt idx="231">
                  <c:v>0.76</c:v>
                </c:pt>
                <c:pt idx="232">
                  <c:v>0.75</c:v>
                </c:pt>
                <c:pt idx="233">
                  <c:v>0.72</c:v>
                </c:pt>
                <c:pt idx="234">
                  <c:v>0.74</c:v>
                </c:pt>
                <c:pt idx="235">
                  <c:v>0.72</c:v>
                </c:pt>
                <c:pt idx="236">
                  <c:v>0.73</c:v>
                </c:pt>
                <c:pt idx="237">
                  <c:v>0.69</c:v>
                </c:pt>
                <c:pt idx="238">
                  <c:v>0.68</c:v>
                </c:pt>
                <c:pt idx="239">
                  <c:v>0.69</c:v>
                </c:pt>
                <c:pt idx="240">
                  <c:v>0.67</c:v>
                </c:pt>
                <c:pt idx="241">
                  <c:v>0.67</c:v>
                </c:pt>
                <c:pt idx="242">
                  <c:v>0.65</c:v>
                </c:pt>
                <c:pt idx="243">
                  <c:v>0.68</c:v>
                </c:pt>
                <c:pt idx="244">
                  <c:v>0.68</c:v>
                </c:pt>
                <c:pt idx="245">
                  <c:v>0.71</c:v>
                </c:pt>
                <c:pt idx="246">
                  <c:v>0.72</c:v>
                </c:pt>
                <c:pt idx="247">
                  <c:v>0.72</c:v>
                </c:pt>
                <c:pt idx="248">
                  <c:v>0.71</c:v>
                </c:pt>
                <c:pt idx="249">
                  <c:v>0.73</c:v>
                </c:pt>
                <c:pt idx="250">
                  <c:v>0.71</c:v>
                </c:pt>
                <c:pt idx="251">
                  <c:v>0.7</c:v>
                </c:pt>
                <c:pt idx="252">
                  <c:v>0.67</c:v>
                </c:pt>
                <c:pt idx="253">
                  <c:v>0.7</c:v>
                </c:pt>
                <c:pt idx="254">
                  <c:v>0.7</c:v>
                </c:pt>
                <c:pt idx="255">
                  <c:v>0.7</c:v>
                </c:pt>
                <c:pt idx="256">
                  <c:v>0.7</c:v>
                </c:pt>
                <c:pt idx="257">
                  <c:v>0.68</c:v>
                </c:pt>
                <c:pt idx="258">
                  <c:v>0.7</c:v>
                </c:pt>
                <c:pt idx="259">
                  <c:v>0.71</c:v>
                </c:pt>
                <c:pt idx="260">
                  <c:v>0.71</c:v>
                </c:pt>
                <c:pt idx="261">
                  <c:v>0.65</c:v>
                </c:pt>
                <c:pt idx="262">
                  <c:v>0.65</c:v>
                </c:pt>
                <c:pt idx="263">
                  <c:v>0.7</c:v>
                </c:pt>
                <c:pt idx="264">
                  <c:v>0.72</c:v>
                </c:pt>
                <c:pt idx="265">
                  <c:v>0.73</c:v>
                </c:pt>
                <c:pt idx="266">
                  <c:v>0.7</c:v>
                </c:pt>
                <c:pt idx="267">
                  <c:v>0.67</c:v>
                </c:pt>
                <c:pt idx="268">
                  <c:v>0.66</c:v>
                </c:pt>
                <c:pt idx="269">
                  <c:v>0.63</c:v>
                </c:pt>
                <c:pt idx="270">
                  <c:v>0.62</c:v>
                </c:pt>
                <c:pt idx="271">
                  <c:v>0.63</c:v>
                </c:pt>
                <c:pt idx="272">
                  <c:v>0.64</c:v>
                </c:pt>
                <c:pt idx="273">
                  <c:v>0.66</c:v>
                </c:pt>
                <c:pt idx="274">
                  <c:v>0.66</c:v>
                </c:pt>
                <c:pt idx="275">
                  <c:v>0.64</c:v>
                </c:pt>
                <c:pt idx="276">
                  <c:v>0.64</c:v>
                </c:pt>
                <c:pt idx="277">
                  <c:v>0.57999999999999996</c:v>
                </c:pt>
                <c:pt idx="278">
                  <c:v>0.59</c:v>
                </c:pt>
                <c:pt idx="279">
                  <c:v>0.61</c:v>
                </c:pt>
                <c:pt idx="280">
                  <c:v>0.61</c:v>
                </c:pt>
                <c:pt idx="281">
                  <c:v>0.6</c:v>
                </c:pt>
                <c:pt idx="282">
                  <c:v>0.55000000000000004</c:v>
                </c:pt>
                <c:pt idx="283">
                  <c:v>0.56999999999999995</c:v>
                </c:pt>
                <c:pt idx="284">
                  <c:v>0.57999999999999996</c:v>
                </c:pt>
                <c:pt idx="285">
                  <c:v>0.57999999999999996</c:v>
                </c:pt>
                <c:pt idx="286">
                  <c:v>0.56999999999999995</c:v>
                </c:pt>
                <c:pt idx="287">
                  <c:v>0.54</c:v>
                </c:pt>
                <c:pt idx="288">
                  <c:v>0.54</c:v>
                </c:pt>
                <c:pt idx="289">
                  <c:v>0.56000000000000005</c:v>
                </c:pt>
                <c:pt idx="290">
                  <c:v>0.56999999999999995</c:v>
                </c:pt>
                <c:pt idx="291">
                  <c:v>0.55000000000000004</c:v>
                </c:pt>
                <c:pt idx="292">
                  <c:v>0.52</c:v>
                </c:pt>
                <c:pt idx="293">
                  <c:v>0.54</c:v>
                </c:pt>
                <c:pt idx="294">
                  <c:v>0.54</c:v>
                </c:pt>
                <c:pt idx="295">
                  <c:v>0.53</c:v>
                </c:pt>
                <c:pt idx="296">
                  <c:v>0.52</c:v>
                </c:pt>
                <c:pt idx="297">
                  <c:v>0.54</c:v>
                </c:pt>
                <c:pt idx="298">
                  <c:v>0.51</c:v>
                </c:pt>
                <c:pt idx="299">
                  <c:v>0.52</c:v>
                </c:pt>
                <c:pt idx="300">
                  <c:v>0.52</c:v>
                </c:pt>
                <c:pt idx="301">
                  <c:v>0.55000000000000004</c:v>
                </c:pt>
                <c:pt idx="302">
                  <c:v>0.56999999999999995</c:v>
                </c:pt>
                <c:pt idx="303">
                  <c:v>0.57999999999999996</c:v>
                </c:pt>
                <c:pt idx="304">
                  <c:v>0.56000000000000005</c:v>
                </c:pt>
                <c:pt idx="305">
                  <c:v>0.56000000000000005</c:v>
                </c:pt>
                <c:pt idx="306">
                  <c:v>0.51</c:v>
                </c:pt>
                <c:pt idx="307">
                  <c:v>0.42</c:v>
                </c:pt>
                <c:pt idx="308">
                  <c:v>0.41</c:v>
                </c:pt>
                <c:pt idx="309">
                  <c:v>0.4</c:v>
                </c:pt>
                <c:pt idx="310">
                  <c:v>0.41</c:v>
                </c:pt>
                <c:pt idx="311">
                  <c:v>0.4</c:v>
                </c:pt>
                <c:pt idx="312">
                  <c:v>0.41</c:v>
                </c:pt>
                <c:pt idx="313">
                  <c:v>0.4</c:v>
                </c:pt>
                <c:pt idx="314">
                  <c:v>0.39</c:v>
                </c:pt>
                <c:pt idx="315">
                  <c:v>0.4</c:v>
                </c:pt>
                <c:pt idx="316">
                  <c:v>0.39</c:v>
                </c:pt>
                <c:pt idx="317">
                  <c:v>0.33</c:v>
                </c:pt>
                <c:pt idx="318">
                  <c:v>0.28000000000000003</c:v>
                </c:pt>
                <c:pt idx="319">
                  <c:v>0.3</c:v>
                </c:pt>
                <c:pt idx="320">
                  <c:v>0.3</c:v>
                </c:pt>
                <c:pt idx="321">
                  <c:v>0.23</c:v>
                </c:pt>
                <c:pt idx="322">
                  <c:v>0.25</c:v>
                </c:pt>
                <c:pt idx="323">
                  <c:v>0.32</c:v>
                </c:pt>
                <c:pt idx="324">
                  <c:v>0.38</c:v>
                </c:pt>
                <c:pt idx="325">
                  <c:v>0.35</c:v>
                </c:pt>
                <c:pt idx="326">
                  <c:v>0.39</c:v>
                </c:pt>
                <c:pt idx="327">
                  <c:v>0.36</c:v>
                </c:pt>
                <c:pt idx="328">
                  <c:v>0.36</c:v>
                </c:pt>
                <c:pt idx="329">
                  <c:v>0.36</c:v>
                </c:pt>
                <c:pt idx="330">
                  <c:v>0.34</c:v>
                </c:pt>
                <c:pt idx="331">
                  <c:v>0.32</c:v>
                </c:pt>
                <c:pt idx="332">
                  <c:v>0.33</c:v>
                </c:pt>
                <c:pt idx="333">
                  <c:v>0.4</c:v>
                </c:pt>
                <c:pt idx="334">
                  <c:v>0.42</c:v>
                </c:pt>
                <c:pt idx="335">
                  <c:v>0.42</c:v>
                </c:pt>
                <c:pt idx="336">
                  <c:v>0.43</c:v>
                </c:pt>
                <c:pt idx="337">
                  <c:v>0.36</c:v>
                </c:pt>
                <c:pt idx="338">
                  <c:v>0.36</c:v>
                </c:pt>
                <c:pt idx="339">
                  <c:v>0.36</c:v>
                </c:pt>
                <c:pt idx="340">
                  <c:v>0.39</c:v>
                </c:pt>
                <c:pt idx="341">
                  <c:v>0.34</c:v>
                </c:pt>
                <c:pt idx="342">
                  <c:v>0.36</c:v>
                </c:pt>
                <c:pt idx="343">
                  <c:v>0.35</c:v>
                </c:pt>
                <c:pt idx="344">
                  <c:v>0.36</c:v>
                </c:pt>
                <c:pt idx="345">
                  <c:v>0.37</c:v>
                </c:pt>
                <c:pt idx="346">
                  <c:v>0.37</c:v>
                </c:pt>
                <c:pt idx="347">
                  <c:v>0.37</c:v>
                </c:pt>
                <c:pt idx="348">
                  <c:v>0.36</c:v>
                </c:pt>
                <c:pt idx="349">
                  <c:v>0.36</c:v>
                </c:pt>
                <c:pt idx="350">
                  <c:v>0.33</c:v>
                </c:pt>
                <c:pt idx="351">
                  <c:v>0.32</c:v>
                </c:pt>
                <c:pt idx="352">
                  <c:v>0.34</c:v>
                </c:pt>
                <c:pt idx="353">
                  <c:v>0.34</c:v>
                </c:pt>
                <c:pt idx="354">
                  <c:v>0.33</c:v>
                </c:pt>
                <c:pt idx="355">
                  <c:v>0.32</c:v>
                </c:pt>
                <c:pt idx="356">
                  <c:v>0.3</c:v>
                </c:pt>
                <c:pt idx="357">
                  <c:v>0.28999999999999998</c:v>
                </c:pt>
                <c:pt idx="358">
                  <c:v>0.28000000000000003</c:v>
                </c:pt>
                <c:pt idx="359">
                  <c:v>0.31</c:v>
                </c:pt>
                <c:pt idx="360">
                  <c:v>0.33</c:v>
                </c:pt>
                <c:pt idx="361">
                  <c:v>0.31</c:v>
                </c:pt>
                <c:pt idx="362">
                  <c:v>0.28000000000000003</c:v>
                </c:pt>
                <c:pt idx="363">
                  <c:v>0.28000000000000003</c:v>
                </c:pt>
                <c:pt idx="364">
                  <c:v>0.26</c:v>
                </c:pt>
                <c:pt idx="365">
                  <c:v>0.25</c:v>
                </c:pt>
                <c:pt idx="366">
                  <c:v>0.23</c:v>
                </c:pt>
                <c:pt idx="367">
                  <c:v>0.24</c:v>
                </c:pt>
                <c:pt idx="368">
                  <c:v>0.21</c:v>
                </c:pt>
                <c:pt idx="369">
                  <c:v>0.2</c:v>
                </c:pt>
                <c:pt idx="370">
                  <c:v>0.19</c:v>
                </c:pt>
                <c:pt idx="371">
                  <c:v>0.16</c:v>
                </c:pt>
                <c:pt idx="372">
                  <c:v>0.12</c:v>
                </c:pt>
                <c:pt idx="373">
                  <c:v>0.08</c:v>
                </c:pt>
                <c:pt idx="374">
                  <c:v>0.13</c:v>
                </c:pt>
                <c:pt idx="375">
                  <c:v>0.11</c:v>
                </c:pt>
                <c:pt idx="376">
                  <c:v>0.11</c:v>
                </c:pt>
                <c:pt idx="377">
                  <c:v>0.11</c:v>
                </c:pt>
                <c:pt idx="378">
                  <c:v>0.09</c:v>
                </c:pt>
                <c:pt idx="379">
                  <c:v>0.11</c:v>
                </c:pt>
                <c:pt idx="380">
                  <c:v>0</c:v>
                </c:pt>
                <c:pt idx="381">
                  <c:v>0.05</c:v>
                </c:pt>
                <c:pt idx="382">
                  <c:v>0.01</c:v>
                </c:pt>
                <c:pt idx="383">
                  <c:v>0.05</c:v>
                </c:pt>
                <c:pt idx="384">
                  <c:v>0.02</c:v>
                </c:pt>
                <c:pt idx="385">
                  <c:v>-0.01</c:v>
                </c:pt>
                <c:pt idx="386">
                  <c:v>0.01</c:v>
                </c:pt>
                <c:pt idx="387">
                  <c:v>0</c:v>
                </c:pt>
                <c:pt idx="388">
                  <c:v>-0.01</c:v>
                </c:pt>
                <c:pt idx="389">
                  <c:v>-0.05</c:v>
                </c:pt>
                <c:pt idx="390">
                  <c:v>-0.05</c:v>
                </c:pt>
                <c:pt idx="391">
                  <c:v>-0.1</c:v>
                </c:pt>
                <c:pt idx="392">
                  <c:v>-0.13</c:v>
                </c:pt>
                <c:pt idx="393">
                  <c:v>-0.09</c:v>
                </c:pt>
                <c:pt idx="394">
                  <c:v>-0.08</c:v>
                </c:pt>
                <c:pt idx="395">
                  <c:v>-0.06</c:v>
                </c:pt>
                <c:pt idx="396">
                  <c:v>-0.02</c:v>
                </c:pt>
                <c:pt idx="397">
                  <c:v>0.02</c:v>
                </c:pt>
                <c:pt idx="398">
                  <c:v>0.05</c:v>
                </c:pt>
                <c:pt idx="399">
                  <c:v>0.01</c:v>
                </c:pt>
                <c:pt idx="400">
                  <c:v>0</c:v>
                </c:pt>
                <c:pt idx="401">
                  <c:v>-0.04</c:v>
                </c:pt>
                <c:pt idx="402">
                  <c:v>-0.06</c:v>
                </c:pt>
                <c:pt idx="403">
                  <c:v>-7.0000000000000007E-2</c:v>
                </c:pt>
                <c:pt idx="404">
                  <c:v>-0.08</c:v>
                </c:pt>
                <c:pt idx="405">
                  <c:v>-0.09</c:v>
                </c:pt>
                <c:pt idx="406">
                  <c:v>-0.12</c:v>
                </c:pt>
                <c:pt idx="407">
                  <c:v>-0.1</c:v>
                </c:pt>
                <c:pt idx="408">
                  <c:v>-0.13</c:v>
                </c:pt>
                <c:pt idx="409">
                  <c:v>-0.14000000000000001</c:v>
                </c:pt>
                <c:pt idx="410">
                  <c:v>-0.15</c:v>
                </c:pt>
                <c:pt idx="411">
                  <c:v>-0.18</c:v>
                </c:pt>
                <c:pt idx="412">
                  <c:v>-0.2</c:v>
                </c:pt>
                <c:pt idx="413">
                  <c:v>-0.23</c:v>
                </c:pt>
                <c:pt idx="414">
                  <c:v>-0.24</c:v>
                </c:pt>
                <c:pt idx="415">
                  <c:v>-0.27</c:v>
                </c:pt>
                <c:pt idx="416">
                  <c:v>-0.32</c:v>
                </c:pt>
                <c:pt idx="417">
                  <c:v>-0.28999999999999998</c:v>
                </c:pt>
                <c:pt idx="418">
                  <c:v>-0.27</c:v>
                </c:pt>
                <c:pt idx="419">
                  <c:v>-0.28999999999999998</c:v>
                </c:pt>
                <c:pt idx="420">
                  <c:v>-0.32</c:v>
                </c:pt>
                <c:pt idx="421">
                  <c:v>-0.37</c:v>
                </c:pt>
                <c:pt idx="422">
                  <c:v>-0.43</c:v>
                </c:pt>
                <c:pt idx="423">
                  <c:v>-0.4</c:v>
                </c:pt>
                <c:pt idx="424">
                  <c:v>-0.36</c:v>
                </c:pt>
                <c:pt idx="425">
                  <c:v>-0.41</c:v>
                </c:pt>
                <c:pt idx="426">
                  <c:v>-0.41</c:v>
                </c:pt>
                <c:pt idx="427">
                  <c:v>-0.36</c:v>
                </c:pt>
                <c:pt idx="428">
                  <c:v>-0.37</c:v>
                </c:pt>
                <c:pt idx="429">
                  <c:v>-0.38</c:v>
                </c:pt>
                <c:pt idx="430">
                  <c:v>-0.41</c:v>
                </c:pt>
                <c:pt idx="431">
                  <c:v>-0.44</c:v>
                </c:pt>
                <c:pt idx="432">
                  <c:v>-0.42</c:v>
                </c:pt>
                <c:pt idx="433">
                  <c:v>-0.41</c:v>
                </c:pt>
                <c:pt idx="434">
                  <c:v>-0.4</c:v>
                </c:pt>
                <c:pt idx="435">
                  <c:v>-0.42</c:v>
                </c:pt>
                <c:pt idx="436">
                  <c:v>-0.37</c:v>
                </c:pt>
                <c:pt idx="437">
                  <c:v>-0.28999999999999998</c:v>
                </c:pt>
                <c:pt idx="438">
                  <c:v>-0.34</c:v>
                </c:pt>
                <c:pt idx="439">
                  <c:v>-0.27</c:v>
                </c:pt>
                <c:pt idx="440">
                  <c:v>-0.24</c:v>
                </c:pt>
                <c:pt idx="441">
                  <c:v>-0.27</c:v>
                </c:pt>
                <c:pt idx="442">
                  <c:v>-0.27</c:v>
                </c:pt>
                <c:pt idx="443">
                  <c:v>-0.17</c:v>
                </c:pt>
                <c:pt idx="444">
                  <c:v>-0.2</c:v>
                </c:pt>
                <c:pt idx="445">
                  <c:v>-0.18</c:v>
                </c:pt>
                <c:pt idx="446">
                  <c:v>-0.23</c:v>
                </c:pt>
                <c:pt idx="447">
                  <c:v>-0.21</c:v>
                </c:pt>
                <c:pt idx="448">
                  <c:v>-0.22</c:v>
                </c:pt>
                <c:pt idx="449">
                  <c:v>-0.3</c:v>
                </c:pt>
                <c:pt idx="450">
                  <c:v>-0.31</c:v>
                </c:pt>
                <c:pt idx="451">
                  <c:v>-0.28999999999999998</c:v>
                </c:pt>
                <c:pt idx="452">
                  <c:v>-0.28999999999999998</c:v>
                </c:pt>
                <c:pt idx="453">
                  <c:v>-0.28000000000000003</c:v>
                </c:pt>
                <c:pt idx="454">
                  <c:v>-0.28000000000000003</c:v>
                </c:pt>
                <c:pt idx="455">
                  <c:v>-0.27</c:v>
                </c:pt>
                <c:pt idx="456">
                  <c:v>-0.24</c:v>
                </c:pt>
                <c:pt idx="457">
                  <c:v>-0.28999999999999998</c:v>
                </c:pt>
                <c:pt idx="458">
                  <c:v>-0.28000000000000003</c:v>
                </c:pt>
                <c:pt idx="459">
                  <c:v>-0.27</c:v>
                </c:pt>
                <c:pt idx="460">
                  <c:v>-0.3</c:v>
                </c:pt>
                <c:pt idx="461">
                  <c:v>-0.26</c:v>
                </c:pt>
                <c:pt idx="462">
                  <c:v>-0.2</c:v>
                </c:pt>
                <c:pt idx="463">
                  <c:v>-0.17</c:v>
                </c:pt>
                <c:pt idx="464">
                  <c:v>-0.19</c:v>
                </c:pt>
                <c:pt idx="465">
                  <c:v>-0.15</c:v>
                </c:pt>
                <c:pt idx="466">
                  <c:v>-0.14000000000000001</c:v>
                </c:pt>
                <c:pt idx="467">
                  <c:v>-0.15</c:v>
                </c:pt>
                <c:pt idx="468">
                  <c:v>-0.13</c:v>
                </c:pt>
                <c:pt idx="469">
                  <c:v>-0.08</c:v>
                </c:pt>
                <c:pt idx="470">
                  <c:v>-0.11</c:v>
                </c:pt>
                <c:pt idx="471">
                  <c:v>-0.14000000000000001</c:v>
                </c:pt>
                <c:pt idx="472">
                  <c:v>-0.15</c:v>
                </c:pt>
                <c:pt idx="473">
                  <c:v>-0.12</c:v>
                </c:pt>
                <c:pt idx="474">
                  <c:v>-7.0000000000000007E-2</c:v>
                </c:pt>
                <c:pt idx="475">
                  <c:v>-0.1</c:v>
                </c:pt>
                <c:pt idx="476">
                  <c:v>-0.1</c:v>
                </c:pt>
                <c:pt idx="477">
                  <c:v>-0.1</c:v>
                </c:pt>
                <c:pt idx="478">
                  <c:v>-7.0000000000000007E-2</c:v>
                </c:pt>
                <c:pt idx="479">
                  <c:v>-0.04</c:v>
                </c:pt>
                <c:pt idx="480">
                  <c:v>-0.02</c:v>
                </c:pt>
                <c:pt idx="481">
                  <c:v>-0.03</c:v>
                </c:pt>
                <c:pt idx="482">
                  <c:v>0.04</c:v>
                </c:pt>
                <c:pt idx="483">
                  <c:v>0.03</c:v>
                </c:pt>
                <c:pt idx="484">
                  <c:v>0.05</c:v>
                </c:pt>
                <c:pt idx="485">
                  <c:v>0.05</c:v>
                </c:pt>
                <c:pt idx="486">
                  <c:v>0.01</c:v>
                </c:pt>
                <c:pt idx="487">
                  <c:v>-0.02</c:v>
                </c:pt>
                <c:pt idx="488">
                  <c:v>-0.02</c:v>
                </c:pt>
                <c:pt idx="489">
                  <c:v>-0.03</c:v>
                </c:pt>
                <c:pt idx="490">
                  <c:v>-0.03</c:v>
                </c:pt>
                <c:pt idx="491">
                  <c:v>-0.04</c:v>
                </c:pt>
                <c:pt idx="492">
                  <c:v>-0.02</c:v>
                </c:pt>
                <c:pt idx="493">
                  <c:v>-0.05</c:v>
                </c:pt>
                <c:pt idx="494">
                  <c:v>-0.04</c:v>
                </c:pt>
                <c:pt idx="495">
                  <c:v>-7.0000000000000007E-2</c:v>
                </c:pt>
                <c:pt idx="496">
                  <c:v>-0.06</c:v>
                </c:pt>
                <c:pt idx="497">
                  <c:v>-0.05</c:v>
                </c:pt>
                <c:pt idx="498">
                  <c:v>-0.05</c:v>
                </c:pt>
                <c:pt idx="499">
                  <c:v>0.03</c:v>
                </c:pt>
                <c:pt idx="500">
                  <c:v>-0.04</c:v>
                </c:pt>
                <c:pt idx="501">
                  <c:v>-0.02</c:v>
                </c:pt>
                <c:pt idx="502">
                  <c:v>0.02</c:v>
                </c:pt>
                <c:pt idx="503">
                  <c:v>0.03</c:v>
                </c:pt>
                <c:pt idx="504">
                  <c:v>0.01</c:v>
                </c:pt>
                <c:pt idx="505">
                  <c:v>0.01</c:v>
                </c:pt>
                <c:pt idx="506">
                  <c:v>-0.01</c:v>
                </c:pt>
                <c:pt idx="507">
                  <c:v>0.04</c:v>
                </c:pt>
                <c:pt idx="508">
                  <c:v>0.01</c:v>
                </c:pt>
                <c:pt idx="509">
                  <c:v>0.02</c:v>
                </c:pt>
                <c:pt idx="510">
                  <c:v>0.01</c:v>
                </c:pt>
                <c:pt idx="511">
                  <c:v>0.05</c:v>
                </c:pt>
                <c:pt idx="512">
                  <c:v>7.0000000000000007E-2</c:v>
                </c:pt>
                <c:pt idx="513">
                  <c:v>0.05</c:v>
                </c:pt>
                <c:pt idx="514">
                  <c:v>0.06</c:v>
                </c:pt>
                <c:pt idx="515">
                  <c:v>0.06</c:v>
                </c:pt>
                <c:pt idx="516">
                  <c:v>0.06</c:v>
                </c:pt>
                <c:pt idx="517">
                  <c:v>0.06</c:v>
                </c:pt>
                <c:pt idx="518">
                  <c:v>0.04</c:v>
                </c:pt>
                <c:pt idx="519">
                  <c:v>0.12</c:v>
                </c:pt>
                <c:pt idx="520">
                  <c:v>0.11</c:v>
                </c:pt>
                <c:pt idx="521">
                  <c:v>0.11</c:v>
                </c:pt>
                <c:pt idx="522">
                  <c:v>7.0000000000000007E-2</c:v>
                </c:pt>
                <c:pt idx="523">
                  <c:v>0.02</c:v>
                </c:pt>
                <c:pt idx="524">
                  <c:v>0.01</c:v>
                </c:pt>
                <c:pt idx="525">
                  <c:v>0.02</c:v>
                </c:pt>
                <c:pt idx="526">
                  <c:v>0.03</c:v>
                </c:pt>
                <c:pt idx="527">
                  <c:v>0.06</c:v>
                </c:pt>
                <c:pt idx="528">
                  <c:v>0.05</c:v>
                </c:pt>
                <c:pt idx="529">
                  <c:v>0.09</c:v>
                </c:pt>
                <c:pt idx="530">
                  <c:v>0.08</c:v>
                </c:pt>
                <c:pt idx="531">
                  <c:v>0.05</c:v>
                </c:pt>
                <c:pt idx="532">
                  <c:v>0.04</c:v>
                </c:pt>
                <c:pt idx="533">
                  <c:v>0.04</c:v>
                </c:pt>
                <c:pt idx="534">
                  <c:v>0.04</c:v>
                </c:pt>
                <c:pt idx="535">
                  <c:v>0</c:v>
                </c:pt>
                <c:pt idx="536">
                  <c:v>-0.01</c:v>
                </c:pt>
                <c:pt idx="537">
                  <c:v>-0.06</c:v>
                </c:pt>
                <c:pt idx="538">
                  <c:v>-7.0000000000000007E-2</c:v>
                </c:pt>
                <c:pt idx="539">
                  <c:v>-0.13</c:v>
                </c:pt>
                <c:pt idx="540">
                  <c:v>-0.1</c:v>
                </c:pt>
                <c:pt idx="541">
                  <c:v>-0.12</c:v>
                </c:pt>
                <c:pt idx="542">
                  <c:v>-0.15</c:v>
                </c:pt>
                <c:pt idx="543">
                  <c:v>-0.18</c:v>
                </c:pt>
                <c:pt idx="544">
                  <c:v>-0.17</c:v>
                </c:pt>
                <c:pt idx="545">
                  <c:v>-0.15</c:v>
                </c:pt>
                <c:pt idx="546">
                  <c:v>-0.11</c:v>
                </c:pt>
                <c:pt idx="547">
                  <c:v>-0.11</c:v>
                </c:pt>
                <c:pt idx="548">
                  <c:v>-0.14000000000000001</c:v>
                </c:pt>
                <c:pt idx="549">
                  <c:v>-0.17</c:v>
                </c:pt>
                <c:pt idx="550">
                  <c:v>-0.14000000000000001</c:v>
                </c:pt>
                <c:pt idx="551">
                  <c:v>-0.14000000000000001</c:v>
                </c:pt>
                <c:pt idx="552">
                  <c:v>-0.15</c:v>
                </c:pt>
                <c:pt idx="553">
                  <c:v>-0.16</c:v>
                </c:pt>
                <c:pt idx="554">
                  <c:v>-0.17</c:v>
                </c:pt>
                <c:pt idx="555">
                  <c:v>-0.17</c:v>
                </c:pt>
                <c:pt idx="556">
                  <c:v>-0.18</c:v>
                </c:pt>
                <c:pt idx="557">
                  <c:v>-0.21</c:v>
                </c:pt>
                <c:pt idx="558">
                  <c:v>-0.21</c:v>
                </c:pt>
                <c:pt idx="559">
                  <c:v>-0.24</c:v>
                </c:pt>
                <c:pt idx="560">
                  <c:v>-0.25</c:v>
                </c:pt>
                <c:pt idx="561">
                  <c:v>-0.23</c:v>
                </c:pt>
                <c:pt idx="562">
                  <c:v>-0.26</c:v>
                </c:pt>
                <c:pt idx="563">
                  <c:v>-0.3</c:v>
                </c:pt>
                <c:pt idx="564">
                  <c:v>-0.28999999999999998</c:v>
                </c:pt>
                <c:pt idx="565">
                  <c:v>-0.32</c:v>
                </c:pt>
                <c:pt idx="566">
                  <c:v>-0.33</c:v>
                </c:pt>
                <c:pt idx="567">
                  <c:v>-0.35</c:v>
                </c:pt>
                <c:pt idx="568">
                  <c:v>-0.37</c:v>
                </c:pt>
                <c:pt idx="569">
                  <c:v>-0.38</c:v>
                </c:pt>
                <c:pt idx="570">
                  <c:v>-0.31</c:v>
                </c:pt>
                <c:pt idx="571">
                  <c:v>-0.32</c:v>
                </c:pt>
                <c:pt idx="572">
                  <c:v>-0.16</c:v>
                </c:pt>
                <c:pt idx="573">
                  <c:v>-0.03</c:v>
                </c:pt>
                <c:pt idx="574">
                  <c:v>0.18</c:v>
                </c:pt>
                <c:pt idx="575">
                  <c:v>0.24</c:v>
                </c:pt>
                <c:pt idx="576">
                  <c:v>0.3</c:v>
                </c:pt>
                <c:pt idx="577">
                  <c:v>0.26</c:v>
                </c:pt>
                <c:pt idx="578">
                  <c:v>0.11</c:v>
                </c:pt>
                <c:pt idx="579">
                  <c:v>0.11</c:v>
                </c:pt>
                <c:pt idx="580">
                  <c:v>0.18</c:v>
                </c:pt>
                <c:pt idx="581">
                  <c:v>0.22</c:v>
                </c:pt>
                <c:pt idx="582">
                  <c:v>0.02</c:v>
                </c:pt>
                <c:pt idx="583">
                  <c:v>-0.06</c:v>
                </c:pt>
                <c:pt idx="584">
                  <c:v>-0.1</c:v>
                </c:pt>
                <c:pt idx="585">
                  <c:v>-0.01</c:v>
                </c:pt>
                <c:pt idx="586">
                  <c:v>0.01</c:v>
                </c:pt>
                <c:pt idx="587">
                  <c:v>0.06</c:v>
                </c:pt>
                <c:pt idx="588">
                  <c:v>0.08</c:v>
                </c:pt>
                <c:pt idx="589">
                  <c:v>0.08</c:v>
                </c:pt>
                <c:pt idx="590">
                  <c:v>0.17</c:v>
                </c:pt>
                <c:pt idx="591">
                  <c:v>0.17</c:v>
                </c:pt>
                <c:pt idx="592">
                  <c:v>0.11</c:v>
                </c:pt>
                <c:pt idx="593">
                  <c:v>0.11</c:v>
                </c:pt>
                <c:pt idx="594">
                  <c:v>0.11</c:v>
                </c:pt>
                <c:pt idx="595">
                  <c:v>0.09</c:v>
                </c:pt>
                <c:pt idx="596">
                  <c:v>0.05</c:v>
                </c:pt>
                <c:pt idx="597">
                  <c:v>0.04</c:v>
                </c:pt>
                <c:pt idx="598">
                  <c:v>0.02</c:v>
                </c:pt>
                <c:pt idx="599">
                  <c:v>7.0000000000000007E-2</c:v>
                </c:pt>
                <c:pt idx="600">
                  <c:v>0.08</c:v>
                </c:pt>
                <c:pt idx="601">
                  <c:v>0.13</c:v>
                </c:pt>
                <c:pt idx="602">
                  <c:v>0.08</c:v>
                </c:pt>
                <c:pt idx="603">
                  <c:v>0.04</c:v>
                </c:pt>
                <c:pt idx="604">
                  <c:v>0.03</c:v>
                </c:pt>
                <c:pt idx="605">
                  <c:v>0.01</c:v>
                </c:pt>
                <c:pt idx="606">
                  <c:v>-0.02</c:v>
                </c:pt>
                <c:pt idx="607">
                  <c:v>-0.1</c:v>
                </c:pt>
                <c:pt idx="608">
                  <c:v>-0.1</c:v>
                </c:pt>
                <c:pt idx="609">
                  <c:v>-0.05</c:v>
                </c:pt>
                <c:pt idx="610">
                  <c:v>-0.05</c:v>
                </c:pt>
                <c:pt idx="611">
                  <c:v>0.02</c:v>
                </c:pt>
                <c:pt idx="612">
                  <c:v>-0.02</c:v>
                </c:pt>
                <c:pt idx="613">
                  <c:v>-0.03</c:v>
                </c:pt>
                <c:pt idx="614">
                  <c:v>0</c:v>
                </c:pt>
                <c:pt idx="615">
                  <c:v>-0.01</c:v>
                </c:pt>
                <c:pt idx="616">
                  <c:v>-0.03</c:v>
                </c:pt>
                <c:pt idx="617">
                  <c:v>-0.02</c:v>
                </c:pt>
                <c:pt idx="618">
                  <c:v>-0.02</c:v>
                </c:pt>
                <c:pt idx="619">
                  <c:v>0.01</c:v>
                </c:pt>
                <c:pt idx="620">
                  <c:v>0</c:v>
                </c:pt>
                <c:pt idx="621">
                  <c:v>-0.02</c:v>
                </c:pt>
                <c:pt idx="622">
                  <c:v>-0.03</c:v>
                </c:pt>
                <c:pt idx="623">
                  <c:v>-0.02</c:v>
                </c:pt>
                <c:pt idx="624">
                  <c:v>-0.02</c:v>
                </c:pt>
                <c:pt idx="625">
                  <c:v>0.02</c:v>
                </c:pt>
                <c:pt idx="626">
                  <c:v>0</c:v>
                </c:pt>
                <c:pt idx="627">
                  <c:v>-0.05</c:v>
                </c:pt>
                <c:pt idx="628">
                  <c:v>-0.06</c:v>
                </c:pt>
                <c:pt idx="629">
                  <c:v>-0.01</c:v>
                </c:pt>
                <c:pt idx="630">
                  <c:v>-0.03</c:v>
                </c:pt>
                <c:pt idx="631">
                  <c:v>0.03</c:v>
                </c:pt>
                <c:pt idx="632">
                  <c:v>0.01</c:v>
                </c:pt>
                <c:pt idx="633">
                  <c:v>0.05</c:v>
                </c:pt>
                <c:pt idx="634">
                  <c:v>-0.01</c:v>
                </c:pt>
                <c:pt idx="635">
                  <c:v>0.02</c:v>
                </c:pt>
                <c:pt idx="636">
                  <c:v>0.02</c:v>
                </c:pt>
                <c:pt idx="637">
                  <c:v>-7.0000000000000007E-2</c:v>
                </c:pt>
                <c:pt idx="638">
                  <c:v>-0.1</c:v>
                </c:pt>
                <c:pt idx="639">
                  <c:v>-0.1</c:v>
                </c:pt>
                <c:pt idx="640">
                  <c:v>-0.11</c:v>
                </c:pt>
                <c:pt idx="641">
                  <c:v>-0.11</c:v>
                </c:pt>
                <c:pt idx="642">
                  <c:v>-0.13</c:v>
                </c:pt>
                <c:pt idx="643">
                  <c:v>-0.14000000000000001</c:v>
                </c:pt>
                <c:pt idx="644">
                  <c:v>-0.17</c:v>
                </c:pt>
                <c:pt idx="645">
                  <c:v>-0.14000000000000001</c:v>
                </c:pt>
                <c:pt idx="646">
                  <c:v>-0.16</c:v>
                </c:pt>
                <c:pt idx="647">
                  <c:v>-0.18</c:v>
                </c:pt>
                <c:pt idx="648">
                  <c:v>-0.19</c:v>
                </c:pt>
                <c:pt idx="649">
                  <c:v>-0.19</c:v>
                </c:pt>
                <c:pt idx="650">
                  <c:v>-0.19</c:v>
                </c:pt>
                <c:pt idx="651">
                  <c:v>-0.11</c:v>
                </c:pt>
                <c:pt idx="652">
                  <c:v>-0.17</c:v>
                </c:pt>
                <c:pt idx="653">
                  <c:v>-0.17</c:v>
                </c:pt>
                <c:pt idx="654">
                  <c:v>-0.17</c:v>
                </c:pt>
                <c:pt idx="655">
                  <c:v>-0.18</c:v>
                </c:pt>
                <c:pt idx="656">
                  <c:v>-0.19</c:v>
                </c:pt>
                <c:pt idx="657">
                  <c:v>-0.2</c:v>
                </c:pt>
                <c:pt idx="658">
                  <c:v>-0.2</c:v>
                </c:pt>
                <c:pt idx="659">
                  <c:v>-0.16</c:v>
                </c:pt>
                <c:pt idx="660">
                  <c:v>-0.19</c:v>
                </c:pt>
                <c:pt idx="661">
                  <c:v>-0.19</c:v>
                </c:pt>
                <c:pt idx="662">
                  <c:v>-0.22</c:v>
                </c:pt>
                <c:pt idx="663">
                  <c:v>-0.2</c:v>
                </c:pt>
                <c:pt idx="664">
                  <c:v>-0.23</c:v>
                </c:pt>
                <c:pt idx="665">
                  <c:v>-0.22</c:v>
                </c:pt>
                <c:pt idx="666">
                  <c:v>-0.25</c:v>
                </c:pt>
                <c:pt idx="667">
                  <c:v>-0.24</c:v>
                </c:pt>
                <c:pt idx="668">
                  <c:v>-0.2</c:v>
                </c:pt>
                <c:pt idx="669">
                  <c:v>-0.25</c:v>
                </c:pt>
                <c:pt idx="670">
                  <c:v>-0.25</c:v>
                </c:pt>
                <c:pt idx="671">
                  <c:v>-0.24</c:v>
                </c:pt>
                <c:pt idx="672">
                  <c:v>-0.27</c:v>
                </c:pt>
                <c:pt idx="673">
                  <c:v>-0.21</c:v>
                </c:pt>
                <c:pt idx="674">
                  <c:v>-0.2</c:v>
                </c:pt>
                <c:pt idx="675">
                  <c:v>-0.24</c:v>
                </c:pt>
                <c:pt idx="676">
                  <c:v>-0.2</c:v>
                </c:pt>
                <c:pt idx="677">
                  <c:v>-0.23</c:v>
                </c:pt>
                <c:pt idx="678">
                  <c:v>-0.22</c:v>
                </c:pt>
                <c:pt idx="679">
                  <c:v>-0.24</c:v>
                </c:pt>
                <c:pt idx="680">
                  <c:v>-0.2</c:v>
                </c:pt>
                <c:pt idx="681">
                  <c:v>-0.18</c:v>
                </c:pt>
                <c:pt idx="682">
                  <c:v>-0.13</c:v>
                </c:pt>
                <c:pt idx="683">
                  <c:v>-0.13</c:v>
                </c:pt>
                <c:pt idx="684">
                  <c:v>-0.16</c:v>
                </c:pt>
                <c:pt idx="685">
                  <c:v>-0.17</c:v>
                </c:pt>
                <c:pt idx="686">
                  <c:v>-0.18</c:v>
                </c:pt>
                <c:pt idx="687">
                  <c:v>-0.21</c:v>
                </c:pt>
                <c:pt idx="688">
                  <c:v>-0.2</c:v>
                </c:pt>
                <c:pt idx="689">
                  <c:v>-0.2</c:v>
                </c:pt>
                <c:pt idx="690">
                  <c:v>-0.13</c:v>
                </c:pt>
                <c:pt idx="691">
                  <c:v>-0.13</c:v>
                </c:pt>
                <c:pt idx="692">
                  <c:v>-0.11</c:v>
                </c:pt>
                <c:pt idx="693">
                  <c:v>-0.11</c:v>
                </c:pt>
                <c:pt idx="694">
                  <c:v>-0.1</c:v>
                </c:pt>
                <c:pt idx="695">
                  <c:v>-0.11</c:v>
                </c:pt>
                <c:pt idx="696">
                  <c:v>-0.18</c:v>
                </c:pt>
                <c:pt idx="697">
                  <c:v>-0.2</c:v>
                </c:pt>
                <c:pt idx="698">
                  <c:v>-0.18</c:v>
                </c:pt>
                <c:pt idx="699">
                  <c:v>-0.17</c:v>
                </c:pt>
                <c:pt idx="700">
                  <c:v>-0.2</c:v>
                </c:pt>
                <c:pt idx="701">
                  <c:v>-0.17</c:v>
                </c:pt>
                <c:pt idx="702">
                  <c:v>-0.14000000000000001</c:v>
                </c:pt>
                <c:pt idx="703">
                  <c:v>-0.19</c:v>
                </c:pt>
                <c:pt idx="704">
                  <c:v>-0.2</c:v>
                </c:pt>
                <c:pt idx="705">
                  <c:v>-0.21</c:v>
                </c:pt>
                <c:pt idx="706">
                  <c:v>-0.23</c:v>
                </c:pt>
                <c:pt idx="707">
                  <c:v>-0.24</c:v>
                </c:pt>
                <c:pt idx="708">
                  <c:v>-0.22</c:v>
                </c:pt>
                <c:pt idx="709">
                  <c:v>-0.26</c:v>
                </c:pt>
                <c:pt idx="710">
                  <c:v>-0.24</c:v>
                </c:pt>
                <c:pt idx="711">
                  <c:v>-0.25</c:v>
                </c:pt>
                <c:pt idx="712">
                  <c:v>-0.23</c:v>
                </c:pt>
                <c:pt idx="713">
                  <c:v>-0.25</c:v>
                </c:pt>
                <c:pt idx="714">
                  <c:v>-0.25</c:v>
                </c:pt>
                <c:pt idx="715">
                  <c:v>-0.27</c:v>
                </c:pt>
                <c:pt idx="716">
                  <c:v>-0.25</c:v>
                </c:pt>
                <c:pt idx="717">
                  <c:v>-0.26</c:v>
                </c:pt>
                <c:pt idx="718">
                  <c:v>-0.26</c:v>
                </c:pt>
                <c:pt idx="719">
                  <c:v>-0.25</c:v>
                </c:pt>
                <c:pt idx="720">
                  <c:v>-0.25</c:v>
                </c:pt>
                <c:pt idx="721">
                  <c:v>-0.23</c:v>
                </c:pt>
                <c:pt idx="722">
                  <c:v>-0.26</c:v>
                </c:pt>
                <c:pt idx="723">
                  <c:v>-0.28000000000000003</c:v>
                </c:pt>
                <c:pt idx="724">
                  <c:v>-0.28000000000000003</c:v>
                </c:pt>
                <c:pt idx="725">
                  <c:v>-0.3</c:v>
                </c:pt>
                <c:pt idx="726">
                  <c:v>-0.31</c:v>
                </c:pt>
                <c:pt idx="727">
                  <c:v>-0.34</c:v>
                </c:pt>
                <c:pt idx="728">
                  <c:v>-0.35</c:v>
                </c:pt>
                <c:pt idx="729">
                  <c:v>-0.34</c:v>
                </c:pt>
                <c:pt idx="730">
                  <c:v>-0.33</c:v>
                </c:pt>
                <c:pt idx="731">
                  <c:v>-0.32</c:v>
                </c:pt>
                <c:pt idx="732">
                  <c:v>-0.28000000000000003</c:v>
                </c:pt>
                <c:pt idx="733">
                  <c:v>-0.28999999999999998</c:v>
                </c:pt>
                <c:pt idx="734">
                  <c:v>-0.3</c:v>
                </c:pt>
                <c:pt idx="735">
                  <c:v>-0.33</c:v>
                </c:pt>
                <c:pt idx="736">
                  <c:v>-0.32</c:v>
                </c:pt>
                <c:pt idx="737">
                  <c:v>-0.35</c:v>
                </c:pt>
                <c:pt idx="738">
                  <c:v>-0.34</c:v>
                </c:pt>
                <c:pt idx="739">
                  <c:v>-0.35</c:v>
                </c:pt>
                <c:pt idx="740">
                  <c:v>-0.34</c:v>
                </c:pt>
                <c:pt idx="741">
                  <c:v>-0.36</c:v>
                </c:pt>
                <c:pt idx="742">
                  <c:v>-0.36</c:v>
                </c:pt>
                <c:pt idx="743">
                  <c:v>-0.35</c:v>
                </c:pt>
                <c:pt idx="744">
                  <c:v>-0.25</c:v>
                </c:pt>
                <c:pt idx="745">
                  <c:v>-0.24</c:v>
                </c:pt>
                <c:pt idx="746">
                  <c:v>-0.26</c:v>
                </c:pt>
                <c:pt idx="747">
                  <c:v>-0.28999999999999998</c:v>
                </c:pt>
                <c:pt idx="748">
                  <c:v>-0.31</c:v>
                </c:pt>
                <c:pt idx="749">
                  <c:v>-0.31</c:v>
                </c:pt>
                <c:pt idx="750">
                  <c:v>-0.33</c:v>
                </c:pt>
                <c:pt idx="751">
                  <c:v>-0.33</c:v>
                </c:pt>
                <c:pt idx="752">
                  <c:v>-0.34</c:v>
                </c:pt>
                <c:pt idx="753">
                  <c:v>-0.35</c:v>
                </c:pt>
                <c:pt idx="754">
                  <c:v>-0.34</c:v>
                </c:pt>
                <c:pt idx="755">
                  <c:v>-0.34</c:v>
                </c:pt>
                <c:pt idx="756">
                  <c:v>-0.34</c:v>
                </c:pt>
                <c:pt idx="757">
                  <c:v>-0.35</c:v>
                </c:pt>
                <c:pt idx="758">
                  <c:v>-0.35</c:v>
                </c:pt>
                <c:pt idx="759">
                  <c:v>-0.33</c:v>
                </c:pt>
                <c:pt idx="760">
                  <c:v>-0.28000000000000003</c:v>
                </c:pt>
                <c:pt idx="761">
                  <c:v>-0.28999999999999998</c:v>
                </c:pt>
                <c:pt idx="762">
                  <c:v>-0.31</c:v>
                </c:pt>
                <c:pt idx="763">
                  <c:v>-0.3</c:v>
                </c:pt>
                <c:pt idx="764">
                  <c:v>-0.34</c:v>
                </c:pt>
                <c:pt idx="765">
                  <c:v>-0.37</c:v>
                </c:pt>
                <c:pt idx="766">
                  <c:v>-0.36</c:v>
                </c:pt>
                <c:pt idx="767">
                  <c:v>-0.35</c:v>
                </c:pt>
                <c:pt idx="768">
                  <c:v>-0.39</c:v>
                </c:pt>
                <c:pt idx="769">
                  <c:v>-0.38</c:v>
                </c:pt>
                <c:pt idx="770">
                  <c:v>-0.37</c:v>
                </c:pt>
                <c:pt idx="771">
                  <c:v>-0.33</c:v>
                </c:pt>
                <c:pt idx="772">
                  <c:v>-0.34</c:v>
                </c:pt>
                <c:pt idx="773">
                  <c:v>-0.34</c:v>
                </c:pt>
                <c:pt idx="774">
                  <c:v>-0.34</c:v>
                </c:pt>
                <c:pt idx="775">
                  <c:v>-0.35</c:v>
                </c:pt>
                <c:pt idx="776">
                  <c:v>-0.3</c:v>
                </c:pt>
                <c:pt idx="777">
                  <c:v>-0.32</c:v>
                </c:pt>
                <c:pt idx="778">
                  <c:v>-0.32</c:v>
                </c:pt>
                <c:pt idx="779">
                  <c:v>-0.33</c:v>
                </c:pt>
                <c:pt idx="780">
                  <c:v>-0.35</c:v>
                </c:pt>
                <c:pt idx="781">
                  <c:v>-0.35</c:v>
                </c:pt>
                <c:pt idx="782">
                  <c:v>-0.36</c:v>
                </c:pt>
                <c:pt idx="783">
                  <c:v>-0.36</c:v>
                </c:pt>
                <c:pt idx="784">
                  <c:v>-0.36</c:v>
                </c:pt>
                <c:pt idx="785">
                  <c:v>-0.34</c:v>
                </c:pt>
                <c:pt idx="786">
                  <c:v>-0.32</c:v>
                </c:pt>
                <c:pt idx="787">
                  <c:v>-0.32</c:v>
                </c:pt>
                <c:pt idx="788">
                  <c:v>-0.32</c:v>
                </c:pt>
                <c:pt idx="789">
                  <c:v>-0.28999999999999998</c:v>
                </c:pt>
                <c:pt idx="790">
                  <c:v>-0.25</c:v>
                </c:pt>
                <c:pt idx="791">
                  <c:v>-0.31</c:v>
                </c:pt>
                <c:pt idx="792">
                  <c:v>-0.33</c:v>
                </c:pt>
                <c:pt idx="793">
                  <c:v>-0.32</c:v>
                </c:pt>
                <c:pt idx="794">
                  <c:v>-0.3</c:v>
                </c:pt>
                <c:pt idx="795">
                  <c:v>-0.31</c:v>
                </c:pt>
                <c:pt idx="796">
                  <c:v>-0.31</c:v>
                </c:pt>
                <c:pt idx="797">
                  <c:v>-0.26</c:v>
                </c:pt>
                <c:pt idx="798">
                  <c:v>-0.28000000000000003</c:v>
                </c:pt>
                <c:pt idx="799">
                  <c:v>-0.32</c:v>
                </c:pt>
                <c:pt idx="800">
                  <c:v>-0.3</c:v>
                </c:pt>
                <c:pt idx="801">
                  <c:v>-0.31</c:v>
                </c:pt>
                <c:pt idx="802">
                  <c:v>-0.31</c:v>
                </c:pt>
                <c:pt idx="803">
                  <c:v>-0.28000000000000003</c:v>
                </c:pt>
                <c:pt idx="804">
                  <c:v>-0.28000000000000003</c:v>
                </c:pt>
                <c:pt idx="805">
                  <c:v>-0.25</c:v>
                </c:pt>
                <c:pt idx="806">
                  <c:v>-0.24</c:v>
                </c:pt>
                <c:pt idx="807">
                  <c:v>-0.24</c:v>
                </c:pt>
                <c:pt idx="808">
                  <c:v>-0.23</c:v>
                </c:pt>
                <c:pt idx="809">
                  <c:v>-0.22</c:v>
                </c:pt>
                <c:pt idx="810">
                  <c:v>-0.23</c:v>
                </c:pt>
                <c:pt idx="811">
                  <c:v>-0.22</c:v>
                </c:pt>
                <c:pt idx="812">
                  <c:v>-0.24</c:v>
                </c:pt>
                <c:pt idx="813">
                  <c:v>-0.2</c:v>
                </c:pt>
                <c:pt idx="814">
                  <c:v>-0.16</c:v>
                </c:pt>
                <c:pt idx="815">
                  <c:v>-0.13</c:v>
                </c:pt>
                <c:pt idx="816">
                  <c:v>-0.13</c:v>
                </c:pt>
                <c:pt idx="817">
                  <c:v>-0.08</c:v>
                </c:pt>
                <c:pt idx="818">
                  <c:v>-7.0000000000000007E-2</c:v>
                </c:pt>
                <c:pt idx="819">
                  <c:v>-0.1</c:v>
                </c:pt>
                <c:pt idx="820">
                  <c:v>-7.0000000000000007E-2</c:v>
                </c:pt>
                <c:pt idx="821">
                  <c:v>-0.03</c:v>
                </c:pt>
                <c:pt idx="822">
                  <c:v>0.03</c:v>
                </c:pt>
                <c:pt idx="823">
                  <c:v>-0.01</c:v>
                </c:pt>
                <c:pt idx="824">
                  <c:v>-0.1</c:v>
                </c:pt>
                <c:pt idx="825">
                  <c:v>-0.1</c:v>
                </c:pt>
                <c:pt idx="826">
                  <c:v>-0.05</c:v>
                </c:pt>
                <c:pt idx="827">
                  <c:v>-0.06</c:v>
                </c:pt>
                <c:pt idx="828">
                  <c:v>-0.05</c:v>
                </c:pt>
                <c:pt idx="829">
                  <c:v>-0.04</c:v>
                </c:pt>
                <c:pt idx="830">
                  <c:v>-0.06</c:v>
                </c:pt>
                <c:pt idx="831">
                  <c:v>-0.06</c:v>
                </c:pt>
                <c:pt idx="832">
                  <c:v>-0.09</c:v>
                </c:pt>
                <c:pt idx="833">
                  <c:v>-0.06</c:v>
                </c:pt>
                <c:pt idx="834">
                  <c:v>-0.09</c:v>
                </c:pt>
                <c:pt idx="835">
                  <c:v>-0.09</c:v>
                </c:pt>
                <c:pt idx="836">
                  <c:v>-0.03</c:v>
                </c:pt>
                <c:pt idx="837">
                  <c:v>-0.02</c:v>
                </c:pt>
                <c:pt idx="838">
                  <c:v>-0.05</c:v>
                </c:pt>
                <c:pt idx="839">
                  <c:v>-0.06</c:v>
                </c:pt>
                <c:pt idx="840">
                  <c:v>-0.09</c:v>
                </c:pt>
                <c:pt idx="841">
                  <c:v>-0.11</c:v>
                </c:pt>
                <c:pt idx="842">
                  <c:v>-0.13</c:v>
                </c:pt>
                <c:pt idx="843">
                  <c:v>-0.11</c:v>
                </c:pt>
                <c:pt idx="844">
                  <c:v>-7.0000000000000007E-2</c:v>
                </c:pt>
                <c:pt idx="845">
                  <c:v>-0.03</c:v>
                </c:pt>
                <c:pt idx="846">
                  <c:v>-0.03</c:v>
                </c:pt>
                <c:pt idx="847">
                  <c:v>-0.06</c:v>
                </c:pt>
                <c:pt idx="848">
                  <c:v>-0.06</c:v>
                </c:pt>
                <c:pt idx="849">
                  <c:v>-0.06</c:v>
                </c:pt>
                <c:pt idx="850">
                  <c:v>-0.05</c:v>
                </c:pt>
                <c:pt idx="851">
                  <c:v>-0.05</c:v>
                </c:pt>
                <c:pt idx="852">
                  <c:v>-0.06</c:v>
                </c:pt>
                <c:pt idx="853">
                  <c:v>-0.02</c:v>
                </c:pt>
                <c:pt idx="854">
                  <c:v>-0.01</c:v>
                </c:pt>
                <c:pt idx="855">
                  <c:v>-0.01</c:v>
                </c:pt>
                <c:pt idx="856">
                  <c:v>0.02</c:v>
                </c:pt>
                <c:pt idx="857">
                  <c:v>-0.02</c:v>
                </c:pt>
                <c:pt idx="858">
                  <c:v>0.01</c:v>
                </c:pt>
                <c:pt idx="859">
                  <c:v>0.03</c:v>
                </c:pt>
                <c:pt idx="860">
                  <c:v>0.02</c:v>
                </c:pt>
                <c:pt idx="861">
                  <c:v>0.01</c:v>
                </c:pt>
                <c:pt idx="862">
                  <c:v>0</c:v>
                </c:pt>
                <c:pt idx="863">
                  <c:v>0.01</c:v>
                </c:pt>
                <c:pt idx="864">
                  <c:v>0.01</c:v>
                </c:pt>
                <c:pt idx="865">
                  <c:v>0.02</c:v>
                </c:pt>
                <c:pt idx="866">
                  <c:v>0.04</c:v>
                </c:pt>
                <c:pt idx="867">
                  <c:v>0.08</c:v>
                </c:pt>
                <c:pt idx="868">
                  <c:v>0.09</c:v>
                </c:pt>
                <c:pt idx="869">
                  <c:v>0.08</c:v>
                </c:pt>
                <c:pt idx="870">
                  <c:v>0.05</c:v>
                </c:pt>
                <c:pt idx="871">
                  <c:v>0.06</c:v>
                </c:pt>
                <c:pt idx="872">
                  <c:v>0.06</c:v>
                </c:pt>
                <c:pt idx="873">
                  <c:v>0.09</c:v>
                </c:pt>
                <c:pt idx="874">
                  <c:v>0.09</c:v>
                </c:pt>
                <c:pt idx="875">
                  <c:v>0.15</c:v>
                </c:pt>
                <c:pt idx="876">
                  <c:v>0.18</c:v>
                </c:pt>
                <c:pt idx="877">
                  <c:v>0.2</c:v>
                </c:pt>
                <c:pt idx="878">
                  <c:v>0.2</c:v>
                </c:pt>
                <c:pt idx="879">
                  <c:v>0.22</c:v>
                </c:pt>
                <c:pt idx="880">
                  <c:v>0.22</c:v>
                </c:pt>
                <c:pt idx="881">
                  <c:v>0.21</c:v>
                </c:pt>
                <c:pt idx="882">
                  <c:v>0.2</c:v>
                </c:pt>
                <c:pt idx="883">
                  <c:v>0.17</c:v>
                </c:pt>
                <c:pt idx="884">
                  <c:v>0.16</c:v>
                </c:pt>
                <c:pt idx="885">
                  <c:v>0.13</c:v>
                </c:pt>
                <c:pt idx="886">
                  <c:v>0.09</c:v>
                </c:pt>
                <c:pt idx="887">
                  <c:v>0.12</c:v>
                </c:pt>
                <c:pt idx="888">
                  <c:v>0.1</c:v>
                </c:pt>
                <c:pt idx="889">
                  <c:v>0.1</c:v>
                </c:pt>
                <c:pt idx="890">
                  <c:v>0.11</c:v>
                </c:pt>
                <c:pt idx="891">
                  <c:v>0.09</c:v>
                </c:pt>
                <c:pt idx="892">
                  <c:v>0.1</c:v>
                </c:pt>
                <c:pt idx="893">
                  <c:v>0.08</c:v>
                </c:pt>
                <c:pt idx="894">
                  <c:v>0.1</c:v>
                </c:pt>
                <c:pt idx="895">
                  <c:v>7.0000000000000007E-2</c:v>
                </c:pt>
                <c:pt idx="896">
                  <c:v>0.04</c:v>
                </c:pt>
                <c:pt idx="897">
                  <c:v>0.06</c:v>
                </c:pt>
                <c:pt idx="898">
                  <c:v>0.02</c:v>
                </c:pt>
                <c:pt idx="899">
                  <c:v>0.05</c:v>
                </c:pt>
                <c:pt idx="900">
                  <c:v>7.0000000000000007E-2</c:v>
                </c:pt>
                <c:pt idx="901">
                  <c:v>0.06</c:v>
                </c:pt>
                <c:pt idx="902">
                  <c:v>0.08</c:v>
                </c:pt>
                <c:pt idx="903">
                  <c:v>0.08</c:v>
                </c:pt>
                <c:pt idx="904">
                  <c:v>0.1</c:v>
                </c:pt>
                <c:pt idx="905">
                  <c:v>0.1</c:v>
                </c:pt>
                <c:pt idx="906">
                  <c:v>0.09</c:v>
                </c:pt>
                <c:pt idx="907">
                  <c:v>0.08</c:v>
                </c:pt>
                <c:pt idx="908">
                  <c:v>0.13</c:v>
                </c:pt>
                <c:pt idx="909">
                  <c:v>0.09</c:v>
                </c:pt>
                <c:pt idx="910">
                  <c:v>0.09</c:v>
                </c:pt>
                <c:pt idx="911">
                  <c:v>0.06</c:v>
                </c:pt>
                <c:pt idx="912">
                  <c:v>0.06</c:v>
                </c:pt>
                <c:pt idx="913">
                  <c:v>0.03</c:v>
                </c:pt>
                <c:pt idx="914">
                  <c:v>0.05</c:v>
                </c:pt>
                <c:pt idx="915">
                  <c:v>-0.01</c:v>
                </c:pt>
                <c:pt idx="916">
                  <c:v>-0.04</c:v>
                </c:pt>
                <c:pt idx="917">
                  <c:v>-0.04</c:v>
                </c:pt>
                <c:pt idx="918">
                  <c:v>-0.02</c:v>
                </c:pt>
                <c:pt idx="919">
                  <c:v>-0.03</c:v>
                </c:pt>
                <c:pt idx="920">
                  <c:v>-0.04</c:v>
                </c:pt>
                <c:pt idx="921">
                  <c:v>-0.05</c:v>
                </c:pt>
                <c:pt idx="922">
                  <c:v>-0.06</c:v>
                </c:pt>
                <c:pt idx="923">
                  <c:v>-0.09</c:v>
                </c:pt>
                <c:pt idx="924">
                  <c:v>-0.12</c:v>
                </c:pt>
                <c:pt idx="925">
                  <c:v>-0.13</c:v>
                </c:pt>
                <c:pt idx="926">
                  <c:v>-0.12</c:v>
                </c:pt>
                <c:pt idx="927">
                  <c:v>-0.15</c:v>
                </c:pt>
                <c:pt idx="928">
                  <c:v>-0.15</c:v>
                </c:pt>
                <c:pt idx="929">
                  <c:v>-0.15</c:v>
                </c:pt>
                <c:pt idx="930">
                  <c:v>-0.15</c:v>
                </c:pt>
                <c:pt idx="931">
                  <c:v>-0.15</c:v>
                </c:pt>
                <c:pt idx="932">
                  <c:v>-0.16</c:v>
                </c:pt>
                <c:pt idx="933">
                  <c:v>-0.1</c:v>
                </c:pt>
                <c:pt idx="934">
                  <c:v>-0.13</c:v>
                </c:pt>
                <c:pt idx="935">
                  <c:v>-0.14000000000000001</c:v>
                </c:pt>
                <c:pt idx="936">
                  <c:v>-0.14000000000000001</c:v>
                </c:pt>
                <c:pt idx="937">
                  <c:v>-0.17</c:v>
                </c:pt>
                <c:pt idx="938">
                  <c:v>-0.12</c:v>
                </c:pt>
                <c:pt idx="939">
                  <c:v>-0.12</c:v>
                </c:pt>
                <c:pt idx="940">
                  <c:v>-0.13</c:v>
                </c:pt>
                <c:pt idx="941">
                  <c:v>-0.12</c:v>
                </c:pt>
                <c:pt idx="942">
                  <c:v>-0.11</c:v>
                </c:pt>
                <c:pt idx="943">
                  <c:v>-0.13</c:v>
                </c:pt>
                <c:pt idx="944">
                  <c:v>-0.13</c:v>
                </c:pt>
                <c:pt idx="945">
                  <c:v>-0.13</c:v>
                </c:pt>
                <c:pt idx="946">
                  <c:v>-0.13</c:v>
                </c:pt>
                <c:pt idx="947">
                  <c:v>-0.14000000000000001</c:v>
                </c:pt>
                <c:pt idx="948">
                  <c:v>-0.15</c:v>
                </c:pt>
                <c:pt idx="949">
                  <c:v>-0.14000000000000001</c:v>
                </c:pt>
                <c:pt idx="950">
                  <c:v>-0.12</c:v>
                </c:pt>
                <c:pt idx="951">
                  <c:v>-7.0000000000000007E-2</c:v>
                </c:pt>
                <c:pt idx="952">
                  <c:v>-0.06</c:v>
                </c:pt>
                <c:pt idx="953">
                  <c:v>-0.06</c:v>
                </c:pt>
                <c:pt idx="954">
                  <c:v>-0.09</c:v>
                </c:pt>
                <c:pt idx="955">
                  <c:v>-0.03</c:v>
                </c:pt>
                <c:pt idx="956">
                  <c:v>-0.02</c:v>
                </c:pt>
                <c:pt idx="957">
                  <c:v>-0.04</c:v>
                </c:pt>
                <c:pt idx="958">
                  <c:v>-0.02</c:v>
                </c:pt>
                <c:pt idx="959">
                  <c:v>-0.03</c:v>
                </c:pt>
                <c:pt idx="960">
                  <c:v>0.02</c:v>
                </c:pt>
                <c:pt idx="961">
                  <c:v>0.01</c:v>
                </c:pt>
                <c:pt idx="962">
                  <c:v>-0.04</c:v>
                </c:pt>
                <c:pt idx="963">
                  <c:v>-0.01</c:v>
                </c:pt>
                <c:pt idx="964">
                  <c:v>0</c:v>
                </c:pt>
                <c:pt idx="965">
                  <c:v>-0.02</c:v>
                </c:pt>
                <c:pt idx="966">
                  <c:v>0.01</c:v>
                </c:pt>
                <c:pt idx="967">
                  <c:v>0.02</c:v>
                </c:pt>
                <c:pt idx="968">
                  <c:v>0.05</c:v>
                </c:pt>
                <c:pt idx="969">
                  <c:v>0.02</c:v>
                </c:pt>
                <c:pt idx="970">
                  <c:v>0.01</c:v>
                </c:pt>
                <c:pt idx="971">
                  <c:v>0.01</c:v>
                </c:pt>
                <c:pt idx="972">
                  <c:v>0.06</c:v>
                </c:pt>
                <c:pt idx="973">
                  <c:v>0.11</c:v>
                </c:pt>
                <c:pt idx="974">
                  <c:v>0.13</c:v>
                </c:pt>
                <c:pt idx="975">
                  <c:v>0.15</c:v>
                </c:pt>
                <c:pt idx="976">
                  <c:v>0.14000000000000001</c:v>
                </c:pt>
                <c:pt idx="977">
                  <c:v>0.15</c:v>
                </c:pt>
                <c:pt idx="978">
                  <c:v>0.13</c:v>
                </c:pt>
                <c:pt idx="979">
                  <c:v>0.13</c:v>
                </c:pt>
                <c:pt idx="980">
                  <c:v>0.16</c:v>
                </c:pt>
                <c:pt idx="981">
                  <c:v>0.16</c:v>
                </c:pt>
                <c:pt idx="982">
                  <c:v>0.16</c:v>
                </c:pt>
                <c:pt idx="983">
                  <c:v>0.19</c:v>
                </c:pt>
                <c:pt idx="984">
                  <c:v>0.21</c:v>
                </c:pt>
                <c:pt idx="985">
                  <c:v>0.24</c:v>
                </c:pt>
                <c:pt idx="986">
                  <c:v>0.2</c:v>
                </c:pt>
                <c:pt idx="987">
                  <c:v>0.15</c:v>
                </c:pt>
                <c:pt idx="988">
                  <c:v>0.17</c:v>
                </c:pt>
                <c:pt idx="989">
                  <c:v>0.19</c:v>
                </c:pt>
                <c:pt idx="990">
                  <c:v>0.23</c:v>
                </c:pt>
                <c:pt idx="991">
                  <c:v>0.21</c:v>
                </c:pt>
                <c:pt idx="992">
                  <c:v>0.24</c:v>
                </c:pt>
                <c:pt idx="993">
                  <c:v>0.24</c:v>
                </c:pt>
                <c:pt idx="994">
                  <c:v>0.22</c:v>
                </c:pt>
                <c:pt idx="995">
                  <c:v>0.22</c:v>
                </c:pt>
                <c:pt idx="996">
                  <c:v>0.17</c:v>
                </c:pt>
                <c:pt idx="997">
                  <c:v>0.2</c:v>
                </c:pt>
                <c:pt idx="998">
                  <c:v>0.28999999999999998</c:v>
                </c:pt>
                <c:pt idx="999">
                  <c:v>0.28999999999999998</c:v>
                </c:pt>
                <c:pt idx="1000">
                  <c:v>0.18</c:v>
                </c:pt>
                <c:pt idx="1001">
                  <c:v>0.17</c:v>
                </c:pt>
                <c:pt idx="1002">
                  <c:v>0.11</c:v>
                </c:pt>
                <c:pt idx="1003">
                  <c:v>7.0000000000000007E-2</c:v>
                </c:pt>
                <c:pt idx="1004">
                  <c:v>0.09</c:v>
                </c:pt>
                <c:pt idx="1005">
                  <c:v>0.05</c:v>
                </c:pt>
                <c:pt idx="1006">
                  <c:v>0.1</c:v>
                </c:pt>
                <c:pt idx="1007">
                  <c:v>0.13</c:v>
                </c:pt>
                <c:pt idx="1008">
                  <c:v>0.11</c:v>
                </c:pt>
                <c:pt idx="1009">
                  <c:v>0.11</c:v>
                </c:pt>
                <c:pt idx="1010">
                  <c:v>0.11</c:v>
                </c:pt>
                <c:pt idx="1011">
                  <c:v>0.11</c:v>
                </c:pt>
                <c:pt idx="1012">
                  <c:v>7.0000000000000007E-2</c:v>
                </c:pt>
                <c:pt idx="1013">
                  <c:v>0.01</c:v>
                </c:pt>
                <c:pt idx="1014">
                  <c:v>0.04</c:v>
                </c:pt>
                <c:pt idx="1015">
                  <c:v>0.12</c:v>
                </c:pt>
                <c:pt idx="1016">
                  <c:v>0.15</c:v>
                </c:pt>
                <c:pt idx="1017">
                  <c:v>0.12</c:v>
                </c:pt>
                <c:pt idx="1018">
                  <c:v>0.03</c:v>
                </c:pt>
                <c:pt idx="1019">
                  <c:v>0.04</c:v>
                </c:pt>
                <c:pt idx="1020">
                  <c:v>0.01</c:v>
                </c:pt>
                <c:pt idx="1021">
                  <c:v>0.03</c:v>
                </c:pt>
                <c:pt idx="1022">
                  <c:v>-0.02</c:v>
                </c:pt>
                <c:pt idx="1023">
                  <c:v>-0.02</c:v>
                </c:pt>
                <c:pt idx="1024">
                  <c:v>-0.03</c:v>
                </c:pt>
                <c:pt idx="1025">
                  <c:v>-0.02</c:v>
                </c:pt>
                <c:pt idx="1026">
                  <c:v>0.04</c:v>
                </c:pt>
                <c:pt idx="1027">
                  <c:v>0</c:v>
                </c:pt>
                <c:pt idx="1028">
                  <c:v>-0.01</c:v>
                </c:pt>
                <c:pt idx="1029">
                  <c:v>-0.03</c:v>
                </c:pt>
                <c:pt idx="1030">
                  <c:v>-0.02</c:v>
                </c:pt>
                <c:pt idx="1031">
                  <c:v>-0.02</c:v>
                </c:pt>
                <c:pt idx="1032">
                  <c:v>0.01</c:v>
                </c:pt>
                <c:pt idx="1033">
                  <c:v>-0.02</c:v>
                </c:pt>
                <c:pt idx="1034">
                  <c:v>-0.02</c:v>
                </c:pt>
                <c:pt idx="1035">
                  <c:v>0.06</c:v>
                </c:pt>
                <c:pt idx="1036">
                  <c:v>0.08</c:v>
                </c:pt>
                <c:pt idx="1037">
                  <c:v>0.12</c:v>
                </c:pt>
                <c:pt idx="1038">
                  <c:v>0.12</c:v>
                </c:pt>
                <c:pt idx="1039">
                  <c:v>0.13</c:v>
                </c:pt>
                <c:pt idx="1040">
                  <c:v>0.13</c:v>
                </c:pt>
                <c:pt idx="1041">
                  <c:v>0.19</c:v>
                </c:pt>
                <c:pt idx="1042">
                  <c:v>0.2</c:v>
                </c:pt>
                <c:pt idx="1043">
                  <c:v>0.2</c:v>
                </c:pt>
                <c:pt idx="1044">
                  <c:v>0.23</c:v>
                </c:pt>
                <c:pt idx="1045">
                  <c:v>0.22</c:v>
                </c:pt>
                <c:pt idx="1046">
                  <c:v>0.23</c:v>
                </c:pt>
                <c:pt idx="1047">
                  <c:v>0.26</c:v>
                </c:pt>
                <c:pt idx="1048">
                  <c:v>0.28000000000000003</c:v>
                </c:pt>
                <c:pt idx="1049">
                  <c:v>0.28000000000000003</c:v>
                </c:pt>
                <c:pt idx="1050">
                  <c:v>0.3</c:v>
                </c:pt>
                <c:pt idx="1051">
                  <c:v>0.27</c:v>
                </c:pt>
                <c:pt idx="1052">
                  <c:v>0.24</c:v>
                </c:pt>
                <c:pt idx="1053">
                  <c:v>0.28000000000000003</c:v>
                </c:pt>
                <c:pt idx="1054">
                  <c:v>0.31</c:v>
                </c:pt>
                <c:pt idx="1055">
                  <c:v>0.32</c:v>
                </c:pt>
                <c:pt idx="1056">
                  <c:v>0.33</c:v>
                </c:pt>
                <c:pt idx="1057">
                  <c:v>0.31</c:v>
                </c:pt>
                <c:pt idx="1058">
                  <c:v>0.28000000000000003</c:v>
                </c:pt>
                <c:pt idx="1059">
                  <c:v>0.25</c:v>
                </c:pt>
                <c:pt idx="1060">
                  <c:v>0.26</c:v>
                </c:pt>
                <c:pt idx="1061">
                  <c:v>0.28999999999999998</c:v>
                </c:pt>
                <c:pt idx="1062">
                  <c:v>0.28999999999999998</c:v>
                </c:pt>
                <c:pt idx="1063">
                  <c:v>0.31</c:v>
                </c:pt>
                <c:pt idx="1064">
                  <c:v>0.42</c:v>
                </c:pt>
                <c:pt idx="1065">
                  <c:v>0.45</c:v>
                </c:pt>
                <c:pt idx="1066">
                  <c:v>0.45</c:v>
                </c:pt>
                <c:pt idx="1067">
                  <c:v>0.59</c:v>
                </c:pt>
                <c:pt idx="1068">
                  <c:v>0.65</c:v>
                </c:pt>
                <c:pt idx="1069">
                  <c:v>0.68</c:v>
                </c:pt>
                <c:pt idx="1070">
                  <c:v>0.72</c:v>
                </c:pt>
                <c:pt idx="1071">
                  <c:v>0.67</c:v>
                </c:pt>
                <c:pt idx="1072">
                  <c:v>0.74</c:v>
                </c:pt>
                <c:pt idx="1073">
                  <c:v>0.75</c:v>
                </c:pt>
                <c:pt idx="1074">
                  <c:v>0.74</c:v>
                </c:pt>
                <c:pt idx="1075">
                  <c:v>0.79</c:v>
                </c:pt>
                <c:pt idx="1076">
                  <c:v>0.74</c:v>
                </c:pt>
                <c:pt idx="1077">
                  <c:v>0.7</c:v>
                </c:pt>
                <c:pt idx="1078">
                  <c:v>0.69</c:v>
                </c:pt>
                <c:pt idx="1079">
                  <c:v>0.72</c:v>
                </c:pt>
                <c:pt idx="1080">
                  <c:v>0.74</c:v>
                </c:pt>
                <c:pt idx="1081">
                  <c:v>0.73</c:v>
                </c:pt>
                <c:pt idx="1082">
                  <c:v>0.67</c:v>
                </c:pt>
                <c:pt idx="1083">
                  <c:v>0.7</c:v>
                </c:pt>
                <c:pt idx="1084">
                  <c:v>0.63</c:v>
                </c:pt>
                <c:pt idx="1085">
                  <c:v>0.45</c:v>
                </c:pt>
                <c:pt idx="1086">
                  <c:v>0.47</c:v>
                </c:pt>
                <c:pt idx="1087">
                  <c:v>0.5</c:v>
                </c:pt>
                <c:pt idx="1088">
                  <c:v>0.41</c:v>
                </c:pt>
                <c:pt idx="1089">
                  <c:v>0.46</c:v>
                </c:pt>
                <c:pt idx="1090">
                  <c:v>0.54</c:v>
                </c:pt>
                <c:pt idx="1091">
                  <c:v>0.65</c:v>
                </c:pt>
                <c:pt idx="1092">
                  <c:v>0.74</c:v>
                </c:pt>
                <c:pt idx="1093">
                  <c:v>0.75</c:v>
                </c:pt>
                <c:pt idx="1094">
                  <c:v>0.84</c:v>
                </c:pt>
                <c:pt idx="1095">
                  <c:v>0.8</c:v>
                </c:pt>
                <c:pt idx="1096">
                  <c:v>0.84</c:v>
                </c:pt>
                <c:pt idx="1097">
                  <c:v>0.84</c:v>
                </c:pt>
                <c:pt idx="1098">
                  <c:v>0.82</c:v>
                </c:pt>
                <c:pt idx="1099">
                  <c:v>0.9</c:v>
                </c:pt>
                <c:pt idx="1100">
                  <c:v>0.96</c:v>
                </c:pt>
                <c:pt idx="1101">
                  <c:v>0.94</c:v>
                </c:pt>
                <c:pt idx="1102">
                  <c:v>0.97</c:v>
                </c:pt>
                <c:pt idx="1103">
                  <c:v>0.99</c:v>
                </c:pt>
                <c:pt idx="1104">
                  <c:v>1</c:v>
                </c:pt>
                <c:pt idx="1105">
                  <c:v>1.07</c:v>
                </c:pt>
                <c:pt idx="1106">
                  <c:v>1.0900000000000001</c:v>
                </c:pt>
                <c:pt idx="1107">
                  <c:v>0.98</c:v>
                </c:pt>
                <c:pt idx="1108">
                  <c:v>1.04</c:v>
                </c:pt>
                <c:pt idx="1109">
                  <c:v>1.01</c:v>
                </c:pt>
                <c:pt idx="1110">
                  <c:v>1.1499999999999999</c:v>
                </c:pt>
                <c:pt idx="1111">
                  <c:v>1.19</c:v>
                </c:pt>
                <c:pt idx="1112">
                  <c:v>1.23</c:v>
                </c:pt>
                <c:pt idx="1113">
                  <c:v>1.25</c:v>
                </c:pt>
                <c:pt idx="1114">
                  <c:v>1.31</c:v>
                </c:pt>
                <c:pt idx="1115">
                  <c:v>1.3</c:v>
                </c:pt>
                <c:pt idx="1116">
                  <c:v>1.27</c:v>
                </c:pt>
                <c:pt idx="1117">
                  <c:v>1.32</c:v>
                </c:pt>
                <c:pt idx="1118">
                  <c:v>1.32</c:v>
                </c:pt>
                <c:pt idx="1119">
                  <c:v>1.32</c:v>
                </c:pt>
                <c:pt idx="1120">
                  <c:v>1.4</c:v>
                </c:pt>
                <c:pt idx="1121">
                  <c:v>1.34</c:v>
                </c:pt>
                <c:pt idx="1122">
                  <c:v>1.38</c:v>
                </c:pt>
                <c:pt idx="1123">
                  <c:v>1.39</c:v>
                </c:pt>
                <c:pt idx="1124">
                  <c:v>1.33</c:v>
                </c:pt>
                <c:pt idx="1125">
                  <c:v>1.3</c:v>
                </c:pt>
                <c:pt idx="1126">
                  <c:v>1.31</c:v>
                </c:pt>
                <c:pt idx="1127">
                  <c:v>1.41</c:v>
                </c:pt>
                <c:pt idx="1128">
                  <c:v>1.46</c:v>
                </c:pt>
                <c:pt idx="1129">
                  <c:v>1.47</c:v>
                </c:pt>
                <c:pt idx="1130">
                  <c:v>1.45</c:v>
                </c:pt>
                <c:pt idx="1131">
                  <c:v>1.51</c:v>
                </c:pt>
                <c:pt idx="1132">
                  <c:v>1.56</c:v>
                </c:pt>
                <c:pt idx="1133">
                  <c:v>1.67</c:v>
                </c:pt>
                <c:pt idx="1134">
                  <c:v>1.63</c:v>
                </c:pt>
                <c:pt idx="1135">
                  <c:v>1.56</c:v>
                </c:pt>
                <c:pt idx="1136">
                  <c:v>1.53</c:v>
                </c:pt>
                <c:pt idx="1137">
                  <c:v>1.39</c:v>
                </c:pt>
                <c:pt idx="1138">
                  <c:v>1.46</c:v>
                </c:pt>
                <c:pt idx="1139">
                  <c:v>1.44</c:v>
                </c:pt>
                <c:pt idx="1140">
                  <c:v>1.54</c:v>
                </c:pt>
                <c:pt idx="1141">
                  <c:v>1.5</c:v>
                </c:pt>
                <c:pt idx="1142">
                  <c:v>1.45</c:v>
                </c:pt>
                <c:pt idx="1143">
                  <c:v>1.46</c:v>
                </c:pt>
                <c:pt idx="1144">
                  <c:v>1.51</c:v>
                </c:pt>
                <c:pt idx="1145">
                  <c:v>1.47</c:v>
                </c:pt>
                <c:pt idx="1146">
                  <c:v>1.47</c:v>
                </c:pt>
                <c:pt idx="1147">
                  <c:v>1.51</c:v>
                </c:pt>
                <c:pt idx="1148">
                  <c:v>1.47</c:v>
                </c:pt>
                <c:pt idx="1149">
                  <c:v>1.56</c:v>
                </c:pt>
                <c:pt idx="1150">
                  <c:v>1.65</c:v>
                </c:pt>
                <c:pt idx="1151">
                  <c:v>1.68</c:v>
                </c:pt>
                <c:pt idx="1152">
                  <c:v>1.75</c:v>
                </c:pt>
                <c:pt idx="1153">
                  <c:v>1.81</c:v>
                </c:pt>
                <c:pt idx="1154">
                  <c:v>1.85</c:v>
                </c:pt>
                <c:pt idx="1155">
                  <c:v>1.79</c:v>
                </c:pt>
                <c:pt idx="1156">
                  <c:v>1.86</c:v>
                </c:pt>
                <c:pt idx="1157">
                  <c:v>1.98</c:v>
                </c:pt>
                <c:pt idx="1158">
                  <c:v>2.08</c:v>
                </c:pt>
                <c:pt idx="1159">
                  <c:v>2.23</c:v>
                </c:pt>
                <c:pt idx="1160">
                  <c:v>2.3199999999999998</c:v>
                </c:pt>
                <c:pt idx="1161">
                  <c:v>2.19</c:v>
                </c:pt>
                <c:pt idx="1162">
                  <c:v>2.2599999999999998</c:v>
                </c:pt>
                <c:pt idx="1163">
                  <c:v>2.2200000000000002</c:v>
                </c:pt>
                <c:pt idx="1164">
                  <c:v>2.29</c:v>
                </c:pt>
                <c:pt idx="1165">
                  <c:v>2.33</c:v>
                </c:pt>
                <c:pt idx="1166">
                  <c:v>2.16</c:v>
                </c:pt>
                <c:pt idx="1167">
                  <c:v>1.96</c:v>
                </c:pt>
                <c:pt idx="1168">
                  <c:v>1.96</c:v>
                </c:pt>
                <c:pt idx="1169">
                  <c:v>2.0699999999999998</c:v>
                </c:pt>
                <c:pt idx="1170">
                  <c:v>2.1800000000000002</c:v>
                </c:pt>
                <c:pt idx="1171">
                  <c:v>2.06</c:v>
                </c:pt>
                <c:pt idx="1172">
                  <c:v>1.96</c:v>
                </c:pt>
                <c:pt idx="1173">
                  <c:v>1.76</c:v>
                </c:pt>
                <c:pt idx="1174">
                  <c:v>1.94</c:v>
                </c:pt>
                <c:pt idx="1175">
                  <c:v>1.8</c:v>
                </c:pt>
                <c:pt idx="1176">
                  <c:v>1.69</c:v>
                </c:pt>
                <c:pt idx="1177">
                  <c:v>1.84</c:v>
                </c:pt>
                <c:pt idx="1178">
                  <c:v>1.86</c:v>
                </c:pt>
                <c:pt idx="1179">
                  <c:v>1.77</c:v>
                </c:pt>
                <c:pt idx="1180">
                  <c:v>1.63</c:v>
                </c:pt>
                <c:pt idx="1181">
                  <c:v>1.66</c:v>
                </c:pt>
                <c:pt idx="1182">
                  <c:v>1.73</c:v>
                </c:pt>
                <c:pt idx="1183">
                  <c:v>1.65</c:v>
                </c:pt>
                <c:pt idx="1184">
                  <c:v>1.73</c:v>
                </c:pt>
                <c:pt idx="1185">
                  <c:v>1.76</c:v>
                </c:pt>
                <c:pt idx="1186">
                  <c:v>1.75</c:v>
                </c:pt>
                <c:pt idx="1187">
                  <c:v>1.71</c:v>
                </c:pt>
                <c:pt idx="1188">
                  <c:v>1.53</c:v>
                </c:pt>
                <c:pt idx="1189">
                  <c:v>1.53</c:v>
                </c:pt>
                <c:pt idx="1190">
                  <c:v>1.44</c:v>
                </c:pt>
                <c:pt idx="1191">
                  <c:v>1.44</c:v>
                </c:pt>
                <c:pt idx="1192">
                  <c:v>1.31</c:v>
                </c:pt>
                <c:pt idx="1193">
                  <c:v>1.41</c:v>
                </c:pt>
                <c:pt idx="1194">
                  <c:v>1.34</c:v>
                </c:pt>
                <c:pt idx="1195">
                  <c:v>1.37</c:v>
                </c:pt>
                <c:pt idx="1196">
                  <c:v>1.44</c:v>
                </c:pt>
                <c:pt idx="1197">
                  <c:v>1.35</c:v>
                </c:pt>
                <c:pt idx="1198">
                  <c:v>1.48</c:v>
                </c:pt>
                <c:pt idx="1199">
                  <c:v>1.44</c:v>
                </c:pt>
                <c:pt idx="1200">
                  <c:v>1.48</c:v>
                </c:pt>
                <c:pt idx="1201">
                  <c:v>1.44</c:v>
                </c:pt>
                <c:pt idx="1202">
                  <c:v>1.53</c:v>
                </c:pt>
                <c:pt idx="1203">
                  <c:v>1.55</c:v>
                </c:pt>
                <c:pt idx="1204">
                  <c:v>1.46</c:v>
                </c:pt>
                <c:pt idx="1205">
                  <c:v>1.56</c:v>
                </c:pt>
                <c:pt idx="1206">
                  <c:v>1.65</c:v>
                </c:pt>
                <c:pt idx="1207">
                  <c:v>1.66</c:v>
                </c:pt>
                <c:pt idx="1208">
                  <c:v>1.8</c:v>
                </c:pt>
                <c:pt idx="1209">
                  <c:v>1.87</c:v>
                </c:pt>
                <c:pt idx="1210">
                  <c:v>1.93</c:v>
                </c:pt>
                <c:pt idx="1211">
                  <c:v>1.98</c:v>
                </c:pt>
                <c:pt idx="1212">
                  <c:v>1.92</c:v>
                </c:pt>
                <c:pt idx="1213">
                  <c:v>2.0099999999999998</c:v>
                </c:pt>
                <c:pt idx="1214">
                  <c:v>2.11</c:v>
                </c:pt>
                <c:pt idx="1215">
                  <c:v>2.12</c:v>
                </c:pt>
                <c:pt idx="1216">
                  <c:v>2.15</c:v>
                </c:pt>
                <c:pt idx="1217">
                  <c:v>2.2200000000000002</c:v>
                </c:pt>
                <c:pt idx="1218">
                  <c:v>2.13</c:v>
                </c:pt>
                <c:pt idx="1219">
                  <c:v>2.1800000000000002</c:v>
                </c:pt>
                <c:pt idx="1220">
                  <c:v>2.19</c:v>
                </c:pt>
                <c:pt idx="1221">
                  <c:v>2.14</c:v>
                </c:pt>
                <c:pt idx="1222">
                  <c:v>2.2400000000000002</c:v>
                </c:pt>
                <c:pt idx="1223">
                  <c:v>2.27</c:v>
                </c:pt>
                <c:pt idx="1224">
                  <c:v>2.21</c:v>
                </c:pt>
                <c:pt idx="1225">
                  <c:v>2.2799999999999998</c:v>
                </c:pt>
                <c:pt idx="1226">
                  <c:v>2.25</c:v>
                </c:pt>
                <c:pt idx="1227">
                  <c:v>2.2799999999999998</c:v>
                </c:pt>
                <c:pt idx="1228">
                  <c:v>2.3199999999999998</c:v>
                </c:pt>
                <c:pt idx="1229">
                  <c:v>2.33</c:v>
                </c:pt>
                <c:pt idx="1230">
                  <c:v>2.4900000000000002</c:v>
                </c:pt>
                <c:pt idx="1231">
                  <c:v>2.4500000000000002</c:v>
                </c:pt>
                <c:pt idx="1232">
                  <c:v>2.5099999999999998</c:v>
                </c:pt>
                <c:pt idx="1233">
                  <c:v>2.58</c:v>
                </c:pt>
                <c:pt idx="1234">
                  <c:v>2.67</c:v>
                </c:pt>
                <c:pt idx="1235">
                  <c:v>2.78</c:v>
                </c:pt>
                <c:pt idx="1236">
                  <c:v>2.75</c:v>
                </c:pt>
                <c:pt idx="1237">
                  <c:v>2.8</c:v>
                </c:pt>
                <c:pt idx="1238">
                  <c:v>2.71</c:v>
                </c:pt>
                <c:pt idx="1239">
                  <c:v>2.4900000000000002</c:v>
                </c:pt>
                <c:pt idx="1240">
                  <c:v>2.46</c:v>
                </c:pt>
                <c:pt idx="1241">
                  <c:v>2.62</c:v>
                </c:pt>
                <c:pt idx="1242">
                  <c:v>2.68</c:v>
                </c:pt>
                <c:pt idx="1243">
                  <c:v>2.79</c:v>
                </c:pt>
                <c:pt idx="1244">
                  <c:v>2.89</c:v>
                </c:pt>
                <c:pt idx="1245">
                  <c:v>2.9</c:v>
                </c:pt>
                <c:pt idx="1246">
                  <c:v>2.98</c:v>
                </c:pt>
                <c:pt idx="1247">
                  <c:v>2.89</c:v>
                </c:pt>
                <c:pt idx="1248">
                  <c:v>2.84</c:v>
                </c:pt>
                <c:pt idx="1249">
                  <c:v>2.85</c:v>
                </c:pt>
                <c:pt idx="1250">
                  <c:v>2.82</c:v>
                </c:pt>
                <c:pt idx="1251">
                  <c:v>2.92</c:v>
                </c:pt>
                <c:pt idx="1252">
                  <c:v>2.95</c:v>
                </c:pt>
                <c:pt idx="1253">
                  <c:v>2.99</c:v>
                </c:pt>
                <c:pt idx="1254">
                  <c:v>2.87</c:v>
                </c:pt>
                <c:pt idx="1255">
                  <c:v>2.69</c:v>
                </c:pt>
                <c:pt idx="1256">
                  <c:v>2.65</c:v>
                </c:pt>
                <c:pt idx="1257">
                  <c:v>2.5</c:v>
                </c:pt>
                <c:pt idx="1258">
                  <c:v>2.58</c:v>
                </c:pt>
                <c:pt idx="1259">
                  <c:v>2.68</c:v>
                </c:pt>
                <c:pt idx="1260">
                  <c:v>2.65</c:v>
                </c:pt>
                <c:pt idx="1261">
                  <c:v>2.67</c:v>
                </c:pt>
                <c:pt idx="1262">
                  <c:v>2.78</c:v>
                </c:pt>
                <c:pt idx="1263">
                  <c:v>2.83</c:v>
                </c:pt>
                <c:pt idx="1264">
                  <c:v>2.83</c:v>
                </c:pt>
                <c:pt idx="1265">
                  <c:v>2.78</c:v>
                </c:pt>
                <c:pt idx="1266">
                  <c:v>2.68</c:v>
                </c:pt>
                <c:pt idx="1267">
                  <c:v>2.4900000000000002</c:v>
                </c:pt>
                <c:pt idx="1268">
                  <c:v>2.66</c:v>
                </c:pt>
                <c:pt idx="1269">
                  <c:v>2.66</c:v>
                </c:pt>
                <c:pt idx="1270">
                  <c:v>2.58</c:v>
                </c:pt>
                <c:pt idx="1271">
                  <c:v>2.48</c:v>
                </c:pt>
                <c:pt idx="1272">
                  <c:v>2.5</c:v>
                </c:pt>
                <c:pt idx="1273">
                  <c:v>2.4700000000000002</c:v>
                </c:pt>
                <c:pt idx="1274">
                  <c:v>2.4500000000000002</c:v>
                </c:pt>
                <c:pt idx="1275">
                  <c:v>2.4500000000000002</c:v>
                </c:pt>
                <c:pt idx="1276">
                  <c:v>2.37</c:v>
                </c:pt>
                <c:pt idx="1277">
                  <c:v>2.2799999999999998</c:v>
                </c:pt>
                <c:pt idx="1278">
                  <c:v>2.4300000000000002</c:v>
                </c:pt>
                <c:pt idx="1279">
                  <c:v>2.4500000000000002</c:v>
                </c:pt>
                <c:pt idx="1280">
                  <c:v>2.37</c:v>
                </c:pt>
                <c:pt idx="1281">
                  <c:v>2.41</c:v>
                </c:pt>
                <c:pt idx="1282">
                  <c:v>2.2599999999999998</c:v>
                </c:pt>
                <c:pt idx="1283">
                  <c:v>2.3199999999999998</c:v>
                </c:pt>
                <c:pt idx="1284">
                  <c:v>2.3199999999999998</c:v>
                </c:pt>
                <c:pt idx="1285">
                  <c:v>2.25</c:v>
                </c:pt>
                <c:pt idx="1286">
                  <c:v>2.2400000000000002</c:v>
                </c:pt>
                <c:pt idx="1287">
                  <c:v>2.27</c:v>
                </c:pt>
                <c:pt idx="1288">
                  <c:v>2.39</c:v>
                </c:pt>
                <c:pt idx="1289">
                  <c:v>2.39</c:v>
                </c:pt>
                <c:pt idx="1290">
                  <c:v>2.37</c:v>
                </c:pt>
                <c:pt idx="1291">
                  <c:v>2.41</c:v>
                </c:pt>
                <c:pt idx="1292">
                  <c:v>2.58</c:v>
                </c:pt>
                <c:pt idx="1293">
                  <c:v>2.69</c:v>
                </c:pt>
                <c:pt idx="1294">
                  <c:v>2.71</c:v>
                </c:pt>
                <c:pt idx="1295">
                  <c:v>2.83</c:v>
                </c:pt>
                <c:pt idx="1296">
                  <c:v>2.83</c:v>
                </c:pt>
                <c:pt idx="1297">
                  <c:v>2.89</c:v>
                </c:pt>
                <c:pt idx="1298">
                  <c:v>2.92</c:v>
                </c:pt>
                <c:pt idx="1299">
                  <c:v>2.92</c:v>
                </c:pt>
                <c:pt idx="1300">
                  <c:v>3.04</c:v>
                </c:pt>
                <c:pt idx="1301">
                  <c:v>3.05</c:v>
                </c:pt>
                <c:pt idx="1302">
                  <c:v>2.99</c:v>
                </c:pt>
                <c:pt idx="1303">
                  <c:v>3.1</c:v>
                </c:pt>
                <c:pt idx="1304">
                  <c:v>2.98</c:v>
                </c:pt>
                <c:pt idx="1305">
                  <c:v>2.9</c:v>
                </c:pt>
                <c:pt idx="1306">
                  <c:v>2.78</c:v>
                </c:pt>
                <c:pt idx="1307">
                  <c:v>2.81</c:v>
                </c:pt>
                <c:pt idx="1308">
                  <c:v>2.71</c:v>
                </c:pt>
                <c:pt idx="1309">
                  <c:v>2.72</c:v>
                </c:pt>
                <c:pt idx="1310">
                  <c:v>2.79</c:v>
                </c:pt>
                <c:pt idx="1311">
                  <c:v>2.66</c:v>
                </c:pt>
                <c:pt idx="1312">
                  <c:v>2.61</c:v>
                </c:pt>
                <c:pt idx="1313">
                  <c:v>2.61</c:v>
                </c:pt>
                <c:pt idx="1314">
                  <c:v>2.62</c:v>
                </c:pt>
                <c:pt idx="1315">
                  <c:v>2.5299999999999998</c:v>
                </c:pt>
                <c:pt idx="1316">
                  <c:v>2.42</c:v>
                </c:pt>
                <c:pt idx="1317">
                  <c:v>2.48</c:v>
                </c:pt>
                <c:pt idx="1318">
                  <c:v>2.61</c:v>
                </c:pt>
                <c:pt idx="1319">
                  <c:v>2.64</c:v>
                </c:pt>
                <c:pt idx="1320">
                  <c:v>2.59</c:v>
                </c:pt>
                <c:pt idx="1321">
                  <c:v>2.6</c:v>
                </c:pt>
                <c:pt idx="1322">
                  <c:v>2.67</c:v>
                </c:pt>
                <c:pt idx="1323">
                  <c:v>2.7</c:v>
                </c:pt>
                <c:pt idx="1324">
                  <c:v>2.76</c:v>
                </c:pt>
                <c:pt idx="1325">
                  <c:v>2.75</c:v>
                </c:pt>
                <c:pt idx="1326">
                  <c:v>2.77</c:v>
                </c:pt>
                <c:pt idx="1327">
                  <c:v>2.48</c:v>
                </c:pt>
                <c:pt idx="1328">
                  <c:v>2.64</c:v>
                </c:pt>
                <c:pt idx="1329">
                  <c:v>2.73</c:v>
                </c:pt>
                <c:pt idx="1330">
                  <c:v>2.76</c:v>
                </c:pt>
                <c:pt idx="1331">
                  <c:v>2.82</c:v>
                </c:pt>
                <c:pt idx="1332">
                  <c:v>2.76</c:v>
                </c:pt>
                <c:pt idx="1333">
                  <c:v>2.83</c:v>
                </c:pt>
                <c:pt idx="1334">
                  <c:v>2.83</c:v>
                </c:pt>
                <c:pt idx="1335">
                  <c:v>2.89</c:v>
                </c:pt>
                <c:pt idx="1336">
                  <c:v>2.93</c:v>
                </c:pt>
                <c:pt idx="1337">
                  <c:v>2.94</c:v>
                </c:pt>
                <c:pt idx="1338">
                  <c:v>2.91</c:v>
                </c:pt>
                <c:pt idx="1339">
                  <c:v>2.92</c:v>
                </c:pt>
                <c:pt idx="1340">
                  <c:v>3.01</c:v>
                </c:pt>
                <c:pt idx="1341">
                  <c:v>2.99</c:v>
                </c:pt>
                <c:pt idx="1342">
                  <c:v>2.94</c:v>
                </c:pt>
                <c:pt idx="1343">
                  <c:v>3</c:v>
                </c:pt>
                <c:pt idx="1344">
                  <c:v>3.05</c:v>
                </c:pt>
                <c:pt idx="1345">
                  <c:v>3.09</c:v>
                </c:pt>
                <c:pt idx="1346">
                  <c:v>3.18</c:v>
                </c:pt>
                <c:pt idx="1347">
                  <c:v>3.22</c:v>
                </c:pt>
                <c:pt idx="1348">
                  <c:v>3.2</c:v>
                </c:pt>
                <c:pt idx="1349">
                  <c:v>3.21</c:v>
                </c:pt>
                <c:pt idx="1350">
                  <c:v>3.19</c:v>
                </c:pt>
                <c:pt idx="1351">
                  <c:v>3.12</c:v>
                </c:pt>
                <c:pt idx="1352">
                  <c:v>3.13</c:v>
                </c:pt>
                <c:pt idx="1353">
                  <c:v>2.97</c:v>
                </c:pt>
                <c:pt idx="1354">
                  <c:v>2.8</c:v>
                </c:pt>
                <c:pt idx="1355">
                  <c:v>2.97</c:v>
                </c:pt>
                <c:pt idx="1356">
                  <c:v>2.69</c:v>
                </c:pt>
                <c:pt idx="1357">
                  <c:v>2.77</c:v>
                </c:pt>
                <c:pt idx="1358">
                  <c:v>2.66</c:v>
                </c:pt>
                <c:pt idx="1359">
                  <c:v>2.65</c:v>
                </c:pt>
                <c:pt idx="1360">
                  <c:v>2.8</c:v>
                </c:pt>
                <c:pt idx="1361">
                  <c:v>2.86</c:v>
                </c:pt>
                <c:pt idx="1362">
                  <c:v>2.72</c:v>
                </c:pt>
                <c:pt idx="1363">
                  <c:v>2.65</c:v>
                </c:pt>
                <c:pt idx="1364">
                  <c:v>2.72</c:v>
                </c:pt>
                <c:pt idx="1365">
                  <c:v>2.8</c:v>
                </c:pt>
                <c:pt idx="1366">
                  <c:v>2.81</c:v>
                </c:pt>
                <c:pt idx="1367">
                  <c:v>2.86</c:v>
                </c:pt>
                <c:pt idx="1368">
                  <c:v>2.8</c:v>
                </c:pt>
                <c:pt idx="1369">
                  <c:v>2.74</c:v>
                </c:pt>
                <c:pt idx="1370">
                  <c:v>2.77</c:v>
                </c:pt>
                <c:pt idx="1371">
                  <c:v>2.68</c:v>
                </c:pt>
                <c:pt idx="1372">
                  <c:v>2.69</c:v>
                </c:pt>
                <c:pt idx="1373">
                  <c:v>2.69</c:v>
                </c:pt>
                <c:pt idx="1374">
                  <c:v>2.69</c:v>
                </c:pt>
                <c:pt idx="1375">
                  <c:v>2.82</c:v>
                </c:pt>
                <c:pt idx="1376">
                  <c:v>2.87</c:v>
                </c:pt>
                <c:pt idx="1377">
                  <c:v>2.88</c:v>
                </c:pt>
                <c:pt idx="1378">
                  <c:v>2.93</c:v>
                </c:pt>
                <c:pt idx="1379">
                  <c:v>2.98</c:v>
                </c:pt>
                <c:pt idx="1380">
                  <c:v>2.95</c:v>
                </c:pt>
                <c:pt idx="1381">
                  <c:v>3</c:v>
                </c:pt>
                <c:pt idx="1382">
                  <c:v>2.95</c:v>
                </c:pt>
                <c:pt idx="1383">
                  <c:v>2.99</c:v>
                </c:pt>
                <c:pt idx="1384">
                  <c:v>2.99</c:v>
                </c:pt>
                <c:pt idx="1385">
                  <c:v>2.89</c:v>
                </c:pt>
                <c:pt idx="1386">
                  <c:v>2.89</c:v>
                </c:pt>
                <c:pt idx="1387">
                  <c:v>2.96</c:v>
                </c:pt>
                <c:pt idx="1388">
                  <c:v>2.88</c:v>
                </c:pt>
                <c:pt idx="1389">
                  <c:v>2.88</c:v>
                </c:pt>
                <c:pt idx="1390">
                  <c:v>2.85</c:v>
                </c:pt>
                <c:pt idx="1391">
                  <c:v>2.83</c:v>
                </c:pt>
                <c:pt idx="1392">
                  <c:v>2.8</c:v>
                </c:pt>
                <c:pt idx="1393">
                  <c:v>2.88</c:v>
                </c:pt>
                <c:pt idx="1394">
                  <c:v>2.9</c:v>
                </c:pt>
                <c:pt idx="1395">
                  <c:v>2.92</c:v>
                </c:pt>
                <c:pt idx="1396">
                  <c:v>2.87</c:v>
                </c:pt>
                <c:pt idx="1397">
                  <c:v>2.79</c:v>
                </c:pt>
                <c:pt idx="1398">
                  <c:v>2.84</c:v>
                </c:pt>
                <c:pt idx="1399">
                  <c:v>2.88</c:v>
                </c:pt>
                <c:pt idx="1400">
                  <c:v>2.92</c:v>
                </c:pt>
                <c:pt idx="1401">
                  <c:v>2.9</c:v>
                </c:pt>
                <c:pt idx="1402">
                  <c:v>3.02</c:v>
                </c:pt>
                <c:pt idx="1403">
                  <c:v>3</c:v>
                </c:pt>
                <c:pt idx="1404">
                  <c:v>3.02</c:v>
                </c:pt>
                <c:pt idx="1405">
                  <c:v>3.04</c:v>
                </c:pt>
                <c:pt idx="1406">
                  <c:v>3.03</c:v>
                </c:pt>
                <c:pt idx="1407">
                  <c:v>3.06</c:v>
                </c:pt>
                <c:pt idx="1408">
                  <c:v>3.11</c:v>
                </c:pt>
                <c:pt idx="1409">
                  <c:v>3</c:v>
                </c:pt>
                <c:pt idx="1410">
                  <c:v>2.91</c:v>
                </c:pt>
                <c:pt idx="1411">
                  <c:v>2.84</c:v>
                </c:pt>
                <c:pt idx="1412">
                  <c:v>2.82</c:v>
                </c:pt>
                <c:pt idx="1413">
                  <c:v>2.85</c:v>
                </c:pt>
                <c:pt idx="1414">
                  <c:v>2.92</c:v>
                </c:pt>
                <c:pt idx="1415">
                  <c:v>2.92</c:v>
                </c:pt>
                <c:pt idx="1416">
                  <c:v>2.98</c:v>
                </c:pt>
                <c:pt idx="1417">
                  <c:v>2.97</c:v>
                </c:pt>
                <c:pt idx="1418">
                  <c:v>2.91</c:v>
                </c:pt>
                <c:pt idx="1419">
                  <c:v>2.89</c:v>
                </c:pt>
                <c:pt idx="1420">
                  <c:v>2.94</c:v>
                </c:pt>
                <c:pt idx="1421">
                  <c:v>2.98</c:v>
                </c:pt>
                <c:pt idx="1422">
                  <c:v>3.02</c:v>
                </c:pt>
                <c:pt idx="1423">
                  <c:v>2.96</c:v>
                </c:pt>
                <c:pt idx="1424">
                  <c:v>3.03</c:v>
                </c:pt>
                <c:pt idx="1425">
                  <c:v>2.92</c:v>
                </c:pt>
                <c:pt idx="1426">
                  <c:v>2.95</c:v>
                </c:pt>
                <c:pt idx="1427">
                  <c:v>3.01</c:v>
                </c:pt>
                <c:pt idx="1428">
                  <c:v>2.87</c:v>
                </c:pt>
                <c:pt idx="1429">
                  <c:v>2.83</c:v>
                </c:pt>
                <c:pt idx="1430">
                  <c:v>2.88</c:v>
                </c:pt>
                <c:pt idx="1431">
                  <c:v>2.84</c:v>
                </c:pt>
                <c:pt idx="1432">
                  <c:v>2.94</c:v>
                </c:pt>
                <c:pt idx="1433">
                  <c:v>2.93</c:v>
                </c:pt>
                <c:pt idx="1434">
                  <c:v>2.97</c:v>
                </c:pt>
                <c:pt idx="1435">
                  <c:v>3</c:v>
                </c:pt>
                <c:pt idx="1436">
                  <c:v>3.01</c:v>
                </c:pt>
                <c:pt idx="1437">
                  <c:v>3.18</c:v>
                </c:pt>
                <c:pt idx="1438">
                  <c:v>3.17</c:v>
                </c:pt>
                <c:pt idx="1439">
                  <c:v>3.19</c:v>
                </c:pt>
                <c:pt idx="1440">
                  <c:v>3.2</c:v>
                </c:pt>
                <c:pt idx="1441">
                  <c:v>3.1</c:v>
                </c:pt>
                <c:pt idx="1442">
                  <c:v>3.02</c:v>
                </c:pt>
                <c:pt idx="1443">
                  <c:v>3.03</c:v>
                </c:pt>
                <c:pt idx="1444">
                  <c:v>3.01</c:v>
                </c:pt>
                <c:pt idx="1445">
                  <c:v>2.89</c:v>
                </c:pt>
                <c:pt idx="1446">
                  <c:v>2.86</c:v>
                </c:pt>
                <c:pt idx="1447">
                  <c:v>3.01</c:v>
                </c:pt>
                <c:pt idx="1448">
                  <c:v>2.97</c:v>
                </c:pt>
                <c:pt idx="1449">
                  <c:v>2.94</c:v>
                </c:pt>
                <c:pt idx="1450">
                  <c:v>2.97</c:v>
                </c:pt>
                <c:pt idx="1451">
                  <c:v>3.01</c:v>
                </c:pt>
                <c:pt idx="1452">
                  <c:v>3.01</c:v>
                </c:pt>
                <c:pt idx="1453">
                  <c:v>3.01</c:v>
                </c:pt>
                <c:pt idx="1454">
                  <c:v>3.01</c:v>
                </c:pt>
                <c:pt idx="1455">
                  <c:v>3.08</c:v>
                </c:pt>
                <c:pt idx="1456">
                  <c:v>3.06</c:v>
                </c:pt>
                <c:pt idx="1457">
                  <c:v>3.11</c:v>
                </c:pt>
                <c:pt idx="1458">
                  <c:v>3.09</c:v>
                </c:pt>
                <c:pt idx="1459">
                  <c:v>3.12</c:v>
                </c:pt>
                <c:pt idx="1460">
                  <c:v>2.99</c:v>
                </c:pt>
                <c:pt idx="1461">
                  <c:v>3.03</c:v>
                </c:pt>
                <c:pt idx="1462">
                  <c:v>3.06</c:v>
                </c:pt>
                <c:pt idx="1463">
                  <c:v>3.14</c:v>
                </c:pt>
                <c:pt idx="1464">
                  <c:v>3.16</c:v>
                </c:pt>
                <c:pt idx="1465">
                  <c:v>3.21</c:v>
                </c:pt>
                <c:pt idx="1466">
                  <c:v>3.18</c:v>
                </c:pt>
                <c:pt idx="1467">
                  <c:v>3.23</c:v>
                </c:pt>
                <c:pt idx="1468">
                  <c:v>3.16</c:v>
                </c:pt>
                <c:pt idx="1469">
                  <c:v>3.23</c:v>
                </c:pt>
                <c:pt idx="1470">
                  <c:v>3.18</c:v>
                </c:pt>
                <c:pt idx="1471">
                  <c:v>3.05</c:v>
                </c:pt>
                <c:pt idx="1472">
                  <c:v>3.04</c:v>
                </c:pt>
                <c:pt idx="1473">
                  <c:v>3.09</c:v>
                </c:pt>
                <c:pt idx="1474">
                  <c:v>3.1</c:v>
                </c:pt>
                <c:pt idx="1475">
                  <c:v>3.04</c:v>
                </c:pt>
                <c:pt idx="1476">
                  <c:v>3.06</c:v>
                </c:pt>
                <c:pt idx="1477">
                  <c:v>2.98</c:v>
                </c:pt>
                <c:pt idx="1478">
                  <c:v>3.06</c:v>
                </c:pt>
                <c:pt idx="1479">
                  <c:v>3.1</c:v>
                </c:pt>
                <c:pt idx="1480">
                  <c:v>3.12</c:v>
                </c:pt>
                <c:pt idx="1481">
                  <c:v>3.18</c:v>
                </c:pt>
                <c:pt idx="1482">
                  <c:v>3.14</c:v>
                </c:pt>
                <c:pt idx="1483">
                  <c:v>3.13</c:v>
                </c:pt>
                <c:pt idx="1484">
                  <c:v>3.17</c:v>
                </c:pt>
                <c:pt idx="1485">
                  <c:v>3.17</c:v>
                </c:pt>
                <c:pt idx="1486">
                  <c:v>3.2</c:v>
                </c:pt>
                <c:pt idx="1487">
                  <c:v>3.1</c:v>
                </c:pt>
                <c:pt idx="1488">
                  <c:v>3.21</c:v>
                </c:pt>
                <c:pt idx="1489">
                  <c:v>3.25</c:v>
                </c:pt>
                <c:pt idx="1490">
                  <c:v>3.28</c:v>
                </c:pt>
                <c:pt idx="1491">
                  <c:v>3.24</c:v>
                </c:pt>
                <c:pt idx="1492">
                  <c:v>3.27</c:v>
                </c:pt>
                <c:pt idx="1493">
                  <c:v>3.28</c:v>
                </c:pt>
                <c:pt idx="1494">
                  <c:v>3.33</c:v>
                </c:pt>
                <c:pt idx="1495">
                  <c:v>3.35</c:v>
                </c:pt>
                <c:pt idx="1496">
                  <c:v>3.39</c:v>
                </c:pt>
                <c:pt idx="1497">
                  <c:v>3.52</c:v>
                </c:pt>
                <c:pt idx="1498">
                  <c:v>3.38</c:v>
                </c:pt>
                <c:pt idx="1499">
                  <c:v>3.46</c:v>
                </c:pt>
                <c:pt idx="1500">
                  <c:v>3.51</c:v>
                </c:pt>
                <c:pt idx="1501">
                  <c:v>3.52</c:v>
                </c:pt>
                <c:pt idx="1502">
                  <c:v>3.47</c:v>
                </c:pt>
                <c:pt idx="1503">
                  <c:v>3.49</c:v>
                </c:pt>
                <c:pt idx="1504">
                  <c:v>3.36</c:v>
                </c:pt>
                <c:pt idx="1505">
                  <c:v>3.35</c:v>
                </c:pt>
                <c:pt idx="1506">
                  <c:v>3.27</c:v>
                </c:pt>
                <c:pt idx="1507">
                  <c:v>3.33</c:v>
                </c:pt>
                <c:pt idx="1508">
                  <c:v>3.31</c:v>
                </c:pt>
                <c:pt idx="1509">
                  <c:v>3.35</c:v>
                </c:pt>
                <c:pt idx="1510">
                  <c:v>3.45</c:v>
                </c:pt>
                <c:pt idx="1511">
                  <c:v>3.51</c:v>
                </c:pt>
                <c:pt idx="1512">
                  <c:v>3.5</c:v>
                </c:pt>
                <c:pt idx="1513">
                  <c:v>3.46</c:v>
                </c:pt>
                <c:pt idx="1514">
                  <c:v>3.43</c:v>
                </c:pt>
                <c:pt idx="1515">
                  <c:v>3.4</c:v>
                </c:pt>
                <c:pt idx="1516">
                  <c:v>3.45</c:v>
                </c:pt>
                <c:pt idx="1517">
                  <c:v>3.42</c:v>
                </c:pt>
                <c:pt idx="1518">
                  <c:v>3.4</c:v>
                </c:pt>
                <c:pt idx="1519">
                  <c:v>3.38</c:v>
                </c:pt>
                <c:pt idx="1520">
                  <c:v>3.42</c:v>
                </c:pt>
                <c:pt idx="1521">
                  <c:v>3.37</c:v>
                </c:pt>
                <c:pt idx="1522">
                  <c:v>3.31</c:v>
                </c:pt>
                <c:pt idx="1523">
                  <c:v>3.24</c:v>
                </c:pt>
                <c:pt idx="1524">
                  <c:v>3.32</c:v>
                </c:pt>
                <c:pt idx="1525">
                  <c:v>3.25</c:v>
                </c:pt>
                <c:pt idx="1526">
                  <c:v>3.2</c:v>
                </c:pt>
                <c:pt idx="1527">
                  <c:v>3.22</c:v>
                </c:pt>
                <c:pt idx="1528">
                  <c:v>3.28</c:v>
                </c:pt>
                <c:pt idx="1529">
                  <c:v>3.29</c:v>
                </c:pt>
                <c:pt idx="1530">
                  <c:v>3.16</c:v>
                </c:pt>
                <c:pt idx="1531">
                  <c:v>3.18</c:v>
                </c:pt>
                <c:pt idx="1532">
                  <c:v>3.12</c:v>
                </c:pt>
                <c:pt idx="1533">
                  <c:v>3.15</c:v>
                </c:pt>
                <c:pt idx="1534">
                  <c:v>3.17</c:v>
                </c:pt>
                <c:pt idx="1535">
                  <c:v>3.12</c:v>
                </c:pt>
                <c:pt idx="1536">
                  <c:v>3.12</c:v>
                </c:pt>
                <c:pt idx="1537">
                  <c:v>3.18</c:v>
                </c:pt>
                <c:pt idx="1538">
                  <c:v>3.2</c:v>
                </c:pt>
                <c:pt idx="1539">
                  <c:v>3.11</c:v>
                </c:pt>
                <c:pt idx="1540">
                  <c:v>3.05</c:v>
                </c:pt>
                <c:pt idx="1541">
                  <c:v>2.98</c:v>
                </c:pt>
                <c:pt idx="1542">
                  <c:v>3.02</c:v>
                </c:pt>
                <c:pt idx="1543">
                  <c:v>2.93</c:v>
                </c:pt>
                <c:pt idx="1544">
                  <c:v>2.91</c:v>
                </c:pt>
                <c:pt idx="1545">
                  <c:v>2.79</c:v>
                </c:pt>
                <c:pt idx="1546">
                  <c:v>2.75</c:v>
                </c:pt>
                <c:pt idx="1547">
                  <c:v>2.73</c:v>
                </c:pt>
                <c:pt idx="1548">
                  <c:v>2.81</c:v>
                </c:pt>
                <c:pt idx="1549">
                  <c:v>2.82</c:v>
                </c:pt>
                <c:pt idx="1550">
                  <c:v>2.77</c:v>
                </c:pt>
                <c:pt idx="1551">
                  <c:v>2.71</c:v>
                </c:pt>
                <c:pt idx="1552">
                  <c:v>2.64</c:v>
                </c:pt>
                <c:pt idx="1553">
                  <c:v>2.5499999999999998</c:v>
                </c:pt>
                <c:pt idx="1554">
                  <c:v>2.6</c:v>
                </c:pt>
                <c:pt idx="1555">
                  <c:v>2.52</c:v>
                </c:pt>
                <c:pt idx="1556">
                  <c:v>2.48</c:v>
                </c:pt>
                <c:pt idx="1557">
                  <c:v>2.46</c:v>
                </c:pt>
                <c:pt idx="1558">
                  <c:v>2.4700000000000002</c:v>
                </c:pt>
                <c:pt idx="1559">
                  <c:v>2.4700000000000002</c:v>
                </c:pt>
                <c:pt idx="1560">
                  <c:v>2.4700000000000002</c:v>
                </c:pt>
                <c:pt idx="1561">
                  <c:v>2.41</c:v>
                </c:pt>
                <c:pt idx="1562">
                  <c:v>2.46</c:v>
                </c:pt>
                <c:pt idx="1563">
                  <c:v>2.5499999999999998</c:v>
                </c:pt>
                <c:pt idx="1564">
                  <c:v>2.5499999999999998</c:v>
                </c:pt>
                <c:pt idx="1565">
                  <c:v>2.58</c:v>
                </c:pt>
                <c:pt idx="1566">
                  <c:v>2.56</c:v>
                </c:pt>
                <c:pt idx="1567">
                  <c:v>2.64</c:v>
                </c:pt>
                <c:pt idx="1568">
                  <c:v>2.66</c:v>
                </c:pt>
                <c:pt idx="1569">
                  <c:v>2.65</c:v>
                </c:pt>
                <c:pt idx="1570">
                  <c:v>2.71</c:v>
                </c:pt>
                <c:pt idx="1571">
                  <c:v>2.74</c:v>
                </c:pt>
                <c:pt idx="1572">
                  <c:v>2.74</c:v>
                </c:pt>
                <c:pt idx="1573">
                  <c:v>2.68</c:v>
                </c:pt>
                <c:pt idx="1574">
                  <c:v>2.72</c:v>
                </c:pt>
                <c:pt idx="1575">
                  <c:v>2.75</c:v>
                </c:pt>
                <c:pt idx="1576">
                  <c:v>2.82</c:v>
                </c:pt>
                <c:pt idx="1577">
                  <c:v>2.84</c:v>
                </c:pt>
                <c:pt idx="1578">
                  <c:v>2.82</c:v>
                </c:pt>
                <c:pt idx="1579">
                  <c:v>2.78</c:v>
                </c:pt>
                <c:pt idx="1580">
                  <c:v>2.84</c:v>
                </c:pt>
                <c:pt idx="1581">
                  <c:v>2.83</c:v>
                </c:pt>
                <c:pt idx="1582">
                  <c:v>2.77</c:v>
                </c:pt>
                <c:pt idx="1583">
                  <c:v>2.79</c:v>
                </c:pt>
                <c:pt idx="1584">
                  <c:v>2.72</c:v>
                </c:pt>
                <c:pt idx="1585">
                  <c:v>2.77</c:v>
                </c:pt>
                <c:pt idx="1586">
                  <c:v>2.65</c:v>
                </c:pt>
                <c:pt idx="1587">
                  <c:v>2.63</c:v>
                </c:pt>
                <c:pt idx="1588">
                  <c:v>2.74</c:v>
                </c:pt>
                <c:pt idx="1589">
                  <c:v>2.83</c:v>
                </c:pt>
                <c:pt idx="1590">
                  <c:v>2.8</c:v>
                </c:pt>
                <c:pt idx="1591">
                  <c:v>2.8</c:v>
                </c:pt>
                <c:pt idx="1592">
                  <c:v>2.86</c:v>
                </c:pt>
                <c:pt idx="1593">
                  <c:v>2.89</c:v>
                </c:pt>
                <c:pt idx="1594">
                  <c:v>2.86</c:v>
                </c:pt>
                <c:pt idx="1595">
                  <c:v>2.89</c:v>
                </c:pt>
                <c:pt idx="1596">
                  <c:v>2.83</c:v>
                </c:pt>
                <c:pt idx="1597">
                  <c:v>2.82</c:v>
                </c:pt>
                <c:pt idx="1598">
                  <c:v>2.87</c:v>
                </c:pt>
                <c:pt idx="1599">
                  <c:v>2.88</c:v>
                </c:pt>
                <c:pt idx="1600">
                  <c:v>2.84</c:v>
                </c:pt>
                <c:pt idx="1601">
                  <c:v>2.91</c:v>
                </c:pt>
                <c:pt idx="1602">
                  <c:v>2.9</c:v>
                </c:pt>
                <c:pt idx="1603">
                  <c:v>2.83</c:v>
                </c:pt>
                <c:pt idx="1604">
                  <c:v>2.89</c:v>
                </c:pt>
                <c:pt idx="1605">
                  <c:v>2.92</c:v>
                </c:pt>
                <c:pt idx="1606">
                  <c:v>2.93</c:v>
                </c:pt>
                <c:pt idx="1607">
                  <c:v>2.88</c:v>
                </c:pt>
                <c:pt idx="1608">
                  <c:v>2.88</c:v>
                </c:pt>
                <c:pt idx="1609">
                  <c:v>2.87</c:v>
                </c:pt>
                <c:pt idx="1610">
                  <c:v>2.78</c:v>
                </c:pt>
                <c:pt idx="1611">
                  <c:v>2.78</c:v>
                </c:pt>
                <c:pt idx="1612">
                  <c:v>2.75</c:v>
                </c:pt>
                <c:pt idx="1613">
                  <c:v>2.71</c:v>
                </c:pt>
                <c:pt idx="1614">
                  <c:v>2.76</c:v>
                </c:pt>
                <c:pt idx="1615">
                  <c:v>2.77</c:v>
                </c:pt>
                <c:pt idx="1616">
                  <c:v>2.79</c:v>
                </c:pt>
                <c:pt idx="1617">
                  <c:v>2.86</c:v>
                </c:pt>
                <c:pt idx="1618">
                  <c:v>2.88</c:v>
                </c:pt>
                <c:pt idx="1619">
                  <c:v>2.89</c:v>
                </c:pt>
                <c:pt idx="1620">
                  <c:v>2.87</c:v>
                </c:pt>
                <c:pt idx="1621">
                  <c:v>2.87</c:v>
                </c:pt>
                <c:pt idx="1622">
                  <c:v>2.84</c:v>
                </c:pt>
                <c:pt idx="1623">
                  <c:v>2.79</c:v>
                </c:pt>
                <c:pt idx="1624">
                  <c:v>2.85</c:v>
                </c:pt>
                <c:pt idx="1625">
                  <c:v>2.83</c:v>
                </c:pt>
                <c:pt idx="1626">
                  <c:v>2.78</c:v>
                </c:pt>
                <c:pt idx="1627">
                  <c:v>2.82</c:v>
                </c:pt>
                <c:pt idx="1628">
                  <c:v>2.82</c:v>
                </c:pt>
                <c:pt idx="1629">
                  <c:v>2.82</c:v>
                </c:pt>
                <c:pt idx="1630">
                  <c:v>2.94</c:v>
                </c:pt>
                <c:pt idx="1631">
                  <c:v>2.94</c:v>
                </c:pt>
                <c:pt idx="1632">
                  <c:v>2.88</c:v>
                </c:pt>
                <c:pt idx="1633">
                  <c:v>2.93</c:v>
                </c:pt>
                <c:pt idx="1634">
                  <c:v>2.95</c:v>
                </c:pt>
                <c:pt idx="1635">
                  <c:v>2.88</c:v>
                </c:pt>
                <c:pt idx="1636">
                  <c:v>2.94</c:v>
                </c:pt>
                <c:pt idx="1637">
                  <c:v>3</c:v>
                </c:pt>
                <c:pt idx="1638">
                  <c:v>2.87</c:v>
                </c:pt>
                <c:pt idx="1639">
                  <c:v>2.97</c:v>
                </c:pt>
                <c:pt idx="1640">
                  <c:v>3.03</c:v>
                </c:pt>
                <c:pt idx="1641">
                  <c:v>3</c:v>
                </c:pt>
                <c:pt idx="1642">
                  <c:v>3.01</c:v>
                </c:pt>
                <c:pt idx="1643">
                  <c:v>3.04</c:v>
                </c:pt>
                <c:pt idx="1644">
                  <c:v>3.01</c:v>
                </c:pt>
                <c:pt idx="1645">
                  <c:v>3.02</c:v>
                </c:pt>
                <c:pt idx="1646">
                  <c:v>3.11</c:v>
                </c:pt>
                <c:pt idx="1647">
                  <c:v>3.14</c:v>
                </c:pt>
                <c:pt idx="1648">
                  <c:v>3.08</c:v>
                </c:pt>
                <c:pt idx="1649">
                  <c:v>3.01</c:v>
                </c:pt>
                <c:pt idx="1650">
                  <c:v>3.08</c:v>
                </c:pt>
                <c:pt idx="1651">
                  <c:v>3.08</c:v>
                </c:pt>
                <c:pt idx="1652">
                  <c:v>3.05</c:v>
                </c:pt>
                <c:pt idx="1653">
                  <c:v>3.01</c:v>
                </c:pt>
                <c:pt idx="1654">
                  <c:v>2.98</c:v>
                </c:pt>
                <c:pt idx="1655">
                  <c:v>2.92</c:v>
                </c:pt>
                <c:pt idx="1656">
                  <c:v>2.96</c:v>
                </c:pt>
                <c:pt idx="1657">
                  <c:v>3</c:v>
                </c:pt>
                <c:pt idx="1658">
                  <c:v>3.02</c:v>
                </c:pt>
                <c:pt idx="1659">
                  <c:v>3.01</c:v>
                </c:pt>
                <c:pt idx="1660">
                  <c:v>3.05</c:v>
                </c:pt>
                <c:pt idx="1661">
                  <c:v>2.92</c:v>
                </c:pt>
                <c:pt idx="1662">
                  <c:v>2.93</c:v>
                </c:pt>
                <c:pt idx="1663">
                  <c:v>3</c:v>
                </c:pt>
                <c:pt idx="1664">
                  <c:v>3.02</c:v>
                </c:pt>
                <c:pt idx="1665">
                  <c:v>2.99</c:v>
                </c:pt>
                <c:pt idx="1666">
                  <c:v>3.02</c:v>
                </c:pt>
                <c:pt idx="1667">
                  <c:v>3.09</c:v>
                </c:pt>
                <c:pt idx="1668">
                  <c:v>3.06</c:v>
                </c:pt>
                <c:pt idx="1669">
                  <c:v>3.02</c:v>
                </c:pt>
                <c:pt idx="1670">
                  <c:v>3.06</c:v>
                </c:pt>
                <c:pt idx="1671">
                  <c:v>3.16</c:v>
                </c:pt>
                <c:pt idx="1672">
                  <c:v>3.15</c:v>
                </c:pt>
                <c:pt idx="1673">
                  <c:v>3.12</c:v>
                </c:pt>
                <c:pt idx="1674">
                  <c:v>3.06</c:v>
                </c:pt>
                <c:pt idx="1675">
                  <c:v>3.03</c:v>
                </c:pt>
                <c:pt idx="1676">
                  <c:v>2.99</c:v>
                </c:pt>
                <c:pt idx="1677">
                  <c:v>3.04</c:v>
                </c:pt>
                <c:pt idx="1678">
                  <c:v>3.11</c:v>
                </c:pt>
                <c:pt idx="1679">
                  <c:v>3.23</c:v>
                </c:pt>
                <c:pt idx="1680">
                  <c:v>3.24</c:v>
                </c:pt>
                <c:pt idx="1681">
                  <c:v>3.15</c:v>
                </c:pt>
                <c:pt idx="1682">
                  <c:v>3.19</c:v>
                </c:pt>
                <c:pt idx="1683">
                  <c:v>3.13</c:v>
                </c:pt>
                <c:pt idx="1684">
                  <c:v>3.15</c:v>
                </c:pt>
                <c:pt idx="1685">
                  <c:v>3.11</c:v>
                </c:pt>
                <c:pt idx="1686">
                  <c:v>3.15</c:v>
                </c:pt>
                <c:pt idx="1687">
                  <c:v>3.15</c:v>
                </c:pt>
                <c:pt idx="1688">
                  <c:v>3.15</c:v>
                </c:pt>
                <c:pt idx="1689">
                  <c:v>3.13</c:v>
                </c:pt>
                <c:pt idx="1690">
                  <c:v>3.12</c:v>
                </c:pt>
                <c:pt idx="1691">
                  <c:v>3.18</c:v>
                </c:pt>
                <c:pt idx="1692">
                  <c:v>3.23</c:v>
                </c:pt>
                <c:pt idx="1693">
                  <c:v>3.26</c:v>
                </c:pt>
                <c:pt idx="1694">
                  <c:v>3.32</c:v>
                </c:pt>
                <c:pt idx="1695">
                  <c:v>3.29</c:v>
                </c:pt>
                <c:pt idx="1696">
                  <c:v>3.21</c:v>
                </c:pt>
                <c:pt idx="1697">
                  <c:v>3.24</c:v>
                </c:pt>
                <c:pt idx="1698">
                  <c:v>3.17</c:v>
                </c:pt>
                <c:pt idx="1699">
                  <c:v>3.13</c:v>
                </c:pt>
                <c:pt idx="1700">
                  <c:v>3.22</c:v>
                </c:pt>
                <c:pt idx="1701">
                  <c:v>3.15</c:v>
                </c:pt>
                <c:pt idx="1702">
                  <c:v>3.08</c:v>
                </c:pt>
              </c:numCache>
            </c:numRef>
          </c:val>
          <c:smooth val="0"/>
          <c:extLst>
            <c:ext xmlns:c16="http://schemas.microsoft.com/office/drawing/2014/chart" uri="{C3380CC4-5D6E-409C-BE32-E72D297353CC}">
              <c16:uniqueId val="{00000003-B7C2-4DA8-9E62-F4E45D0D7C69}"/>
            </c:ext>
          </c:extLst>
        </c:ser>
        <c:ser>
          <c:idx val="4"/>
          <c:order val="4"/>
          <c:tx>
            <c:strRef>
              <c:f>'10Yr_Gov'!$O$4</c:f>
              <c:strCache>
                <c:ptCount val="1"/>
                <c:pt idx="0">
                  <c:v>China</c:v>
                </c:pt>
              </c:strCache>
            </c:strRef>
          </c:tx>
          <c:spPr>
            <a:ln w="25400" cap="rnd" cmpd="sng" algn="ctr">
              <a:solidFill>
                <a:srgbClr val="D2785A"/>
              </a:solidFill>
              <a:prstDash val="solid"/>
              <a:round/>
              <a:headEnd type="none" w="med" len="med"/>
              <a:tailEnd type="none" w="med" len="med"/>
            </a:ln>
          </c:spPr>
          <c:marker>
            <c:symbol val="none"/>
          </c:marker>
          <c:cat>
            <c:numRef>
              <c:f>'10Yr_Gov'!$J$5:$J$1707</c:f>
              <c:numCache>
                <c:formatCode>m/d/yyyy</c:formatCode>
                <c:ptCount val="1703"/>
                <c:pt idx="0">
                  <c:v>43102</c:v>
                </c:pt>
                <c:pt idx="1">
                  <c:v>43103</c:v>
                </c:pt>
                <c:pt idx="2">
                  <c:v>43104</c:v>
                </c:pt>
                <c:pt idx="3">
                  <c:v>43105</c:v>
                </c:pt>
                <c:pt idx="4">
                  <c:v>43108</c:v>
                </c:pt>
                <c:pt idx="5">
                  <c:v>43109</c:v>
                </c:pt>
                <c:pt idx="6">
                  <c:v>43110</c:v>
                </c:pt>
                <c:pt idx="7">
                  <c:v>43111</c:v>
                </c:pt>
                <c:pt idx="8">
                  <c:v>43112</c:v>
                </c:pt>
                <c:pt idx="9">
                  <c:v>43115</c:v>
                </c:pt>
                <c:pt idx="10">
                  <c:v>43116</c:v>
                </c:pt>
                <c:pt idx="11">
                  <c:v>43117</c:v>
                </c:pt>
                <c:pt idx="12">
                  <c:v>43118</c:v>
                </c:pt>
                <c:pt idx="13">
                  <c:v>43119</c:v>
                </c:pt>
                <c:pt idx="14">
                  <c:v>43122</c:v>
                </c:pt>
                <c:pt idx="15">
                  <c:v>43123</c:v>
                </c:pt>
                <c:pt idx="16">
                  <c:v>43124</c:v>
                </c:pt>
                <c:pt idx="17">
                  <c:v>43125</c:v>
                </c:pt>
                <c:pt idx="18">
                  <c:v>43126</c:v>
                </c:pt>
                <c:pt idx="19">
                  <c:v>43129</c:v>
                </c:pt>
                <c:pt idx="20">
                  <c:v>43130</c:v>
                </c:pt>
                <c:pt idx="21">
                  <c:v>43131</c:v>
                </c:pt>
                <c:pt idx="22">
                  <c:v>43132</c:v>
                </c:pt>
                <c:pt idx="23">
                  <c:v>43133</c:v>
                </c:pt>
                <c:pt idx="24">
                  <c:v>43136</c:v>
                </c:pt>
                <c:pt idx="25">
                  <c:v>43137</c:v>
                </c:pt>
                <c:pt idx="26">
                  <c:v>43138</c:v>
                </c:pt>
                <c:pt idx="27">
                  <c:v>43139</c:v>
                </c:pt>
                <c:pt idx="28">
                  <c:v>43140</c:v>
                </c:pt>
                <c:pt idx="29">
                  <c:v>43143</c:v>
                </c:pt>
                <c:pt idx="30">
                  <c:v>43144</c:v>
                </c:pt>
                <c:pt idx="31">
                  <c:v>43145</c:v>
                </c:pt>
                <c:pt idx="32">
                  <c:v>43146</c:v>
                </c:pt>
                <c:pt idx="33">
                  <c:v>43147</c:v>
                </c:pt>
                <c:pt idx="34">
                  <c:v>43150</c:v>
                </c:pt>
                <c:pt idx="35">
                  <c:v>43151</c:v>
                </c:pt>
                <c:pt idx="36">
                  <c:v>43152</c:v>
                </c:pt>
                <c:pt idx="37">
                  <c:v>43153</c:v>
                </c:pt>
                <c:pt idx="38">
                  <c:v>43154</c:v>
                </c:pt>
                <c:pt idx="39">
                  <c:v>43157</c:v>
                </c:pt>
                <c:pt idx="40">
                  <c:v>43158</c:v>
                </c:pt>
                <c:pt idx="41">
                  <c:v>43159</c:v>
                </c:pt>
                <c:pt idx="42">
                  <c:v>43160</c:v>
                </c:pt>
                <c:pt idx="43">
                  <c:v>43161</c:v>
                </c:pt>
                <c:pt idx="44">
                  <c:v>43164</c:v>
                </c:pt>
                <c:pt idx="45">
                  <c:v>43165</c:v>
                </c:pt>
                <c:pt idx="46">
                  <c:v>43166</c:v>
                </c:pt>
                <c:pt idx="47">
                  <c:v>43167</c:v>
                </c:pt>
                <c:pt idx="48">
                  <c:v>43168</c:v>
                </c:pt>
                <c:pt idx="49">
                  <c:v>43171</c:v>
                </c:pt>
                <c:pt idx="50">
                  <c:v>43172</c:v>
                </c:pt>
                <c:pt idx="51">
                  <c:v>43173</c:v>
                </c:pt>
                <c:pt idx="52">
                  <c:v>43174</c:v>
                </c:pt>
                <c:pt idx="53">
                  <c:v>43175</c:v>
                </c:pt>
                <c:pt idx="54">
                  <c:v>43178</c:v>
                </c:pt>
                <c:pt idx="55">
                  <c:v>43179</c:v>
                </c:pt>
                <c:pt idx="56">
                  <c:v>43180</c:v>
                </c:pt>
                <c:pt idx="57">
                  <c:v>43181</c:v>
                </c:pt>
                <c:pt idx="58">
                  <c:v>43182</c:v>
                </c:pt>
                <c:pt idx="59">
                  <c:v>43185</c:v>
                </c:pt>
                <c:pt idx="60">
                  <c:v>43186</c:v>
                </c:pt>
                <c:pt idx="61">
                  <c:v>43187</c:v>
                </c:pt>
                <c:pt idx="62">
                  <c:v>43188</c:v>
                </c:pt>
                <c:pt idx="63">
                  <c:v>43189</c:v>
                </c:pt>
                <c:pt idx="64">
                  <c:v>43192</c:v>
                </c:pt>
                <c:pt idx="65">
                  <c:v>43193</c:v>
                </c:pt>
                <c:pt idx="66">
                  <c:v>43194</c:v>
                </c:pt>
                <c:pt idx="67">
                  <c:v>43195</c:v>
                </c:pt>
                <c:pt idx="68">
                  <c:v>43196</c:v>
                </c:pt>
                <c:pt idx="69">
                  <c:v>43199</c:v>
                </c:pt>
                <c:pt idx="70">
                  <c:v>43200</c:v>
                </c:pt>
                <c:pt idx="71">
                  <c:v>43201</c:v>
                </c:pt>
                <c:pt idx="72">
                  <c:v>43202</c:v>
                </c:pt>
                <c:pt idx="73">
                  <c:v>43203</c:v>
                </c:pt>
                <c:pt idx="74">
                  <c:v>43206</c:v>
                </c:pt>
                <c:pt idx="75">
                  <c:v>43207</c:v>
                </c:pt>
                <c:pt idx="76">
                  <c:v>43208</c:v>
                </c:pt>
                <c:pt idx="77">
                  <c:v>43209</c:v>
                </c:pt>
                <c:pt idx="78">
                  <c:v>43210</c:v>
                </c:pt>
                <c:pt idx="79">
                  <c:v>43213</c:v>
                </c:pt>
                <c:pt idx="80">
                  <c:v>43214</c:v>
                </c:pt>
                <c:pt idx="81">
                  <c:v>43215</c:v>
                </c:pt>
                <c:pt idx="82">
                  <c:v>43216</c:v>
                </c:pt>
                <c:pt idx="83">
                  <c:v>43217</c:v>
                </c:pt>
                <c:pt idx="84">
                  <c:v>43220</c:v>
                </c:pt>
                <c:pt idx="85">
                  <c:v>43221</c:v>
                </c:pt>
                <c:pt idx="86">
                  <c:v>43222</c:v>
                </c:pt>
                <c:pt idx="87">
                  <c:v>43223</c:v>
                </c:pt>
                <c:pt idx="88">
                  <c:v>43224</c:v>
                </c:pt>
                <c:pt idx="89">
                  <c:v>43227</c:v>
                </c:pt>
                <c:pt idx="90">
                  <c:v>43228</c:v>
                </c:pt>
                <c:pt idx="91">
                  <c:v>43229</c:v>
                </c:pt>
                <c:pt idx="92">
                  <c:v>43230</c:v>
                </c:pt>
                <c:pt idx="93">
                  <c:v>43231</c:v>
                </c:pt>
                <c:pt idx="94">
                  <c:v>43234</c:v>
                </c:pt>
                <c:pt idx="95">
                  <c:v>43235</c:v>
                </c:pt>
                <c:pt idx="96">
                  <c:v>43236</c:v>
                </c:pt>
                <c:pt idx="97">
                  <c:v>43237</c:v>
                </c:pt>
                <c:pt idx="98">
                  <c:v>43238</c:v>
                </c:pt>
                <c:pt idx="99">
                  <c:v>43241</c:v>
                </c:pt>
                <c:pt idx="100">
                  <c:v>43242</c:v>
                </c:pt>
                <c:pt idx="101">
                  <c:v>43243</c:v>
                </c:pt>
                <c:pt idx="102">
                  <c:v>43244</c:v>
                </c:pt>
                <c:pt idx="103">
                  <c:v>43245</c:v>
                </c:pt>
                <c:pt idx="104">
                  <c:v>43248</c:v>
                </c:pt>
                <c:pt idx="105">
                  <c:v>43249</c:v>
                </c:pt>
                <c:pt idx="106">
                  <c:v>43250</c:v>
                </c:pt>
                <c:pt idx="107">
                  <c:v>43251</c:v>
                </c:pt>
                <c:pt idx="108">
                  <c:v>43252</c:v>
                </c:pt>
                <c:pt idx="109">
                  <c:v>43255</c:v>
                </c:pt>
                <c:pt idx="110">
                  <c:v>43256</c:v>
                </c:pt>
                <c:pt idx="111">
                  <c:v>43257</c:v>
                </c:pt>
                <c:pt idx="112">
                  <c:v>43258</c:v>
                </c:pt>
                <c:pt idx="113">
                  <c:v>43259</c:v>
                </c:pt>
                <c:pt idx="114">
                  <c:v>43262</c:v>
                </c:pt>
                <c:pt idx="115">
                  <c:v>43263</c:v>
                </c:pt>
                <c:pt idx="116">
                  <c:v>43264</c:v>
                </c:pt>
                <c:pt idx="117">
                  <c:v>43265</c:v>
                </c:pt>
                <c:pt idx="118">
                  <c:v>43266</c:v>
                </c:pt>
                <c:pt idx="119">
                  <c:v>43269</c:v>
                </c:pt>
                <c:pt idx="120">
                  <c:v>43270</c:v>
                </c:pt>
                <c:pt idx="121">
                  <c:v>43271</c:v>
                </c:pt>
                <c:pt idx="122">
                  <c:v>43272</c:v>
                </c:pt>
                <c:pt idx="123">
                  <c:v>43273</c:v>
                </c:pt>
                <c:pt idx="124">
                  <c:v>43276</c:v>
                </c:pt>
                <c:pt idx="125">
                  <c:v>43277</c:v>
                </c:pt>
                <c:pt idx="126">
                  <c:v>43278</c:v>
                </c:pt>
                <c:pt idx="127">
                  <c:v>43279</c:v>
                </c:pt>
                <c:pt idx="128">
                  <c:v>43280</c:v>
                </c:pt>
                <c:pt idx="129">
                  <c:v>43283</c:v>
                </c:pt>
                <c:pt idx="130">
                  <c:v>43284</c:v>
                </c:pt>
                <c:pt idx="131">
                  <c:v>43285</c:v>
                </c:pt>
                <c:pt idx="132">
                  <c:v>43286</c:v>
                </c:pt>
                <c:pt idx="133">
                  <c:v>43287</c:v>
                </c:pt>
                <c:pt idx="134">
                  <c:v>43290</c:v>
                </c:pt>
                <c:pt idx="135">
                  <c:v>43291</c:v>
                </c:pt>
                <c:pt idx="136">
                  <c:v>43292</c:v>
                </c:pt>
                <c:pt idx="137">
                  <c:v>43293</c:v>
                </c:pt>
                <c:pt idx="138">
                  <c:v>43294</c:v>
                </c:pt>
                <c:pt idx="139">
                  <c:v>43297</c:v>
                </c:pt>
                <c:pt idx="140">
                  <c:v>43298</c:v>
                </c:pt>
                <c:pt idx="141">
                  <c:v>43299</c:v>
                </c:pt>
                <c:pt idx="142">
                  <c:v>43300</c:v>
                </c:pt>
                <c:pt idx="143">
                  <c:v>43301</c:v>
                </c:pt>
                <c:pt idx="144">
                  <c:v>43304</c:v>
                </c:pt>
                <c:pt idx="145">
                  <c:v>43305</c:v>
                </c:pt>
                <c:pt idx="146">
                  <c:v>43306</c:v>
                </c:pt>
                <c:pt idx="147">
                  <c:v>43307</c:v>
                </c:pt>
                <c:pt idx="148">
                  <c:v>43308</c:v>
                </c:pt>
                <c:pt idx="149">
                  <c:v>43311</c:v>
                </c:pt>
                <c:pt idx="150">
                  <c:v>43312</c:v>
                </c:pt>
                <c:pt idx="151">
                  <c:v>43313</c:v>
                </c:pt>
                <c:pt idx="152">
                  <c:v>43314</c:v>
                </c:pt>
                <c:pt idx="153">
                  <c:v>43315</c:v>
                </c:pt>
                <c:pt idx="154">
                  <c:v>43318</c:v>
                </c:pt>
                <c:pt idx="155">
                  <c:v>43319</c:v>
                </c:pt>
                <c:pt idx="156">
                  <c:v>43320</c:v>
                </c:pt>
                <c:pt idx="157">
                  <c:v>43321</c:v>
                </c:pt>
                <c:pt idx="158">
                  <c:v>43322</c:v>
                </c:pt>
                <c:pt idx="159">
                  <c:v>43325</c:v>
                </c:pt>
                <c:pt idx="160">
                  <c:v>43326</c:v>
                </c:pt>
                <c:pt idx="161">
                  <c:v>43327</c:v>
                </c:pt>
                <c:pt idx="162">
                  <c:v>43328</c:v>
                </c:pt>
                <c:pt idx="163">
                  <c:v>43329</c:v>
                </c:pt>
                <c:pt idx="164">
                  <c:v>43332</c:v>
                </c:pt>
                <c:pt idx="165">
                  <c:v>43333</c:v>
                </c:pt>
                <c:pt idx="166">
                  <c:v>43334</c:v>
                </c:pt>
                <c:pt idx="167">
                  <c:v>43335</c:v>
                </c:pt>
                <c:pt idx="168">
                  <c:v>43336</c:v>
                </c:pt>
                <c:pt idx="169">
                  <c:v>43339</c:v>
                </c:pt>
                <c:pt idx="170">
                  <c:v>43340</c:v>
                </c:pt>
                <c:pt idx="171">
                  <c:v>43341</c:v>
                </c:pt>
                <c:pt idx="172">
                  <c:v>43342</c:v>
                </c:pt>
                <c:pt idx="173">
                  <c:v>43343</c:v>
                </c:pt>
                <c:pt idx="174">
                  <c:v>43346</c:v>
                </c:pt>
                <c:pt idx="175">
                  <c:v>43347</c:v>
                </c:pt>
                <c:pt idx="176">
                  <c:v>43348</c:v>
                </c:pt>
                <c:pt idx="177">
                  <c:v>43349</c:v>
                </c:pt>
                <c:pt idx="178">
                  <c:v>43350</c:v>
                </c:pt>
                <c:pt idx="179">
                  <c:v>43353</c:v>
                </c:pt>
                <c:pt idx="180">
                  <c:v>43354</c:v>
                </c:pt>
                <c:pt idx="181">
                  <c:v>43355</c:v>
                </c:pt>
                <c:pt idx="182">
                  <c:v>43356</c:v>
                </c:pt>
                <c:pt idx="183">
                  <c:v>43357</c:v>
                </c:pt>
                <c:pt idx="184">
                  <c:v>43360</c:v>
                </c:pt>
                <c:pt idx="185">
                  <c:v>43361</c:v>
                </c:pt>
                <c:pt idx="186">
                  <c:v>43362</c:v>
                </c:pt>
                <c:pt idx="187">
                  <c:v>43363</c:v>
                </c:pt>
                <c:pt idx="188">
                  <c:v>43364</c:v>
                </c:pt>
                <c:pt idx="189">
                  <c:v>43367</c:v>
                </c:pt>
                <c:pt idx="190">
                  <c:v>43368</c:v>
                </c:pt>
                <c:pt idx="191">
                  <c:v>43369</c:v>
                </c:pt>
                <c:pt idx="192">
                  <c:v>43370</c:v>
                </c:pt>
                <c:pt idx="193">
                  <c:v>43371</c:v>
                </c:pt>
                <c:pt idx="194">
                  <c:v>43374</c:v>
                </c:pt>
                <c:pt idx="195">
                  <c:v>43375</c:v>
                </c:pt>
                <c:pt idx="196">
                  <c:v>43376</c:v>
                </c:pt>
                <c:pt idx="197">
                  <c:v>43377</c:v>
                </c:pt>
                <c:pt idx="198">
                  <c:v>43378</c:v>
                </c:pt>
                <c:pt idx="199">
                  <c:v>43381</c:v>
                </c:pt>
                <c:pt idx="200">
                  <c:v>43382</c:v>
                </c:pt>
                <c:pt idx="201">
                  <c:v>43383</c:v>
                </c:pt>
                <c:pt idx="202">
                  <c:v>43384</c:v>
                </c:pt>
                <c:pt idx="203">
                  <c:v>43385</c:v>
                </c:pt>
                <c:pt idx="204">
                  <c:v>43388</c:v>
                </c:pt>
                <c:pt idx="205">
                  <c:v>43389</c:v>
                </c:pt>
                <c:pt idx="206">
                  <c:v>43390</c:v>
                </c:pt>
                <c:pt idx="207">
                  <c:v>43391</c:v>
                </c:pt>
                <c:pt idx="208">
                  <c:v>43392</c:v>
                </c:pt>
                <c:pt idx="209">
                  <c:v>43395</c:v>
                </c:pt>
                <c:pt idx="210">
                  <c:v>43396</c:v>
                </c:pt>
                <c:pt idx="211">
                  <c:v>43397</c:v>
                </c:pt>
                <c:pt idx="212">
                  <c:v>43398</c:v>
                </c:pt>
                <c:pt idx="213">
                  <c:v>43399</c:v>
                </c:pt>
                <c:pt idx="214">
                  <c:v>43402</c:v>
                </c:pt>
                <c:pt idx="215">
                  <c:v>43403</c:v>
                </c:pt>
                <c:pt idx="216">
                  <c:v>43404</c:v>
                </c:pt>
                <c:pt idx="217">
                  <c:v>43405</c:v>
                </c:pt>
                <c:pt idx="218">
                  <c:v>43406</c:v>
                </c:pt>
                <c:pt idx="219">
                  <c:v>43409</c:v>
                </c:pt>
                <c:pt idx="220">
                  <c:v>43410</c:v>
                </c:pt>
                <c:pt idx="221">
                  <c:v>43411</c:v>
                </c:pt>
                <c:pt idx="222">
                  <c:v>43412</c:v>
                </c:pt>
                <c:pt idx="223">
                  <c:v>43413</c:v>
                </c:pt>
                <c:pt idx="224">
                  <c:v>43416</c:v>
                </c:pt>
                <c:pt idx="225">
                  <c:v>43417</c:v>
                </c:pt>
                <c:pt idx="226">
                  <c:v>43418</c:v>
                </c:pt>
                <c:pt idx="227">
                  <c:v>43419</c:v>
                </c:pt>
                <c:pt idx="228">
                  <c:v>43420</c:v>
                </c:pt>
                <c:pt idx="229">
                  <c:v>43423</c:v>
                </c:pt>
                <c:pt idx="230">
                  <c:v>43424</c:v>
                </c:pt>
                <c:pt idx="231">
                  <c:v>43425</c:v>
                </c:pt>
                <c:pt idx="232">
                  <c:v>43426</c:v>
                </c:pt>
                <c:pt idx="233">
                  <c:v>43427</c:v>
                </c:pt>
                <c:pt idx="234">
                  <c:v>43430</c:v>
                </c:pt>
                <c:pt idx="235">
                  <c:v>43431</c:v>
                </c:pt>
                <c:pt idx="236">
                  <c:v>43432</c:v>
                </c:pt>
                <c:pt idx="237">
                  <c:v>43433</c:v>
                </c:pt>
                <c:pt idx="238">
                  <c:v>43434</c:v>
                </c:pt>
                <c:pt idx="239">
                  <c:v>43437</c:v>
                </c:pt>
                <c:pt idx="240">
                  <c:v>43438</c:v>
                </c:pt>
                <c:pt idx="241">
                  <c:v>43439</c:v>
                </c:pt>
                <c:pt idx="242">
                  <c:v>43440</c:v>
                </c:pt>
                <c:pt idx="243">
                  <c:v>43441</c:v>
                </c:pt>
                <c:pt idx="244">
                  <c:v>43444</c:v>
                </c:pt>
                <c:pt idx="245">
                  <c:v>43445</c:v>
                </c:pt>
                <c:pt idx="246">
                  <c:v>43446</c:v>
                </c:pt>
                <c:pt idx="247">
                  <c:v>43447</c:v>
                </c:pt>
                <c:pt idx="248">
                  <c:v>43448</c:v>
                </c:pt>
                <c:pt idx="249">
                  <c:v>43451</c:v>
                </c:pt>
                <c:pt idx="250">
                  <c:v>43452</c:v>
                </c:pt>
                <c:pt idx="251">
                  <c:v>43453</c:v>
                </c:pt>
                <c:pt idx="252">
                  <c:v>43454</c:v>
                </c:pt>
                <c:pt idx="253">
                  <c:v>43455</c:v>
                </c:pt>
                <c:pt idx="254">
                  <c:v>43458</c:v>
                </c:pt>
                <c:pt idx="255">
                  <c:v>43459</c:v>
                </c:pt>
                <c:pt idx="256">
                  <c:v>43460</c:v>
                </c:pt>
                <c:pt idx="257">
                  <c:v>43461</c:v>
                </c:pt>
                <c:pt idx="258">
                  <c:v>43462</c:v>
                </c:pt>
                <c:pt idx="259">
                  <c:v>43465</c:v>
                </c:pt>
                <c:pt idx="260">
                  <c:v>43466</c:v>
                </c:pt>
                <c:pt idx="261">
                  <c:v>43467</c:v>
                </c:pt>
                <c:pt idx="262">
                  <c:v>43468</c:v>
                </c:pt>
                <c:pt idx="263">
                  <c:v>43469</c:v>
                </c:pt>
                <c:pt idx="264">
                  <c:v>43472</c:v>
                </c:pt>
                <c:pt idx="265">
                  <c:v>43473</c:v>
                </c:pt>
                <c:pt idx="266">
                  <c:v>43474</c:v>
                </c:pt>
                <c:pt idx="267">
                  <c:v>43475</c:v>
                </c:pt>
                <c:pt idx="268">
                  <c:v>43476</c:v>
                </c:pt>
                <c:pt idx="269">
                  <c:v>43479</c:v>
                </c:pt>
                <c:pt idx="270">
                  <c:v>43480</c:v>
                </c:pt>
                <c:pt idx="271">
                  <c:v>43481</c:v>
                </c:pt>
                <c:pt idx="272">
                  <c:v>43482</c:v>
                </c:pt>
                <c:pt idx="273">
                  <c:v>43483</c:v>
                </c:pt>
                <c:pt idx="274">
                  <c:v>43486</c:v>
                </c:pt>
                <c:pt idx="275">
                  <c:v>43487</c:v>
                </c:pt>
                <c:pt idx="276">
                  <c:v>43488</c:v>
                </c:pt>
                <c:pt idx="277">
                  <c:v>43489</c:v>
                </c:pt>
                <c:pt idx="278">
                  <c:v>43490</c:v>
                </c:pt>
                <c:pt idx="279">
                  <c:v>43493</c:v>
                </c:pt>
                <c:pt idx="280">
                  <c:v>43494</c:v>
                </c:pt>
                <c:pt idx="281">
                  <c:v>43495</c:v>
                </c:pt>
                <c:pt idx="282">
                  <c:v>43496</c:v>
                </c:pt>
                <c:pt idx="283">
                  <c:v>43497</c:v>
                </c:pt>
                <c:pt idx="284">
                  <c:v>43500</c:v>
                </c:pt>
                <c:pt idx="285">
                  <c:v>43501</c:v>
                </c:pt>
                <c:pt idx="286">
                  <c:v>43502</c:v>
                </c:pt>
                <c:pt idx="287">
                  <c:v>43503</c:v>
                </c:pt>
                <c:pt idx="288">
                  <c:v>43504</c:v>
                </c:pt>
                <c:pt idx="289">
                  <c:v>43507</c:v>
                </c:pt>
                <c:pt idx="290">
                  <c:v>43508</c:v>
                </c:pt>
                <c:pt idx="291">
                  <c:v>43509</c:v>
                </c:pt>
                <c:pt idx="292">
                  <c:v>43510</c:v>
                </c:pt>
                <c:pt idx="293">
                  <c:v>43511</c:v>
                </c:pt>
                <c:pt idx="294">
                  <c:v>43514</c:v>
                </c:pt>
                <c:pt idx="295">
                  <c:v>43515</c:v>
                </c:pt>
                <c:pt idx="296">
                  <c:v>43516</c:v>
                </c:pt>
                <c:pt idx="297">
                  <c:v>43517</c:v>
                </c:pt>
                <c:pt idx="298">
                  <c:v>43518</c:v>
                </c:pt>
                <c:pt idx="299">
                  <c:v>43521</c:v>
                </c:pt>
                <c:pt idx="300">
                  <c:v>43522</c:v>
                </c:pt>
                <c:pt idx="301">
                  <c:v>43523</c:v>
                </c:pt>
                <c:pt idx="302">
                  <c:v>43524</c:v>
                </c:pt>
                <c:pt idx="303">
                  <c:v>43525</c:v>
                </c:pt>
                <c:pt idx="304">
                  <c:v>43528</c:v>
                </c:pt>
                <c:pt idx="305">
                  <c:v>43529</c:v>
                </c:pt>
                <c:pt idx="306">
                  <c:v>43530</c:v>
                </c:pt>
                <c:pt idx="307">
                  <c:v>43531</c:v>
                </c:pt>
                <c:pt idx="308">
                  <c:v>43532</c:v>
                </c:pt>
                <c:pt idx="309">
                  <c:v>43535</c:v>
                </c:pt>
                <c:pt idx="310">
                  <c:v>43536</c:v>
                </c:pt>
                <c:pt idx="311">
                  <c:v>43537</c:v>
                </c:pt>
                <c:pt idx="312">
                  <c:v>43538</c:v>
                </c:pt>
                <c:pt idx="313">
                  <c:v>43539</c:v>
                </c:pt>
                <c:pt idx="314">
                  <c:v>43542</c:v>
                </c:pt>
                <c:pt idx="315">
                  <c:v>43543</c:v>
                </c:pt>
                <c:pt idx="316">
                  <c:v>43544</c:v>
                </c:pt>
                <c:pt idx="317">
                  <c:v>43545</c:v>
                </c:pt>
                <c:pt idx="318">
                  <c:v>43546</c:v>
                </c:pt>
                <c:pt idx="319">
                  <c:v>43549</c:v>
                </c:pt>
                <c:pt idx="320">
                  <c:v>43550</c:v>
                </c:pt>
                <c:pt idx="321">
                  <c:v>43551</c:v>
                </c:pt>
                <c:pt idx="322">
                  <c:v>43552</c:v>
                </c:pt>
                <c:pt idx="323">
                  <c:v>43553</c:v>
                </c:pt>
                <c:pt idx="324">
                  <c:v>43556</c:v>
                </c:pt>
                <c:pt idx="325">
                  <c:v>43557</c:v>
                </c:pt>
                <c:pt idx="326">
                  <c:v>43558</c:v>
                </c:pt>
                <c:pt idx="327">
                  <c:v>43559</c:v>
                </c:pt>
                <c:pt idx="328">
                  <c:v>43560</c:v>
                </c:pt>
                <c:pt idx="329">
                  <c:v>43563</c:v>
                </c:pt>
                <c:pt idx="330">
                  <c:v>43564</c:v>
                </c:pt>
                <c:pt idx="331">
                  <c:v>43565</c:v>
                </c:pt>
                <c:pt idx="332">
                  <c:v>43566</c:v>
                </c:pt>
                <c:pt idx="333">
                  <c:v>43567</c:v>
                </c:pt>
                <c:pt idx="334">
                  <c:v>43570</c:v>
                </c:pt>
                <c:pt idx="335">
                  <c:v>43571</c:v>
                </c:pt>
                <c:pt idx="336">
                  <c:v>43572</c:v>
                </c:pt>
                <c:pt idx="337">
                  <c:v>43573</c:v>
                </c:pt>
                <c:pt idx="338">
                  <c:v>43574</c:v>
                </c:pt>
                <c:pt idx="339">
                  <c:v>43577</c:v>
                </c:pt>
                <c:pt idx="340">
                  <c:v>43578</c:v>
                </c:pt>
                <c:pt idx="341">
                  <c:v>43579</c:v>
                </c:pt>
                <c:pt idx="342">
                  <c:v>43580</c:v>
                </c:pt>
                <c:pt idx="343">
                  <c:v>43581</c:v>
                </c:pt>
                <c:pt idx="344">
                  <c:v>43584</c:v>
                </c:pt>
                <c:pt idx="345">
                  <c:v>43585</c:v>
                </c:pt>
                <c:pt idx="346">
                  <c:v>43586</c:v>
                </c:pt>
                <c:pt idx="347">
                  <c:v>43587</c:v>
                </c:pt>
                <c:pt idx="348">
                  <c:v>43588</c:v>
                </c:pt>
                <c:pt idx="349">
                  <c:v>43591</c:v>
                </c:pt>
                <c:pt idx="350">
                  <c:v>43592</c:v>
                </c:pt>
                <c:pt idx="351">
                  <c:v>43593</c:v>
                </c:pt>
                <c:pt idx="352">
                  <c:v>43594</c:v>
                </c:pt>
                <c:pt idx="353">
                  <c:v>43595</c:v>
                </c:pt>
                <c:pt idx="354">
                  <c:v>43598</c:v>
                </c:pt>
                <c:pt idx="355">
                  <c:v>43599</c:v>
                </c:pt>
                <c:pt idx="356">
                  <c:v>43600</c:v>
                </c:pt>
                <c:pt idx="357">
                  <c:v>43601</c:v>
                </c:pt>
                <c:pt idx="358">
                  <c:v>43602</c:v>
                </c:pt>
                <c:pt idx="359">
                  <c:v>43605</c:v>
                </c:pt>
                <c:pt idx="360">
                  <c:v>43606</c:v>
                </c:pt>
                <c:pt idx="361">
                  <c:v>43607</c:v>
                </c:pt>
                <c:pt idx="362">
                  <c:v>43608</c:v>
                </c:pt>
                <c:pt idx="363">
                  <c:v>43609</c:v>
                </c:pt>
                <c:pt idx="364">
                  <c:v>43612</c:v>
                </c:pt>
                <c:pt idx="365">
                  <c:v>43613</c:v>
                </c:pt>
                <c:pt idx="366">
                  <c:v>43614</c:v>
                </c:pt>
                <c:pt idx="367">
                  <c:v>43615</c:v>
                </c:pt>
                <c:pt idx="368">
                  <c:v>43616</c:v>
                </c:pt>
                <c:pt idx="369">
                  <c:v>43619</c:v>
                </c:pt>
                <c:pt idx="370">
                  <c:v>43620</c:v>
                </c:pt>
                <c:pt idx="371">
                  <c:v>43621</c:v>
                </c:pt>
                <c:pt idx="372">
                  <c:v>43622</c:v>
                </c:pt>
                <c:pt idx="373">
                  <c:v>43623</c:v>
                </c:pt>
                <c:pt idx="374">
                  <c:v>43626</c:v>
                </c:pt>
                <c:pt idx="375">
                  <c:v>43627</c:v>
                </c:pt>
                <c:pt idx="376">
                  <c:v>43628</c:v>
                </c:pt>
                <c:pt idx="377">
                  <c:v>43629</c:v>
                </c:pt>
                <c:pt idx="378">
                  <c:v>43630</c:v>
                </c:pt>
                <c:pt idx="379">
                  <c:v>43633</c:v>
                </c:pt>
                <c:pt idx="380">
                  <c:v>43634</c:v>
                </c:pt>
                <c:pt idx="381">
                  <c:v>43635</c:v>
                </c:pt>
                <c:pt idx="382">
                  <c:v>43636</c:v>
                </c:pt>
                <c:pt idx="383">
                  <c:v>43637</c:v>
                </c:pt>
                <c:pt idx="384">
                  <c:v>43640</c:v>
                </c:pt>
                <c:pt idx="385">
                  <c:v>43641</c:v>
                </c:pt>
                <c:pt idx="386">
                  <c:v>43642</c:v>
                </c:pt>
                <c:pt idx="387">
                  <c:v>43643</c:v>
                </c:pt>
                <c:pt idx="388">
                  <c:v>43644</c:v>
                </c:pt>
                <c:pt idx="389">
                  <c:v>43647</c:v>
                </c:pt>
                <c:pt idx="390">
                  <c:v>43648</c:v>
                </c:pt>
                <c:pt idx="391">
                  <c:v>43649</c:v>
                </c:pt>
                <c:pt idx="392">
                  <c:v>43650</c:v>
                </c:pt>
                <c:pt idx="393">
                  <c:v>43651</c:v>
                </c:pt>
                <c:pt idx="394">
                  <c:v>43654</c:v>
                </c:pt>
                <c:pt idx="395">
                  <c:v>43655</c:v>
                </c:pt>
                <c:pt idx="396">
                  <c:v>43656</c:v>
                </c:pt>
                <c:pt idx="397">
                  <c:v>43657</c:v>
                </c:pt>
                <c:pt idx="398">
                  <c:v>43658</c:v>
                </c:pt>
                <c:pt idx="399">
                  <c:v>43661</c:v>
                </c:pt>
                <c:pt idx="400">
                  <c:v>43662</c:v>
                </c:pt>
                <c:pt idx="401">
                  <c:v>43663</c:v>
                </c:pt>
                <c:pt idx="402">
                  <c:v>43664</c:v>
                </c:pt>
                <c:pt idx="403">
                  <c:v>43665</c:v>
                </c:pt>
                <c:pt idx="404">
                  <c:v>43668</c:v>
                </c:pt>
                <c:pt idx="405">
                  <c:v>43669</c:v>
                </c:pt>
                <c:pt idx="406">
                  <c:v>43670</c:v>
                </c:pt>
                <c:pt idx="407">
                  <c:v>43671</c:v>
                </c:pt>
                <c:pt idx="408">
                  <c:v>43672</c:v>
                </c:pt>
                <c:pt idx="409">
                  <c:v>43675</c:v>
                </c:pt>
                <c:pt idx="410">
                  <c:v>43676</c:v>
                </c:pt>
                <c:pt idx="411">
                  <c:v>43677</c:v>
                </c:pt>
                <c:pt idx="412">
                  <c:v>43678</c:v>
                </c:pt>
                <c:pt idx="413">
                  <c:v>43679</c:v>
                </c:pt>
                <c:pt idx="414">
                  <c:v>43682</c:v>
                </c:pt>
                <c:pt idx="415">
                  <c:v>43683</c:v>
                </c:pt>
                <c:pt idx="416">
                  <c:v>43684</c:v>
                </c:pt>
                <c:pt idx="417">
                  <c:v>43685</c:v>
                </c:pt>
                <c:pt idx="418">
                  <c:v>43686</c:v>
                </c:pt>
                <c:pt idx="419">
                  <c:v>43689</c:v>
                </c:pt>
                <c:pt idx="420">
                  <c:v>43690</c:v>
                </c:pt>
                <c:pt idx="421">
                  <c:v>43691</c:v>
                </c:pt>
                <c:pt idx="422">
                  <c:v>43692</c:v>
                </c:pt>
                <c:pt idx="423">
                  <c:v>43693</c:v>
                </c:pt>
                <c:pt idx="424">
                  <c:v>43696</c:v>
                </c:pt>
                <c:pt idx="425">
                  <c:v>43697</c:v>
                </c:pt>
                <c:pt idx="426">
                  <c:v>43698</c:v>
                </c:pt>
                <c:pt idx="427">
                  <c:v>43699</c:v>
                </c:pt>
                <c:pt idx="428">
                  <c:v>43700</c:v>
                </c:pt>
                <c:pt idx="429">
                  <c:v>43703</c:v>
                </c:pt>
                <c:pt idx="430">
                  <c:v>43704</c:v>
                </c:pt>
                <c:pt idx="431">
                  <c:v>43705</c:v>
                </c:pt>
                <c:pt idx="432">
                  <c:v>43706</c:v>
                </c:pt>
                <c:pt idx="433">
                  <c:v>43707</c:v>
                </c:pt>
                <c:pt idx="434">
                  <c:v>43710</c:v>
                </c:pt>
                <c:pt idx="435">
                  <c:v>43711</c:v>
                </c:pt>
                <c:pt idx="436">
                  <c:v>43712</c:v>
                </c:pt>
                <c:pt idx="437">
                  <c:v>43713</c:v>
                </c:pt>
                <c:pt idx="438">
                  <c:v>43714</c:v>
                </c:pt>
                <c:pt idx="439">
                  <c:v>43717</c:v>
                </c:pt>
                <c:pt idx="440">
                  <c:v>43718</c:v>
                </c:pt>
                <c:pt idx="441">
                  <c:v>43719</c:v>
                </c:pt>
                <c:pt idx="442">
                  <c:v>43720</c:v>
                </c:pt>
                <c:pt idx="443">
                  <c:v>43721</c:v>
                </c:pt>
                <c:pt idx="444">
                  <c:v>43724</c:v>
                </c:pt>
                <c:pt idx="445">
                  <c:v>43725</c:v>
                </c:pt>
                <c:pt idx="446">
                  <c:v>43726</c:v>
                </c:pt>
                <c:pt idx="447">
                  <c:v>43727</c:v>
                </c:pt>
                <c:pt idx="448">
                  <c:v>43728</c:v>
                </c:pt>
                <c:pt idx="449">
                  <c:v>43731</c:v>
                </c:pt>
                <c:pt idx="450">
                  <c:v>43732</c:v>
                </c:pt>
                <c:pt idx="451">
                  <c:v>43733</c:v>
                </c:pt>
                <c:pt idx="452">
                  <c:v>43734</c:v>
                </c:pt>
                <c:pt idx="453">
                  <c:v>43735</c:v>
                </c:pt>
                <c:pt idx="454">
                  <c:v>43738</c:v>
                </c:pt>
                <c:pt idx="455">
                  <c:v>43739</c:v>
                </c:pt>
                <c:pt idx="456">
                  <c:v>43740</c:v>
                </c:pt>
                <c:pt idx="457">
                  <c:v>43741</c:v>
                </c:pt>
                <c:pt idx="458">
                  <c:v>43742</c:v>
                </c:pt>
                <c:pt idx="459">
                  <c:v>43745</c:v>
                </c:pt>
                <c:pt idx="460">
                  <c:v>43746</c:v>
                </c:pt>
                <c:pt idx="461">
                  <c:v>43747</c:v>
                </c:pt>
                <c:pt idx="462">
                  <c:v>43748</c:v>
                </c:pt>
                <c:pt idx="463">
                  <c:v>43749</c:v>
                </c:pt>
                <c:pt idx="464">
                  <c:v>43752</c:v>
                </c:pt>
                <c:pt idx="465">
                  <c:v>43753</c:v>
                </c:pt>
                <c:pt idx="466">
                  <c:v>43754</c:v>
                </c:pt>
                <c:pt idx="467">
                  <c:v>43755</c:v>
                </c:pt>
                <c:pt idx="468">
                  <c:v>43756</c:v>
                </c:pt>
                <c:pt idx="469">
                  <c:v>43759</c:v>
                </c:pt>
                <c:pt idx="470">
                  <c:v>43760</c:v>
                </c:pt>
                <c:pt idx="471">
                  <c:v>43761</c:v>
                </c:pt>
                <c:pt idx="472">
                  <c:v>43762</c:v>
                </c:pt>
                <c:pt idx="473">
                  <c:v>43763</c:v>
                </c:pt>
                <c:pt idx="474">
                  <c:v>43766</c:v>
                </c:pt>
                <c:pt idx="475">
                  <c:v>43767</c:v>
                </c:pt>
                <c:pt idx="476">
                  <c:v>43768</c:v>
                </c:pt>
                <c:pt idx="477">
                  <c:v>43769</c:v>
                </c:pt>
                <c:pt idx="478">
                  <c:v>43770</c:v>
                </c:pt>
                <c:pt idx="479">
                  <c:v>43773</c:v>
                </c:pt>
                <c:pt idx="480">
                  <c:v>43774</c:v>
                </c:pt>
                <c:pt idx="481">
                  <c:v>43775</c:v>
                </c:pt>
                <c:pt idx="482">
                  <c:v>43776</c:v>
                </c:pt>
                <c:pt idx="483">
                  <c:v>43777</c:v>
                </c:pt>
                <c:pt idx="484">
                  <c:v>43780</c:v>
                </c:pt>
                <c:pt idx="485">
                  <c:v>43781</c:v>
                </c:pt>
                <c:pt idx="486">
                  <c:v>43782</c:v>
                </c:pt>
                <c:pt idx="487">
                  <c:v>43783</c:v>
                </c:pt>
                <c:pt idx="488">
                  <c:v>43784</c:v>
                </c:pt>
                <c:pt idx="489">
                  <c:v>43787</c:v>
                </c:pt>
                <c:pt idx="490">
                  <c:v>43788</c:v>
                </c:pt>
                <c:pt idx="491">
                  <c:v>43789</c:v>
                </c:pt>
                <c:pt idx="492">
                  <c:v>43790</c:v>
                </c:pt>
                <c:pt idx="493">
                  <c:v>43791</c:v>
                </c:pt>
                <c:pt idx="494">
                  <c:v>43794</c:v>
                </c:pt>
                <c:pt idx="495">
                  <c:v>43795</c:v>
                </c:pt>
                <c:pt idx="496">
                  <c:v>43796</c:v>
                </c:pt>
                <c:pt idx="497">
                  <c:v>43797</c:v>
                </c:pt>
                <c:pt idx="498">
                  <c:v>43798</c:v>
                </c:pt>
                <c:pt idx="499">
                  <c:v>43801</c:v>
                </c:pt>
                <c:pt idx="500">
                  <c:v>43802</c:v>
                </c:pt>
                <c:pt idx="501">
                  <c:v>43803</c:v>
                </c:pt>
                <c:pt idx="502">
                  <c:v>43804</c:v>
                </c:pt>
                <c:pt idx="503">
                  <c:v>43805</c:v>
                </c:pt>
                <c:pt idx="504">
                  <c:v>43808</c:v>
                </c:pt>
                <c:pt idx="505">
                  <c:v>43809</c:v>
                </c:pt>
                <c:pt idx="506">
                  <c:v>43810</c:v>
                </c:pt>
                <c:pt idx="507">
                  <c:v>43811</c:v>
                </c:pt>
                <c:pt idx="508">
                  <c:v>43812</c:v>
                </c:pt>
                <c:pt idx="509">
                  <c:v>43815</c:v>
                </c:pt>
                <c:pt idx="510">
                  <c:v>43816</c:v>
                </c:pt>
                <c:pt idx="511">
                  <c:v>43817</c:v>
                </c:pt>
                <c:pt idx="512">
                  <c:v>43818</c:v>
                </c:pt>
                <c:pt idx="513">
                  <c:v>43819</c:v>
                </c:pt>
                <c:pt idx="514">
                  <c:v>43822</c:v>
                </c:pt>
                <c:pt idx="515">
                  <c:v>43823</c:v>
                </c:pt>
                <c:pt idx="516">
                  <c:v>43824</c:v>
                </c:pt>
                <c:pt idx="517">
                  <c:v>43825</c:v>
                </c:pt>
                <c:pt idx="518">
                  <c:v>43826</c:v>
                </c:pt>
                <c:pt idx="519">
                  <c:v>43829</c:v>
                </c:pt>
                <c:pt idx="520">
                  <c:v>43830</c:v>
                </c:pt>
                <c:pt idx="521">
                  <c:v>43831</c:v>
                </c:pt>
                <c:pt idx="522">
                  <c:v>43832</c:v>
                </c:pt>
                <c:pt idx="523">
                  <c:v>43833</c:v>
                </c:pt>
                <c:pt idx="524">
                  <c:v>43836</c:v>
                </c:pt>
                <c:pt idx="525">
                  <c:v>43837</c:v>
                </c:pt>
                <c:pt idx="526">
                  <c:v>43838</c:v>
                </c:pt>
                <c:pt idx="527">
                  <c:v>43839</c:v>
                </c:pt>
                <c:pt idx="528">
                  <c:v>43840</c:v>
                </c:pt>
                <c:pt idx="529">
                  <c:v>43843</c:v>
                </c:pt>
                <c:pt idx="530">
                  <c:v>43844</c:v>
                </c:pt>
                <c:pt idx="531">
                  <c:v>43845</c:v>
                </c:pt>
                <c:pt idx="532">
                  <c:v>43846</c:v>
                </c:pt>
                <c:pt idx="533">
                  <c:v>43847</c:v>
                </c:pt>
                <c:pt idx="534">
                  <c:v>43850</c:v>
                </c:pt>
                <c:pt idx="535">
                  <c:v>43851</c:v>
                </c:pt>
                <c:pt idx="536">
                  <c:v>43852</c:v>
                </c:pt>
                <c:pt idx="537">
                  <c:v>43853</c:v>
                </c:pt>
                <c:pt idx="538">
                  <c:v>43854</c:v>
                </c:pt>
                <c:pt idx="539">
                  <c:v>43857</c:v>
                </c:pt>
                <c:pt idx="540">
                  <c:v>43858</c:v>
                </c:pt>
                <c:pt idx="541">
                  <c:v>43859</c:v>
                </c:pt>
                <c:pt idx="542">
                  <c:v>43860</c:v>
                </c:pt>
                <c:pt idx="543">
                  <c:v>43861</c:v>
                </c:pt>
                <c:pt idx="544">
                  <c:v>43864</c:v>
                </c:pt>
                <c:pt idx="545">
                  <c:v>43865</c:v>
                </c:pt>
                <c:pt idx="546">
                  <c:v>43866</c:v>
                </c:pt>
                <c:pt idx="547">
                  <c:v>43867</c:v>
                </c:pt>
                <c:pt idx="548">
                  <c:v>43868</c:v>
                </c:pt>
                <c:pt idx="549">
                  <c:v>43871</c:v>
                </c:pt>
                <c:pt idx="550">
                  <c:v>43872</c:v>
                </c:pt>
                <c:pt idx="551">
                  <c:v>43873</c:v>
                </c:pt>
                <c:pt idx="552">
                  <c:v>43874</c:v>
                </c:pt>
                <c:pt idx="553">
                  <c:v>43875</c:v>
                </c:pt>
                <c:pt idx="554">
                  <c:v>43878</c:v>
                </c:pt>
                <c:pt idx="555">
                  <c:v>43879</c:v>
                </c:pt>
                <c:pt idx="556">
                  <c:v>43880</c:v>
                </c:pt>
                <c:pt idx="557">
                  <c:v>43881</c:v>
                </c:pt>
                <c:pt idx="558">
                  <c:v>43882</c:v>
                </c:pt>
                <c:pt idx="559">
                  <c:v>43885</c:v>
                </c:pt>
                <c:pt idx="560">
                  <c:v>43886</c:v>
                </c:pt>
                <c:pt idx="561">
                  <c:v>43887</c:v>
                </c:pt>
                <c:pt idx="562">
                  <c:v>43888</c:v>
                </c:pt>
                <c:pt idx="563">
                  <c:v>43889</c:v>
                </c:pt>
                <c:pt idx="564">
                  <c:v>43892</c:v>
                </c:pt>
                <c:pt idx="565">
                  <c:v>43893</c:v>
                </c:pt>
                <c:pt idx="566">
                  <c:v>43894</c:v>
                </c:pt>
                <c:pt idx="567">
                  <c:v>43895</c:v>
                </c:pt>
                <c:pt idx="568">
                  <c:v>43896</c:v>
                </c:pt>
                <c:pt idx="569">
                  <c:v>43899</c:v>
                </c:pt>
                <c:pt idx="570">
                  <c:v>43900</c:v>
                </c:pt>
                <c:pt idx="571">
                  <c:v>43901</c:v>
                </c:pt>
                <c:pt idx="572">
                  <c:v>43902</c:v>
                </c:pt>
                <c:pt idx="573">
                  <c:v>43903</c:v>
                </c:pt>
                <c:pt idx="574">
                  <c:v>43906</c:v>
                </c:pt>
                <c:pt idx="575">
                  <c:v>43907</c:v>
                </c:pt>
                <c:pt idx="576">
                  <c:v>43908</c:v>
                </c:pt>
                <c:pt idx="577">
                  <c:v>43909</c:v>
                </c:pt>
                <c:pt idx="578">
                  <c:v>43910</c:v>
                </c:pt>
                <c:pt idx="579">
                  <c:v>43913</c:v>
                </c:pt>
                <c:pt idx="580">
                  <c:v>43914</c:v>
                </c:pt>
                <c:pt idx="581">
                  <c:v>43915</c:v>
                </c:pt>
                <c:pt idx="582">
                  <c:v>43916</c:v>
                </c:pt>
                <c:pt idx="583">
                  <c:v>43917</c:v>
                </c:pt>
                <c:pt idx="584">
                  <c:v>43920</c:v>
                </c:pt>
                <c:pt idx="585">
                  <c:v>43921</c:v>
                </c:pt>
                <c:pt idx="586">
                  <c:v>43922</c:v>
                </c:pt>
                <c:pt idx="587">
                  <c:v>43923</c:v>
                </c:pt>
                <c:pt idx="588">
                  <c:v>43924</c:v>
                </c:pt>
                <c:pt idx="589">
                  <c:v>43927</c:v>
                </c:pt>
                <c:pt idx="590">
                  <c:v>43928</c:v>
                </c:pt>
                <c:pt idx="591">
                  <c:v>43929</c:v>
                </c:pt>
                <c:pt idx="592">
                  <c:v>43930</c:v>
                </c:pt>
                <c:pt idx="593">
                  <c:v>43931</c:v>
                </c:pt>
                <c:pt idx="594">
                  <c:v>43934</c:v>
                </c:pt>
                <c:pt idx="595">
                  <c:v>43935</c:v>
                </c:pt>
                <c:pt idx="596">
                  <c:v>43936</c:v>
                </c:pt>
                <c:pt idx="597">
                  <c:v>43937</c:v>
                </c:pt>
                <c:pt idx="598">
                  <c:v>43938</c:v>
                </c:pt>
                <c:pt idx="599">
                  <c:v>43941</c:v>
                </c:pt>
                <c:pt idx="600">
                  <c:v>43942</c:v>
                </c:pt>
                <c:pt idx="601">
                  <c:v>43943</c:v>
                </c:pt>
                <c:pt idx="602">
                  <c:v>43944</c:v>
                </c:pt>
                <c:pt idx="603">
                  <c:v>43945</c:v>
                </c:pt>
                <c:pt idx="604">
                  <c:v>43948</c:v>
                </c:pt>
                <c:pt idx="605">
                  <c:v>43949</c:v>
                </c:pt>
                <c:pt idx="606">
                  <c:v>43950</c:v>
                </c:pt>
                <c:pt idx="607">
                  <c:v>43951</c:v>
                </c:pt>
                <c:pt idx="608">
                  <c:v>43952</c:v>
                </c:pt>
                <c:pt idx="609">
                  <c:v>43955</c:v>
                </c:pt>
                <c:pt idx="610">
                  <c:v>43956</c:v>
                </c:pt>
                <c:pt idx="611">
                  <c:v>43957</c:v>
                </c:pt>
                <c:pt idx="612">
                  <c:v>43958</c:v>
                </c:pt>
                <c:pt idx="613">
                  <c:v>43959</c:v>
                </c:pt>
                <c:pt idx="614">
                  <c:v>43962</c:v>
                </c:pt>
                <c:pt idx="615">
                  <c:v>43963</c:v>
                </c:pt>
                <c:pt idx="616">
                  <c:v>43964</c:v>
                </c:pt>
                <c:pt idx="617">
                  <c:v>43965</c:v>
                </c:pt>
                <c:pt idx="618">
                  <c:v>43966</c:v>
                </c:pt>
                <c:pt idx="619">
                  <c:v>43969</c:v>
                </c:pt>
                <c:pt idx="620">
                  <c:v>43970</c:v>
                </c:pt>
                <c:pt idx="621">
                  <c:v>43971</c:v>
                </c:pt>
                <c:pt idx="622">
                  <c:v>43972</c:v>
                </c:pt>
                <c:pt idx="623">
                  <c:v>43973</c:v>
                </c:pt>
                <c:pt idx="624">
                  <c:v>43976</c:v>
                </c:pt>
                <c:pt idx="625">
                  <c:v>43977</c:v>
                </c:pt>
                <c:pt idx="626">
                  <c:v>43978</c:v>
                </c:pt>
                <c:pt idx="627">
                  <c:v>43979</c:v>
                </c:pt>
                <c:pt idx="628">
                  <c:v>43980</c:v>
                </c:pt>
                <c:pt idx="629">
                  <c:v>43983</c:v>
                </c:pt>
                <c:pt idx="630">
                  <c:v>43984</c:v>
                </c:pt>
                <c:pt idx="631">
                  <c:v>43985</c:v>
                </c:pt>
                <c:pt idx="632">
                  <c:v>43986</c:v>
                </c:pt>
                <c:pt idx="633">
                  <c:v>43987</c:v>
                </c:pt>
                <c:pt idx="634">
                  <c:v>43990</c:v>
                </c:pt>
                <c:pt idx="635">
                  <c:v>43991</c:v>
                </c:pt>
                <c:pt idx="636">
                  <c:v>43992</c:v>
                </c:pt>
                <c:pt idx="637">
                  <c:v>43993</c:v>
                </c:pt>
                <c:pt idx="638">
                  <c:v>43994</c:v>
                </c:pt>
                <c:pt idx="639">
                  <c:v>43997</c:v>
                </c:pt>
                <c:pt idx="640">
                  <c:v>43998</c:v>
                </c:pt>
                <c:pt idx="641">
                  <c:v>43999</c:v>
                </c:pt>
                <c:pt idx="642">
                  <c:v>44000</c:v>
                </c:pt>
                <c:pt idx="643">
                  <c:v>44001</c:v>
                </c:pt>
                <c:pt idx="644">
                  <c:v>44004</c:v>
                </c:pt>
                <c:pt idx="645">
                  <c:v>44005</c:v>
                </c:pt>
                <c:pt idx="646">
                  <c:v>44006</c:v>
                </c:pt>
                <c:pt idx="647">
                  <c:v>44007</c:v>
                </c:pt>
                <c:pt idx="648">
                  <c:v>44008</c:v>
                </c:pt>
                <c:pt idx="649">
                  <c:v>44011</c:v>
                </c:pt>
                <c:pt idx="650">
                  <c:v>44012</c:v>
                </c:pt>
                <c:pt idx="651">
                  <c:v>44013</c:v>
                </c:pt>
                <c:pt idx="652">
                  <c:v>44014</c:v>
                </c:pt>
                <c:pt idx="653">
                  <c:v>44015</c:v>
                </c:pt>
                <c:pt idx="654">
                  <c:v>44018</c:v>
                </c:pt>
                <c:pt idx="655">
                  <c:v>44019</c:v>
                </c:pt>
                <c:pt idx="656">
                  <c:v>44020</c:v>
                </c:pt>
                <c:pt idx="657">
                  <c:v>44021</c:v>
                </c:pt>
                <c:pt idx="658">
                  <c:v>44022</c:v>
                </c:pt>
                <c:pt idx="659">
                  <c:v>44025</c:v>
                </c:pt>
                <c:pt idx="660">
                  <c:v>44026</c:v>
                </c:pt>
                <c:pt idx="661">
                  <c:v>44027</c:v>
                </c:pt>
                <c:pt idx="662">
                  <c:v>44028</c:v>
                </c:pt>
                <c:pt idx="663">
                  <c:v>44029</c:v>
                </c:pt>
                <c:pt idx="664">
                  <c:v>44032</c:v>
                </c:pt>
                <c:pt idx="665">
                  <c:v>44033</c:v>
                </c:pt>
                <c:pt idx="666">
                  <c:v>44034</c:v>
                </c:pt>
                <c:pt idx="667">
                  <c:v>44035</c:v>
                </c:pt>
                <c:pt idx="668">
                  <c:v>44036</c:v>
                </c:pt>
                <c:pt idx="669">
                  <c:v>44039</c:v>
                </c:pt>
                <c:pt idx="670">
                  <c:v>44040</c:v>
                </c:pt>
                <c:pt idx="671">
                  <c:v>44041</c:v>
                </c:pt>
                <c:pt idx="672">
                  <c:v>44042</c:v>
                </c:pt>
                <c:pt idx="673">
                  <c:v>44043</c:v>
                </c:pt>
                <c:pt idx="674">
                  <c:v>44046</c:v>
                </c:pt>
                <c:pt idx="675">
                  <c:v>44047</c:v>
                </c:pt>
                <c:pt idx="676">
                  <c:v>44048</c:v>
                </c:pt>
                <c:pt idx="677">
                  <c:v>44049</c:v>
                </c:pt>
                <c:pt idx="678">
                  <c:v>44050</c:v>
                </c:pt>
                <c:pt idx="679">
                  <c:v>44053</c:v>
                </c:pt>
                <c:pt idx="680">
                  <c:v>44054</c:v>
                </c:pt>
                <c:pt idx="681">
                  <c:v>44055</c:v>
                </c:pt>
                <c:pt idx="682">
                  <c:v>44056</c:v>
                </c:pt>
                <c:pt idx="683">
                  <c:v>44057</c:v>
                </c:pt>
                <c:pt idx="684">
                  <c:v>44060</c:v>
                </c:pt>
                <c:pt idx="685">
                  <c:v>44061</c:v>
                </c:pt>
                <c:pt idx="686">
                  <c:v>44062</c:v>
                </c:pt>
                <c:pt idx="687">
                  <c:v>44063</c:v>
                </c:pt>
                <c:pt idx="688">
                  <c:v>44064</c:v>
                </c:pt>
                <c:pt idx="689">
                  <c:v>44067</c:v>
                </c:pt>
                <c:pt idx="690">
                  <c:v>44068</c:v>
                </c:pt>
                <c:pt idx="691">
                  <c:v>44069</c:v>
                </c:pt>
                <c:pt idx="692">
                  <c:v>44070</c:v>
                </c:pt>
                <c:pt idx="693">
                  <c:v>44071</c:v>
                </c:pt>
                <c:pt idx="694">
                  <c:v>44074</c:v>
                </c:pt>
                <c:pt idx="695">
                  <c:v>44075</c:v>
                </c:pt>
                <c:pt idx="696">
                  <c:v>44076</c:v>
                </c:pt>
                <c:pt idx="697">
                  <c:v>44077</c:v>
                </c:pt>
                <c:pt idx="698">
                  <c:v>44078</c:v>
                </c:pt>
                <c:pt idx="699">
                  <c:v>44081</c:v>
                </c:pt>
                <c:pt idx="700">
                  <c:v>44082</c:v>
                </c:pt>
                <c:pt idx="701">
                  <c:v>44083</c:v>
                </c:pt>
                <c:pt idx="702">
                  <c:v>44084</c:v>
                </c:pt>
                <c:pt idx="703">
                  <c:v>44085</c:v>
                </c:pt>
                <c:pt idx="704">
                  <c:v>44088</c:v>
                </c:pt>
                <c:pt idx="705">
                  <c:v>44089</c:v>
                </c:pt>
                <c:pt idx="706">
                  <c:v>44090</c:v>
                </c:pt>
                <c:pt idx="707">
                  <c:v>44091</c:v>
                </c:pt>
                <c:pt idx="708">
                  <c:v>44092</c:v>
                </c:pt>
                <c:pt idx="709">
                  <c:v>44095</c:v>
                </c:pt>
                <c:pt idx="710">
                  <c:v>44096</c:v>
                </c:pt>
                <c:pt idx="711">
                  <c:v>44097</c:v>
                </c:pt>
                <c:pt idx="712">
                  <c:v>44098</c:v>
                </c:pt>
                <c:pt idx="713">
                  <c:v>44099</c:v>
                </c:pt>
                <c:pt idx="714">
                  <c:v>44102</c:v>
                </c:pt>
                <c:pt idx="715">
                  <c:v>44103</c:v>
                </c:pt>
                <c:pt idx="716">
                  <c:v>44104</c:v>
                </c:pt>
                <c:pt idx="717">
                  <c:v>44105</c:v>
                </c:pt>
                <c:pt idx="718">
                  <c:v>44106</c:v>
                </c:pt>
                <c:pt idx="719">
                  <c:v>44109</c:v>
                </c:pt>
                <c:pt idx="720">
                  <c:v>44110</c:v>
                </c:pt>
                <c:pt idx="721">
                  <c:v>44111</c:v>
                </c:pt>
                <c:pt idx="722">
                  <c:v>44112</c:v>
                </c:pt>
                <c:pt idx="723">
                  <c:v>44113</c:v>
                </c:pt>
                <c:pt idx="724">
                  <c:v>44116</c:v>
                </c:pt>
                <c:pt idx="725">
                  <c:v>44117</c:v>
                </c:pt>
                <c:pt idx="726">
                  <c:v>44118</c:v>
                </c:pt>
                <c:pt idx="727">
                  <c:v>44119</c:v>
                </c:pt>
                <c:pt idx="728">
                  <c:v>44120</c:v>
                </c:pt>
                <c:pt idx="729">
                  <c:v>44123</c:v>
                </c:pt>
                <c:pt idx="730">
                  <c:v>44124</c:v>
                </c:pt>
                <c:pt idx="731">
                  <c:v>44125</c:v>
                </c:pt>
                <c:pt idx="732">
                  <c:v>44126</c:v>
                </c:pt>
                <c:pt idx="733">
                  <c:v>44127</c:v>
                </c:pt>
                <c:pt idx="734">
                  <c:v>44130</c:v>
                </c:pt>
                <c:pt idx="735">
                  <c:v>44131</c:v>
                </c:pt>
                <c:pt idx="736">
                  <c:v>44132</c:v>
                </c:pt>
                <c:pt idx="737">
                  <c:v>44133</c:v>
                </c:pt>
                <c:pt idx="738">
                  <c:v>44134</c:v>
                </c:pt>
                <c:pt idx="739">
                  <c:v>44137</c:v>
                </c:pt>
                <c:pt idx="740">
                  <c:v>44138</c:v>
                </c:pt>
                <c:pt idx="741">
                  <c:v>44139</c:v>
                </c:pt>
                <c:pt idx="742">
                  <c:v>44140</c:v>
                </c:pt>
                <c:pt idx="743">
                  <c:v>44141</c:v>
                </c:pt>
                <c:pt idx="744">
                  <c:v>44144</c:v>
                </c:pt>
                <c:pt idx="745">
                  <c:v>44145</c:v>
                </c:pt>
                <c:pt idx="746">
                  <c:v>44146</c:v>
                </c:pt>
                <c:pt idx="747">
                  <c:v>44147</c:v>
                </c:pt>
                <c:pt idx="748">
                  <c:v>44148</c:v>
                </c:pt>
                <c:pt idx="749">
                  <c:v>44151</c:v>
                </c:pt>
                <c:pt idx="750">
                  <c:v>44152</c:v>
                </c:pt>
                <c:pt idx="751">
                  <c:v>44153</c:v>
                </c:pt>
                <c:pt idx="752">
                  <c:v>44154</c:v>
                </c:pt>
                <c:pt idx="753">
                  <c:v>44155</c:v>
                </c:pt>
                <c:pt idx="754">
                  <c:v>44158</c:v>
                </c:pt>
                <c:pt idx="755">
                  <c:v>44159</c:v>
                </c:pt>
                <c:pt idx="756">
                  <c:v>44160</c:v>
                </c:pt>
                <c:pt idx="757">
                  <c:v>44161</c:v>
                </c:pt>
                <c:pt idx="758">
                  <c:v>44162</c:v>
                </c:pt>
                <c:pt idx="759">
                  <c:v>44165</c:v>
                </c:pt>
                <c:pt idx="760">
                  <c:v>44166</c:v>
                </c:pt>
                <c:pt idx="761">
                  <c:v>44167</c:v>
                </c:pt>
                <c:pt idx="762">
                  <c:v>44168</c:v>
                </c:pt>
                <c:pt idx="763">
                  <c:v>44169</c:v>
                </c:pt>
                <c:pt idx="764">
                  <c:v>44172</c:v>
                </c:pt>
                <c:pt idx="765">
                  <c:v>44173</c:v>
                </c:pt>
                <c:pt idx="766">
                  <c:v>44174</c:v>
                </c:pt>
                <c:pt idx="767">
                  <c:v>44175</c:v>
                </c:pt>
                <c:pt idx="768">
                  <c:v>44176</c:v>
                </c:pt>
                <c:pt idx="769">
                  <c:v>44179</c:v>
                </c:pt>
                <c:pt idx="770">
                  <c:v>44180</c:v>
                </c:pt>
                <c:pt idx="771">
                  <c:v>44181</c:v>
                </c:pt>
                <c:pt idx="772">
                  <c:v>44182</c:v>
                </c:pt>
                <c:pt idx="773">
                  <c:v>44183</c:v>
                </c:pt>
                <c:pt idx="774">
                  <c:v>44186</c:v>
                </c:pt>
                <c:pt idx="775">
                  <c:v>44187</c:v>
                </c:pt>
                <c:pt idx="776">
                  <c:v>44188</c:v>
                </c:pt>
                <c:pt idx="777">
                  <c:v>44189</c:v>
                </c:pt>
                <c:pt idx="778">
                  <c:v>44190</c:v>
                </c:pt>
                <c:pt idx="779">
                  <c:v>44193</c:v>
                </c:pt>
                <c:pt idx="780">
                  <c:v>44194</c:v>
                </c:pt>
                <c:pt idx="781">
                  <c:v>44195</c:v>
                </c:pt>
                <c:pt idx="782">
                  <c:v>44196</c:v>
                </c:pt>
                <c:pt idx="783">
                  <c:v>44197</c:v>
                </c:pt>
                <c:pt idx="784">
                  <c:v>44200</c:v>
                </c:pt>
                <c:pt idx="785">
                  <c:v>44201</c:v>
                </c:pt>
                <c:pt idx="786">
                  <c:v>44202</c:v>
                </c:pt>
                <c:pt idx="787">
                  <c:v>44203</c:v>
                </c:pt>
                <c:pt idx="788">
                  <c:v>44204</c:v>
                </c:pt>
                <c:pt idx="789">
                  <c:v>44207</c:v>
                </c:pt>
                <c:pt idx="790">
                  <c:v>44208</c:v>
                </c:pt>
                <c:pt idx="791">
                  <c:v>44209</c:v>
                </c:pt>
                <c:pt idx="792">
                  <c:v>44210</c:v>
                </c:pt>
                <c:pt idx="793">
                  <c:v>44211</c:v>
                </c:pt>
                <c:pt idx="794">
                  <c:v>44214</c:v>
                </c:pt>
                <c:pt idx="795">
                  <c:v>44215</c:v>
                </c:pt>
                <c:pt idx="796">
                  <c:v>44216</c:v>
                </c:pt>
                <c:pt idx="797">
                  <c:v>44217</c:v>
                </c:pt>
                <c:pt idx="798">
                  <c:v>44218</c:v>
                </c:pt>
                <c:pt idx="799">
                  <c:v>44221</c:v>
                </c:pt>
                <c:pt idx="800">
                  <c:v>44222</c:v>
                </c:pt>
                <c:pt idx="801">
                  <c:v>44223</c:v>
                </c:pt>
                <c:pt idx="802">
                  <c:v>44224</c:v>
                </c:pt>
                <c:pt idx="803">
                  <c:v>44225</c:v>
                </c:pt>
                <c:pt idx="804">
                  <c:v>44228</c:v>
                </c:pt>
                <c:pt idx="805">
                  <c:v>44229</c:v>
                </c:pt>
                <c:pt idx="806">
                  <c:v>44230</c:v>
                </c:pt>
                <c:pt idx="807">
                  <c:v>44231</c:v>
                </c:pt>
                <c:pt idx="808">
                  <c:v>44232</c:v>
                </c:pt>
                <c:pt idx="809">
                  <c:v>44235</c:v>
                </c:pt>
                <c:pt idx="810">
                  <c:v>44236</c:v>
                </c:pt>
                <c:pt idx="811">
                  <c:v>44237</c:v>
                </c:pt>
                <c:pt idx="812">
                  <c:v>44238</c:v>
                </c:pt>
                <c:pt idx="813">
                  <c:v>44239</c:v>
                </c:pt>
                <c:pt idx="814">
                  <c:v>44242</c:v>
                </c:pt>
                <c:pt idx="815">
                  <c:v>44243</c:v>
                </c:pt>
                <c:pt idx="816">
                  <c:v>44244</c:v>
                </c:pt>
                <c:pt idx="817">
                  <c:v>44245</c:v>
                </c:pt>
                <c:pt idx="818">
                  <c:v>44246</c:v>
                </c:pt>
                <c:pt idx="819">
                  <c:v>44249</c:v>
                </c:pt>
                <c:pt idx="820">
                  <c:v>44250</c:v>
                </c:pt>
                <c:pt idx="821">
                  <c:v>44251</c:v>
                </c:pt>
                <c:pt idx="822">
                  <c:v>44252</c:v>
                </c:pt>
                <c:pt idx="823">
                  <c:v>44253</c:v>
                </c:pt>
                <c:pt idx="824">
                  <c:v>44256</c:v>
                </c:pt>
                <c:pt idx="825">
                  <c:v>44257</c:v>
                </c:pt>
                <c:pt idx="826">
                  <c:v>44258</c:v>
                </c:pt>
                <c:pt idx="827">
                  <c:v>44259</c:v>
                </c:pt>
                <c:pt idx="828">
                  <c:v>44260</c:v>
                </c:pt>
                <c:pt idx="829">
                  <c:v>44263</c:v>
                </c:pt>
                <c:pt idx="830">
                  <c:v>44264</c:v>
                </c:pt>
                <c:pt idx="831">
                  <c:v>44265</c:v>
                </c:pt>
                <c:pt idx="832">
                  <c:v>44266</c:v>
                </c:pt>
                <c:pt idx="833">
                  <c:v>44267</c:v>
                </c:pt>
                <c:pt idx="834">
                  <c:v>44270</c:v>
                </c:pt>
                <c:pt idx="835">
                  <c:v>44271</c:v>
                </c:pt>
                <c:pt idx="836">
                  <c:v>44272</c:v>
                </c:pt>
                <c:pt idx="837">
                  <c:v>44273</c:v>
                </c:pt>
                <c:pt idx="838">
                  <c:v>44274</c:v>
                </c:pt>
                <c:pt idx="839">
                  <c:v>44277</c:v>
                </c:pt>
                <c:pt idx="840">
                  <c:v>44278</c:v>
                </c:pt>
                <c:pt idx="841">
                  <c:v>44279</c:v>
                </c:pt>
                <c:pt idx="842">
                  <c:v>44280</c:v>
                </c:pt>
                <c:pt idx="843">
                  <c:v>44281</c:v>
                </c:pt>
                <c:pt idx="844">
                  <c:v>44284</c:v>
                </c:pt>
                <c:pt idx="845">
                  <c:v>44285</c:v>
                </c:pt>
                <c:pt idx="846">
                  <c:v>44286</c:v>
                </c:pt>
                <c:pt idx="847">
                  <c:v>44287</c:v>
                </c:pt>
                <c:pt idx="848">
                  <c:v>44288</c:v>
                </c:pt>
                <c:pt idx="849">
                  <c:v>44291</c:v>
                </c:pt>
                <c:pt idx="850">
                  <c:v>44292</c:v>
                </c:pt>
                <c:pt idx="851">
                  <c:v>44293</c:v>
                </c:pt>
                <c:pt idx="852">
                  <c:v>44294</c:v>
                </c:pt>
                <c:pt idx="853">
                  <c:v>44295</c:v>
                </c:pt>
                <c:pt idx="854">
                  <c:v>44298</c:v>
                </c:pt>
                <c:pt idx="855">
                  <c:v>44299</c:v>
                </c:pt>
                <c:pt idx="856">
                  <c:v>44300</c:v>
                </c:pt>
                <c:pt idx="857">
                  <c:v>44301</c:v>
                </c:pt>
                <c:pt idx="858">
                  <c:v>44302</c:v>
                </c:pt>
                <c:pt idx="859">
                  <c:v>44305</c:v>
                </c:pt>
                <c:pt idx="860">
                  <c:v>44306</c:v>
                </c:pt>
                <c:pt idx="861">
                  <c:v>44307</c:v>
                </c:pt>
                <c:pt idx="862">
                  <c:v>44308</c:v>
                </c:pt>
                <c:pt idx="863">
                  <c:v>44309</c:v>
                </c:pt>
                <c:pt idx="864">
                  <c:v>44312</c:v>
                </c:pt>
                <c:pt idx="865">
                  <c:v>44313</c:v>
                </c:pt>
                <c:pt idx="866">
                  <c:v>44314</c:v>
                </c:pt>
                <c:pt idx="867">
                  <c:v>44315</c:v>
                </c:pt>
                <c:pt idx="868">
                  <c:v>44316</c:v>
                </c:pt>
                <c:pt idx="869">
                  <c:v>44319</c:v>
                </c:pt>
                <c:pt idx="870">
                  <c:v>44320</c:v>
                </c:pt>
                <c:pt idx="871">
                  <c:v>44321</c:v>
                </c:pt>
                <c:pt idx="872">
                  <c:v>44322</c:v>
                </c:pt>
                <c:pt idx="873">
                  <c:v>44323</c:v>
                </c:pt>
                <c:pt idx="874">
                  <c:v>44326</c:v>
                </c:pt>
                <c:pt idx="875">
                  <c:v>44327</c:v>
                </c:pt>
                <c:pt idx="876">
                  <c:v>44328</c:v>
                </c:pt>
                <c:pt idx="877">
                  <c:v>44329</c:v>
                </c:pt>
                <c:pt idx="878">
                  <c:v>44330</c:v>
                </c:pt>
                <c:pt idx="879">
                  <c:v>44333</c:v>
                </c:pt>
                <c:pt idx="880">
                  <c:v>44334</c:v>
                </c:pt>
                <c:pt idx="881">
                  <c:v>44335</c:v>
                </c:pt>
                <c:pt idx="882">
                  <c:v>44336</c:v>
                </c:pt>
                <c:pt idx="883">
                  <c:v>44337</c:v>
                </c:pt>
                <c:pt idx="884">
                  <c:v>44340</c:v>
                </c:pt>
                <c:pt idx="885">
                  <c:v>44341</c:v>
                </c:pt>
                <c:pt idx="886">
                  <c:v>44342</c:v>
                </c:pt>
                <c:pt idx="887">
                  <c:v>44343</c:v>
                </c:pt>
                <c:pt idx="888">
                  <c:v>44344</c:v>
                </c:pt>
                <c:pt idx="889">
                  <c:v>44347</c:v>
                </c:pt>
                <c:pt idx="890">
                  <c:v>44348</c:v>
                </c:pt>
                <c:pt idx="891">
                  <c:v>44349</c:v>
                </c:pt>
                <c:pt idx="892">
                  <c:v>44350</c:v>
                </c:pt>
                <c:pt idx="893">
                  <c:v>44351</c:v>
                </c:pt>
                <c:pt idx="894">
                  <c:v>44354</c:v>
                </c:pt>
                <c:pt idx="895">
                  <c:v>44355</c:v>
                </c:pt>
                <c:pt idx="896">
                  <c:v>44356</c:v>
                </c:pt>
                <c:pt idx="897">
                  <c:v>44357</c:v>
                </c:pt>
                <c:pt idx="898">
                  <c:v>44358</c:v>
                </c:pt>
                <c:pt idx="899">
                  <c:v>44361</c:v>
                </c:pt>
                <c:pt idx="900">
                  <c:v>44362</c:v>
                </c:pt>
                <c:pt idx="901">
                  <c:v>44363</c:v>
                </c:pt>
                <c:pt idx="902">
                  <c:v>44364</c:v>
                </c:pt>
                <c:pt idx="903">
                  <c:v>44365</c:v>
                </c:pt>
                <c:pt idx="904">
                  <c:v>44368</c:v>
                </c:pt>
                <c:pt idx="905">
                  <c:v>44369</c:v>
                </c:pt>
                <c:pt idx="906">
                  <c:v>44370</c:v>
                </c:pt>
                <c:pt idx="907">
                  <c:v>44371</c:v>
                </c:pt>
                <c:pt idx="908">
                  <c:v>44372</c:v>
                </c:pt>
                <c:pt idx="909">
                  <c:v>44375</c:v>
                </c:pt>
                <c:pt idx="910">
                  <c:v>44376</c:v>
                </c:pt>
                <c:pt idx="911">
                  <c:v>44377</c:v>
                </c:pt>
                <c:pt idx="912">
                  <c:v>44378</c:v>
                </c:pt>
                <c:pt idx="913">
                  <c:v>44379</c:v>
                </c:pt>
                <c:pt idx="914">
                  <c:v>44382</c:v>
                </c:pt>
                <c:pt idx="915">
                  <c:v>44383</c:v>
                </c:pt>
                <c:pt idx="916">
                  <c:v>44384</c:v>
                </c:pt>
                <c:pt idx="917">
                  <c:v>44385</c:v>
                </c:pt>
                <c:pt idx="918">
                  <c:v>44386</c:v>
                </c:pt>
                <c:pt idx="919">
                  <c:v>44389</c:v>
                </c:pt>
                <c:pt idx="920">
                  <c:v>44390</c:v>
                </c:pt>
                <c:pt idx="921">
                  <c:v>44391</c:v>
                </c:pt>
                <c:pt idx="922">
                  <c:v>44392</c:v>
                </c:pt>
                <c:pt idx="923">
                  <c:v>44393</c:v>
                </c:pt>
                <c:pt idx="924">
                  <c:v>44396</c:v>
                </c:pt>
                <c:pt idx="925">
                  <c:v>44397</c:v>
                </c:pt>
                <c:pt idx="926">
                  <c:v>44398</c:v>
                </c:pt>
                <c:pt idx="927">
                  <c:v>44399</c:v>
                </c:pt>
                <c:pt idx="928">
                  <c:v>44400</c:v>
                </c:pt>
                <c:pt idx="929">
                  <c:v>44403</c:v>
                </c:pt>
                <c:pt idx="930">
                  <c:v>44404</c:v>
                </c:pt>
                <c:pt idx="931">
                  <c:v>44405</c:v>
                </c:pt>
                <c:pt idx="932">
                  <c:v>44406</c:v>
                </c:pt>
                <c:pt idx="933">
                  <c:v>44407</c:v>
                </c:pt>
                <c:pt idx="934">
                  <c:v>44410</c:v>
                </c:pt>
                <c:pt idx="935">
                  <c:v>44411</c:v>
                </c:pt>
                <c:pt idx="936">
                  <c:v>44412</c:v>
                </c:pt>
                <c:pt idx="937">
                  <c:v>44413</c:v>
                </c:pt>
                <c:pt idx="938">
                  <c:v>44414</c:v>
                </c:pt>
                <c:pt idx="939">
                  <c:v>44417</c:v>
                </c:pt>
                <c:pt idx="940">
                  <c:v>44418</c:v>
                </c:pt>
                <c:pt idx="941">
                  <c:v>44419</c:v>
                </c:pt>
                <c:pt idx="942">
                  <c:v>44420</c:v>
                </c:pt>
                <c:pt idx="943">
                  <c:v>44421</c:v>
                </c:pt>
                <c:pt idx="944">
                  <c:v>44424</c:v>
                </c:pt>
                <c:pt idx="945">
                  <c:v>44425</c:v>
                </c:pt>
                <c:pt idx="946">
                  <c:v>44426</c:v>
                </c:pt>
                <c:pt idx="947">
                  <c:v>44427</c:v>
                </c:pt>
                <c:pt idx="948">
                  <c:v>44428</c:v>
                </c:pt>
                <c:pt idx="949">
                  <c:v>44431</c:v>
                </c:pt>
                <c:pt idx="950">
                  <c:v>44432</c:v>
                </c:pt>
                <c:pt idx="951">
                  <c:v>44433</c:v>
                </c:pt>
                <c:pt idx="952">
                  <c:v>44434</c:v>
                </c:pt>
                <c:pt idx="953">
                  <c:v>44435</c:v>
                </c:pt>
                <c:pt idx="954">
                  <c:v>44438</c:v>
                </c:pt>
                <c:pt idx="955">
                  <c:v>44439</c:v>
                </c:pt>
                <c:pt idx="956">
                  <c:v>44440</c:v>
                </c:pt>
                <c:pt idx="957">
                  <c:v>44441</c:v>
                </c:pt>
                <c:pt idx="958">
                  <c:v>44442</c:v>
                </c:pt>
                <c:pt idx="959">
                  <c:v>44445</c:v>
                </c:pt>
                <c:pt idx="960">
                  <c:v>44446</c:v>
                </c:pt>
                <c:pt idx="961">
                  <c:v>44447</c:v>
                </c:pt>
                <c:pt idx="962">
                  <c:v>44448</c:v>
                </c:pt>
                <c:pt idx="963">
                  <c:v>44449</c:v>
                </c:pt>
                <c:pt idx="964">
                  <c:v>44452</c:v>
                </c:pt>
                <c:pt idx="965">
                  <c:v>44453</c:v>
                </c:pt>
                <c:pt idx="966">
                  <c:v>44454</c:v>
                </c:pt>
                <c:pt idx="967">
                  <c:v>44455</c:v>
                </c:pt>
                <c:pt idx="968">
                  <c:v>44456</c:v>
                </c:pt>
                <c:pt idx="969">
                  <c:v>44459</c:v>
                </c:pt>
                <c:pt idx="970">
                  <c:v>44460</c:v>
                </c:pt>
                <c:pt idx="971">
                  <c:v>44461</c:v>
                </c:pt>
                <c:pt idx="972">
                  <c:v>44462</c:v>
                </c:pt>
                <c:pt idx="973">
                  <c:v>44463</c:v>
                </c:pt>
                <c:pt idx="974">
                  <c:v>44466</c:v>
                </c:pt>
                <c:pt idx="975">
                  <c:v>44467</c:v>
                </c:pt>
                <c:pt idx="976">
                  <c:v>44468</c:v>
                </c:pt>
                <c:pt idx="977">
                  <c:v>44469</c:v>
                </c:pt>
                <c:pt idx="978">
                  <c:v>44470</c:v>
                </c:pt>
                <c:pt idx="979">
                  <c:v>44473</c:v>
                </c:pt>
                <c:pt idx="980">
                  <c:v>44474</c:v>
                </c:pt>
                <c:pt idx="981">
                  <c:v>44475</c:v>
                </c:pt>
                <c:pt idx="982">
                  <c:v>44476</c:v>
                </c:pt>
                <c:pt idx="983">
                  <c:v>44477</c:v>
                </c:pt>
                <c:pt idx="984">
                  <c:v>44480</c:v>
                </c:pt>
                <c:pt idx="985">
                  <c:v>44481</c:v>
                </c:pt>
                <c:pt idx="986">
                  <c:v>44482</c:v>
                </c:pt>
                <c:pt idx="987">
                  <c:v>44483</c:v>
                </c:pt>
                <c:pt idx="988">
                  <c:v>44484</c:v>
                </c:pt>
                <c:pt idx="989">
                  <c:v>44487</c:v>
                </c:pt>
                <c:pt idx="990">
                  <c:v>44488</c:v>
                </c:pt>
                <c:pt idx="991">
                  <c:v>44489</c:v>
                </c:pt>
                <c:pt idx="992">
                  <c:v>44490</c:v>
                </c:pt>
                <c:pt idx="993">
                  <c:v>44491</c:v>
                </c:pt>
                <c:pt idx="994">
                  <c:v>44494</c:v>
                </c:pt>
                <c:pt idx="995">
                  <c:v>44495</c:v>
                </c:pt>
                <c:pt idx="996">
                  <c:v>44496</c:v>
                </c:pt>
                <c:pt idx="997">
                  <c:v>44497</c:v>
                </c:pt>
                <c:pt idx="998">
                  <c:v>44498</c:v>
                </c:pt>
                <c:pt idx="999">
                  <c:v>44501</c:v>
                </c:pt>
                <c:pt idx="1000">
                  <c:v>44502</c:v>
                </c:pt>
                <c:pt idx="1001">
                  <c:v>44503</c:v>
                </c:pt>
                <c:pt idx="1002">
                  <c:v>44504</c:v>
                </c:pt>
                <c:pt idx="1003">
                  <c:v>44505</c:v>
                </c:pt>
                <c:pt idx="1004">
                  <c:v>44508</c:v>
                </c:pt>
                <c:pt idx="1005">
                  <c:v>44509</c:v>
                </c:pt>
                <c:pt idx="1006">
                  <c:v>44510</c:v>
                </c:pt>
                <c:pt idx="1007">
                  <c:v>44511</c:v>
                </c:pt>
                <c:pt idx="1008">
                  <c:v>44512</c:v>
                </c:pt>
                <c:pt idx="1009">
                  <c:v>44515</c:v>
                </c:pt>
                <c:pt idx="1010">
                  <c:v>44516</c:v>
                </c:pt>
                <c:pt idx="1011">
                  <c:v>44517</c:v>
                </c:pt>
                <c:pt idx="1012">
                  <c:v>44518</c:v>
                </c:pt>
                <c:pt idx="1013">
                  <c:v>44519</c:v>
                </c:pt>
                <c:pt idx="1014">
                  <c:v>44522</c:v>
                </c:pt>
                <c:pt idx="1015">
                  <c:v>44523</c:v>
                </c:pt>
                <c:pt idx="1016">
                  <c:v>44524</c:v>
                </c:pt>
                <c:pt idx="1017">
                  <c:v>44525</c:v>
                </c:pt>
                <c:pt idx="1018">
                  <c:v>44526</c:v>
                </c:pt>
                <c:pt idx="1019">
                  <c:v>44529</c:v>
                </c:pt>
                <c:pt idx="1020">
                  <c:v>44530</c:v>
                </c:pt>
                <c:pt idx="1021">
                  <c:v>44531</c:v>
                </c:pt>
                <c:pt idx="1022">
                  <c:v>44532</c:v>
                </c:pt>
                <c:pt idx="1023">
                  <c:v>44533</c:v>
                </c:pt>
                <c:pt idx="1024">
                  <c:v>44536</c:v>
                </c:pt>
                <c:pt idx="1025">
                  <c:v>44537</c:v>
                </c:pt>
                <c:pt idx="1026">
                  <c:v>44538</c:v>
                </c:pt>
                <c:pt idx="1027">
                  <c:v>44539</c:v>
                </c:pt>
                <c:pt idx="1028">
                  <c:v>44540</c:v>
                </c:pt>
                <c:pt idx="1029">
                  <c:v>44543</c:v>
                </c:pt>
                <c:pt idx="1030">
                  <c:v>44544</c:v>
                </c:pt>
                <c:pt idx="1031">
                  <c:v>44545</c:v>
                </c:pt>
                <c:pt idx="1032">
                  <c:v>44546</c:v>
                </c:pt>
                <c:pt idx="1033">
                  <c:v>44547</c:v>
                </c:pt>
                <c:pt idx="1034">
                  <c:v>44550</c:v>
                </c:pt>
                <c:pt idx="1035">
                  <c:v>44551</c:v>
                </c:pt>
                <c:pt idx="1036">
                  <c:v>44552</c:v>
                </c:pt>
                <c:pt idx="1037">
                  <c:v>44553</c:v>
                </c:pt>
                <c:pt idx="1038">
                  <c:v>44554</c:v>
                </c:pt>
                <c:pt idx="1039">
                  <c:v>44557</c:v>
                </c:pt>
                <c:pt idx="1040">
                  <c:v>44558</c:v>
                </c:pt>
                <c:pt idx="1041">
                  <c:v>44559</c:v>
                </c:pt>
                <c:pt idx="1042">
                  <c:v>44560</c:v>
                </c:pt>
                <c:pt idx="1043">
                  <c:v>44561</c:v>
                </c:pt>
                <c:pt idx="1044">
                  <c:v>44564</c:v>
                </c:pt>
                <c:pt idx="1045">
                  <c:v>44565</c:v>
                </c:pt>
                <c:pt idx="1046">
                  <c:v>44566</c:v>
                </c:pt>
                <c:pt idx="1047">
                  <c:v>44567</c:v>
                </c:pt>
                <c:pt idx="1048">
                  <c:v>44568</c:v>
                </c:pt>
                <c:pt idx="1049">
                  <c:v>44571</c:v>
                </c:pt>
                <c:pt idx="1050">
                  <c:v>44572</c:v>
                </c:pt>
                <c:pt idx="1051">
                  <c:v>44573</c:v>
                </c:pt>
                <c:pt idx="1052">
                  <c:v>44574</c:v>
                </c:pt>
                <c:pt idx="1053">
                  <c:v>44575</c:v>
                </c:pt>
                <c:pt idx="1054">
                  <c:v>44578</c:v>
                </c:pt>
                <c:pt idx="1055">
                  <c:v>44579</c:v>
                </c:pt>
                <c:pt idx="1056">
                  <c:v>44580</c:v>
                </c:pt>
                <c:pt idx="1057">
                  <c:v>44581</c:v>
                </c:pt>
                <c:pt idx="1058">
                  <c:v>44582</c:v>
                </c:pt>
                <c:pt idx="1059">
                  <c:v>44585</c:v>
                </c:pt>
                <c:pt idx="1060">
                  <c:v>44586</c:v>
                </c:pt>
                <c:pt idx="1061">
                  <c:v>44587</c:v>
                </c:pt>
                <c:pt idx="1062">
                  <c:v>44588</c:v>
                </c:pt>
                <c:pt idx="1063">
                  <c:v>44589</c:v>
                </c:pt>
                <c:pt idx="1064">
                  <c:v>44592</c:v>
                </c:pt>
                <c:pt idx="1065">
                  <c:v>44593</c:v>
                </c:pt>
                <c:pt idx="1066">
                  <c:v>44594</c:v>
                </c:pt>
                <c:pt idx="1067">
                  <c:v>44595</c:v>
                </c:pt>
                <c:pt idx="1068">
                  <c:v>44596</c:v>
                </c:pt>
                <c:pt idx="1069">
                  <c:v>44599</c:v>
                </c:pt>
                <c:pt idx="1070">
                  <c:v>44600</c:v>
                </c:pt>
                <c:pt idx="1071">
                  <c:v>44601</c:v>
                </c:pt>
                <c:pt idx="1072">
                  <c:v>44602</c:v>
                </c:pt>
                <c:pt idx="1073">
                  <c:v>44603</c:v>
                </c:pt>
                <c:pt idx="1074">
                  <c:v>44606</c:v>
                </c:pt>
                <c:pt idx="1075">
                  <c:v>44607</c:v>
                </c:pt>
                <c:pt idx="1076">
                  <c:v>44608</c:v>
                </c:pt>
                <c:pt idx="1077">
                  <c:v>44609</c:v>
                </c:pt>
                <c:pt idx="1078">
                  <c:v>44610</c:v>
                </c:pt>
                <c:pt idx="1079">
                  <c:v>44613</c:v>
                </c:pt>
                <c:pt idx="1080">
                  <c:v>44614</c:v>
                </c:pt>
                <c:pt idx="1081">
                  <c:v>44615</c:v>
                </c:pt>
                <c:pt idx="1082">
                  <c:v>44616</c:v>
                </c:pt>
                <c:pt idx="1083">
                  <c:v>44617</c:v>
                </c:pt>
                <c:pt idx="1084">
                  <c:v>44620</c:v>
                </c:pt>
                <c:pt idx="1085">
                  <c:v>44621</c:v>
                </c:pt>
                <c:pt idx="1086">
                  <c:v>44622</c:v>
                </c:pt>
                <c:pt idx="1087">
                  <c:v>44623</c:v>
                </c:pt>
                <c:pt idx="1088">
                  <c:v>44624</c:v>
                </c:pt>
                <c:pt idx="1089">
                  <c:v>44627</c:v>
                </c:pt>
                <c:pt idx="1090">
                  <c:v>44628</c:v>
                </c:pt>
                <c:pt idx="1091">
                  <c:v>44629</c:v>
                </c:pt>
                <c:pt idx="1092">
                  <c:v>44630</c:v>
                </c:pt>
                <c:pt idx="1093">
                  <c:v>44631</c:v>
                </c:pt>
                <c:pt idx="1094">
                  <c:v>44634</c:v>
                </c:pt>
                <c:pt idx="1095">
                  <c:v>44635</c:v>
                </c:pt>
                <c:pt idx="1096">
                  <c:v>44636</c:v>
                </c:pt>
                <c:pt idx="1097">
                  <c:v>44637</c:v>
                </c:pt>
                <c:pt idx="1098">
                  <c:v>44638</c:v>
                </c:pt>
                <c:pt idx="1099">
                  <c:v>44641</c:v>
                </c:pt>
                <c:pt idx="1100">
                  <c:v>44642</c:v>
                </c:pt>
                <c:pt idx="1101">
                  <c:v>44643</c:v>
                </c:pt>
                <c:pt idx="1102">
                  <c:v>44644</c:v>
                </c:pt>
                <c:pt idx="1103">
                  <c:v>44645</c:v>
                </c:pt>
                <c:pt idx="1104">
                  <c:v>44648</c:v>
                </c:pt>
                <c:pt idx="1105">
                  <c:v>44649</c:v>
                </c:pt>
                <c:pt idx="1106">
                  <c:v>44650</c:v>
                </c:pt>
                <c:pt idx="1107">
                  <c:v>44651</c:v>
                </c:pt>
                <c:pt idx="1108">
                  <c:v>44652</c:v>
                </c:pt>
                <c:pt idx="1109">
                  <c:v>44655</c:v>
                </c:pt>
                <c:pt idx="1110">
                  <c:v>44656</c:v>
                </c:pt>
                <c:pt idx="1111">
                  <c:v>44657</c:v>
                </c:pt>
                <c:pt idx="1112">
                  <c:v>44658</c:v>
                </c:pt>
                <c:pt idx="1113">
                  <c:v>44659</c:v>
                </c:pt>
                <c:pt idx="1114">
                  <c:v>44662</c:v>
                </c:pt>
                <c:pt idx="1115">
                  <c:v>44663</c:v>
                </c:pt>
                <c:pt idx="1116">
                  <c:v>44664</c:v>
                </c:pt>
                <c:pt idx="1117">
                  <c:v>44665</c:v>
                </c:pt>
                <c:pt idx="1118">
                  <c:v>44666</c:v>
                </c:pt>
                <c:pt idx="1119">
                  <c:v>44669</c:v>
                </c:pt>
                <c:pt idx="1120">
                  <c:v>44670</c:v>
                </c:pt>
                <c:pt idx="1121">
                  <c:v>44671</c:v>
                </c:pt>
                <c:pt idx="1122">
                  <c:v>44672</c:v>
                </c:pt>
                <c:pt idx="1123">
                  <c:v>44673</c:v>
                </c:pt>
                <c:pt idx="1124">
                  <c:v>44676</c:v>
                </c:pt>
                <c:pt idx="1125">
                  <c:v>44677</c:v>
                </c:pt>
                <c:pt idx="1126">
                  <c:v>44678</c:v>
                </c:pt>
                <c:pt idx="1127">
                  <c:v>44679</c:v>
                </c:pt>
                <c:pt idx="1128">
                  <c:v>44680</c:v>
                </c:pt>
                <c:pt idx="1129">
                  <c:v>44683</c:v>
                </c:pt>
                <c:pt idx="1130">
                  <c:v>44684</c:v>
                </c:pt>
                <c:pt idx="1131">
                  <c:v>44685</c:v>
                </c:pt>
                <c:pt idx="1132">
                  <c:v>44686</c:v>
                </c:pt>
                <c:pt idx="1133">
                  <c:v>44687</c:v>
                </c:pt>
                <c:pt idx="1134">
                  <c:v>44690</c:v>
                </c:pt>
                <c:pt idx="1135">
                  <c:v>44691</c:v>
                </c:pt>
                <c:pt idx="1136">
                  <c:v>44692</c:v>
                </c:pt>
                <c:pt idx="1137">
                  <c:v>44693</c:v>
                </c:pt>
                <c:pt idx="1138">
                  <c:v>44694</c:v>
                </c:pt>
                <c:pt idx="1139">
                  <c:v>44697</c:v>
                </c:pt>
                <c:pt idx="1140">
                  <c:v>44698</c:v>
                </c:pt>
                <c:pt idx="1141">
                  <c:v>44699</c:v>
                </c:pt>
                <c:pt idx="1142">
                  <c:v>44700</c:v>
                </c:pt>
                <c:pt idx="1143">
                  <c:v>44701</c:v>
                </c:pt>
                <c:pt idx="1144">
                  <c:v>44704</c:v>
                </c:pt>
                <c:pt idx="1145">
                  <c:v>44705</c:v>
                </c:pt>
                <c:pt idx="1146">
                  <c:v>44706</c:v>
                </c:pt>
                <c:pt idx="1147">
                  <c:v>44707</c:v>
                </c:pt>
                <c:pt idx="1148">
                  <c:v>44708</c:v>
                </c:pt>
                <c:pt idx="1149">
                  <c:v>44711</c:v>
                </c:pt>
                <c:pt idx="1150">
                  <c:v>44712</c:v>
                </c:pt>
                <c:pt idx="1151">
                  <c:v>44713</c:v>
                </c:pt>
                <c:pt idx="1152">
                  <c:v>44714</c:v>
                </c:pt>
                <c:pt idx="1153">
                  <c:v>44715</c:v>
                </c:pt>
                <c:pt idx="1154">
                  <c:v>44718</c:v>
                </c:pt>
                <c:pt idx="1155">
                  <c:v>44719</c:v>
                </c:pt>
                <c:pt idx="1156">
                  <c:v>44720</c:v>
                </c:pt>
                <c:pt idx="1157">
                  <c:v>44721</c:v>
                </c:pt>
                <c:pt idx="1158">
                  <c:v>44722</c:v>
                </c:pt>
                <c:pt idx="1159">
                  <c:v>44725</c:v>
                </c:pt>
                <c:pt idx="1160">
                  <c:v>44726</c:v>
                </c:pt>
                <c:pt idx="1161">
                  <c:v>44727</c:v>
                </c:pt>
                <c:pt idx="1162">
                  <c:v>44728</c:v>
                </c:pt>
                <c:pt idx="1163">
                  <c:v>44729</c:v>
                </c:pt>
                <c:pt idx="1164">
                  <c:v>44732</c:v>
                </c:pt>
                <c:pt idx="1165">
                  <c:v>44733</c:v>
                </c:pt>
                <c:pt idx="1166">
                  <c:v>44734</c:v>
                </c:pt>
                <c:pt idx="1167">
                  <c:v>44735</c:v>
                </c:pt>
                <c:pt idx="1168">
                  <c:v>44736</c:v>
                </c:pt>
                <c:pt idx="1169">
                  <c:v>44739</c:v>
                </c:pt>
                <c:pt idx="1170">
                  <c:v>44740</c:v>
                </c:pt>
                <c:pt idx="1171">
                  <c:v>44741</c:v>
                </c:pt>
                <c:pt idx="1172">
                  <c:v>44742</c:v>
                </c:pt>
                <c:pt idx="1173">
                  <c:v>44743</c:v>
                </c:pt>
                <c:pt idx="1174">
                  <c:v>44746</c:v>
                </c:pt>
                <c:pt idx="1175">
                  <c:v>44747</c:v>
                </c:pt>
                <c:pt idx="1176">
                  <c:v>44748</c:v>
                </c:pt>
                <c:pt idx="1177">
                  <c:v>44749</c:v>
                </c:pt>
                <c:pt idx="1178">
                  <c:v>44750</c:v>
                </c:pt>
                <c:pt idx="1179">
                  <c:v>44753</c:v>
                </c:pt>
                <c:pt idx="1180">
                  <c:v>44754</c:v>
                </c:pt>
                <c:pt idx="1181">
                  <c:v>44755</c:v>
                </c:pt>
                <c:pt idx="1182">
                  <c:v>44756</c:v>
                </c:pt>
                <c:pt idx="1183">
                  <c:v>44757</c:v>
                </c:pt>
                <c:pt idx="1184">
                  <c:v>44760</c:v>
                </c:pt>
                <c:pt idx="1185">
                  <c:v>44761</c:v>
                </c:pt>
                <c:pt idx="1186">
                  <c:v>44762</c:v>
                </c:pt>
                <c:pt idx="1187">
                  <c:v>44763</c:v>
                </c:pt>
                <c:pt idx="1188">
                  <c:v>44764</c:v>
                </c:pt>
                <c:pt idx="1189">
                  <c:v>44767</c:v>
                </c:pt>
                <c:pt idx="1190">
                  <c:v>44768</c:v>
                </c:pt>
                <c:pt idx="1191">
                  <c:v>44769</c:v>
                </c:pt>
                <c:pt idx="1192">
                  <c:v>44770</c:v>
                </c:pt>
                <c:pt idx="1193">
                  <c:v>44771</c:v>
                </c:pt>
                <c:pt idx="1194">
                  <c:v>44774</c:v>
                </c:pt>
                <c:pt idx="1195">
                  <c:v>44775</c:v>
                </c:pt>
                <c:pt idx="1196">
                  <c:v>44776</c:v>
                </c:pt>
                <c:pt idx="1197">
                  <c:v>44777</c:v>
                </c:pt>
                <c:pt idx="1198">
                  <c:v>44778</c:v>
                </c:pt>
                <c:pt idx="1199">
                  <c:v>44781</c:v>
                </c:pt>
                <c:pt idx="1200">
                  <c:v>44782</c:v>
                </c:pt>
                <c:pt idx="1201">
                  <c:v>44783</c:v>
                </c:pt>
                <c:pt idx="1202">
                  <c:v>44784</c:v>
                </c:pt>
                <c:pt idx="1203">
                  <c:v>44785</c:v>
                </c:pt>
                <c:pt idx="1204">
                  <c:v>44788</c:v>
                </c:pt>
                <c:pt idx="1205">
                  <c:v>44789</c:v>
                </c:pt>
                <c:pt idx="1206">
                  <c:v>44790</c:v>
                </c:pt>
                <c:pt idx="1207">
                  <c:v>44791</c:v>
                </c:pt>
                <c:pt idx="1208">
                  <c:v>44792</c:v>
                </c:pt>
                <c:pt idx="1209">
                  <c:v>44795</c:v>
                </c:pt>
                <c:pt idx="1210">
                  <c:v>44796</c:v>
                </c:pt>
                <c:pt idx="1211">
                  <c:v>44797</c:v>
                </c:pt>
                <c:pt idx="1212">
                  <c:v>44798</c:v>
                </c:pt>
                <c:pt idx="1213">
                  <c:v>44799</c:v>
                </c:pt>
                <c:pt idx="1214">
                  <c:v>44802</c:v>
                </c:pt>
                <c:pt idx="1215">
                  <c:v>44803</c:v>
                </c:pt>
                <c:pt idx="1216">
                  <c:v>44804</c:v>
                </c:pt>
                <c:pt idx="1217">
                  <c:v>44805</c:v>
                </c:pt>
                <c:pt idx="1218">
                  <c:v>44806</c:v>
                </c:pt>
                <c:pt idx="1219">
                  <c:v>44809</c:v>
                </c:pt>
                <c:pt idx="1220">
                  <c:v>44810</c:v>
                </c:pt>
                <c:pt idx="1221">
                  <c:v>44811</c:v>
                </c:pt>
                <c:pt idx="1222">
                  <c:v>44812</c:v>
                </c:pt>
                <c:pt idx="1223">
                  <c:v>44813</c:v>
                </c:pt>
                <c:pt idx="1224">
                  <c:v>44816</c:v>
                </c:pt>
                <c:pt idx="1225">
                  <c:v>44817</c:v>
                </c:pt>
                <c:pt idx="1226">
                  <c:v>44818</c:v>
                </c:pt>
                <c:pt idx="1227">
                  <c:v>44819</c:v>
                </c:pt>
                <c:pt idx="1228">
                  <c:v>44820</c:v>
                </c:pt>
                <c:pt idx="1229">
                  <c:v>44823</c:v>
                </c:pt>
                <c:pt idx="1230">
                  <c:v>44824</c:v>
                </c:pt>
                <c:pt idx="1231">
                  <c:v>44825</c:v>
                </c:pt>
                <c:pt idx="1232">
                  <c:v>44826</c:v>
                </c:pt>
                <c:pt idx="1233">
                  <c:v>44827</c:v>
                </c:pt>
                <c:pt idx="1234">
                  <c:v>44830</c:v>
                </c:pt>
                <c:pt idx="1235">
                  <c:v>44831</c:v>
                </c:pt>
                <c:pt idx="1236">
                  <c:v>44832</c:v>
                </c:pt>
                <c:pt idx="1237">
                  <c:v>44833</c:v>
                </c:pt>
                <c:pt idx="1238">
                  <c:v>44834</c:v>
                </c:pt>
                <c:pt idx="1239">
                  <c:v>44837</c:v>
                </c:pt>
                <c:pt idx="1240">
                  <c:v>44838</c:v>
                </c:pt>
                <c:pt idx="1241">
                  <c:v>44839</c:v>
                </c:pt>
                <c:pt idx="1242">
                  <c:v>44840</c:v>
                </c:pt>
                <c:pt idx="1243">
                  <c:v>44841</c:v>
                </c:pt>
                <c:pt idx="1244">
                  <c:v>44844</c:v>
                </c:pt>
                <c:pt idx="1245">
                  <c:v>44845</c:v>
                </c:pt>
                <c:pt idx="1246">
                  <c:v>44846</c:v>
                </c:pt>
                <c:pt idx="1247">
                  <c:v>44847</c:v>
                </c:pt>
                <c:pt idx="1248">
                  <c:v>44848</c:v>
                </c:pt>
                <c:pt idx="1249">
                  <c:v>44851</c:v>
                </c:pt>
                <c:pt idx="1250">
                  <c:v>44852</c:v>
                </c:pt>
                <c:pt idx="1251">
                  <c:v>44853</c:v>
                </c:pt>
                <c:pt idx="1252">
                  <c:v>44854</c:v>
                </c:pt>
                <c:pt idx="1253">
                  <c:v>44855</c:v>
                </c:pt>
                <c:pt idx="1254">
                  <c:v>44858</c:v>
                </c:pt>
                <c:pt idx="1255">
                  <c:v>44859</c:v>
                </c:pt>
                <c:pt idx="1256">
                  <c:v>44860</c:v>
                </c:pt>
                <c:pt idx="1257">
                  <c:v>44861</c:v>
                </c:pt>
                <c:pt idx="1258">
                  <c:v>44862</c:v>
                </c:pt>
                <c:pt idx="1259">
                  <c:v>44865</c:v>
                </c:pt>
                <c:pt idx="1260">
                  <c:v>44866</c:v>
                </c:pt>
                <c:pt idx="1261">
                  <c:v>44867</c:v>
                </c:pt>
                <c:pt idx="1262">
                  <c:v>44868</c:v>
                </c:pt>
                <c:pt idx="1263">
                  <c:v>44869</c:v>
                </c:pt>
                <c:pt idx="1264">
                  <c:v>44872</c:v>
                </c:pt>
                <c:pt idx="1265">
                  <c:v>44873</c:v>
                </c:pt>
                <c:pt idx="1266">
                  <c:v>44874</c:v>
                </c:pt>
                <c:pt idx="1267">
                  <c:v>44875</c:v>
                </c:pt>
                <c:pt idx="1268">
                  <c:v>44876</c:v>
                </c:pt>
                <c:pt idx="1269">
                  <c:v>44879</c:v>
                </c:pt>
                <c:pt idx="1270">
                  <c:v>44880</c:v>
                </c:pt>
                <c:pt idx="1271">
                  <c:v>44881</c:v>
                </c:pt>
                <c:pt idx="1272">
                  <c:v>44882</c:v>
                </c:pt>
                <c:pt idx="1273">
                  <c:v>44883</c:v>
                </c:pt>
                <c:pt idx="1274">
                  <c:v>44886</c:v>
                </c:pt>
                <c:pt idx="1275">
                  <c:v>44887</c:v>
                </c:pt>
                <c:pt idx="1276">
                  <c:v>44888</c:v>
                </c:pt>
                <c:pt idx="1277">
                  <c:v>44889</c:v>
                </c:pt>
                <c:pt idx="1278">
                  <c:v>44890</c:v>
                </c:pt>
                <c:pt idx="1279">
                  <c:v>44893</c:v>
                </c:pt>
                <c:pt idx="1280">
                  <c:v>44894</c:v>
                </c:pt>
                <c:pt idx="1281">
                  <c:v>44895</c:v>
                </c:pt>
                <c:pt idx="1282">
                  <c:v>44896</c:v>
                </c:pt>
                <c:pt idx="1283">
                  <c:v>44897</c:v>
                </c:pt>
                <c:pt idx="1284">
                  <c:v>44900</c:v>
                </c:pt>
                <c:pt idx="1285">
                  <c:v>44901</c:v>
                </c:pt>
                <c:pt idx="1286">
                  <c:v>44902</c:v>
                </c:pt>
                <c:pt idx="1287">
                  <c:v>44903</c:v>
                </c:pt>
                <c:pt idx="1288">
                  <c:v>44904</c:v>
                </c:pt>
                <c:pt idx="1289">
                  <c:v>44907</c:v>
                </c:pt>
                <c:pt idx="1290">
                  <c:v>44908</c:v>
                </c:pt>
                <c:pt idx="1291">
                  <c:v>44909</c:v>
                </c:pt>
                <c:pt idx="1292">
                  <c:v>44910</c:v>
                </c:pt>
                <c:pt idx="1293">
                  <c:v>44911</c:v>
                </c:pt>
                <c:pt idx="1294">
                  <c:v>44914</c:v>
                </c:pt>
                <c:pt idx="1295">
                  <c:v>44915</c:v>
                </c:pt>
                <c:pt idx="1296">
                  <c:v>44916</c:v>
                </c:pt>
                <c:pt idx="1297">
                  <c:v>44917</c:v>
                </c:pt>
                <c:pt idx="1298">
                  <c:v>44918</c:v>
                </c:pt>
                <c:pt idx="1299">
                  <c:v>44921</c:v>
                </c:pt>
                <c:pt idx="1300">
                  <c:v>44922</c:v>
                </c:pt>
                <c:pt idx="1301">
                  <c:v>44923</c:v>
                </c:pt>
                <c:pt idx="1302">
                  <c:v>44924</c:v>
                </c:pt>
                <c:pt idx="1303">
                  <c:v>44925</c:v>
                </c:pt>
                <c:pt idx="1304">
                  <c:v>44928</c:v>
                </c:pt>
                <c:pt idx="1305">
                  <c:v>44929</c:v>
                </c:pt>
                <c:pt idx="1306">
                  <c:v>44930</c:v>
                </c:pt>
                <c:pt idx="1307">
                  <c:v>44931</c:v>
                </c:pt>
                <c:pt idx="1308">
                  <c:v>44932</c:v>
                </c:pt>
                <c:pt idx="1309">
                  <c:v>44935</c:v>
                </c:pt>
                <c:pt idx="1310">
                  <c:v>44936</c:v>
                </c:pt>
                <c:pt idx="1311">
                  <c:v>44937</c:v>
                </c:pt>
                <c:pt idx="1312">
                  <c:v>44938</c:v>
                </c:pt>
                <c:pt idx="1313">
                  <c:v>44939</c:v>
                </c:pt>
                <c:pt idx="1314">
                  <c:v>44942</c:v>
                </c:pt>
                <c:pt idx="1315">
                  <c:v>44943</c:v>
                </c:pt>
                <c:pt idx="1316">
                  <c:v>44944</c:v>
                </c:pt>
                <c:pt idx="1317">
                  <c:v>44945</c:v>
                </c:pt>
                <c:pt idx="1318">
                  <c:v>44946</c:v>
                </c:pt>
                <c:pt idx="1319">
                  <c:v>44949</c:v>
                </c:pt>
                <c:pt idx="1320">
                  <c:v>44950</c:v>
                </c:pt>
                <c:pt idx="1321">
                  <c:v>44951</c:v>
                </c:pt>
                <c:pt idx="1322">
                  <c:v>44952</c:v>
                </c:pt>
                <c:pt idx="1323">
                  <c:v>44953</c:v>
                </c:pt>
                <c:pt idx="1324">
                  <c:v>44956</c:v>
                </c:pt>
                <c:pt idx="1325">
                  <c:v>44957</c:v>
                </c:pt>
                <c:pt idx="1326">
                  <c:v>44958</c:v>
                </c:pt>
                <c:pt idx="1327">
                  <c:v>44959</c:v>
                </c:pt>
                <c:pt idx="1328">
                  <c:v>44960</c:v>
                </c:pt>
                <c:pt idx="1329">
                  <c:v>44963</c:v>
                </c:pt>
                <c:pt idx="1330">
                  <c:v>44964</c:v>
                </c:pt>
                <c:pt idx="1331">
                  <c:v>44965</c:v>
                </c:pt>
                <c:pt idx="1332">
                  <c:v>44966</c:v>
                </c:pt>
                <c:pt idx="1333">
                  <c:v>44967</c:v>
                </c:pt>
                <c:pt idx="1334">
                  <c:v>44970</c:v>
                </c:pt>
                <c:pt idx="1335">
                  <c:v>44971</c:v>
                </c:pt>
                <c:pt idx="1336">
                  <c:v>44972</c:v>
                </c:pt>
                <c:pt idx="1337">
                  <c:v>44973</c:v>
                </c:pt>
                <c:pt idx="1338">
                  <c:v>44974</c:v>
                </c:pt>
                <c:pt idx="1339">
                  <c:v>44977</c:v>
                </c:pt>
                <c:pt idx="1340">
                  <c:v>44978</c:v>
                </c:pt>
                <c:pt idx="1341">
                  <c:v>44979</c:v>
                </c:pt>
                <c:pt idx="1342">
                  <c:v>44980</c:v>
                </c:pt>
                <c:pt idx="1343">
                  <c:v>44981</c:v>
                </c:pt>
                <c:pt idx="1344">
                  <c:v>44984</c:v>
                </c:pt>
                <c:pt idx="1345">
                  <c:v>44985</c:v>
                </c:pt>
                <c:pt idx="1346">
                  <c:v>44986</c:v>
                </c:pt>
                <c:pt idx="1347">
                  <c:v>44987</c:v>
                </c:pt>
                <c:pt idx="1348">
                  <c:v>44988</c:v>
                </c:pt>
                <c:pt idx="1349">
                  <c:v>44991</c:v>
                </c:pt>
                <c:pt idx="1350">
                  <c:v>44992</c:v>
                </c:pt>
                <c:pt idx="1351">
                  <c:v>44993</c:v>
                </c:pt>
                <c:pt idx="1352">
                  <c:v>44994</c:v>
                </c:pt>
                <c:pt idx="1353">
                  <c:v>44995</c:v>
                </c:pt>
                <c:pt idx="1354">
                  <c:v>44998</c:v>
                </c:pt>
                <c:pt idx="1355">
                  <c:v>44999</c:v>
                </c:pt>
                <c:pt idx="1356">
                  <c:v>45000</c:v>
                </c:pt>
                <c:pt idx="1357">
                  <c:v>45001</c:v>
                </c:pt>
                <c:pt idx="1358">
                  <c:v>45002</c:v>
                </c:pt>
                <c:pt idx="1359">
                  <c:v>45005</c:v>
                </c:pt>
                <c:pt idx="1360">
                  <c:v>45006</c:v>
                </c:pt>
                <c:pt idx="1361">
                  <c:v>45007</c:v>
                </c:pt>
                <c:pt idx="1362">
                  <c:v>45008</c:v>
                </c:pt>
                <c:pt idx="1363">
                  <c:v>45009</c:v>
                </c:pt>
                <c:pt idx="1364">
                  <c:v>45012</c:v>
                </c:pt>
                <c:pt idx="1365">
                  <c:v>45013</c:v>
                </c:pt>
                <c:pt idx="1366">
                  <c:v>45014</c:v>
                </c:pt>
                <c:pt idx="1367">
                  <c:v>45015</c:v>
                </c:pt>
                <c:pt idx="1368">
                  <c:v>45016</c:v>
                </c:pt>
                <c:pt idx="1369">
                  <c:v>45019</c:v>
                </c:pt>
                <c:pt idx="1370">
                  <c:v>45020</c:v>
                </c:pt>
                <c:pt idx="1371">
                  <c:v>45021</c:v>
                </c:pt>
                <c:pt idx="1372">
                  <c:v>45022</c:v>
                </c:pt>
                <c:pt idx="1373">
                  <c:v>45023</c:v>
                </c:pt>
                <c:pt idx="1374">
                  <c:v>45026</c:v>
                </c:pt>
                <c:pt idx="1375">
                  <c:v>45027</c:v>
                </c:pt>
                <c:pt idx="1376">
                  <c:v>45028</c:v>
                </c:pt>
                <c:pt idx="1377">
                  <c:v>45029</c:v>
                </c:pt>
                <c:pt idx="1378">
                  <c:v>45030</c:v>
                </c:pt>
                <c:pt idx="1379">
                  <c:v>45033</c:v>
                </c:pt>
                <c:pt idx="1380">
                  <c:v>45034</c:v>
                </c:pt>
                <c:pt idx="1381">
                  <c:v>45035</c:v>
                </c:pt>
                <c:pt idx="1382">
                  <c:v>45036</c:v>
                </c:pt>
                <c:pt idx="1383">
                  <c:v>45037</c:v>
                </c:pt>
                <c:pt idx="1384">
                  <c:v>45040</c:v>
                </c:pt>
                <c:pt idx="1385">
                  <c:v>45041</c:v>
                </c:pt>
                <c:pt idx="1386">
                  <c:v>45042</c:v>
                </c:pt>
                <c:pt idx="1387">
                  <c:v>45043</c:v>
                </c:pt>
                <c:pt idx="1388">
                  <c:v>45044</c:v>
                </c:pt>
                <c:pt idx="1389">
                  <c:v>45047</c:v>
                </c:pt>
                <c:pt idx="1390">
                  <c:v>45048</c:v>
                </c:pt>
                <c:pt idx="1391">
                  <c:v>45049</c:v>
                </c:pt>
                <c:pt idx="1392">
                  <c:v>45050</c:v>
                </c:pt>
                <c:pt idx="1393">
                  <c:v>45051</c:v>
                </c:pt>
                <c:pt idx="1394">
                  <c:v>45054</c:v>
                </c:pt>
                <c:pt idx="1395">
                  <c:v>45055</c:v>
                </c:pt>
                <c:pt idx="1396">
                  <c:v>45056</c:v>
                </c:pt>
                <c:pt idx="1397">
                  <c:v>45057</c:v>
                </c:pt>
                <c:pt idx="1398">
                  <c:v>45058</c:v>
                </c:pt>
                <c:pt idx="1399">
                  <c:v>45061</c:v>
                </c:pt>
                <c:pt idx="1400">
                  <c:v>45062</c:v>
                </c:pt>
                <c:pt idx="1401">
                  <c:v>45063</c:v>
                </c:pt>
                <c:pt idx="1402">
                  <c:v>45064</c:v>
                </c:pt>
                <c:pt idx="1403">
                  <c:v>45065</c:v>
                </c:pt>
                <c:pt idx="1404">
                  <c:v>45068</c:v>
                </c:pt>
                <c:pt idx="1405">
                  <c:v>45069</c:v>
                </c:pt>
                <c:pt idx="1406">
                  <c:v>45070</c:v>
                </c:pt>
                <c:pt idx="1407">
                  <c:v>45071</c:v>
                </c:pt>
                <c:pt idx="1408">
                  <c:v>45072</c:v>
                </c:pt>
                <c:pt idx="1409">
                  <c:v>45075</c:v>
                </c:pt>
                <c:pt idx="1410">
                  <c:v>45076</c:v>
                </c:pt>
                <c:pt idx="1411">
                  <c:v>45077</c:v>
                </c:pt>
                <c:pt idx="1412">
                  <c:v>45078</c:v>
                </c:pt>
                <c:pt idx="1413">
                  <c:v>45079</c:v>
                </c:pt>
                <c:pt idx="1414">
                  <c:v>45082</c:v>
                </c:pt>
                <c:pt idx="1415">
                  <c:v>45083</c:v>
                </c:pt>
                <c:pt idx="1416">
                  <c:v>45084</c:v>
                </c:pt>
                <c:pt idx="1417">
                  <c:v>45085</c:v>
                </c:pt>
                <c:pt idx="1418">
                  <c:v>45086</c:v>
                </c:pt>
                <c:pt idx="1419">
                  <c:v>45089</c:v>
                </c:pt>
                <c:pt idx="1420">
                  <c:v>45090</c:v>
                </c:pt>
                <c:pt idx="1421">
                  <c:v>45091</c:v>
                </c:pt>
                <c:pt idx="1422">
                  <c:v>45092</c:v>
                </c:pt>
                <c:pt idx="1423">
                  <c:v>45093</c:v>
                </c:pt>
                <c:pt idx="1424">
                  <c:v>45096</c:v>
                </c:pt>
                <c:pt idx="1425">
                  <c:v>45097</c:v>
                </c:pt>
                <c:pt idx="1426">
                  <c:v>45098</c:v>
                </c:pt>
                <c:pt idx="1427">
                  <c:v>45099</c:v>
                </c:pt>
                <c:pt idx="1428">
                  <c:v>45100</c:v>
                </c:pt>
                <c:pt idx="1429">
                  <c:v>45103</c:v>
                </c:pt>
                <c:pt idx="1430">
                  <c:v>45104</c:v>
                </c:pt>
                <c:pt idx="1431">
                  <c:v>45105</c:v>
                </c:pt>
                <c:pt idx="1432">
                  <c:v>45106</c:v>
                </c:pt>
                <c:pt idx="1433">
                  <c:v>45107</c:v>
                </c:pt>
                <c:pt idx="1434">
                  <c:v>45110</c:v>
                </c:pt>
                <c:pt idx="1435">
                  <c:v>45111</c:v>
                </c:pt>
                <c:pt idx="1436">
                  <c:v>45112</c:v>
                </c:pt>
                <c:pt idx="1437">
                  <c:v>45113</c:v>
                </c:pt>
                <c:pt idx="1438">
                  <c:v>45114</c:v>
                </c:pt>
                <c:pt idx="1439">
                  <c:v>45117</c:v>
                </c:pt>
                <c:pt idx="1440">
                  <c:v>45118</c:v>
                </c:pt>
                <c:pt idx="1441">
                  <c:v>45119</c:v>
                </c:pt>
                <c:pt idx="1442">
                  <c:v>45120</c:v>
                </c:pt>
                <c:pt idx="1443">
                  <c:v>45121</c:v>
                </c:pt>
                <c:pt idx="1444">
                  <c:v>45124</c:v>
                </c:pt>
                <c:pt idx="1445">
                  <c:v>45125</c:v>
                </c:pt>
                <c:pt idx="1446">
                  <c:v>45126</c:v>
                </c:pt>
                <c:pt idx="1447">
                  <c:v>45127</c:v>
                </c:pt>
                <c:pt idx="1448">
                  <c:v>45128</c:v>
                </c:pt>
                <c:pt idx="1449">
                  <c:v>45131</c:v>
                </c:pt>
                <c:pt idx="1450">
                  <c:v>45132</c:v>
                </c:pt>
                <c:pt idx="1451">
                  <c:v>45133</c:v>
                </c:pt>
                <c:pt idx="1452">
                  <c:v>45134</c:v>
                </c:pt>
                <c:pt idx="1453">
                  <c:v>45135</c:v>
                </c:pt>
                <c:pt idx="1454">
                  <c:v>45138</c:v>
                </c:pt>
                <c:pt idx="1455">
                  <c:v>45139</c:v>
                </c:pt>
                <c:pt idx="1456">
                  <c:v>45140</c:v>
                </c:pt>
                <c:pt idx="1457">
                  <c:v>45141</c:v>
                </c:pt>
                <c:pt idx="1458">
                  <c:v>45142</c:v>
                </c:pt>
                <c:pt idx="1459">
                  <c:v>45145</c:v>
                </c:pt>
                <c:pt idx="1460">
                  <c:v>45146</c:v>
                </c:pt>
                <c:pt idx="1461">
                  <c:v>45147</c:v>
                </c:pt>
                <c:pt idx="1462">
                  <c:v>45148</c:v>
                </c:pt>
                <c:pt idx="1463">
                  <c:v>45149</c:v>
                </c:pt>
                <c:pt idx="1464">
                  <c:v>45152</c:v>
                </c:pt>
                <c:pt idx="1465">
                  <c:v>45153</c:v>
                </c:pt>
                <c:pt idx="1466">
                  <c:v>45154</c:v>
                </c:pt>
                <c:pt idx="1467">
                  <c:v>45155</c:v>
                </c:pt>
                <c:pt idx="1468">
                  <c:v>45156</c:v>
                </c:pt>
                <c:pt idx="1469">
                  <c:v>45159</c:v>
                </c:pt>
                <c:pt idx="1470">
                  <c:v>45160</c:v>
                </c:pt>
                <c:pt idx="1471">
                  <c:v>45161</c:v>
                </c:pt>
                <c:pt idx="1472">
                  <c:v>45162</c:v>
                </c:pt>
                <c:pt idx="1473">
                  <c:v>45163</c:v>
                </c:pt>
                <c:pt idx="1474">
                  <c:v>45166</c:v>
                </c:pt>
                <c:pt idx="1475">
                  <c:v>45167</c:v>
                </c:pt>
                <c:pt idx="1476">
                  <c:v>45168</c:v>
                </c:pt>
                <c:pt idx="1477">
                  <c:v>45169</c:v>
                </c:pt>
                <c:pt idx="1478">
                  <c:v>45170</c:v>
                </c:pt>
                <c:pt idx="1479">
                  <c:v>45173</c:v>
                </c:pt>
                <c:pt idx="1480">
                  <c:v>45174</c:v>
                </c:pt>
                <c:pt idx="1481">
                  <c:v>45175</c:v>
                </c:pt>
                <c:pt idx="1482">
                  <c:v>45176</c:v>
                </c:pt>
                <c:pt idx="1483">
                  <c:v>45177</c:v>
                </c:pt>
                <c:pt idx="1484">
                  <c:v>45180</c:v>
                </c:pt>
                <c:pt idx="1485">
                  <c:v>45181</c:v>
                </c:pt>
                <c:pt idx="1486">
                  <c:v>45182</c:v>
                </c:pt>
                <c:pt idx="1487">
                  <c:v>45183</c:v>
                </c:pt>
                <c:pt idx="1488">
                  <c:v>45184</c:v>
                </c:pt>
                <c:pt idx="1489">
                  <c:v>45187</c:v>
                </c:pt>
                <c:pt idx="1490">
                  <c:v>45188</c:v>
                </c:pt>
                <c:pt idx="1491">
                  <c:v>45189</c:v>
                </c:pt>
                <c:pt idx="1492">
                  <c:v>45190</c:v>
                </c:pt>
                <c:pt idx="1493">
                  <c:v>45191</c:v>
                </c:pt>
                <c:pt idx="1494">
                  <c:v>45194</c:v>
                </c:pt>
                <c:pt idx="1495">
                  <c:v>45195</c:v>
                </c:pt>
                <c:pt idx="1496">
                  <c:v>45196</c:v>
                </c:pt>
                <c:pt idx="1497">
                  <c:v>45197</c:v>
                </c:pt>
                <c:pt idx="1498">
                  <c:v>45198</c:v>
                </c:pt>
                <c:pt idx="1499">
                  <c:v>45201</c:v>
                </c:pt>
                <c:pt idx="1500">
                  <c:v>45202</c:v>
                </c:pt>
                <c:pt idx="1501">
                  <c:v>45203</c:v>
                </c:pt>
                <c:pt idx="1502">
                  <c:v>45204</c:v>
                </c:pt>
                <c:pt idx="1503">
                  <c:v>45205</c:v>
                </c:pt>
                <c:pt idx="1504">
                  <c:v>45208</c:v>
                </c:pt>
                <c:pt idx="1505">
                  <c:v>45209</c:v>
                </c:pt>
                <c:pt idx="1506">
                  <c:v>45210</c:v>
                </c:pt>
                <c:pt idx="1507">
                  <c:v>45211</c:v>
                </c:pt>
                <c:pt idx="1508">
                  <c:v>45212</c:v>
                </c:pt>
                <c:pt idx="1509">
                  <c:v>45215</c:v>
                </c:pt>
                <c:pt idx="1510">
                  <c:v>45216</c:v>
                </c:pt>
                <c:pt idx="1511">
                  <c:v>45217</c:v>
                </c:pt>
                <c:pt idx="1512">
                  <c:v>45218</c:v>
                </c:pt>
                <c:pt idx="1513">
                  <c:v>45219</c:v>
                </c:pt>
                <c:pt idx="1514">
                  <c:v>45222</c:v>
                </c:pt>
                <c:pt idx="1515">
                  <c:v>45223</c:v>
                </c:pt>
                <c:pt idx="1516">
                  <c:v>45224</c:v>
                </c:pt>
                <c:pt idx="1517">
                  <c:v>45225</c:v>
                </c:pt>
                <c:pt idx="1518">
                  <c:v>45226</c:v>
                </c:pt>
                <c:pt idx="1519">
                  <c:v>45229</c:v>
                </c:pt>
                <c:pt idx="1520">
                  <c:v>45230</c:v>
                </c:pt>
                <c:pt idx="1521">
                  <c:v>45231</c:v>
                </c:pt>
                <c:pt idx="1522">
                  <c:v>45232</c:v>
                </c:pt>
                <c:pt idx="1523">
                  <c:v>45233</c:v>
                </c:pt>
                <c:pt idx="1524">
                  <c:v>45236</c:v>
                </c:pt>
                <c:pt idx="1525">
                  <c:v>45237</c:v>
                </c:pt>
                <c:pt idx="1526">
                  <c:v>45238</c:v>
                </c:pt>
                <c:pt idx="1527">
                  <c:v>45239</c:v>
                </c:pt>
                <c:pt idx="1528">
                  <c:v>45240</c:v>
                </c:pt>
                <c:pt idx="1529">
                  <c:v>45243</c:v>
                </c:pt>
                <c:pt idx="1530">
                  <c:v>45244</c:v>
                </c:pt>
                <c:pt idx="1531">
                  <c:v>45245</c:v>
                </c:pt>
                <c:pt idx="1532">
                  <c:v>45246</c:v>
                </c:pt>
                <c:pt idx="1533">
                  <c:v>45247</c:v>
                </c:pt>
                <c:pt idx="1534">
                  <c:v>45250</c:v>
                </c:pt>
                <c:pt idx="1535">
                  <c:v>45251</c:v>
                </c:pt>
                <c:pt idx="1536">
                  <c:v>45252</c:v>
                </c:pt>
                <c:pt idx="1537">
                  <c:v>45253</c:v>
                </c:pt>
                <c:pt idx="1538">
                  <c:v>45254</c:v>
                </c:pt>
                <c:pt idx="1539">
                  <c:v>45257</c:v>
                </c:pt>
                <c:pt idx="1540">
                  <c:v>45258</c:v>
                </c:pt>
                <c:pt idx="1541">
                  <c:v>45259</c:v>
                </c:pt>
                <c:pt idx="1542">
                  <c:v>45260</c:v>
                </c:pt>
                <c:pt idx="1543">
                  <c:v>45261</c:v>
                </c:pt>
                <c:pt idx="1544">
                  <c:v>45264</c:v>
                </c:pt>
                <c:pt idx="1545">
                  <c:v>45265</c:v>
                </c:pt>
                <c:pt idx="1546">
                  <c:v>45266</c:v>
                </c:pt>
                <c:pt idx="1547">
                  <c:v>45267</c:v>
                </c:pt>
                <c:pt idx="1548">
                  <c:v>45268</c:v>
                </c:pt>
                <c:pt idx="1549">
                  <c:v>45271</c:v>
                </c:pt>
                <c:pt idx="1550">
                  <c:v>45272</c:v>
                </c:pt>
                <c:pt idx="1551">
                  <c:v>45273</c:v>
                </c:pt>
                <c:pt idx="1552">
                  <c:v>45274</c:v>
                </c:pt>
                <c:pt idx="1553">
                  <c:v>45275</c:v>
                </c:pt>
                <c:pt idx="1554">
                  <c:v>45278</c:v>
                </c:pt>
                <c:pt idx="1555">
                  <c:v>45279</c:v>
                </c:pt>
                <c:pt idx="1556">
                  <c:v>45280</c:v>
                </c:pt>
                <c:pt idx="1557">
                  <c:v>45281</c:v>
                </c:pt>
                <c:pt idx="1558">
                  <c:v>45282</c:v>
                </c:pt>
                <c:pt idx="1559">
                  <c:v>45285</c:v>
                </c:pt>
                <c:pt idx="1560">
                  <c:v>45286</c:v>
                </c:pt>
                <c:pt idx="1561">
                  <c:v>45287</c:v>
                </c:pt>
                <c:pt idx="1562">
                  <c:v>45288</c:v>
                </c:pt>
                <c:pt idx="1563">
                  <c:v>45289</c:v>
                </c:pt>
                <c:pt idx="1564">
                  <c:v>45292</c:v>
                </c:pt>
                <c:pt idx="1565">
                  <c:v>45293</c:v>
                </c:pt>
                <c:pt idx="1566">
                  <c:v>45294</c:v>
                </c:pt>
                <c:pt idx="1567">
                  <c:v>45295</c:v>
                </c:pt>
                <c:pt idx="1568">
                  <c:v>45296</c:v>
                </c:pt>
                <c:pt idx="1569">
                  <c:v>45299</c:v>
                </c:pt>
                <c:pt idx="1570">
                  <c:v>45300</c:v>
                </c:pt>
                <c:pt idx="1571">
                  <c:v>45301</c:v>
                </c:pt>
                <c:pt idx="1572">
                  <c:v>45302</c:v>
                </c:pt>
                <c:pt idx="1573">
                  <c:v>45303</c:v>
                </c:pt>
                <c:pt idx="1574">
                  <c:v>45306</c:v>
                </c:pt>
                <c:pt idx="1575">
                  <c:v>45307</c:v>
                </c:pt>
                <c:pt idx="1576">
                  <c:v>45308</c:v>
                </c:pt>
                <c:pt idx="1577">
                  <c:v>45309</c:v>
                </c:pt>
                <c:pt idx="1578">
                  <c:v>45310</c:v>
                </c:pt>
                <c:pt idx="1579">
                  <c:v>45313</c:v>
                </c:pt>
                <c:pt idx="1580">
                  <c:v>45314</c:v>
                </c:pt>
                <c:pt idx="1581">
                  <c:v>45315</c:v>
                </c:pt>
                <c:pt idx="1582">
                  <c:v>45316</c:v>
                </c:pt>
                <c:pt idx="1583">
                  <c:v>45317</c:v>
                </c:pt>
                <c:pt idx="1584">
                  <c:v>45320</c:v>
                </c:pt>
                <c:pt idx="1585">
                  <c:v>45321</c:v>
                </c:pt>
                <c:pt idx="1586">
                  <c:v>45322</c:v>
                </c:pt>
                <c:pt idx="1587">
                  <c:v>45323</c:v>
                </c:pt>
                <c:pt idx="1588">
                  <c:v>45324</c:v>
                </c:pt>
                <c:pt idx="1589">
                  <c:v>45327</c:v>
                </c:pt>
                <c:pt idx="1590">
                  <c:v>45328</c:v>
                </c:pt>
                <c:pt idx="1591">
                  <c:v>45329</c:v>
                </c:pt>
                <c:pt idx="1592">
                  <c:v>45330</c:v>
                </c:pt>
                <c:pt idx="1593">
                  <c:v>45331</c:v>
                </c:pt>
                <c:pt idx="1594">
                  <c:v>45334</c:v>
                </c:pt>
                <c:pt idx="1595">
                  <c:v>45335</c:v>
                </c:pt>
                <c:pt idx="1596">
                  <c:v>45336</c:v>
                </c:pt>
                <c:pt idx="1597">
                  <c:v>45337</c:v>
                </c:pt>
                <c:pt idx="1598">
                  <c:v>45338</c:v>
                </c:pt>
                <c:pt idx="1599">
                  <c:v>45341</c:v>
                </c:pt>
                <c:pt idx="1600">
                  <c:v>45342</c:v>
                </c:pt>
                <c:pt idx="1601">
                  <c:v>45343</c:v>
                </c:pt>
                <c:pt idx="1602">
                  <c:v>45344</c:v>
                </c:pt>
                <c:pt idx="1603">
                  <c:v>45345</c:v>
                </c:pt>
                <c:pt idx="1604">
                  <c:v>45348</c:v>
                </c:pt>
                <c:pt idx="1605">
                  <c:v>45349</c:v>
                </c:pt>
                <c:pt idx="1606">
                  <c:v>45350</c:v>
                </c:pt>
                <c:pt idx="1607">
                  <c:v>45351</c:v>
                </c:pt>
                <c:pt idx="1608">
                  <c:v>45352</c:v>
                </c:pt>
                <c:pt idx="1609">
                  <c:v>45355</c:v>
                </c:pt>
                <c:pt idx="1610">
                  <c:v>45356</c:v>
                </c:pt>
                <c:pt idx="1611">
                  <c:v>45357</c:v>
                </c:pt>
                <c:pt idx="1612">
                  <c:v>45358</c:v>
                </c:pt>
                <c:pt idx="1613">
                  <c:v>45359</c:v>
                </c:pt>
                <c:pt idx="1614">
                  <c:v>45362</c:v>
                </c:pt>
                <c:pt idx="1615">
                  <c:v>45363</c:v>
                </c:pt>
                <c:pt idx="1616">
                  <c:v>45364</c:v>
                </c:pt>
                <c:pt idx="1617">
                  <c:v>45365</c:v>
                </c:pt>
                <c:pt idx="1618">
                  <c:v>45366</c:v>
                </c:pt>
                <c:pt idx="1619">
                  <c:v>45369</c:v>
                </c:pt>
                <c:pt idx="1620">
                  <c:v>45370</c:v>
                </c:pt>
                <c:pt idx="1621">
                  <c:v>45371</c:v>
                </c:pt>
                <c:pt idx="1622">
                  <c:v>45372</c:v>
                </c:pt>
                <c:pt idx="1623">
                  <c:v>45373</c:v>
                </c:pt>
                <c:pt idx="1624">
                  <c:v>45376</c:v>
                </c:pt>
                <c:pt idx="1625">
                  <c:v>45377</c:v>
                </c:pt>
                <c:pt idx="1626">
                  <c:v>45378</c:v>
                </c:pt>
                <c:pt idx="1627">
                  <c:v>45379</c:v>
                </c:pt>
                <c:pt idx="1628">
                  <c:v>45380</c:v>
                </c:pt>
                <c:pt idx="1629">
                  <c:v>45383</c:v>
                </c:pt>
                <c:pt idx="1630">
                  <c:v>45384</c:v>
                </c:pt>
                <c:pt idx="1631">
                  <c:v>45385</c:v>
                </c:pt>
                <c:pt idx="1632">
                  <c:v>45386</c:v>
                </c:pt>
                <c:pt idx="1633">
                  <c:v>45387</c:v>
                </c:pt>
                <c:pt idx="1634">
                  <c:v>45390</c:v>
                </c:pt>
                <c:pt idx="1635">
                  <c:v>45391</c:v>
                </c:pt>
                <c:pt idx="1636">
                  <c:v>45392</c:v>
                </c:pt>
                <c:pt idx="1637">
                  <c:v>45393</c:v>
                </c:pt>
                <c:pt idx="1638">
                  <c:v>45394</c:v>
                </c:pt>
                <c:pt idx="1639">
                  <c:v>45397</c:v>
                </c:pt>
                <c:pt idx="1640">
                  <c:v>45398</c:v>
                </c:pt>
                <c:pt idx="1641">
                  <c:v>45399</c:v>
                </c:pt>
                <c:pt idx="1642">
                  <c:v>45400</c:v>
                </c:pt>
                <c:pt idx="1643">
                  <c:v>45401</c:v>
                </c:pt>
                <c:pt idx="1644">
                  <c:v>45404</c:v>
                </c:pt>
                <c:pt idx="1645">
                  <c:v>45405</c:v>
                </c:pt>
                <c:pt idx="1646">
                  <c:v>45406</c:v>
                </c:pt>
                <c:pt idx="1647">
                  <c:v>45407</c:v>
                </c:pt>
                <c:pt idx="1648">
                  <c:v>45408</c:v>
                </c:pt>
                <c:pt idx="1649">
                  <c:v>45411</c:v>
                </c:pt>
                <c:pt idx="1650">
                  <c:v>45412</c:v>
                </c:pt>
                <c:pt idx="1651">
                  <c:v>45413</c:v>
                </c:pt>
                <c:pt idx="1652">
                  <c:v>45414</c:v>
                </c:pt>
                <c:pt idx="1653">
                  <c:v>45415</c:v>
                </c:pt>
                <c:pt idx="1654">
                  <c:v>45418</c:v>
                </c:pt>
                <c:pt idx="1655">
                  <c:v>45419</c:v>
                </c:pt>
                <c:pt idx="1656">
                  <c:v>45420</c:v>
                </c:pt>
                <c:pt idx="1657">
                  <c:v>45421</c:v>
                </c:pt>
                <c:pt idx="1658">
                  <c:v>45422</c:v>
                </c:pt>
                <c:pt idx="1659">
                  <c:v>45425</c:v>
                </c:pt>
                <c:pt idx="1660">
                  <c:v>45426</c:v>
                </c:pt>
                <c:pt idx="1661">
                  <c:v>45427</c:v>
                </c:pt>
                <c:pt idx="1662">
                  <c:v>45428</c:v>
                </c:pt>
                <c:pt idx="1663">
                  <c:v>45429</c:v>
                </c:pt>
                <c:pt idx="1664">
                  <c:v>45432</c:v>
                </c:pt>
                <c:pt idx="1665">
                  <c:v>45433</c:v>
                </c:pt>
                <c:pt idx="1666">
                  <c:v>45434</c:v>
                </c:pt>
                <c:pt idx="1667">
                  <c:v>45435</c:v>
                </c:pt>
                <c:pt idx="1668">
                  <c:v>45436</c:v>
                </c:pt>
                <c:pt idx="1669">
                  <c:v>45439</c:v>
                </c:pt>
                <c:pt idx="1670">
                  <c:v>45440</c:v>
                </c:pt>
                <c:pt idx="1671">
                  <c:v>45441</c:v>
                </c:pt>
                <c:pt idx="1672">
                  <c:v>45442</c:v>
                </c:pt>
                <c:pt idx="1673">
                  <c:v>45443</c:v>
                </c:pt>
                <c:pt idx="1674">
                  <c:v>45446</c:v>
                </c:pt>
                <c:pt idx="1675">
                  <c:v>45447</c:v>
                </c:pt>
                <c:pt idx="1676">
                  <c:v>45448</c:v>
                </c:pt>
                <c:pt idx="1677">
                  <c:v>45449</c:v>
                </c:pt>
                <c:pt idx="1678">
                  <c:v>45450</c:v>
                </c:pt>
                <c:pt idx="1679">
                  <c:v>45453</c:v>
                </c:pt>
                <c:pt idx="1680">
                  <c:v>45454</c:v>
                </c:pt>
                <c:pt idx="1681">
                  <c:v>45455</c:v>
                </c:pt>
                <c:pt idx="1682">
                  <c:v>45456</c:v>
                </c:pt>
                <c:pt idx="1683">
                  <c:v>45457</c:v>
                </c:pt>
                <c:pt idx="1684">
                  <c:v>45460</c:v>
                </c:pt>
                <c:pt idx="1685">
                  <c:v>45461</c:v>
                </c:pt>
                <c:pt idx="1686">
                  <c:v>45462</c:v>
                </c:pt>
                <c:pt idx="1687">
                  <c:v>45463</c:v>
                </c:pt>
                <c:pt idx="1688">
                  <c:v>45464</c:v>
                </c:pt>
                <c:pt idx="1689">
                  <c:v>45467</c:v>
                </c:pt>
                <c:pt idx="1690">
                  <c:v>45468</c:v>
                </c:pt>
                <c:pt idx="1691">
                  <c:v>45469</c:v>
                </c:pt>
                <c:pt idx="1692">
                  <c:v>45470</c:v>
                </c:pt>
                <c:pt idx="1693">
                  <c:v>45471</c:v>
                </c:pt>
                <c:pt idx="1694">
                  <c:v>45474</c:v>
                </c:pt>
                <c:pt idx="1695">
                  <c:v>45475</c:v>
                </c:pt>
                <c:pt idx="1696">
                  <c:v>45476</c:v>
                </c:pt>
                <c:pt idx="1697">
                  <c:v>45477</c:v>
                </c:pt>
                <c:pt idx="1698">
                  <c:v>45478</c:v>
                </c:pt>
                <c:pt idx="1699">
                  <c:v>45481</c:v>
                </c:pt>
                <c:pt idx="1700">
                  <c:v>45482</c:v>
                </c:pt>
                <c:pt idx="1701">
                  <c:v>45483</c:v>
                </c:pt>
                <c:pt idx="1702">
                  <c:v>45484</c:v>
                </c:pt>
              </c:numCache>
            </c:numRef>
          </c:cat>
          <c:val>
            <c:numRef>
              <c:f>'10Yr_Gov'!$O$5:$O$1707</c:f>
              <c:numCache>
                <c:formatCode>General</c:formatCode>
                <c:ptCount val="1703"/>
                <c:pt idx="0">
                  <c:v>3.9007999999999998</c:v>
                </c:pt>
                <c:pt idx="1">
                  <c:v>3.9161999999999999</c:v>
                </c:pt>
                <c:pt idx="2">
                  <c:v>3.9319000000000002</c:v>
                </c:pt>
                <c:pt idx="3">
                  <c:v>3.9211999999999998</c:v>
                </c:pt>
                <c:pt idx="4">
                  <c:v>3.911</c:v>
                </c:pt>
                <c:pt idx="5">
                  <c:v>3.8908999999999998</c:v>
                </c:pt>
                <c:pt idx="6">
                  <c:v>3.9201000000000001</c:v>
                </c:pt>
                <c:pt idx="7">
                  <c:v>3.9546000000000001</c:v>
                </c:pt>
                <c:pt idx="8">
                  <c:v>3.9337</c:v>
                </c:pt>
                <c:pt idx="9">
                  <c:v>3.9649999999999999</c:v>
                </c:pt>
                <c:pt idx="10">
                  <c:v>3.9596</c:v>
                </c:pt>
                <c:pt idx="11">
                  <c:v>3.9597000000000002</c:v>
                </c:pt>
                <c:pt idx="12">
                  <c:v>3.9796999999999998</c:v>
                </c:pt>
                <c:pt idx="13">
                  <c:v>3.9754</c:v>
                </c:pt>
                <c:pt idx="14">
                  <c:v>3.9521999999999999</c:v>
                </c:pt>
                <c:pt idx="15">
                  <c:v>3.9413999999999998</c:v>
                </c:pt>
                <c:pt idx="16">
                  <c:v>3.9506999999999999</c:v>
                </c:pt>
                <c:pt idx="17">
                  <c:v>3.9434999999999998</c:v>
                </c:pt>
                <c:pt idx="18">
                  <c:v>3.9365000000000001</c:v>
                </c:pt>
                <c:pt idx="19">
                  <c:v>3.9367999999999999</c:v>
                </c:pt>
                <c:pt idx="20">
                  <c:v>3.9291999999999998</c:v>
                </c:pt>
                <c:pt idx="21">
                  <c:v>3.9140000000000001</c:v>
                </c:pt>
                <c:pt idx="22">
                  <c:v>3.9066000000000001</c:v>
                </c:pt>
                <c:pt idx="23">
                  <c:v>3.9091999999999998</c:v>
                </c:pt>
                <c:pt idx="24">
                  <c:v>3.9167000000000001</c:v>
                </c:pt>
                <c:pt idx="25">
                  <c:v>3.8824999999999998</c:v>
                </c:pt>
                <c:pt idx="26">
                  <c:v>3.87</c:v>
                </c:pt>
                <c:pt idx="27">
                  <c:v>3.8801000000000001</c:v>
                </c:pt>
                <c:pt idx="28">
                  <c:v>3.8774999999999999</c:v>
                </c:pt>
                <c:pt idx="29">
                  <c:v>3.875</c:v>
                </c:pt>
                <c:pt idx="30">
                  <c:v>3.87</c:v>
                </c:pt>
                <c:pt idx="31">
                  <c:v>3.8702000000000001</c:v>
                </c:pt>
                <c:pt idx="32">
                  <c:v>3.8702000000000001</c:v>
                </c:pt>
                <c:pt idx="33">
                  <c:v>3.8702000000000001</c:v>
                </c:pt>
                <c:pt idx="34">
                  <c:v>3.8702000000000001</c:v>
                </c:pt>
                <c:pt idx="35">
                  <c:v>3.8702000000000001</c:v>
                </c:pt>
                <c:pt idx="36">
                  <c:v>3.8702000000000001</c:v>
                </c:pt>
                <c:pt idx="37">
                  <c:v>3.8752</c:v>
                </c:pt>
                <c:pt idx="38">
                  <c:v>3.8652000000000002</c:v>
                </c:pt>
                <c:pt idx="39">
                  <c:v>3.8452000000000002</c:v>
                </c:pt>
                <c:pt idx="40">
                  <c:v>3.8201000000000001</c:v>
                </c:pt>
                <c:pt idx="41">
                  <c:v>3.8201999999999998</c:v>
                </c:pt>
                <c:pt idx="42">
                  <c:v>3.8201000000000001</c:v>
                </c:pt>
                <c:pt idx="43">
                  <c:v>3.8351999999999999</c:v>
                </c:pt>
                <c:pt idx="44">
                  <c:v>3.8452999999999999</c:v>
                </c:pt>
                <c:pt idx="45">
                  <c:v>3.8252999999999999</c:v>
                </c:pt>
                <c:pt idx="46">
                  <c:v>3.8203</c:v>
                </c:pt>
                <c:pt idx="47">
                  <c:v>3.8203</c:v>
                </c:pt>
                <c:pt idx="48">
                  <c:v>3.8277999999999999</c:v>
                </c:pt>
                <c:pt idx="49">
                  <c:v>3.8243</c:v>
                </c:pt>
                <c:pt idx="50">
                  <c:v>3.8361999999999998</c:v>
                </c:pt>
                <c:pt idx="51">
                  <c:v>3.8412999999999999</c:v>
                </c:pt>
                <c:pt idx="52">
                  <c:v>3.8256999999999999</c:v>
                </c:pt>
                <c:pt idx="53">
                  <c:v>3.8153999999999999</c:v>
                </c:pt>
                <c:pt idx="54">
                  <c:v>3.8104</c:v>
                </c:pt>
                <c:pt idx="55">
                  <c:v>3.7906</c:v>
                </c:pt>
                <c:pt idx="56">
                  <c:v>3.7629999999999999</c:v>
                </c:pt>
                <c:pt idx="57">
                  <c:v>3.7480000000000002</c:v>
                </c:pt>
                <c:pt idx="58">
                  <c:v>3.7004999999999999</c:v>
                </c:pt>
                <c:pt idx="59">
                  <c:v>3.7307000000000001</c:v>
                </c:pt>
                <c:pt idx="60">
                  <c:v>3.7431999999999999</c:v>
                </c:pt>
                <c:pt idx="61">
                  <c:v>3.7406000000000001</c:v>
                </c:pt>
                <c:pt idx="62">
                  <c:v>3.7456</c:v>
                </c:pt>
                <c:pt idx="63">
                  <c:v>3.7406999999999999</c:v>
                </c:pt>
                <c:pt idx="64">
                  <c:v>3.7357</c:v>
                </c:pt>
                <c:pt idx="65">
                  <c:v>3.7507000000000001</c:v>
                </c:pt>
                <c:pt idx="66">
                  <c:v>3.7233999999999998</c:v>
                </c:pt>
                <c:pt idx="67">
                  <c:v>3.7233999999999998</c:v>
                </c:pt>
                <c:pt idx="68">
                  <c:v>3.7008000000000001</c:v>
                </c:pt>
                <c:pt idx="69">
                  <c:v>3.6959</c:v>
                </c:pt>
                <c:pt idx="70">
                  <c:v>3.7159</c:v>
                </c:pt>
                <c:pt idx="71">
                  <c:v>3.7109000000000001</c:v>
                </c:pt>
                <c:pt idx="72">
                  <c:v>3.7109000000000001</c:v>
                </c:pt>
                <c:pt idx="73">
                  <c:v>3.7061999999999999</c:v>
                </c:pt>
                <c:pt idx="74">
                  <c:v>3.6560999999999999</c:v>
                </c:pt>
                <c:pt idx="75">
                  <c:v>3.6511999999999998</c:v>
                </c:pt>
                <c:pt idx="76">
                  <c:v>3.5013000000000001</c:v>
                </c:pt>
                <c:pt idx="77">
                  <c:v>3.5064000000000002</c:v>
                </c:pt>
                <c:pt idx="78">
                  <c:v>3.5215000000000001</c:v>
                </c:pt>
                <c:pt idx="79">
                  <c:v>3.6019000000000001</c:v>
                </c:pt>
                <c:pt idx="80">
                  <c:v>3.5855000000000001</c:v>
                </c:pt>
                <c:pt idx="81">
                  <c:v>3.6118000000000001</c:v>
                </c:pt>
                <c:pt idx="82">
                  <c:v>3.6343999999999999</c:v>
                </c:pt>
                <c:pt idx="83">
                  <c:v>3.6217000000000001</c:v>
                </c:pt>
                <c:pt idx="84">
                  <c:v>3.6217000000000001</c:v>
                </c:pt>
                <c:pt idx="85">
                  <c:v>3.6217000000000001</c:v>
                </c:pt>
                <c:pt idx="86">
                  <c:v>3.6665000000000001</c:v>
                </c:pt>
                <c:pt idx="87">
                  <c:v>3.6467000000000001</c:v>
                </c:pt>
                <c:pt idx="88">
                  <c:v>3.6318999999999999</c:v>
                </c:pt>
                <c:pt idx="89">
                  <c:v>3.6518000000000002</c:v>
                </c:pt>
                <c:pt idx="90">
                  <c:v>3.6922000000000001</c:v>
                </c:pt>
                <c:pt idx="91">
                  <c:v>3.7073999999999998</c:v>
                </c:pt>
                <c:pt idx="92">
                  <c:v>3.6924000000000001</c:v>
                </c:pt>
                <c:pt idx="93">
                  <c:v>3.6882000000000001</c:v>
                </c:pt>
                <c:pt idx="94">
                  <c:v>3.6937000000000002</c:v>
                </c:pt>
                <c:pt idx="95">
                  <c:v>3.7151000000000001</c:v>
                </c:pt>
                <c:pt idx="96">
                  <c:v>3.7075999999999998</c:v>
                </c:pt>
                <c:pt idx="97">
                  <c:v>3.7120000000000002</c:v>
                </c:pt>
                <c:pt idx="98">
                  <c:v>3.7099000000000002</c:v>
                </c:pt>
                <c:pt idx="99">
                  <c:v>3.6939000000000002</c:v>
                </c:pt>
                <c:pt idx="100">
                  <c:v>3.67</c:v>
                </c:pt>
                <c:pt idx="101">
                  <c:v>3.64</c:v>
                </c:pt>
                <c:pt idx="102">
                  <c:v>3.6501000000000001</c:v>
                </c:pt>
                <c:pt idx="103">
                  <c:v>3.6126</c:v>
                </c:pt>
                <c:pt idx="104">
                  <c:v>3.6101000000000001</c:v>
                </c:pt>
                <c:pt idx="105">
                  <c:v>3.6000999999999999</c:v>
                </c:pt>
                <c:pt idx="106">
                  <c:v>3.5975999999999999</c:v>
                </c:pt>
                <c:pt idx="107">
                  <c:v>3.6128999999999998</c:v>
                </c:pt>
                <c:pt idx="108">
                  <c:v>3.6202000000000001</c:v>
                </c:pt>
                <c:pt idx="109">
                  <c:v>3.6532</c:v>
                </c:pt>
                <c:pt idx="110">
                  <c:v>3.6602000000000001</c:v>
                </c:pt>
                <c:pt idx="111">
                  <c:v>3.6602000000000001</c:v>
                </c:pt>
                <c:pt idx="112">
                  <c:v>3.6701999999999999</c:v>
                </c:pt>
                <c:pt idx="113">
                  <c:v>3.6453000000000002</c:v>
                </c:pt>
                <c:pt idx="114">
                  <c:v>3.6501999999999999</c:v>
                </c:pt>
                <c:pt idx="115">
                  <c:v>3.6852999999999998</c:v>
                </c:pt>
                <c:pt idx="116">
                  <c:v>3.6627000000000001</c:v>
                </c:pt>
                <c:pt idx="117">
                  <c:v>3.6227</c:v>
                </c:pt>
                <c:pt idx="118">
                  <c:v>3.6027999999999998</c:v>
                </c:pt>
                <c:pt idx="119">
                  <c:v>3.6027999999999998</c:v>
                </c:pt>
                <c:pt idx="120">
                  <c:v>3.5602999999999998</c:v>
                </c:pt>
                <c:pt idx="121">
                  <c:v>3.6053999999999999</c:v>
                </c:pt>
                <c:pt idx="122">
                  <c:v>3.5752999999999999</c:v>
                </c:pt>
                <c:pt idx="123">
                  <c:v>3.5604</c:v>
                </c:pt>
                <c:pt idx="124">
                  <c:v>3.5802999999999998</c:v>
                </c:pt>
                <c:pt idx="125">
                  <c:v>3.5804</c:v>
                </c:pt>
                <c:pt idx="126">
                  <c:v>3.5529000000000002</c:v>
                </c:pt>
                <c:pt idx="127">
                  <c:v>3.5304000000000002</c:v>
                </c:pt>
                <c:pt idx="128">
                  <c:v>3.4756</c:v>
                </c:pt>
                <c:pt idx="129">
                  <c:v>3.4668000000000001</c:v>
                </c:pt>
                <c:pt idx="130">
                  <c:v>3.4954999999999998</c:v>
                </c:pt>
                <c:pt idx="131">
                  <c:v>3.5106999999999999</c:v>
                </c:pt>
                <c:pt idx="132">
                  <c:v>3.5005000000000002</c:v>
                </c:pt>
                <c:pt idx="133">
                  <c:v>3.5259</c:v>
                </c:pt>
                <c:pt idx="134">
                  <c:v>3.5432000000000001</c:v>
                </c:pt>
                <c:pt idx="135">
                  <c:v>3.5430999999999999</c:v>
                </c:pt>
                <c:pt idx="136">
                  <c:v>3.5106999999999999</c:v>
                </c:pt>
                <c:pt idx="137">
                  <c:v>3.5158</c:v>
                </c:pt>
                <c:pt idx="138">
                  <c:v>3.4857999999999998</c:v>
                </c:pt>
                <c:pt idx="139">
                  <c:v>3.4807999999999999</c:v>
                </c:pt>
                <c:pt idx="140">
                  <c:v>3.4807999999999999</c:v>
                </c:pt>
                <c:pt idx="141">
                  <c:v>3.4708000000000001</c:v>
                </c:pt>
                <c:pt idx="142">
                  <c:v>3.4409000000000001</c:v>
                </c:pt>
                <c:pt idx="143">
                  <c:v>3.5135000000000001</c:v>
                </c:pt>
                <c:pt idx="144">
                  <c:v>3.5186000000000002</c:v>
                </c:pt>
                <c:pt idx="145">
                  <c:v>3.5615000000000001</c:v>
                </c:pt>
                <c:pt idx="146">
                  <c:v>3.5613999999999999</c:v>
                </c:pt>
                <c:pt idx="147">
                  <c:v>3.5360999999999998</c:v>
                </c:pt>
                <c:pt idx="148">
                  <c:v>3.5211999999999999</c:v>
                </c:pt>
                <c:pt idx="149">
                  <c:v>3.5213000000000001</c:v>
                </c:pt>
                <c:pt idx="150">
                  <c:v>3.4811999999999999</c:v>
                </c:pt>
                <c:pt idx="151">
                  <c:v>3.4638</c:v>
                </c:pt>
                <c:pt idx="152">
                  <c:v>3.4712999999999998</c:v>
                </c:pt>
                <c:pt idx="153">
                  <c:v>3.4567000000000001</c:v>
                </c:pt>
                <c:pt idx="154">
                  <c:v>3.4567999999999999</c:v>
                </c:pt>
                <c:pt idx="155">
                  <c:v>3.4876</c:v>
                </c:pt>
                <c:pt idx="156">
                  <c:v>3.5222000000000002</c:v>
                </c:pt>
                <c:pt idx="157">
                  <c:v>3.5476000000000001</c:v>
                </c:pt>
                <c:pt idx="158">
                  <c:v>3.5525000000000002</c:v>
                </c:pt>
                <c:pt idx="159">
                  <c:v>3.5825999999999998</c:v>
                </c:pt>
                <c:pt idx="160">
                  <c:v>3.5518999999999998</c:v>
                </c:pt>
                <c:pt idx="161">
                  <c:v>3.5829</c:v>
                </c:pt>
                <c:pt idx="162">
                  <c:v>3.6141000000000001</c:v>
                </c:pt>
                <c:pt idx="163">
                  <c:v>3.6524000000000001</c:v>
                </c:pt>
                <c:pt idx="164">
                  <c:v>3.6326000000000001</c:v>
                </c:pt>
                <c:pt idx="165">
                  <c:v>3.63</c:v>
                </c:pt>
                <c:pt idx="166">
                  <c:v>3.6074999999999999</c:v>
                </c:pt>
                <c:pt idx="167">
                  <c:v>3.6101000000000001</c:v>
                </c:pt>
                <c:pt idx="168">
                  <c:v>3.6278000000000001</c:v>
                </c:pt>
                <c:pt idx="169">
                  <c:v>3.6303000000000001</c:v>
                </c:pt>
                <c:pt idx="170">
                  <c:v>3.6101000000000001</c:v>
                </c:pt>
                <c:pt idx="171">
                  <c:v>3.6101000000000001</c:v>
                </c:pt>
                <c:pt idx="172">
                  <c:v>3.5800999999999998</c:v>
                </c:pt>
                <c:pt idx="173">
                  <c:v>3.5750999999999999</c:v>
                </c:pt>
                <c:pt idx="174">
                  <c:v>3.5951</c:v>
                </c:pt>
                <c:pt idx="175">
                  <c:v>3.6101000000000001</c:v>
                </c:pt>
                <c:pt idx="176">
                  <c:v>3.6101000000000001</c:v>
                </c:pt>
                <c:pt idx="177">
                  <c:v>3.6101000000000001</c:v>
                </c:pt>
                <c:pt idx="178">
                  <c:v>3.6301000000000001</c:v>
                </c:pt>
                <c:pt idx="179">
                  <c:v>3.6551</c:v>
                </c:pt>
                <c:pt idx="180">
                  <c:v>3.6751</c:v>
                </c:pt>
                <c:pt idx="181">
                  <c:v>3.6551</c:v>
                </c:pt>
                <c:pt idx="182">
                  <c:v>3.6526000000000001</c:v>
                </c:pt>
                <c:pt idx="183">
                  <c:v>3.6351</c:v>
                </c:pt>
                <c:pt idx="184">
                  <c:v>3.6326999999999998</c:v>
                </c:pt>
                <c:pt idx="185">
                  <c:v>3.6452</c:v>
                </c:pt>
                <c:pt idx="186">
                  <c:v>3.6726999999999999</c:v>
                </c:pt>
                <c:pt idx="187">
                  <c:v>3.7002999999999999</c:v>
                </c:pt>
                <c:pt idx="188">
                  <c:v>3.6751999999999998</c:v>
                </c:pt>
                <c:pt idx="189">
                  <c:v>3.6751999999999998</c:v>
                </c:pt>
                <c:pt idx="190">
                  <c:v>3.6753999999999998</c:v>
                </c:pt>
                <c:pt idx="191">
                  <c:v>3.6503000000000001</c:v>
                </c:pt>
                <c:pt idx="192">
                  <c:v>3.6253000000000002</c:v>
                </c:pt>
                <c:pt idx="193">
                  <c:v>3.6103000000000001</c:v>
                </c:pt>
                <c:pt idx="194">
                  <c:v>3.6103000000000001</c:v>
                </c:pt>
                <c:pt idx="195">
                  <c:v>3.6103000000000001</c:v>
                </c:pt>
                <c:pt idx="196">
                  <c:v>3.6103000000000001</c:v>
                </c:pt>
                <c:pt idx="197">
                  <c:v>3.6103000000000001</c:v>
                </c:pt>
                <c:pt idx="198">
                  <c:v>3.6103000000000001</c:v>
                </c:pt>
                <c:pt idx="199">
                  <c:v>3.6154999999999999</c:v>
                </c:pt>
                <c:pt idx="200">
                  <c:v>3.6156000000000001</c:v>
                </c:pt>
                <c:pt idx="201">
                  <c:v>3.6156000000000001</c:v>
                </c:pt>
                <c:pt idx="202">
                  <c:v>3.5806</c:v>
                </c:pt>
                <c:pt idx="203">
                  <c:v>3.5831</c:v>
                </c:pt>
                <c:pt idx="204">
                  <c:v>3.5857000000000001</c:v>
                </c:pt>
                <c:pt idx="205">
                  <c:v>3.5756999999999999</c:v>
                </c:pt>
                <c:pt idx="206">
                  <c:v>3.5807000000000002</c:v>
                </c:pt>
                <c:pt idx="207">
                  <c:v>3.5508000000000002</c:v>
                </c:pt>
                <c:pt idx="208">
                  <c:v>3.5657999999999999</c:v>
                </c:pt>
                <c:pt idx="209">
                  <c:v>3.5910000000000002</c:v>
                </c:pt>
                <c:pt idx="210">
                  <c:v>3.5709</c:v>
                </c:pt>
                <c:pt idx="211">
                  <c:v>3.5409000000000002</c:v>
                </c:pt>
                <c:pt idx="212">
                  <c:v>3.5409000000000002</c:v>
                </c:pt>
                <c:pt idx="213">
                  <c:v>3.5409999999999999</c:v>
                </c:pt>
                <c:pt idx="214">
                  <c:v>3.5110999999999999</c:v>
                </c:pt>
                <c:pt idx="215">
                  <c:v>3.5160999999999998</c:v>
                </c:pt>
                <c:pt idx="216">
                  <c:v>3.5085999999999999</c:v>
                </c:pt>
                <c:pt idx="217">
                  <c:v>3.4935999999999998</c:v>
                </c:pt>
                <c:pt idx="218">
                  <c:v>3.5461</c:v>
                </c:pt>
                <c:pt idx="219">
                  <c:v>3.5312000000000001</c:v>
                </c:pt>
                <c:pt idx="220">
                  <c:v>3.5112999999999999</c:v>
                </c:pt>
                <c:pt idx="221">
                  <c:v>3.4813000000000001</c:v>
                </c:pt>
                <c:pt idx="222">
                  <c:v>3.4813000000000001</c:v>
                </c:pt>
                <c:pt idx="223">
                  <c:v>3.4763000000000002</c:v>
                </c:pt>
                <c:pt idx="224">
                  <c:v>3.4864999999999999</c:v>
                </c:pt>
                <c:pt idx="225">
                  <c:v>3.4740000000000002</c:v>
                </c:pt>
                <c:pt idx="226">
                  <c:v>3.4218000000000002</c:v>
                </c:pt>
                <c:pt idx="227">
                  <c:v>3.3915000000000002</c:v>
                </c:pt>
                <c:pt idx="228">
                  <c:v>3.3515000000000001</c:v>
                </c:pt>
                <c:pt idx="229">
                  <c:v>3.3772000000000002</c:v>
                </c:pt>
                <c:pt idx="230">
                  <c:v>3.3771</c:v>
                </c:pt>
                <c:pt idx="231">
                  <c:v>3.3715999999999999</c:v>
                </c:pt>
                <c:pt idx="232">
                  <c:v>3.3917000000000002</c:v>
                </c:pt>
                <c:pt idx="233">
                  <c:v>3.3917000000000002</c:v>
                </c:pt>
                <c:pt idx="234">
                  <c:v>3.4150999999999998</c:v>
                </c:pt>
                <c:pt idx="235">
                  <c:v>3.4</c:v>
                </c:pt>
                <c:pt idx="236">
                  <c:v>3.37</c:v>
                </c:pt>
                <c:pt idx="237">
                  <c:v>3.36</c:v>
                </c:pt>
                <c:pt idx="238">
                  <c:v>3.355</c:v>
                </c:pt>
                <c:pt idx="239">
                  <c:v>3.35</c:v>
                </c:pt>
                <c:pt idx="240">
                  <c:v>3.3050000000000002</c:v>
                </c:pt>
                <c:pt idx="241">
                  <c:v>3.2749999999999999</c:v>
                </c:pt>
                <c:pt idx="242">
                  <c:v>3.2751000000000001</c:v>
                </c:pt>
                <c:pt idx="243">
                  <c:v>3.2852999999999999</c:v>
                </c:pt>
                <c:pt idx="244">
                  <c:v>3.2677999999999998</c:v>
                </c:pt>
                <c:pt idx="245">
                  <c:v>3.2652000000000001</c:v>
                </c:pt>
                <c:pt idx="246">
                  <c:v>3.2703000000000002</c:v>
                </c:pt>
                <c:pt idx="247">
                  <c:v>3.3311000000000002</c:v>
                </c:pt>
                <c:pt idx="248">
                  <c:v>3.3468</c:v>
                </c:pt>
                <c:pt idx="249">
                  <c:v>3.3713000000000002</c:v>
                </c:pt>
                <c:pt idx="250">
                  <c:v>3.3714</c:v>
                </c:pt>
                <c:pt idx="251">
                  <c:v>3.3412000000000002</c:v>
                </c:pt>
                <c:pt idx="252">
                  <c:v>3.3003</c:v>
                </c:pt>
                <c:pt idx="253">
                  <c:v>3.3168000000000002</c:v>
                </c:pt>
                <c:pt idx="254">
                  <c:v>3.3483000000000001</c:v>
                </c:pt>
                <c:pt idx="255">
                  <c:v>3.3113000000000001</c:v>
                </c:pt>
                <c:pt idx="256">
                  <c:v>3.3010999999999999</c:v>
                </c:pt>
                <c:pt idx="257">
                  <c:v>3.2709000000000001</c:v>
                </c:pt>
                <c:pt idx="258">
                  <c:v>3.2265000000000001</c:v>
                </c:pt>
                <c:pt idx="259">
                  <c:v>3.2265000000000001</c:v>
                </c:pt>
                <c:pt idx="260">
                  <c:v>3.2265000000000001</c:v>
                </c:pt>
                <c:pt idx="261">
                  <c:v>3.1734</c:v>
                </c:pt>
                <c:pt idx="262">
                  <c:v>3.141</c:v>
                </c:pt>
                <c:pt idx="263">
                  <c:v>3.1513</c:v>
                </c:pt>
                <c:pt idx="264">
                  <c:v>3.1507000000000001</c:v>
                </c:pt>
                <c:pt idx="265">
                  <c:v>3.1211000000000002</c:v>
                </c:pt>
                <c:pt idx="266">
                  <c:v>3.1105999999999998</c:v>
                </c:pt>
                <c:pt idx="267">
                  <c:v>3.1006</c:v>
                </c:pt>
                <c:pt idx="268">
                  <c:v>3.1057999999999999</c:v>
                </c:pt>
                <c:pt idx="269">
                  <c:v>3.1297000000000001</c:v>
                </c:pt>
                <c:pt idx="270">
                  <c:v>3.1383000000000001</c:v>
                </c:pt>
                <c:pt idx="271">
                  <c:v>3.0745</c:v>
                </c:pt>
                <c:pt idx="272">
                  <c:v>3.0760000000000001</c:v>
                </c:pt>
                <c:pt idx="273">
                  <c:v>3.0910000000000002</c:v>
                </c:pt>
                <c:pt idx="274">
                  <c:v>3.1036999999999999</c:v>
                </c:pt>
                <c:pt idx="275">
                  <c:v>3.1071</c:v>
                </c:pt>
                <c:pt idx="276">
                  <c:v>3.1190000000000002</c:v>
                </c:pt>
                <c:pt idx="277">
                  <c:v>3.1337999999999999</c:v>
                </c:pt>
                <c:pt idx="278">
                  <c:v>3.1398000000000001</c:v>
                </c:pt>
                <c:pt idx="279">
                  <c:v>3.1396999999999999</c:v>
                </c:pt>
                <c:pt idx="280">
                  <c:v>3.1246</c:v>
                </c:pt>
                <c:pt idx="281">
                  <c:v>3.1151</c:v>
                </c:pt>
                <c:pt idx="282">
                  <c:v>3.1036999999999999</c:v>
                </c:pt>
                <c:pt idx="283">
                  <c:v>3.0966999999999998</c:v>
                </c:pt>
                <c:pt idx="284">
                  <c:v>3.0966999999999998</c:v>
                </c:pt>
                <c:pt idx="285">
                  <c:v>3.0966999999999998</c:v>
                </c:pt>
                <c:pt idx="286">
                  <c:v>3.0966999999999998</c:v>
                </c:pt>
                <c:pt idx="287">
                  <c:v>3.0966999999999998</c:v>
                </c:pt>
                <c:pt idx="288">
                  <c:v>3.0966999999999998</c:v>
                </c:pt>
                <c:pt idx="289">
                  <c:v>3.0670000000000002</c:v>
                </c:pt>
                <c:pt idx="290">
                  <c:v>3.0748000000000002</c:v>
                </c:pt>
                <c:pt idx="291">
                  <c:v>3.0718999999999999</c:v>
                </c:pt>
                <c:pt idx="292">
                  <c:v>3.0726</c:v>
                </c:pt>
                <c:pt idx="293">
                  <c:v>3.0794000000000001</c:v>
                </c:pt>
                <c:pt idx="294">
                  <c:v>3.1093999999999999</c:v>
                </c:pt>
                <c:pt idx="295">
                  <c:v>3.1278999999999999</c:v>
                </c:pt>
                <c:pt idx="296">
                  <c:v>3.1196000000000002</c:v>
                </c:pt>
                <c:pt idx="297">
                  <c:v>3.1360999999999999</c:v>
                </c:pt>
                <c:pt idx="298">
                  <c:v>3.1450999999999998</c:v>
                </c:pt>
                <c:pt idx="299">
                  <c:v>3.1787000000000001</c:v>
                </c:pt>
                <c:pt idx="300">
                  <c:v>3.1878000000000002</c:v>
                </c:pt>
                <c:pt idx="301">
                  <c:v>3.1688999999999998</c:v>
                </c:pt>
                <c:pt idx="302">
                  <c:v>3.1730999999999998</c:v>
                </c:pt>
                <c:pt idx="303">
                  <c:v>3.1869999999999998</c:v>
                </c:pt>
                <c:pt idx="304">
                  <c:v>3.2023000000000001</c:v>
                </c:pt>
                <c:pt idx="305">
                  <c:v>3.2149000000000001</c:v>
                </c:pt>
                <c:pt idx="306">
                  <c:v>3.2021000000000002</c:v>
                </c:pt>
                <c:pt idx="307">
                  <c:v>3.1572</c:v>
                </c:pt>
                <c:pt idx="308">
                  <c:v>3.1423000000000001</c:v>
                </c:pt>
                <c:pt idx="309">
                  <c:v>3.1374</c:v>
                </c:pt>
                <c:pt idx="310">
                  <c:v>3.1423999999999999</c:v>
                </c:pt>
                <c:pt idx="311">
                  <c:v>3.1375000000000002</c:v>
                </c:pt>
                <c:pt idx="312">
                  <c:v>3.1475</c:v>
                </c:pt>
                <c:pt idx="313">
                  <c:v>3.1375999999999999</c:v>
                </c:pt>
                <c:pt idx="314">
                  <c:v>3.1377000000000002</c:v>
                </c:pt>
                <c:pt idx="315">
                  <c:v>3.1377000000000002</c:v>
                </c:pt>
                <c:pt idx="316">
                  <c:v>3.1453000000000002</c:v>
                </c:pt>
                <c:pt idx="317">
                  <c:v>3.1291000000000002</c:v>
                </c:pt>
                <c:pt idx="318">
                  <c:v>3.1080000000000001</c:v>
                </c:pt>
                <c:pt idx="319">
                  <c:v>3.0831</c:v>
                </c:pt>
                <c:pt idx="320">
                  <c:v>3.0632999999999999</c:v>
                </c:pt>
                <c:pt idx="321">
                  <c:v>3.0882000000000001</c:v>
                </c:pt>
                <c:pt idx="322">
                  <c:v>3.0634000000000001</c:v>
                </c:pt>
                <c:pt idx="323">
                  <c:v>3.0682999999999998</c:v>
                </c:pt>
                <c:pt idx="324">
                  <c:v>3.1332</c:v>
                </c:pt>
                <c:pt idx="325">
                  <c:v>3.1680999999999999</c:v>
                </c:pt>
                <c:pt idx="326">
                  <c:v>3.2330999999999999</c:v>
                </c:pt>
                <c:pt idx="327">
                  <c:v>3.2679</c:v>
                </c:pt>
                <c:pt idx="328">
                  <c:v>3.2679</c:v>
                </c:pt>
                <c:pt idx="329">
                  <c:v>3.2482000000000002</c:v>
                </c:pt>
                <c:pt idx="330">
                  <c:v>3.2881999999999998</c:v>
                </c:pt>
                <c:pt idx="331">
                  <c:v>3.2932000000000001</c:v>
                </c:pt>
                <c:pt idx="332">
                  <c:v>3.2784</c:v>
                </c:pt>
                <c:pt idx="333">
                  <c:v>3.3334000000000001</c:v>
                </c:pt>
                <c:pt idx="334">
                  <c:v>3.3736000000000002</c:v>
                </c:pt>
                <c:pt idx="335">
                  <c:v>3.3936999999999999</c:v>
                </c:pt>
                <c:pt idx="336">
                  <c:v>3.3938000000000001</c:v>
                </c:pt>
                <c:pt idx="337">
                  <c:v>3.3589000000000002</c:v>
                </c:pt>
                <c:pt idx="338">
                  <c:v>3.3740999999999999</c:v>
                </c:pt>
                <c:pt idx="339">
                  <c:v>3.4091</c:v>
                </c:pt>
                <c:pt idx="340">
                  <c:v>3.3993000000000002</c:v>
                </c:pt>
                <c:pt idx="341">
                  <c:v>3.4342999999999999</c:v>
                </c:pt>
                <c:pt idx="342">
                  <c:v>3.4192999999999998</c:v>
                </c:pt>
                <c:pt idx="343">
                  <c:v>3.4043000000000001</c:v>
                </c:pt>
                <c:pt idx="344">
                  <c:v>3.4268000000000001</c:v>
                </c:pt>
                <c:pt idx="345">
                  <c:v>3.3868999999999998</c:v>
                </c:pt>
                <c:pt idx="346">
                  <c:v>3.3868999999999998</c:v>
                </c:pt>
                <c:pt idx="347">
                  <c:v>3.3868999999999998</c:v>
                </c:pt>
                <c:pt idx="348">
                  <c:v>3.3849</c:v>
                </c:pt>
                <c:pt idx="349">
                  <c:v>3.355</c:v>
                </c:pt>
                <c:pt idx="350">
                  <c:v>3.3551000000000002</c:v>
                </c:pt>
                <c:pt idx="351">
                  <c:v>3.3426</c:v>
                </c:pt>
                <c:pt idx="352">
                  <c:v>3.3115999999999999</c:v>
                </c:pt>
                <c:pt idx="353">
                  <c:v>3.3016999999999999</c:v>
                </c:pt>
                <c:pt idx="354">
                  <c:v>3.2709000000000001</c:v>
                </c:pt>
                <c:pt idx="355">
                  <c:v>3.2858999999999998</c:v>
                </c:pt>
                <c:pt idx="356">
                  <c:v>3.2761999999999998</c:v>
                </c:pt>
                <c:pt idx="357">
                  <c:v>3.2662</c:v>
                </c:pt>
                <c:pt idx="358">
                  <c:v>3.2665000000000002</c:v>
                </c:pt>
                <c:pt idx="359">
                  <c:v>3.2717000000000001</c:v>
                </c:pt>
                <c:pt idx="360">
                  <c:v>3.2989999999999999</c:v>
                </c:pt>
                <c:pt idx="361">
                  <c:v>3.3264</c:v>
                </c:pt>
                <c:pt idx="362">
                  <c:v>3.31</c:v>
                </c:pt>
                <c:pt idx="363">
                  <c:v>3.3125</c:v>
                </c:pt>
                <c:pt idx="364">
                  <c:v>3.35</c:v>
                </c:pt>
                <c:pt idx="365">
                  <c:v>3.31</c:v>
                </c:pt>
                <c:pt idx="366">
                  <c:v>3.2875000000000001</c:v>
                </c:pt>
                <c:pt idx="367">
                  <c:v>3.2749999999999999</c:v>
                </c:pt>
                <c:pt idx="368">
                  <c:v>3.2751000000000001</c:v>
                </c:pt>
                <c:pt idx="369">
                  <c:v>3.2401</c:v>
                </c:pt>
                <c:pt idx="370">
                  <c:v>3.2101000000000002</c:v>
                </c:pt>
                <c:pt idx="371">
                  <c:v>3.21</c:v>
                </c:pt>
                <c:pt idx="372">
                  <c:v>3.2136</c:v>
                </c:pt>
                <c:pt idx="373">
                  <c:v>3.2136</c:v>
                </c:pt>
                <c:pt idx="374">
                  <c:v>3.2250999999999999</c:v>
                </c:pt>
                <c:pt idx="375">
                  <c:v>3.2650999999999999</c:v>
                </c:pt>
                <c:pt idx="376">
                  <c:v>3.2601</c:v>
                </c:pt>
                <c:pt idx="377">
                  <c:v>3.2450999999999999</c:v>
                </c:pt>
                <c:pt idx="378">
                  <c:v>3.2302</c:v>
                </c:pt>
                <c:pt idx="379">
                  <c:v>3.2252000000000001</c:v>
                </c:pt>
                <c:pt idx="380">
                  <c:v>3.2302</c:v>
                </c:pt>
                <c:pt idx="381">
                  <c:v>3.2427000000000001</c:v>
                </c:pt>
                <c:pt idx="382">
                  <c:v>3.2351999999999999</c:v>
                </c:pt>
                <c:pt idx="383">
                  <c:v>3.2303000000000002</c:v>
                </c:pt>
                <c:pt idx="384">
                  <c:v>3.2452999999999999</c:v>
                </c:pt>
                <c:pt idx="385">
                  <c:v>3.2353000000000001</c:v>
                </c:pt>
                <c:pt idx="386">
                  <c:v>3.2452999999999999</c:v>
                </c:pt>
                <c:pt idx="387">
                  <c:v>3.2553000000000001</c:v>
                </c:pt>
                <c:pt idx="388">
                  <c:v>3.2254</c:v>
                </c:pt>
                <c:pt idx="389">
                  <c:v>3.2254</c:v>
                </c:pt>
                <c:pt idx="390">
                  <c:v>3.1703999999999999</c:v>
                </c:pt>
                <c:pt idx="391">
                  <c:v>3.1554000000000002</c:v>
                </c:pt>
                <c:pt idx="392">
                  <c:v>3.1478999999999999</c:v>
                </c:pt>
                <c:pt idx="393">
                  <c:v>3.1705000000000001</c:v>
                </c:pt>
                <c:pt idx="394">
                  <c:v>3.1804999999999999</c:v>
                </c:pt>
                <c:pt idx="395">
                  <c:v>3.1680000000000001</c:v>
                </c:pt>
                <c:pt idx="396">
                  <c:v>3.1705999999999999</c:v>
                </c:pt>
                <c:pt idx="397">
                  <c:v>3.1680000000000001</c:v>
                </c:pt>
                <c:pt idx="398">
                  <c:v>3.1530999999999998</c:v>
                </c:pt>
                <c:pt idx="399">
                  <c:v>3.1781999999999999</c:v>
                </c:pt>
                <c:pt idx="400">
                  <c:v>3.1732</c:v>
                </c:pt>
                <c:pt idx="401">
                  <c:v>3.1757</c:v>
                </c:pt>
                <c:pt idx="402">
                  <c:v>3.1608000000000001</c:v>
                </c:pt>
                <c:pt idx="403">
                  <c:v>3.1558999999999999</c:v>
                </c:pt>
                <c:pt idx="404">
                  <c:v>3.1484000000000001</c:v>
                </c:pt>
                <c:pt idx="405">
                  <c:v>3.1484000000000001</c:v>
                </c:pt>
                <c:pt idx="406">
                  <c:v>3.1709999999999998</c:v>
                </c:pt>
                <c:pt idx="407">
                  <c:v>3.1635</c:v>
                </c:pt>
                <c:pt idx="408">
                  <c:v>3.1661000000000001</c:v>
                </c:pt>
                <c:pt idx="409">
                  <c:v>3.1836000000000002</c:v>
                </c:pt>
                <c:pt idx="410">
                  <c:v>3.1760999999999999</c:v>
                </c:pt>
                <c:pt idx="411">
                  <c:v>3.1551999999999998</c:v>
                </c:pt>
                <c:pt idx="412">
                  <c:v>3.1486999999999998</c:v>
                </c:pt>
                <c:pt idx="413">
                  <c:v>3.0914000000000001</c:v>
                </c:pt>
                <c:pt idx="414">
                  <c:v>3.0562999999999998</c:v>
                </c:pt>
                <c:pt idx="415">
                  <c:v>3.0613000000000001</c:v>
                </c:pt>
                <c:pt idx="416">
                  <c:v>3.0514000000000001</c:v>
                </c:pt>
                <c:pt idx="417">
                  <c:v>3.0465</c:v>
                </c:pt>
                <c:pt idx="418">
                  <c:v>3.0215999999999998</c:v>
                </c:pt>
                <c:pt idx="419">
                  <c:v>3.0390999999999999</c:v>
                </c:pt>
                <c:pt idx="420">
                  <c:v>3.0041000000000002</c:v>
                </c:pt>
                <c:pt idx="421">
                  <c:v>3.0105</c:v>
                </c:pt>
                <c:pt idx="422">
                  <c:v>3.0114999999999998</c:v>
                </c:pt>
                <c:pt idx="423">
                  <c:v>3.0217000000000001</c:v>
                </c:pt>
                <c:pt idx="424">
                  <c:v>3.0190999999999999</c:v>
                </c:pt>
                <c:pt idx="425">
                  <c:v>3.0316999999999998</c:v>
                </c:pt>
                <c:pt idx="426">
                  <c:v>3.0567000000000002</c:v>
                </c:pt>
                <c:pt idx="427">
                  <c:v>3.0543</c:v>
                </c:pt>
                <c:pt idx="428">
                  <c:v>3.0644</c:v>
                </c:pt>
                <c:pt idx="429">
                  <c:v>3.0493999999999999</c:v>
                </c:pt>
                <c:pt idx="430">
                  <c:v>3.052</c:v>
                </c:pt>
                <c:pt idx="431">
                  <c:v>3.052</c:v>
                </c:pt>
                <c:pt idx="432">
                  <c:v>3.0320999999999998</c:v>
                </c:pt>
                <c:pt idx="433">
                  <c:v>3.0573000000000001</c:v>
                </c:pt>
                <c:pt idx="434">
                  <c:v>3.0722999999999998</c:v>
                </c:pt>
                <c:pt idx="435">
                  <c:v>3.0623999999999998</c:v>
                </c:pt>
                <c:pt idx="436">
                  <c:v>3.0472999999999999</c:v>
                </c:pt>
                <c:pt idx="437">
                  <c:v>3.0173000000000001</c:v>
                </c:pt>
                <c:pt idx="438">
                  <c:v>3.0173000000000001</c:v>
                </c:pt>
                <c:pt idx="439">
                  <c:v>3.0249999999999999</c:v>
                </c:pt>
                <c:pt idx="440">
                  <c:v>3.0425</c:v>
                </c:pt>
                <c:pt idx="441">
                  <c:v>3.0525000000000002</c:v>
                </c:pt>
                <c:pt idx="442">
                  <c:v>3.0876000000000001</c:v>
                </c:pt>
                <c:pt idx="443">
                  <c:v>3.0876000000000001</c:v>
                </c:pt>
                <c:pt idx="444">
                  <c:v>3.0926</c:v>
                </c:pt>
                <c:pt idx="445">
                  <c:v>3.1076000000000001</c:v>
                </c:pt>
                <c:pt idx="446">
                  <c:v>3.1278000000000001</c:v>
                </c:pt>
                <c:pt idx="447">
                  <c:v>3.1053000000000002</c:v>
                </c:pt>
                <c:pt idx="448">
                  <c:v>3.0979999999999999</c:v>
                </c:pt>
                <c:pt idx="449">
                  <c:v>3.1004999999999998</c:v>
                </c:pt>
                <c:pt idx="450">
                  <c:v>3.1204999999999998</c:v>
                </c:pt>
                <c:pt idx="451">
                  <c:v>3.1156999999999999</c:v>
                </c:pt>
                <c:pt idx="452">
                  <c:v>3.1381000000000001</c:v>
                </c:pt>
                <c:pt idx="453">
                  <c:v>3.1434000000000002</c:v>
                </c:pt>
                <c:pt idx="454">
                  <c:v>3.1410999999999998</c:v>
                </c:pt>
                <c:pt idx="455">
                  <c:v>3.1410999999999998</c:v>
                </c:pt>
                <c:pt idx="456">
                  <c:v>3.1410999999999998</c:v>
                </c:pt>
                <c:pt idx="457">
                  <c:v>3.1410999999999998</c:v>
                </c:pt>
                <c:pt idx="458">
                  <c:v>3.1410999999999998</c:v>
                </c:pt>
                <c:pt idx="459">
                  <c:v>3.1410999999999998</c:v>
                </c:pt>
                <c:pt idx="460">
                  <c:v>3.1063000000000001</c:v>
                </c:pt>
                <c:pt idx="461">
                  <c:v>3.1089000000000002</c:v>
                </c:pt>
                <c:pt idx="462">
                  <c:v>3.1288999999999998</c:v>
                </c:pt>
                <c:pt idx="463">
                  <c:v>3.1716000000000002</c:v>
                </c:pt>
                <c:pt idx="464">
                  <c:v>3.1640999999999999</c:v>
                </c:pt>
                <c:pt idx="465">
                  <c:v>3.1667999999999998</c:v>
                </c:pt>
                <c:pt idx="466">
                  <c:v>3.1692999999999998</c:v>
                </c:pt>
                <c:pt idx="467">
                  <c:v>3.1568999999999998</c:v>
                </c:pt>
                <c:pt idx="468">
                  <c:v>3.1869999999999998</c:v>
                </c:pt>
                <c:pt idx="469">
                  <c:v>3.2195999999999998</c:v>
                </c:pt>
                <c:pt idx="470">
                  <c:v>3.2195999999999998</c:v>
                </c:pt>
                <c:pt idx="471">
                  <c:v>3.2122000000000002</c:v>
                </c:pt>
                <c:pt idx="472">
                  <c:v>3.2195999999999998</c:v>
                </c:pt>
                <c:pt idx="473">
                  <c:v>3.2372000000000001</c:v>
                </c:pt>
                <c:pt idx="474">
                  <c:v>3.2924000000000002</c:v>
                </c:pt>
                <c:pt idx="475">
                  <c:v>3.3029000000000002</c:v>
                </c:pt>
                <c:pt idx="476">
                  <c:v>3.3125</c:v>
                </c:pt>
                <c:pt idx="477">
                  <c:v>3.2879999999999998</c:v>
                </c:pt>
                <c:pt idx="478">
                  <c:v>3.2757000000000001</c:v>
                </c:pt>
                <c:pt idx="479">
                  <c:v>3.2953999999999999</c:v>
                </c:pt>
                <c:pt idx="480">
                  <c:v>3.2454000000000001</c:v>
                </c:pt>
                <c:pt idx="481">
                  <c:v>3.2555000000000001</c:v>
                </c:pt>
                <c:pt idx="482">
                  <c:v>3.2736000000000001</c:v>
                </c:pt>
                <c:pt idx="483">
                  <c:v>3.2765</c:v>
                </c:pt>
                <c:pt idx="484">
                  <c:v>3.2463000000000002</c:v>
                </c:pt>
                <c:pt idx="485">
                  <c:v>3.2549999999999999</c:v>
                </c:pt>
                <c:pt idx="486">
                  <c:v>3.2370000000000001</c:v>
                </c:pt>
                <c:pt idx="487">
                  <c:v>3.2555000000000001</c:v>
                </c:pt>
                <c:pt idx="488">
                  <c:v>3.2355</c:v>
                </c:pt>
                <c:pt idx="489">
                  <c:v>3.1993</c:v>
                </c:pt>
                <c:pt idx="490">
                  <c:v>3.1743000000000001</c:v>
                </c:pt>
                <c:pt idx="491">
                  <c:v>3.1747000000000001</c:v>
                </c:pt>
                <c:pt idx="492">
                  <c:v>3.1749000000000001</c:v>
                </c:pt>
                <c:pt idx="493">
                  <c:v>3.1747000000000001</c:v>
                </c:pt>
                <c:pt idx="494">
                  <c:v>3.1875</c:v>
                </c:pt>
                <c:pt idx="495">
                  <c:v>3.1675</c:v>
                </c:pt>
                <c:pt idx="496">
                  <c:v>3.17</c:v>
                </c:pt>
                <c:pt idx="497">
                  <c:v>3.165</c:v>
                </c:pt>
                <c:pt idx="498">
                  <c:v>3.165</c:v>
                </c:pt>
                <c:pt idx="499">
                  <c:v>3.2061999999999999</c:v>
                </c:pt>
                <c:pt idx="500">
                  <c:v>3.1745999999999999</c:v>
                </c:pt>
                <c:pt idx="501">
                  <c:v>3.1751</c:v>
                </c:pt>
                <c:pt idx="502">
                  <c:v>3.1776</c:v>
                </c:pt>
                <c:pt idx="503">
                  <c:v>3.1751</c:v>
                </c:pt>
                <c:pt idx="504">
                  <c:v>3.1903000000000001</c:v>
                </c:pt>
                <c:pt idx="505">
                  <c:v>3.1776</c:v>
                </c:pt>
                <c:pt idx="506">
                  <c:v>3.1701999999999999</c:v>
                </c:pt>
                <c:pt idx="507">
                  <c:v>3.1652</c:v>
                </c:pt>
                <c:pt idx="508">
                  <c:v>3.1827999999999999</c:v>
                </c:pt>
                <c:pt idx="509">
                  <c:v>3.1854</c:v>
                </c:pt>
                <c:pt idx="510">
                  <c:v>3.2132999999999998</c:v>
                </c:pt>
                <c:pt idx="511">
                  <c:v>3.2139000000000002</c:v>
                </c:pt>
                <c:pt idx="512">
                  <c:v>3.2139000000000002</c:v>
                </c:pt>
                <c:pt idx="513">
                  <c:v>3.1808000000000001</c:v>
                </c:pt>
                <c:pt idx="514">
                  <c:v>3.1661000000000001</c:v>
                </c:pt>
                <c:pt idx="515">
                  <c:v>3.1535000000000002</c:v>
                </c:pt>
                <c:pt idx="516">
                  <c:v>3.1463000000000001</c:v>
                </c:pt>
                <c:pt idx="517">
                  <c:v>3.1137000000000001</c:v>
                </c:pt>
                <c:pt idx="518">
                  <c:v>3.1292</c:v>
                </c:pt>
                <c:pt idx="519">
                  <c:v>3.1322000000000001</c:v>
                </c:pt>
                <c:pt idx="520">
                  <c:v>3.1364999999999998</c:v>
                </c:pt>
                <c:pt idx="521">
                  <c:v>3.1364999999999998</c:v>
                </c:pt>
                <c:pt idx="522">
                  <c:v>3.1484999999999999</c:v>
                </c:pt>
                <c:pt idx="523">
                  <c:v>3.1427999999999998</c:v>
                </c:pt>
                <c:pt idx="524">
                  <c:v>3.1352000000000002</c:v>
                </c:pt>
                <c:pt idx="525">
                  <c:v>3.1379000000000001</c:v>
                </c:pt>
                <c:pt idx="526">
                  <c:v>3.1337000000000002</c:v>
                </c:pt>
                <c:pt idx="527">
                  <c:v>3.1183999999999998</c:v>
                </c:pt>
                <c:pt idx="528">
                  <c:v>3.0819000000000001</c:v>
                </c:pt>
                <c:pt idx="529">
                  <c:v>3.0840000000000001</c:v>
                </c:pt>
                <c:pt idx="530">
                  <c:v>3.0994000000000002</c:v>
                </c:pt>
                <c:pt idx="531">
                  <c:v>3.0897000000000001</c:v>
                </c:pt>
                <c:pt idx="532">
                  <c:v>3.0918000000000001</c:v>
                </c:pt>
                <c:pt idx="533">
                  <c:v>3.0779999999999998</c:v>
                </c:pt>
                <c:pt idx="534">
                  <c:v>3.0775999999999999</c:v>
                </c:pt>
                <c:pt idx="535">
                  <c:v>3.0337000000000001</c:v>
                </c:pt>
                <c:pt idx="536">
                  <c:v>3.0282</c:v>
                </c:pt>
                <c:pt idx="537">
                  <c:v>2.9931999999999999</c:v>
                </c:pt>
                <c:pt idx="538">
                  <c:v>2.9931999999999999</c:v>
                </c:pt>
                <c:pt idx="539">
                  <c:v>2.9931999999999999</c:v>
                </c:pt>
                <c:pt idx="540">
                  <c:v>2.9931999999999999</c:v>
                </c:pt>
                <c:pt idx="541">
                  <c:v>2.9931999999999999</c:v>
                </c:pt>
                <c:pt idx="542">
                  <c:v>2.9931999999999999</c:v>
                </c:pt>
                <c:pt idx="543">
                  <c:v>2.9931999999999999</c:v>
                </c:pt>
                <c:pt idx="544">
                  <c:v>2.8231000000000002</c:v>
                </c:pt>
                <c:pt idx="545">
                  <c:v>2.8551000000000002</c:v>
                </c:pt>
                <c:pt idx="546">
                  <c:v>2.8439999999999999</c:v>
                </c:pt>
                <c:pt idx="547">
                  <c:v>2.8391999999999999</c:v>
                </c:pt>
                <c:pt idx="548">
                  <c:v>2.8024</c:v>
                </c:pt>
                <c:pt idx="549">
                  <c:v>2.7871999999999999</c:v>
                </c:pt>
                <c:pt idx="550">
                  <c:v>2.8340000000000001</c:v>
                </c:pt>
                <c:pt idx="551">
                  <c:v>2.8332999999999999</c:v>
                </c:pt>
                <c:pt idx="552">
                  <c:v>2.8201000000000001</c:v>
                </c:pt>
                <c:pt idx="553">
                  <c:v>2.8631000000000002</c:v>
                </c:pt>
                <c:pt idx="554">
                  <c:v>2.8927999999999998</c:v>
                </c:pt>
                <c:pt idx="555">
                  <c:v>2.8664000000000001</c:v>
                </c:pt>
                <c:pt idx="556">
                  <c:v>2.8776000000000002</c:v>
                </c:pt>
                <c:pt idx="557">
                  <c:v>2.8856999999999999</c:v>
                </c:pt>
                <c:pt idx="558">
                  <c:v>2.847</c:v>
                </c:pt>
                <c:pt idx="559">
                  <c:v>2.8119999999999998</c:v>
                </c:pt>
                <c:pt idx="560">
                  <c:v>2.8220000000000001</c:v>
                </c:pt>
                <c:pt idx="561">
                  <c:v>2.7972999999999999</c:v>
                </c:pt>
                <c:pt idx="562">
                  <c:v>2.7702</c:v>
                </c:pt>
                <c:pt idx="563">
                  <c:v>2.7376</c:v>
                </c:pt>
                <c:pt idx="564">
                  <c:v>2.7427999999999999</c:v>
                </c:pt>
                <c:pt idx="565">
                  <c:v>2.7477999999999998</c:v>
                </c:pt>
                <c:pt idx="566">
                  <c:v>2.673</c:v>
                </c:pt>
                <c:pt idx="567">
                  <c:v>2.6829000000000001</c:v>
                </c:pt>
                <c:pt idx="568">
                  <c:v>2.6280000000000001</c:v>
                </c:pt>
                <c:pt idx="569">
                  <c:v>2.5205000000000002</c:v>
                </c:pt>
                <c:pt idx="570">
                  <c:v>2.613</c:v>
                </c:pt>
                <c:pt idx="571">
                  <c:v>2.6078999999999999</c:v>
                </c:pt>
                <c:pt idx="572">
                  <c:v>2.6379000000000001</c:v>
                </c:pt>
                <c:pt idx="573">
                  <c:v>2.6758999999999999</c:v>
                </c:pt>
                <c:pt idx="574">
                  <c:v>2.6758000000000002</c:v>
                </c:pt>
                <c:pt idx="575">
                  <c:v>2.7134999999999998</c:v>
                </c:pt>
                <c:pt idx="576">
                  <c:v>2.7136</c:v>
                </c:pt>
                <c:pt idx="577">
                  <c:v>2.7299000000000002</c:v>
                </c:pt>
                <c:pt idx="578">
                  <c:v>2.6815000000000002</c:v>
                </c:pt>
                <c:pt idx="579">
                  <c:v>2.6315</c:v>
                </c:pt>
                <c:pt idx="580">
                  <c:v>2.6288999999999998</c:v>
                </c:pt>
                <c:pt idx="581">
                  <c:v>2.6288999999999998</c:v>
                </c:pt>
                <c:pt idx="582">
                  <c:v>2.5939999999999999</c:v>
                </c:pt>
                <c:pt idx="583">
                  <c:v>2.609</c:v>
                </c:pt>
                <c:pt idx="584">
                  <c:v>2.6141999999999999</c:v>
                </c:pt>
                <c:pt idx="585">
                  <c:v>2.5899000000000001</c:v>
                </c:pt>
                <c:pt idx="586">
                  <c:v>2.5550000000000002</c:v>
                </c:pt>
                <c:pt idx="587">
                  <c:v>2.5853999999999999</c:v>
                </c:pt>
                <c:pt idx="588">
                  <c:v>2.5964999999999998</c:v>
                </c:pt>
                <c:pt idx="589">
                  <c:v>2.5964999999999998</c:v>
                </c:pt>
                <c:pt idx="590">
                  <c:v>2.5112000000000001</c:v>
                </c:pt>
                <c:pt idx="591">
                  <c:v>2.4824000000000002</c:v>
                </c:pt>
                <c:pt idx="592">
                  <c:v>2.5226000000000002</c:v>
                </c:pt>
                <c:pt idx="593">
                  <c:v>2.5402999999999998</c:v>
                </c:pt>
                <c:pt idx="594">
                  <c:v>2.5657999999999999</c:v>
                </c:pt>
                <c:pt idx="595">
                  <c:v>2.5590999999999999</c:v>
                </c:pt>
                <c:pt idx="596">
                  <c:v>2.5455000000000001</c:v>
                </c:pt>
                <c:pt idx="597">
                  <c:v>2.5276000000000001</c:v>
                </c:pt>
                <c:pt idx="598">
                  <c:v>2.5590000000000002</c:v>
                </c:pt>
                <c:pt idx="599">
                  <c:v>2.5920000000000001</c:v>
                </c:pt>
                <c:pt idx="600">
                  <c:v>2.5790999999999999</c:v>
                </c:pt>
                <c:pt idx="601">
                  <c:v>2.5567000000000002</c:v>
                </c:pt>
                <c:pt idx="602">
                  <c:v>2.5226999999999999</c:v>
                </c:pt>
                <c:pt idx="603">
                  <c:v>2.5205000000000002</c:v>
                </c:pt>
                <c:pt idx="604">
                  <c:v>2.5345</c:v>
                </c:pt>
                <c:pt idx="605">
                  <c:v>2.5253999999999999</c:v>
                </c:pt>
                <c:pt idx="606">
                  <c:v>2.5009000000000001</c:v>
                </c:pt>
                <c:pt idx="607">
                  <c:v>2.5379999999999998</c:v>
                </c:pt>
                <c:pt idx="608">
                  <c:v>2.5379999999999998</c:v>
                </c:pt>
                <c:pt idx="609">
                  <c:v>2.5379999999999998</c:v>
                </c:pt>
                <c:pt idx="610">
                  <c:v>2.5379999999999998</c:v>
                </c:pt>
                <c:pt idx="611">
                  <c:v>2.5809000000000002</c:v>
                </c:pt>
                <c:pt idx="612">
                  <c:v>2.6297999999999999</c:v>
                </c:pt>
                <c:pt idx="613">
                  <c:v>2.64</c:v>
                </c:pt>
                <c:pt idx="614">
                  <c:v>2.6698</c:v>
                </c:pt>
                <c:pt idx="615">
                  <c:v>2.6602999999999999</c:v>
                </c:pt>
                <c:pt idx="616">
                  <c:v>2.7075999999999998</c:v>
                </c:pt>
                <c:pt idx="617">
                  <c:v>2.6989000000000001</c:v>
                </c:pt>
                <c:pt idx="618">
                  <c:v>2.6819999999999999</c:v>
                </c:pt>
                <c:pt idx="619">
                  <c:v>2.7252999999999998</c:v>
                </c:pt>
                <c:pt idx="620">
                  <c:v>2.7271999999999998</c:v>
                </c:pt>
                <c:pt idx="621">
                  <c:v>2.69</c:v>
                </c:pt>
                <c:pt idx="622">
                  <c:v>2.6850000000000001</c:v>
                </c:pt>
                <c:pt idx="623">
                  <c:v>2.6175999999999999</c:v>
                </c:pt>
                <c:pt idx="624">
                  <c:v>2.6852</c:v>
                </c:pt>
                <c:pt idx="625">
                  <c:v>2.7402000000000002</c:v>
                </c:pt>
                <c:pt idx="626">
                  <c:v>2.7526999999999999</c:v>
                </c:pt>
                <c:pt idx="627">
                  <c:v>2.7201</c:v>
                </c:pt>
                <c:pt idx="628">
                  <c:v>2.7052999999999998</c:v>
                </c:pt>
                <c:pt idx="629">
                  <c:v>2.7252999999999998</c:v>
                </c:pt>
                <c:pt idx="630">
                  <c:v>2.7852000000000001</c:v>
                </c:pt>
                <c:pt idx="631">
                  <c:v>2.7900999999999998</c:v>
                </c:pt>
                <c:pt idx="632">
                  <c:v>2.8300999999999998</c:v>
                </c:pt>
                <c:pt idx="633">
                  <c:v>2.8475000000000001</c:v>
                </c:pt>
                <c:pt idx="634">
                  <c:v>2.8100999999999998</c:v>
                </c:pt>
                <c:pt idx="635">
                  <c:v>2.8031000000000001</c:v>
                </c:pt>
                <c:pt idx="636">
                  <c:v>2.8201000000000001</c:v>
                </c:pt>
                <c:pt idx="637">
                  <c:v>2.7700999999999998</c:v>
                </c:pt>
                <c:pt idx="638">
                  <c:v>2.7450999999999999</c:v>
                </c:pt>
                <c:pt idx="639">
                  <c:v>2.7877999999999998</c:v>
                </c:pt>
                <c:pt idx="640">
                  <c:v>2.8401999999999998</c:v>
                </c:pt>
                <c:pt idx="641">
                  <c:v>2.8801999999999999</c:v>
                </c:pt>
                <c:pt idx="642">
                  <c:v>2.8527</c:v>
                </c:pt>
                <c:pt idx="643">
                  <c:v>2.8752</c:v>
                </c:pt>
                <c:pt idx="644">
                  <c:v>2.9152999999999998</c:v>
                </c:pt>
                <c:pt idx="645">
                  <c:v>2.9127000000000001</c:v>
                </c:pt>
                <c:pt idx="646">
                  <c:v>2.8614000000000002</c:v>
                </c:pt>
                <c:pt idx="647">
                  <c:v>2.8614000000000002</c:v>
                </c:pt>
                <c:pt idx="648">
                  <c:v>2.8403999999999998</c:v>
                </c:pt>
                <c:pt idx="649">
                  <c:v>2.8504</c:v>
                </c:pt>
                <c:pt idx="650">
                  <c:v>2.823</c:v>
                </c:pt>
                <c:pt idx="651">
                  <c:v>2.8456000000000001</c:v>
                </c:pt>
                <c:pt idx="652">
                  <c:v>2.8584000000000001</c:v>
                </c:pt>
                <c:pt idx="653">
                  <c:v>2.8974000000000002</c:v>
                </c:pt>
                <c:pt idx="654">
                  <c:v>2.9958999999999998</c:v>
                </c:pt>
                <c:pt idx="655">
                  <c:v>3.0158</c:v>
                </c:pt>
                <c:pt idx="656">
                  <c:v>3.0632000000000001</c:v>
                </c:pt>
                <c:pt idx="657">
                  <c:v>3.0809000000000002</c:v>
                </c:pt>
                <c:pt idx="658">
                  <c:v>3.0305</c:v>
                </c:pt>
                <c:pt idx="659">
                  <c:v>3.0556999999999999</c:v>
                </c:pt>
                <c:pt idx="660">
                  <c:v>3.0057</c:v>
                </c:pt>
                <c:pt idx="661">
                  <c:v>2.9559000000000002</c:v>
                </c:pt>
                <c:pt idx="662">
                  <c:v>2.9459</c:v>
                </c:pt>
                <c:pt idx="663">
                  <c:v>2.9506999999999999</c:v>
                </c:pt>
                <c:pt idx="664">
                  <c:v>2.9310999999999998</c:v>
                </c:pt>
                <c:pt idx="665">
                  <c:v>2.9011</c:v>
                </c:pt>
                <c:pt idx="666">
                  <c:v>2.8860999999999999</c:v>
                </c:pt>
                <c:pt idx="667">
                  <c:v>2.9064000000000001</c:v>
                </c:pt>
                <c:pt idx="668">
                  <c:v>2.8612000000000002</c:v>
                </c:pt>
                <c:pt idx="669">
                  <c:v>2.8791000000000002</c:v>
                </c:pt>
                <c:pt idx="670">
                  <c:v>2.9214000000000002</c:v>
                </c:pt>
                <c:pt idx="671">
                  <c:v>2.9415</c:v>
                </c:pt>
                <c:pt idx="672">
                  <c:v>2.9363999999999999</c:v>
                </c:pt>
                <c:pt idx="673">
                  <c:v>2.9664000000000001</c:v>
                </c:pt>
                <c:pt idx="674">
                  <c:v>2.9466000000000001</c:v>
                </c:pt>
                <c:pt idx="675">
                  <c:v>2.9365000000000001</c:v>
                </c:pt>
                <c:pt idx="676">
                  <c:v>2.9592000000000001</c:v>
                </c:pt>
                <c:pt idx="677">
                  <c:v>2.9815999999999998</c:v>
                </c:pt>
                <c:pt idx="678">
                  <c:v>2.9918</c:v>
                </c:pt>
                <c:pt idx="679">
                  <c:v>2.9542999999999999</c:v>
                </c:pt>
                <c:pt idx="680">
                  <c:v>2.9544000000000001</c:v>
                </c:pt>
                <c:pt idx="681">
                  <c:v>2.9620000000000002</c:v>
                </c:pt>
                <c:pt idx="682">
                  <c:v>2.9554999999999998</c:v>
                </c:pt>
                <c:pt idx="683">
                  <c:v>2.9369000000000001</c:v>
                </c:pt>
                <c:pt idx="684">
                  <c:v>2.9420999999999999</c:v>
                </c:pt>
                <c:pt idx="685">
                  <c:v>2.9771000000000001</c:v>
                </c:pt>
                <c:pt idx="686">
                  <c:v>2.9921000000000002</c:v>
                </c:pt>
                <c:pt idx="687">
                  <c:v>2.9973000000000001</c:v>
                </c:pt>
                <c:pt idx="688">
                  <c:v>2.9823</c:v>
                </c:pt>
                <c:pt idx="689">
                  <c:v>2.9998</c:v>
                </c:pt>
                <c:pt idx="690">
                  <c:v>3.0424000000000002</c:v>
                </c:pt>
                <c:pt idx="691">
                  <c:v>3.0510999999999999</c:v>
                </c:pt>
                <c:pt idx="692">
                  <c:v>3.0598999999999998</c:v>
                </c:pt>
                <c:pt idx="693">
                  <c:v>3.0672000000000001</c:v>
                </c:pt>
                <c:pt idx="694">
                  <c:v>3.0177</c:v>
                </c:pt>
                <c:pt idx="695">
                  <c:v>3.0478000000000001</c:v>
                </c:pt>
                <c:pt idx="696">
                  <c:v>3.1027</c:v>
                </c:pt>
                <c:pt idx="697">
                  <c:v>3.1051000000000002</c:v>
                </c:pt>
                <c:pt idx="698">
                  <c:v>3.1227999999999998</c:v>
                </c:pt>
                <c:pt idx="699">
                  <c:v>3.1454</c:v>
                </c:pt>
                <c:pt idx="700">
                  <c:v>3.1230000000000002</c:v>
                </c:pt>
                <c:pt idx="701">
                  <c:v>3.0804999999999998</c:v>
                </c:pt>
                <c:pt idx="702">
                  <c:v>3.0832999999999999</c:v>
                </c:pt>
                <c:pt idx="703">
                  <c:v>3.1345999999999998</c:v>
                </c:pt>
                <c:pt idx="704">
                  <c:v>3.1532</c:v>
                </c:pt>
                <c:pt idx="705">
                  <c:v>3.1082999999999998</c:v>
                </c:pt>
                <c:pt idx="706">
                  <c:v>3.1259999999999999</c:v>
                </c:pt>
                <c:pt idx="707">
                  <c:v>3.1334</c:v>
                </c:pt>
                <c:pt idx="708">
                  <c:v>3.1162000000000001</c:v>
                </c:pt>
                <c:pt idx="709">
                  <c:v>3.0998999999999999</c:v>
                </c:pt>
                <c:pt idx="710">
                  <c:v>3.0863</c:v>
                </c:pt>
                <c:pt idx="711">
                  <c:v>3.089</c:v>
                </c:pt>
                <c:pt idx="712">
                  <c:v>3.0840000000000001</c:v>
                </c:pt>
                <c:pt idx="713">
                  <c:v>3.1324000000000001</c:v>
                </c:pt>
                <c:pt idx="714">
                  <c:v>3.1092</c:v>
                </c:pt>
                <c:pt idx="715">
                  <c:v>3.1292</c:v>
                </c:pt>
                <c:pt idx="716">
                  <c:v>3.1482000000000001</c:v>
                </c:pt>
                <c:pt idx="717">
                  <c:v>3.1482000000000001</c:v>
                </c:pt>
                <c:pt idx="718">
                  <c:v>3.1482000000000001</c:v>
                </c:pt>
                <c:pt idx="719">
                  <c:v>3.1482000000000001</c:v>
                </c:pt>
                <c:pt idx="720">
                  <c:v>3.1482000000000001</c:v>
                </c:pt>
                <c:pt idx="721">
                  <c:v>3.1482000000000001</c:v>
                </c:pt>
                <c:pt idx="722">
                  <c:v>3.1482000000000001</c:v>
                </c:pt>
                <c:pt idx="723">
                  <c:v>3.1898</c:v>
                </c:pt>
                <c:pt idx="724">
                  <c:v>3.1861000000000002</c:v>
                </c:pt>
                <c:pt idx="725">
                  <c:v>3.1949999999999998</c:v>
                </c:pt>
                <c:pt idx="726">
                  <c:v>3.2149999999999999</c:v>
                </c:pt>
                <c:pt idx="727">
                  <c:v>3.23</c:v>
                </c:pt>
                <c:pt idx="728">
                  <c:v>3.2202000000000002</c:v>
                </c:pt>
                <c:pt idx="729">
                  <c:v>3.2004999999999999</c:v>
                </c:pt>
                <c:pt idx="730">
                  <c:v>3.1955</c:v>
                </c:pt>
                <c:pt idx="731">
                  <c:v>3.1855000000000002</c:v>
                </c:pt>
                <c:pt idx="732">
                  <c:v>3.1707000000000001</c:v>
                </c:pt>
                <c:pt idx="733">
                  <c:v>3.1957</c:v>
                </c:pt>
                <c:pt idx="734">
                  <c:v>3.1934</c:v>
                </c:pt>
                <c:pt idx="735">
                  <c:v>3.1608999999999998</c:v>
                </c:pt>
                <c:pt idx="736">
                  <c:v>3.181</c:v>
                </c:pt>
                <c:pt idx="737">
                  <c:v>3.1859999999999999</c:v>
                </c:pt>
                <c:pt idx="738">
                  <c:v>3.181</c:v>
                </c:pt>
                <c:pt idx="739">
                  <c:v>3.1785000000000001</c:v>
                </c:pt>
                <c:pt idx="740">
                  <c:v>3.1762000000000001</c:v>
                </c:pt>
                <c:pt idx="741">
                  <c:v>3.1686999999999999</c:v>
                </c:pt>
                <c:pt idx="742">
                  <c:v>3.1911999999999998</c:v>
                </c:pt>
                <c:pt idx="743">
                  <c:v>3.2063000000000001</c:v>
                </c:pt>
                <c:pt idx="744">
                  <c:v>3.2363</c:v>
                </c:pt>
                <c:pt idx="745">
                  <c:v>3.2241</c:v>
                </c:pt>
                <c:pt idx="746">
                  <c:v>3.2391000000000001</c:v>
                </c:pt>
                <c:pt idx="747">
                  <c:v>3.2614000000000001</c:v>
                </c:pt>
                <c:pt idx="748">
                  <c:v>3.2715000000000001</c:v>
                </c:pt>
                <c:pt idx="749">
                  <c:v>3.2740999999999998</c:v>
                </c:pt>
                <c:pt idx="750">
                  <c:v>3.2866</c:v>
                </c:pt>
                <c:pt idx="751">
                  <c:v>3.3239999999999998</c:v>
                </c:pt>
                <c:pt idx="752">
                  <c:v>3.3487</c:v>
                </c:pt>
                <c:pt idx="753">
                  <c:v>3.31</c:v>
                </c:pt>
                <c:pt idx="754">
                  <c:v>3.2650000000000001</c:v>
                </c:pt>
                <c:pt idx="755">
                  <c:v>3.29</c:v>
                </c:pt>
                <c:pt idx="756">
                  <c:v>3.2675000000000001</c:v>
                </c:pt>
                <c:pt idx="757">
                  <c:v>3.2850000000000001</c:v>
                </c:pt>
                <c:pt idx="758">
                  <c:v>3.3</c:v>
                </c:pt>
                <c:pt idx="759">
                  <c:v>3.25</c:v>
                </c:pt>
                <c:pt idx="760">
                  <c:v>3.2725</c:v>
                </c:pt>
                <c:pt idx="761">
                  <c:v>3.2925</c:v>
                </c:pt>
                <c:pt idx="762">
                  <c:v>3.2850999999999999</c:v>
                </c:pt>
                <c:pt idx="763">
                  <c:v>3.2650999999999999</c:v>
                </c:pt>
                <c:pt idx="764">
                  <c:v>3.2700999999999998</c:v>
                </c:pt>
                <c:pt idx="765">
                  <c:v>3.2551000000000001</c:v>
                </c:pt>
                <c:pt idx="766">
                  <c:v>3.2726000000000002</c:v>
                </c:pt>
                <c:pt idx="767">
                  <c:v>3.2601</c:v>
                </c:pt>
                <c:pt idx="768">
                  <c:v>3.2951000000000001</c:v>
                </c:pt>
                <c:pt idx="769">
                  <c:v>3.2850999999999999</c:v>
                </c:pt>
                <c:pt idx="770">
                  <c:v>3.2776999999999998</c:v>
                </c:pt>
                <c:pt idx="771">
                  <c:v>3.2751999999999999</c:v>
                </c:pt>
                <c:pt idx="772">
                  <c:v>3.2801999999999998</c:v>
                </c:pt>
                <c:pt idx="773">
                  <c:v>3.2902</c:v>
                </c:pt>
                <c:pt idx="774">
                  <c:v>3.2652000000000001</c:v>
                </c:pt>
                <c:pt idx="775">
                  <c:v>3.2277999999999998</c:v>
                </c:pt>
                <c:pt idx="776">
                  <c:v>3.2153</c:v>
                </c:pt>
                <c:pt idx="777">
                  <c:v>3.2303000000000002</c:v>
                </c:pt>
                <c:pt idx="778">
                  <c:v>3.1878000000000002</c:v>
                </c:pt>
                <c:pt idx="779">
                  <c:v>3.1629</c:v>
                </c:pt>
                <c:pt idx="780">
                  <c:v>3.1554000000000002</c:v>
                </c:pt>
                <c:pt idx="781">
                  <c:v>3.1204000000000001</c:v>
                </c:pt>
                <c:pt idx="782">
                  <c:v>3.1429</c:v>
                </c:pt>
                <c:pt idx="783">
                  <c:v>3.1429</c:v>
                </c:pt>
                <c:pt idx="784">
                  <c:v>3.1779999999999999</c:v>
                </c:pt>
                <c:pt idx="785">
                  <c:v>3.1305000000000001</c:v>
                </c:pt>
                <c:pt idx="786">
                  <c:v>3.1255999999999999</c:v>
                </c:pt>
                <c:pt idx="787">
                  <c:v>3.1255999999999999</c:v>
                </c:pt>
                <c:pt idx="788">
                  <c:v>3.1456</c:v>
                </c:pt>
                <c:pt idx="789">
                  <c:v>3.1631999999999998</c:v>
                </c:pt>
                <c:pt idx="790">
                  <c:v>3.1457000000000002</c:v>
                </c:pt>
                <c:pt idx="791">
                  <c:v>3.1156999999999999</c:v>
                </c:pt>
                <c:pt idx="792">
                  <c:v>3.1059000000000001</c:v>
                </c:pt>
                <c:pt idx="793">
                  <c:v>3.1507999999999998</c:v>
                </c:pt>
                <c:pt idx="794">
                  <c:v>3.1657999999999999</c:v>
                </c:pt>
                <c:pt idx="795">
                  <c:v>3.1608999999999998</c:v>
                </c:pt>
                <c:pt idx="796">
                  <c:v>3.161</c:v>
                </c:pt>
                <c:pt idx="797">
                  <c:v>3.1335000000000002</c:v>
                </c:pt>
                <c:pt idx="798">
                  <c:v>3.1185</c:v>
                </c:pt>
                <c:pt idx="799">
                  <c:v>3.1322999999999999</c:v>
                </c:pt>
                <c:pt idx="800">
                  <c:v>3.1585000000000001</c:v>
                </c:pt>
                <c:pt idx="801">
                  <c:v>3.1636000000000002</c:v>
                </c:pt>
                <c:pt idx="802">
                  <c:v>3.1960999999999999</c:v>
                </c:pt>
                <c:pt idx="803">
                  <c:v>3.1785999999999999</c:v>
                </c:pt>
                <c:pt idx="804">
                  <c:v>3.1711999999999998</c:v>
                </c:pt>
                <c:pt idx="805">
                  <c:v>3.1861999999999999</c:v>
                </c:pt>
                <c:pt idx="806">
                  <c:v>3.2111999999999998</c:v>
                </c:pt>
                <c:pt idx="807">
                  <c:v>3.2347000000000001</c:v>
                </c:pt>
                <c:pt idx="808">
                  <c:v>3.2168000000000001</c:v>
                </c:pt>
                <c:pt idx="809">
                  <c:v>3.2370000000000001</c:v>
                </c:pt>
                <c:pt idx="810">
                  <c:v>3.2303000000000002</c:v>
                </c:pt>
                <c:pt idx="811">
                  <c:v>3.2448999999999999</c:v>
                </c:pt>
                <c:pt idx="812">
                  <c:v>3.2448999999999999</c:v>
                </c:pt>
                <c:pt idx="813">
                  <c:v>3.2448999999999999</c:v>
                </c:pt>
                <c:pt idx="814">
                  <c:v>3.2448999999999999</c:v>
                </c:pt>
                <c:pt idx="815">
                  <c:v>3.2448999999999999</c:v>
                </c:pt>
                <c:pt idx="816">
                  <c:v>3.2448999999999999</c:v>
                </c:pt>
                <c:pt idx="817">
                  <c:v>3.2831000000000001</c:v>
                </c:pt>
                <c:pt idx="818">
                  <c:v>3.2605</c:v>
                </c:pt>
                <c:pt idx="819">
                  <c:v>3.2736000000000001</c:v>
                </c:pt>
                <c:pt idx="820">
                  <c:v>3.2635000000000001</c:v>
                </c:pt>
                <c:pt idx="821">
                  <c:v>3.2627000000000002</c:v>
                </c:pt>
                <c:pt idx="822">
                  <c:v>3.2723</c:v>
                </c:pt>
                <c:pt idx="823">
                  <c:v>3.2797999999999998</c:v>
                </c:pt>
                <c:pt idx="824">
                  <c:v>3.2475000000000001</c:v>
                </c:pt>
                <c:pt idx="825">
                  <c:v>3.2473999999999998</c:v>
                </c:pt>
                <c:pt idx="826">
                  <c:v>3.2553000000000001</c:v>
                </c:pt>
                <c:pt idx="827">
                  <c:v>3.2654999999999998</c:v>
                </c:pt>
                <c:pt idx="828">
                  <c:v>3.2456999999999998</c:v>
                </c:pt>
                <c:pt idx="829">
                  <c:v>3.2404000000000002</c:v>
                </c:pt>
                <c:pt idx="830">
                  <c:v>3.2477999999999998</c:v>
                </c:pt>
                <c:pt idx="831">
                  <c:v>3.2353000000000001</c:v>
                </c:pt>
                <c:pt idx="832">
                  <c:v>3.2505999999999999</c:v>
                </c:pt>
                <c:pt idx="833">
                  <c:v>3.2612999999999999</c:v>
                </c:pt>
                <c:pt idx="834">
                  <c:v>3.274</c:v>
                </c:pt>
                <c:pt idx="835">
                  <c:v>3.2614000000000001</c:v>
                </c:pt>
                <c:pt idx="836">
                  <c:v>3.2564000000000002</c:v>
                </c:pt>
                <c:pt idx="837">
                  <c:v>3.2591999999999999</c:v>
                </c:pt>
                <c:pt idx="838">
                  <c:v>3.2364000000000002</c:v>
                </c:pt>
                <c:pt idx="839">
                  <c:v>3.2309000000000001</c:v>
                </c:pt>
                <c:pt idx="840">
                  <c:v>3.2105000000000001</c:v>
                </c:pt>
                <c:pt idx="841">
                  <c:v>3.1930000000000001</c:v>
                </c:pt>
                <c:pt idx="842">
                  <c:v>3.1882000000000001</c:v>
                </c:pt>
                <c:pt idx="843">
                  <c:v>3.1985000000000001</c:v>
                </c:pt>
                <c:pt idx="844">
                  <c:v>3.1962000000000002</c:v>
                </c:pt>
                <c:pt idx="845">
                  <c:v>3.206</c:v>
                </c:pt>
                <c:pt idx="846">
                  <c:v>3.1886999999999999</c:v>
                </c:pt>
                <c:pt idx="847">
                  <c:v>3.1960000000000002</c:v>
                </c:pt>
                <c:pt idx="848">
                  <c:v>3.2012999999999998</c:v>
                </c:pt>
                <c:pt idx="849">
                  <c:v>3.2012999999999998</c:v>
                </c:pt>
                <c:pt idx="850">
                  <c:v>3.2086999999999999</c:v>
                </c:pt>
                <c:pt idx="851">
                  <c:v>3.2214999999999998</c:v>
                </c:pt>
                <c:pt idx="852">
                  <c:v>3.2221000000000002</c:v>
                </c:pt>
                <c:pt idx="853">
                  <c:v>3.2121</c:v>
                </c:pt>
                <c:pt idx="854">
                  <c:v>3.1947999999999999</c:v>
                </c:pt>
                <c:pt idx="855">
                  <c:v>3.1625999999999999</c:v>
                </c:pt>
                <c:pt idx="856">
                  <c:v>3.1650999999999998</c:v>
                </c:pt>
                <c:pt idx="857">
                  <c:v>3.1728000000000001</c:v>
                </c:pt>
                <c:pt idx="858">
                  <c:v>3.1631</c:v>
                </c:pt>
                <c:pt idx="859">
                  <c:v>3.1558999999999999</c:v>
                </c:pt>
                <c:pt idx="860">
                  <c:v>3.1554000000000002</c:v>
                </c:pt>
                <c:pt idx="861">
                  <c:v>3.153</c:v>
                </c:pt>
                <c:pt idx="862">
                  <c:v>3.1614</c:v>
                </c:pt>
                <c:pt idx="863">
                  <c:v>3.1840999999999999</c:v>
                </c:pt>
                <c:pt idx="864">
                  <c:v>3.2023999999999999</c:v>
                </c:pt>
                <c:pt idx="865">
                  <c:v>3.2078000000000002</c:v>
                </c:pt>
                <c:pt idx="866">
                  <c:v>3.1979000000000002</c:v>
                </c:pt>
                <c:pt idx="867">
                  <c:v>3.1871999999999998</c:v>
                </c:pt>
                <c:pt idx="868">
                  <c:v>3.1640000000000001</c:v>
                </c:pt>
                <c:pt idx="869">
                  <c:v>3.1640000000000001</c:v>
                </c:pt>
                <c:pt idx="870">
                  <c:v>3.1640000000000001</c:v>
                </c:pt>
                <c:pt idx="871">
                  <c:v>3.1640000000000001</c:v>
                </c:pt>
                <c:pt idx="872">
                  <c:v>3.1507000000000001</c:v>
                </c:pt>
                <c:pt idx="873">
                  <c:v>3.1581999999999999</c:v>
                </c:pt>
                <c:pt idx="874">
                  <c:v>3.1459999999999999</c:v>
                </c:pt>
                <c:pt idx="875">
                  <c:v>3.1379999999999999</c:v>
                </c:pt>
                <c:pt idx="876">
                  <c:v>3.1309999999999998</c:v>
                </c:pt>
                <c:pt idx="877">
                  <c:v>3.1366000000000001</c:v>
                </c:pt>
                <c:pt idx="878">
                  <c:v>3.1421999999999999</c:v>
                </c:pt>
                <c:pt idx="879">
                  <c:v>3.1524000000000001</c:v>
                </c:pt>
                <c:pt idx="880">
                  <c:v>3.1457000000000002</c:v>
                </c:pt>
                <c:pt idx="881">
                  <c:v>3.1297999999999999</c:v>
                </c:pt>
                <c:pt idx="882">
                  <c:v>3.1000999999999999</c:v>
                </c:pt>
                <c:pt idx="883">
                  <c:v>3.0876000000000001</c:v>
                </c:pt>
                <c:pt idx="884">
                  <c:v>3.085</c:v>
                </c:pt>
                <c:pt idx="885">
                  <c:v>3.085</c:v>
                </c:pt>
                <c:pt idx="886">
                  <c:v>3.06</c:v>
                </c:pt>
                <c:pt idx="887">
                  <c:v>3.0724999999999998</c:v>
                </c:pt>
                <c:pt idx="888">
                  <c:v>3.0825</c:v>
                </c:pt>
                <c:pt idx="889">
                  <c:v>3.0449999999999999</c:v>
                </c:pt>
                <c:pt idx="890">
                  <c:v>3.04</c:v>
                </c:pt>
                <c:pt idx="891">
                  <c:v>3.0649999999999999</c:v>
                </c:pt>
                <c:pt idx="892">
                  <c:v>3.0550000000000002</c:v>
                </c:pt>
                <c:pt idx="893">
                  <c:v>3.0924999999999998</c:v>
                </c:pt>
                <c:pt idx="894">
                  <c:v>3.11</c:v>
                </c:pt>
                <c:pt idx="895">
                  <c:v>3.11</c:v>
                </c:pt>
                <c:pt idx="896">
                  <c:v>3.1051000000000002</c:v>
                </c:pt>
                <c:pt idx="897">
                  <c:v>3.1</c:v>
                </c:pt>
                <c:pt idx="898">
                  <c:v>3.1276000000000002</c:v>
                </c:pt>
                <c:pt idx="899">
                  <c:v>3.1276000000000002</c:v>
                </c:pt>
                <c:pt idx="900">
                  <c:v>3.1175999999999999</c:v>
                </c:pt>
                <c:pt idx="901">
                  <c:v>3.1301000000000001</c:v>
                </c:pt>
                <c:pt idx="902">
                  <c:v>3.1400999999999999</c:v>
                </c:pt>
                <c:pt idx="903">
                  <c:v>3.1202000000000001</c:v>
                </c:pt>
                <c:pt idx="904">
                  <c:v>3.0952999999999999</c:v>
                </c:pt>
                <c:pt idx="905">
                  <c:v>3.0876999999999999</c:v>
                </c:pt>
                <c:pt idx="906">
                  <c:v>3.0853000000000002</c:v>
                </c:pt>
                <c:pt idx="907">
                  <c:v>3.0828000000000002</c:v>
                </c:pt>
                <c:pt idx="908">
                  <c:v>3.0827</c:v>
                </c:pt>
                <c:pt idx="909">
                  <c:v>3.0903</c:v>
                </c:pt>
                <c:pt idx="910">
                  <c:v>3.0853000000000002</c:v>
                </c:pt>
                <c:pt idx="911">
                  <c:v>3.0777999999999999</c:v>
                </c:pt>
                <c:pt idx="912">
                  <c:v>3.0878000000000001</c:v>
                </c:pt>
                <c:pt idx="913">
                  <c:v>3.0802999999999998</c:v>
                </c:pt>
                <c:pt idx="914">
                  <c:v>3.0754000000000001</c:v>
                </c:pt>
                <c:pt idx="915">
                  <c:v>3.0853999999999999</c:v>
                </c:pt>
                <c:pt idx="916">
                  <c:v>3.0554000000000001</c:v>
                </c:pt>
                <c:pt idx="917">
                  <c:v>2.9830000000000001</c:v>
                </c:pt>
                <c:pt idx="918">
                  <c:v>3.0105</c:v>
                </c:pt>
                <c:pt idx="919">
                  <c:v>2.9430999999999998</c:v>
                </c:pt>
                <c:pt idx="920">
                  <c:v>2.9256000000000002</c:v>
                </c:pt>
                <c:pt idx="921">
                  <c:v>2.9356</c:v>
                </c:pt>
                <c:pt idx="922">
                  <c:v>2.9557000000000002</c:v>
                </c:pt>
                <c:pt idx="923">
                  <c:v>2.9432</c:v>
                </c:pt>
                <c:pt idx="924">
                  <c:v>2.9483000000000001</c:v>
                </c:pt>
                <c:pt idx="925">
                  <c:v>2.9258000000000002</c:v>
                </c:pt>
                <c:pt idx="926">
                  <c:v>2.9184000000000001</c:v>
                </c:pt>
                <c:pt idx="927">
                  <c:v>2.9283999999999999</c:v>
                </c:pt>
                <c:pt idx="928">
                  <c:v>2.9134000000000002</c:v>
                </c:pt>
                <c:pt idx="929">
                  <c:v>2.8711000000000002</c:v>
                </c:pt>
                <c:pt idx="930">
                  <c:v>2.911</c:v>
                </c:pt>
                <c:pt idx="931">
                  <c:v>2.9312</c:v>
                </c:pt>
                <c:pt idx="932">
                  <c:v>2.8839999999999999</c:v>
                </c:pt>
                <c:pt idx="933">
                  <c:v>2.8363</c:v>
                </c:pt>
                <c:pt idx="934">
                  <c:v>2.8212000000000002</c:v>
                </c:pt>
                <c:pt idx="935">
                  <c:v>2.8336999999999999</c:v>
                </c:pt>
                <c:pt idx="936">
                  <c:v>2.8338000000000001</c:v>
                </c:pt>
                <c:pt idx="937">
                  <c:v>2.7988</c:v>
                </c:pt>
                <c:pt idx="938">
                  <c:v>2.8138999999999998</c:v>
                </c:pt>
                <c:pt idx="939">
                  <c:v>2.8614999999999999</c:v>
                </c:pt>
                <c:pt idx="940">
                  <c:v>2.8765999999999998</c:v>
                </c:pt>
                <c:pt idx="941">
                  <c:v>2.8841000000000001</c:v>
                </c:pt>
                <c:pt idx="942">
                  <c:v>2.8565999999999998</c:v>
                </c:pt>
                <c:pt idx="943">
                  <c:v>2.8792</c:v>
                </c:pt>
                <c:pt idx="944">
                  <c:v>2.8942999999999999</c:v>
                </c:pt>
                <c:pt idx="945">
                  <c:v>2.8818999999999999</c:v>
                </c:pt>
                <c:pt idx="946">
                  <c:v>2.8494000000000002</c:v>
                </c:pt>
                <c:pt idx="947">
                  <c:v>2.8395000000000001</c:v>
                </c:pt>
                <c:pt idx="948">
                  <c:v>2.8519999999999999</c:v>
                </c:pt>
                <c:pt idx="949">
                  <c:v>2.8672</c:v>
                </c:pt>
                <c:pt idx="950">
                  <c:v>2.8521999999999998</c:v>
                </c:pt>
                <c:pt idx="951">
                  <c:v>2.8546999999999998</c:v>
                </c:pt>
                <c:pt idx="952">
                  <c:v>2.8847999999999998</c:v>
                </c:pt>
                <c:pt idx="953">
                  <c:v>2.8698000000000001</c:v>
                </c:pt>
                <c:pt idx="954">
                  <c:v>2.8504999999999998</c:v>
                </c:pt>
                <c:pt idx="955">
                  <c:v>2.8450000000000002</c:v>
                </c:pt>
                <c:pt idx="956">
                  <c:v>2.8226</c:v>
                </c:pt>
                <c:pt idx="957">
                  <c:v>2.8300999999999998</c:v>
                </c:pt>
                <c:pt idx="958">
                  <c:v>2.8327</c:v>
                </c:pt>
                <c:pt idx="959">
                  <c:v>2.8353999999999999</c:v>
                </c:pt>
                <c:pt idx="960">
                  <c:v>2.8603999999999998</c:v>
                </c:pt>
                <c:pt idx="961">
                  <c:v>2.8704999999999998</c:v>
                </c:pt>
                <c:pt idx="962">
                  <c:v>2.8730000000000002</c:v>
                </c:pt>
                <c:pt idx="963">
                  <c:v>2.8656000000000001</c:v>
                </c:pt>
                <c:pt idx="964">
                  <c:v>2.8908</c:v>
                </c:pt>
                <c:pt idx="965">
                  <c:v>2.8858000000000001</c:v>
                </c:pt>
                <c:pt idx="966">
                  <c:v>2.9009</c:v>
                </c:pt>
                <c:pt idx="967">
                  <c:v>2.8885000000000001</c:v>
                </c:pt>
                <c:pt idx="968">
                  <c:v>2.8717000000000001</c:v>
                </c:pt>
                <c:pt idx="969">
                  <c:v>2.8717000000000001</c:v>
                </c:pt>
                <c:pt idx="970">
                  <c:v>2.8717000000000001</c:v>
                </c:pt>
                <c:pt idx="971">
                  <c:v>2.8639000000000001</c:v>
                </c:pt>
                <c:pt idx="972">
                  <c:v>2.8565</c:v>
                </c:pt>
                <c:pt idx="973">
                  <c:v>2.8797000000000001</c:v>
                </c:pt>
                <c:pt idx="974">
                  <c:v>2.8824999999999998</c:v>
                </c:pt>
                <c:pt idx="975">
                  <c:v>2.8769</c:v>
                </c:pt>
                <c:pt idx="976">
                  <c:v>2.8645999999999998</c:v>
                </c:pt>
                <c:pt idx="977">
                  <c:v>2.8776000000000002</c:v>
                </c:pt>
                <c:pt idx="978">
                  <c:v>2.8776000000000002</c:v>
                </c:pt>
                <c:pt idx="979">
                  <c:v>2.8776000000000002</c:v>
                </c:pt>
                <c:pt idx="980">
                  <c:v>2.8776000000000002</c:v>
                </c:pt>
                <c:pt idx="981">
                  <c:v>2.8776000000000002</c:v>
                </c:pt>
                <c:pt idx="982">
                  <c:v>2.8776000000000002</c:v>
                </c:pt>
                <c:pt idx="983">
                  <c:v>2.9186000000000001</c:v>
                </c:pt>
                <c:pt idx="984">
                  <c:v>2.9580000000000002</c:v>
                </c:pt>
                <c:pt idx="985">
                  <c:v>2.9657</c:v>
                </c:pt>
                <c:pt idx="986">
                  <c:v>2.9578000000000002</c:v>
                </c:pt>
                <c:pt idx="987">
                  <c:v>2.9581</c:v>
                </c:pt>
                <c:pt idx="988">
                  <c:v>2.9683000000000002</c:v>
                </c:pt>
                <c:pt idx="989">
                  <c:v>3.0426000000000002</c:v>
                </c:pt>
                <c:pt idx="990">
                  <c:v>3.0102000000000002</c:v>
                </c:pt>
                <c:pt idx="991">
                  <c:v>2.9977999999999998</c:v>
                </c:pt>
                <c:pt idx="992">
                  <c:v>2.9702000000000002</c:v>
                </c:pt>
                <c:pt idx="993">
                  <c:v>2.9952999999999999</c:v>
                </c:pt>
                <c:pt idx="994">
                  <c:v>2.9878999999999998</c:v>
                </c:pt>
                <c:pt idx="995">
                  <c:v>2.9780000000000002</c:v>
                </c:pt>
                <c:pt idx="996">
                  <c:v>2.9781</c:v>
                </c:pt>
                <c:pt idx="997">
                  <c:v>2.9681999999999999</c:v>
                </c:pt>
                <c:pt idx="998">
                  <c:v>2.9731999999999998</c:v>
                </c:pt>
                <c:pt idx="999">
                  <c:v>2.9434999999999998</c:v>
                </c:pt>
                <c:pt idx="1000">
                  <c:v>2.9258999999999999</c:v>
                </c:pt>
                <c:pt idx="1001">
                  <c:v>2.9384999999999999</c:v>
                </c:pt>
                <c:pt idx="1002">
                  <c:v>2.9260999999999999</c:v>
                </c:pt>
                <c:pt idx="1003">
                  <c:v>2.8910999999999998</c:v>
                </c:pt>
                <c:pt idx="1004">
                  <c:v>2.9013</c:v>
                </c:pt>
                <c:pt idx="1005">
                  <c:v>2.8988</c:v>
                </c:pt>
                <c:pt idx="1006">
                  <c:v>2.9138999999999999</c:v>
                </c:pt>
                <c:pt idx="1007">
                  <c:v>2.9365000000000001</c:v>
                </c:pt>
                <c:pt idx="1008">
                  <c:v>2.9390999999999998</c:v>
                </c:pt>
                <c:pt idx="1009">
                  <c:v>2.9268999999999998</c:v>
                </c:pt>
                <c:pt idx="1010">
                  <c:v>2.9243999999999999</c:v>
                </c:pt>
                <c:pt idx="1011">
                  <c:v>2.9295</c:v>
                </c:pt>
                <c:pt idx="1012">
                  <c:v>2.9146000000000001</c:v>
                </c:pt>
                <c:pt idx="1013">
                  <c:v>2.9302000000000001</c:v>
                </c:pt>
                <c:pt idx="1014">
                  <c:v>2.8875999999999999</c:v>
                </c:pt>
                <c:pt idx="1015">
                  <c:v>2.8875000000000002</c:v>
                </c:pt>
                <c:pt idx="1016">
                  <c:v>2.86</c:v>
                </c:pt>
                <c:pt idx="1017">
                  <c:v>2.855</c:v>
                </c:pt>
                <c:pt idx="1018">
                  <c:v>2.82</c:v>
                </c:pt>
                <c:pt idx="1019">
                  <c:v>2.8250000000000002</c:v>
                </c:pt>
                <c:pt idx="1020">
                  <c:v>2.8250000000000002</c:v>
                </c:pt>
                <c:pt idx="1021">
                  <c:v>2.8401000000000001</c:v>
                </c:pt>
                <c:pt idx="1022">
                  <c:v>2.8601000000000001</c:v>
                </c:pt>
                <c:pt idx="1023">
                  <c:v>2.8700999999999999</c:v>
                </c:pt>
                <c:pt idx="1024">
                  <c:v>2.8176000000000001</c:v>
                </c:pt>
                <c:pt idx="1025">
                  <c:v>2.8451</c:v>
                </c:pt>
                <c:pt idx="1026">
                  <c:v>2.8551000000000002</c:v>
                </c:pt>
                <c:pt idx="1027">
                  <c:v>2.8525999999999998</c:v>
                </c:pt>
                <c:pt idx="1028">
                  <c:v>2.8426</c:v>
                </c:pt>
                <c:pt idx="1029">
                  <c:v>2.8552</c:v>
                </c:pt>
                <c:pt idx="1030">
                  <c:v>2.8477000000000001</c:v>
                </c:pt>
                <c:pt idx="1031">
                  <c:v>2.8502000000000001</c:v>
                </c:pt>
                <c:pt idx="1032">
                  <c:v>2.8576999999999999</c:v>
                </c:pt>
                <c:pt idx="1033">
                  <c:v>2.8512</c:v>
                </c:pt>
                <c:pt idx="1034">
                  <c:v>2.8532999999999999</c:v>
                </c:pt>
                <c:pt idx="1035">
                  <c:v>2.8508</c:v>
                </c:pt>
                <c:pt idx="1036">
                  <c:v>2.8302999999999998</c:v>
                </c:pt>
                <c:pt idx="1037">
                  <c:v>2.8142999999999998</c:v>
                </c:pt>
                <c:pt idx="1038">
                  <c:v>2.8203</c:v>
                </c:pt>
                <c:pt idx="1039">
                  <c:v>2.8128000000000002</c:v>
                </c:pt>
                <c:pt idx="1040">
                  <c:v>2.8003999999999998</c:v>
                </c:pt>
                <c:pt idx="1041">
                  <c:v>2.7854000000000001</c:v>
                </c:pt>
                <c:pt idx="1042">
                  <c:v>2.7654000000000001</c:v>
                </c:pt>
                <c:pt idx="1043">
                  <c:v>2.7753999999999999</c:v>
                </c:pt>
                <c:pt idx="1044">
                  <c:v>2.7753999999999999</c:v>
                </c:pt>
                <c:pt idx="1045">
                  <c:v>2.7854999999999999</c:v>
                </c:pt>
                <c:pt idx="1046">
                  <c:v>2.8045</c:v>
                </c:pt>
                <c:pt idx="1047">
                  <c:v>2.8205</c:v>
                </c:pt>
                <c:pt idx="1048">
                  <c:v>2.8180999999999998</c:v>
                </c:pt>
                <c:pt idx="1049">
                  <c:v>2.8056000000000001</c:v>
                </c:pt>
                <c:pt idx="1050">
                  <c:v>2.7957000000000001</c:v>
                </c:pt>
                <c:pt idx="1051">
                  <c:v>2.7957000000000001</c:v>
                </c:pt>
                <c:pt idx="1052">
                  <c:v>2.7858000000000001</c:v>
                </c:pt>
                <c:pt idx="1053">
                  <c:v>2.7934999999999999</c:v>
                </c:pt>
                <c:pt idx="1054">
                  <c:v>2.786</c:v>
                </c:pt>
                <c:pt idx="1055">
                  <c:v>2.7414999999999998</c:v>
                </c:pt>
                <c:pt idx="1056">
                  <c:v>2.7313999999999998</c:v>
                </c:pt>
                <c:pt idx="1057">
                  <c:v>2.7271000000000001</c:v>
                </c:pt>
                <c:pt idx="1058">
                  <c:v>2.71</c:v>
                </c:pt>
                <c:pt idx="1059">
                  <c:v>2.6751</c:v>
                </c:pt>
                <c:pt idx="1060">
                  <c:v>2.6979000000000002</c:v>
                </c:pt>
                <c:pt idx="1061">
                  <c:v>2.7145999999999999</c:v>
                </c:pt>
                <c:pt idx="1062">
                  <c:v>2.7347999999999999</c:v>
                </c:pt>
                <c:pt idx="1063">
                  <c:v>2.6997</c:v>
                </c:pt>
                <c:pt idx="1064">
                  <c:v>2.6997</c:v>
                </c:pt>
                <c:pt idx="1065">
                  <c:v>2.6997</c:v>
                </c:pt>
                <c:pt idx="1066">
                  <c:v>2.6997</c:v>
                </c:pt>
                <c:pt idx="1067">
                  <c:v>2.6997</c:v>
                </c:pt>
                <c:pt idx="1068">
                  <c:v>2.6997</c:v>
                </c:pt>
                <c:pt idx="1069">
                  <c:v>2.7256</c:v>
                </c:pt>
                <c:pt idx="1070">
                  <c:v>2.7227000000000001</c:v>
                </c:pt>
                <c:pt idx="1071">
                  <c:v>2.7328000000000001</c:v>
                </c:pt>
                <c:pt idx="1072">
                  <c:v>2.7328000000000001</c:v>
                </c:pt>
                <c:pt idx="1073">
                  <c:v>2.7890999999999999</c:v>
                </c:pt>
                <c:pt idx="1074">
                  <c:v>2.8018000000000001</c:v>
                </c:pt>
                <c:pt idx="1075">
                  <c:v>2.7968000000000002</c:v>
                </c:pt>
                <c:pt idx="1076">
                  <c:v>2.7892000000000001</c:v>
                </c:pt>
                <c:pt idx="1077">
                  <c:v>2.7799</c:v>
                </c:pt>
                <c:pt idx="1078">
                  <c:v>2.7974999999999999</c:v>
                </c:pt>
                <c:pt idx="1079">
                  <c:v>2.83</c:v>
                </c:pt>
                <c:pt idx="1080">
                  <c:v>2.82</c:v>
                </c:pt>
                <c:pt idx="1081">
                  <c:v>2.79</c:v>
                </c:pt>
                <c:pt idx="1082">
                  <c:v>2.7875000000000001</c:v>
                </c:pt>
                <c:pt idx="1083">
                  <c:v>2.7749999999999999</c:v>
                </c:pt>
                <c:pt idx="1084">
                  <c:v>2.7749999999999999</c:v>
                </c:pt>
                <c:pt idx="1085">
                  <c:v>2.8025000000000002</c:v>
                </c:pt>
                <c:pt idx="1086">
                  <c:v>2.8174999999999999</c:v>
                </c:pt>
                <c:pt idx="1087">
                  <c:v>2.83</c:v>
                </c:pt>
                <c:pt idx="1088">
                  <c:v>2.8125</c:v>
                </c:pt>
                <c:pt idx="1089">
                  <c:v>2.8126000000000002</c:v>
                </c:pt>
                <c:pt idx="1090">
                  <c:v>2.8275999999999999</c:v>
                </c:pt>
                <c:pt idx="1091">
                  <c:v>2.8426</c:v>
                </c:pt>
                <c:pt idx="1092">
                  <c:v>2.8502000000000001</c:v>
                </c:pt>
                <c:pt idx="1093">
                  <c:v>2.7902</c:v>
                </c:pt>
                <c:pt idx="1094">
                  <c:v>2.7677</c:v>
                </c:pt>
                <c:pt idx="1095">
                  <c:v>2.8176999999999999</c:v>
                </c:pt>
                <c:pt idx="1096">
                  <c:v>2.7951999999999999</c:v>
                </c:pt>
                <c:pt idx="1097">
                  <c:v>2.7875999999999999</c:v>
                </c:pt>
                <c:pt idx="1098">
                  <c:v>2.7927</c:v>
                </c:pt>
                <c:pt idx="1099">
                  <c:v>2.8127</c:v>
                </c:pt>
                <c:pt idx="1100">
                  <c:v>2.8302</c:v>
                </c:pt>
                <c:pt idx="1101">
                  <c:v>2.8302</c:v>
                </c:pt>
                <c:pt idx="1102">
                  <c:v>2.8052000000000001</c:v>
                </c:pt>
                <c:pt idx="1103">
                  <c:v>2.7972000000000001</c:v>
                </c:pt>
                <c:pt idx="1104">
                  <c:v>2.7902999999999998</c:v>
                </c:pt>
                <c:pt idx="1105">
                  <c:v>2.7852999999999999</c:v>
                </c:pt>
                <c:pt idx="1106">
                  <c:v>2.7703000000000002</c:v>
                </c:pt>
                <c:pt idx="1107">
                  <c:v>2.7877999999999998</c:v>
                </c:pt>
                <c:pt idx="1108">
                  <c:v>2.7713999999999999</c:v>
                </c:pt>
                <c:pt idx="1109">
                  <c:v>2.7713999999999999</c:v>
                </c:pt>
                <c:pt idx="1110">
                  <c:v>2.7713999999999999</c:v>
                </c:pt>
                <c:pt idx="1111">
                  <c:v>2.7604000000000002</c:v>
                </c:pt>
                <c:pt idx="1112">
                  <c:v>2.7393999999999998</c:v>
                </c:pt>
                <c:pt idx="1113">
                  <c:v>2.7528999999999999</c:v>
                </c:pt>
                <c:pt idx="1114">
                  <c:v>2.7679999999999998</c:v>
                </c:pt>
                <c:pt idx="1115">
                  <c:v>2.7705000000000002</c:v>
                </c:pt>
                <c:pt idx="1116">
                  <c:v>2.7631000000000001</c:v>
                </c:pt>
                <c:pt idx="1117">
                  <c:v>2.7656000000000001</c:v>
                </c:pt>
                <c:pt idx="1118">
                  <c:v>2.7578</c:v>
                </c:pt>
                <c:pt idx="1119">
                  <c:v>2.8107000000000002</c:v>
                </c:pt>
                <c:pt idx="1120">
                  <c:v>2.8208000000000002</c:v>
                </c:pt>
                <c:pt idx="1121">
                  <c:v>2.8330000000000002</c:v>
                </c:pt>
                <c:pt idx="1122">
                  <c:v>2.8258999999999999</c:v>
                </c:pt>
                <c:pt idx="1123">
                  <c:v>2.8334999999999999</c:v>
                </c:pt>
                <c:pt idx="1124">
                  <c:v>2.8159999999999998</c:v>
                </c:pt>
                <c:pt idx="1125">
                  <c:v>2.8260000000000001</c:v>
                </c:pt>
                <c:pt idx="1126">
                  <c:v>2.8411</c:v>
                </c:pt>
                <c:pt idx="1127">
                  <c:v>2.8485999999999998</c:v>
                </c:pt>
                <c:pt idx="1128">
                  <c:v>2.8386</c:v>
                </c:pt>
                <c:pt idx="1129">
                  <c:v>2.8386</c:v>
                </c:pt>
                <c:pt idx="1130">
                  <c:v>2.8386</c:v>
                </c:pt>
                <c:pt idx="1131">
                  <c:v>2.8386</c:v>
                </c:pt>
                <c:pt idx="1132">
                  <c:v>2.8281999999999998</c:v>
                </c:pt>
                <c:pt idx="1133">
                  <c:v>2.8262999999999998</c:v>
                </c:pt>
                <c:pt idx="1134">
                  <c:v>2.8153999999999999</c:v>
                </c:pt>
                <c:pt idx="1135">
                  <c:v>2.8089</c:v>
                </c:pt>
                <c:pt idx="1136">
                  <c:v>2.8239999999999998</c:v>
                </c:pt>
                <c:pt idx="1137">
                  <c:v>2.8054999999999999</c:v>
                </c:pt>
                <c:pt idx="1138">
                  <c:v>2.8140000000000001</c:v>
                </c:pt>
                <c:pt idx="1139">
                  <c:v>2.8216000000000001</c:v>
                </c:pt>
                <c:pt idx="1140">
                  <c:v>2.8178000000000001</c:v>
                </c:pt>
                <c:pt idx="1141">
                  <c:v>2.7801</c:v>
                </c:pt>
                <c:pt idx="1142">
                  <c:v>2.7774000000000001</c:v>
                </c:pt>
                <c:pt idx="1143">
                  <c:v>2.79</c:v>
                </c:pt>
                <c:pt idx="1144">
                  <c:v>2.7675000000000001</c:v>
                </c:pt>
                <c:pt idx="1145">
                  <c:v>2.7650000000000001</c:v>
                </c:pt>
                <c:pt idx="1146">
                  <c:v>2.7574999999999998</c:v>
                </c:pt>
                <c:pt idx="1147">
                  <c:v>2.71</c:v>
                </c:pt>
                <c:pt idx="1148">
                  <c:v>2.6974</c:v>
                </c:pt>
                <c:pt idx="1149">
                  <c:v>2.7225000000000001</c:v>
                </c:pt>
                <c:pt idx="1150">
                  <c:v>2.7425999999999999</c:v>
                </c:pt>
                <c:pt idx="1151">
                  <c:v>2.7551000000000001</c:v>
                </c:pt>
                <c:pt idx="1152">
                  <c:v>2.7601</c:v>
                </c:pt>
                <c:pt idx="1153">
                  <c:v>2.7601</c:v>
                </c:pt>
                <c:pt idx="1154">
                  <c:v>2.7776000000000001</c:v>
                </c:pt>
                <c:pt idx="1155">
                  <c:v>2.7576000000000001</c:v>
                </c:pt>
                <c:pt idx="1156">
                  <c:v>2.7660999999999998</c:v>
                </c:pt>
                <c:pt idx="1157">
                  <c:v>2.7576000000000001</c:v>
                </c:pt>
                <c:pt idx="1158">
                  <c:v>2.7526000000000002</c:v>
                </c:pt>
                <c:pt idx="1159">
                  <c:v>2.7652000000000001</c:v>
                </c:pt>
                <c:pt idx="1160">
                  <c:v>2.7702</c:v>
                </c:pt>
                <c:pt idx="1161">
                  <c:v>2.7827000000000002</c:v>
                </c:pt>
                <c:pt idx="1162">
                  <c:v>2.7728000000000002</c:v>
                </c:pt>
                <c:pt idx="1163">
                  <c:v>2.7751999999999999</c:v>
                </c:pt>
                <c:pt idx="1164">
                  <c:v>2.7852999999999999</c:v>
                </c:pt>
                <c:pt idx="1165">
                  <c:v>2.7852999999999999</c:v>
                </c:pt>
                <c:pt idx="1166">
                  <c:v>2.7772999999999999</c:v>
                </c:pt>
                <c:pt idx="1167">
                  <c:v>2.7803</c:v>
                </c:pt>
                <c:pt idx="1168">
                  <c:v>2.7978000000000001</c:v>
                </c:pt>
                <c:pt idx="1169">
                  <c:v>2.8329</c:v>
                </c:pt>
                <c:pt idx="1170">
                  <c:v>2.8414000000000001</c:v>
                </c:pt>
                <c:pt idx="1171">
                  <c:v>2.8294000000000001</c:v>
                </c:pt>
                <c:pt idx="1172">
                  <c:v>2.8205</c:v>
                </c:pt>
                <c:pt idx="1173">
                  <c:v>2.8254999999999999</c:v>
                </c:pt>
                <c:pt idx="1174">
                  <c:v>2.8445</c:v>
                </c:pt>
                <c:pt idx="1175">
                  <c:v>2.8332999999999999</c:v>
                </c:pt>
                <c:pt idx="1176">
                  <c:v>2.8355999999999999</c:v>
                </c:pt>
                <c:pt idx="1177">
                  <c:v>2.8355999999999999</c:v>
                </c:pt>
                <c:pt idx="1178">
                  <c:v>2.8384</c:v>
                </c:pt>
                <c:pt idx="1179">
                  <c:v>2.8266</c:v>
                </c:pt>
                <c:pt idx="1180">
                  <c:v>2.8117000000000001</c:v>
                </c:pt>
                <c:pt idx="1181">
                  <c:v>2.8067000000000002</c:v>
                </c:pt>
                <c:pt idx="1182">
                  <c:v>2.7907000000000002</c:v>
                </c:pt>
                <c:pt idx="1183">
                  <c:v>2.7856999999999998</c:v>
                </c:pt>
                <c:pt idx="1184">
                  <c:v>2.7837000000000001</c:v>
                </c:pt>
                <c:pt idx="1185">
                  <c:v>2.7858999999999998</c:v>
                </c:pt>
                <c:pt idx="1186">
                  <c:v>2.7709999999999999</c:v>
                </c:pt>
                <c:pt idx="1187">
                  <c:v>2.7635000000000001</c:v>
                </c:pt>
                <c:pt idx="1188">
                  <c:v>2.7869999999999999</c:v>
                </c:pt>
                <c:pt idx="1189">
                  <c:v>2.7789999999999999</c:v>
                </c:pt>
                <c:pt idx="1190">
                  <c:v>2.77</c:v>
                </c:pt>
                <c:pt idx="1191">
                  <c:v>2.7700999999999998</c:v>
                </c:pt>
                <c:pt idx="1192">
                  <c:v>2.7850000000000001</c:v>
                </c:pt>
                <c:pt idx="1193">
                  <c:v>2.7559999999999998</c:v>
                </c:pt>
                <c:pt idx="1194">
                  <c:v>2.7292000000000001</c:v>
                </c:pt>
                <c:pt idx="1195">
                  <c:v>2.7313999999999998</c:v>
                </c:pt>
                <c:pt idx="1196">
                  <c:v>2.7218</c:v>
                </c:pt>
                <c:pt idx="1197">
                  <c:v>2.7191999999999998</c:v>
                </c:pt>
                <c:pt idx="1198">
                  <c:v>2.7339000000000002</c:v>
                </c:pt>
                <c:pt idx="1199">
                  <c:v>2.7408999999999999</c:v>
                </c:pt>
                <c:pt idx="1200">
                  <c:v>2.74</c:v>
                </c:pt>
                <c:pt idx="1201">
                  <c:v>2.7366000000000001</c:v>
                </c:pt>
                <c:pt idx="1202">
                  <c:v>2.7317</c:v>
                </c:pt>
                <c:pt idx="1203">
                  <c:v>2.7347000000000001</c:v>
                </c:pt>
                <c:pt idx="1204">
                  <c:v>2.6581999999999999</c:v>
                </c:pt>
                <c:pt idx="1205">
                  <c:v>2.6345999999999998</c:v>
                </c:pt>
                <c:pt idx="1206">
                  <c:v>2.6124000000000001</c:v>
                </c:pt>
                <c:pt idx="1207">
                  <c:v>2.58</c:v>
                </c:pt>
                <c:pt idx="1208">
                  <c:v>2.5874999999999999</c:v>
                </c:pt>
                <c:pt idx="1209">
                  <c:v>2.5924999999999998</c:v>
                </c:pt>
                <c:pt idx="1210">
                  <c:v>2.6074999999999999</c:v>
                </c:pt>
                <c:pt idx="1211">
                  <c:v>2.61</c:v>
                </c:pt>
                <c:pt idx="1212">
                  <c:v>2.6389999999999998</c:v>
                </c:pt>
                <c:pt idx="1213">
                  <c:v>2.6429999999999998</c:v>
                </c:pt>
                <c:pt idx="1214">
                  <c:v>2.6225000000000001</c:v>
                </c:pt>
                <c:pt idx="1215">
                  <c:v>2.613</c:v>
                </c:pt>
                <c:pt idx="1216">
                  <c:v>2.6225000000000001</c:v>
                </c:pt>
                <c:pt idx="1217">
                  <c:v>2.6124999999999998</c:v>
                </c:pt>
                <c:pt idx="1218">
                  <c:v>2.6225999999999998</c:v>
                </c:pt>
                <c:pt idx="1219">
                  <c:v>2.6179999999999999</c:v>
                </c:pt>
                <c:pt idx="1220">
                  <c:v>2.6139999999999999</c:v>
                </c:pt>
                <c:pt idx="1221">
                  <c:v>2.6215000000000002</c:v>
                </c:pt>
                <c:pt idx="1222">
                  <c:v>2.6255999999999999</c:v>
                </c:pt>
                <c:pt idx="1223">
                  <c:v>2.6349999999999998</c:v>
                </c:pt>
                <c:pt idx="1224">
                  <c:v>2.6349999999999998</c:v>
                </c:pt>
                <c:pt idx="1225">
                  <c:v>2.6427</c:v>
                </c:pt>
                <c:pt idx="1226">
                  <c:v>2.6625000000000001</c:v>
                </c:pt>
                <c:pt idx="1227">
                  <c:v>2.6625000000000001</c:v>
                </c:pt>
                <c:pt idx="1228">
                  <c:v>2.673</c:v>
                </c:pt>
                <c:pt idx="1229">
                  <c:v>2.6749999999999998</c:v>
                </c:pt>
                <c:pt idx="1230">
                  <c:v>2.6640000000000001</c:v>
                </c:pt>
                <c:pt idx="1231">
                  <c:v>2.6450999999999998</c:v>
                </c:pt>
                <c:pt idx="1232">
                  <c:v>2.6501000000000001</c:v>
                </c:pt>
                <c:pt idx="1233">
                  <c:v>2.6802000000000001</c:v>
                </c:pt>
                <c:pt idx="1234">
                  <c:v>2.7153999999999998</c:v>
                </c:pt>
                <c:pt idx="1235">
                  <c:v>2.7050999999999998</c:v>
                </c:pt>
                <c:pt idx="1236">
                  <c:v>2.7401</c:v>
                </c:pt>
                <c:pt idx="1237">
                  <c:v>2.7501000000000002</c:v>
                </c:pt>
                <c:pt idx="1238">
                  <c:v>2.7601</c:v>
                </c:pt>
                <c:pt idx="1239">
                  <c:v>2.7601</c:v>
                </c:pt>
                <c:pt idx="1240">
                  <c:v>2.7601</c:v>
                </c:pt>
                <c:pt idx="1241">
                  <c:v>2.7601</c:v>
                </c:pt>
                <c:pt idx="1242">
                  <c:v>2.7601</c:v>
                </c:pt>
                <c:pt idx="1243">
                  <c:v>2.7452000000000001</c:v>
                </c:pt>
                <c:pt idx="1244">
                  <c:v>2.7402000000000002</c:v>
                </c:pt>
                <c:pt idx="1245">
                  <c:v>2.7425999999999999</c:v>
                </c:pt>
                <c:pt idx="1246">
                  <c:v>2.7351999999999999</c:v>
                </c:pt>
                <c:pt idx="1247">
                  <c:v>2.7252000000000001</c:v>
                </c:pt>
                <c:pt idx="1248">
                  <c:v>2.6977000000000002</c:v>
                </c:pt>
                <c:pt idx="1249">
                  <c:v>2.7002000000000002</c:v>
                </c:pt>
                <c:pt idx="1250">
                  <c:v>2.7002000000000002</c:v>
                </c:pt>
                <c:pt idx="1251">
                  <c:v>2.7052</c:v>
                </c:pt>
                <c:pt idx="1252">
                  <c:v>2.7174999999999998</c:v>
                </c:pt>
                <c:pt idx="1253">
                  <c:v>2.7277999999999998</c:v>
                </c:pt>
                <c:pt idx="1254">
                  <c:v>2.7153</c:v>
                </c:pt>
                <c:pt idx="1255">
                  <c:v>2.7277999999999998</c:v>
                </c:pt>
                <c:pt idx="1256">
                  <c:v>2.7025000000000001</c:v>
                </c:pt>
                <c:pt idx="1257">
                  <c:v>2.6953</c:v>
                </c:pt>
                <c:pt idx="1258">
                  <c:v>2.6652999999999998</c:v>
                </c:pt>
                <c:pt idx="1259">
                  <c:v>2.6433</c:v>
                </c:pt>
                <c:pt idx="1260">
                  <c:v>2.6629</c:v>
                </c:pt>
                <c:pt idx="1261">
                  <c:v>2.6854</c:v>
                </c:pt>
                <c:pt idx="1262">
                  <c:v>2.6776</c:v>
                </c:pt>
                <c:pt idx="1263">
                  <c:v>2.7023000000000001</c:v>
                </c:pt>
                <c:pt idx="1264">
                  <c:v>2.7002999999999999</c:v>
                </c:pt>
                <c:pt idx="1265">
                  <c:v>2.6852999999999998</c:v>
                </c:pt>
                <c:pt idx="1266">
                  <c:v>2.6953</c:v>
                </c:pt>
                <c:pt idx="1267">
                  <c:v>2.7027999999999999</c:v>
                </c:pt>
                <c:pt idx="1268">
                  <c:v>2.7353999999999998</c:v>
                </c:pt>
                <c:pt idx="1269">
                  <c:v>2.8353999999999999</c:v>
                </c:pt>
                <c:pt idx="1270">
                  <c:v>2.8155000000000001</c:v>
                </c:pt>
                <c:pt idx="1271">
                  <c:v>2.8329</c:v>
                </c:pt>
                <c:pt idx="1272">
                  <c:v>2.8026</c:v>
                </c:pt>
                <c:pt idx="1273">
                  <c:v>2.8250000000000002</c:v>
                </c:pt>
                <c:pt idx="1274">
                  <c:v>2.8180000000000001</c:v>
                </c:pt>
                <c:pt idx="1275">
                  <c:v>2.8275999999999999</c:v>
                </c:pt>
                <c:pt idx="1276">
                  <c:v>2.7974999999999999</c:v>
                </c:pt>
                <c:pt idx="1277">
                  <c:v>2.7949999999999999</c:v>
                </c:pt>
                <c:pt idx="1278">
                  <c:v>2.83</c:v>
                </c:pt>
                <c:pt idx="1279">
                  <c:v>2.86</c:v>
                </c:pt>
                <c:pt idx="1280">
                  <c:v>2.88</c:v>
                </c:pt>
                <c:pt idx="1281">
                  <c:v>2.8849999999999998</c:v>
                </c:pt>
                <c:pt idx="1282">
                  <c:v>2.86</c:v>
                </c:pt>
                <c:pt idx="1283">
                  <c:v>2.8675999999999999</c:v>
                </c:pt>
                <c:pt idx="1284">
                  <c:v>2.8902000000000001</c:v>
                </c:pt>
                <c:pt idx="1285">
                  <c:v>2.9152</c:v>
                </c:pt>
                <c:pt idx="1286">
                  <c:v>2.8702000000000001</c:v>
                </c:pt>
                <c:pt idx="1287">
                  <c:v>2.8853</c:v>
                </c:pt>
                <c:pt idx="1288">
                  <c:v>2.8902999999999999</c:v>
                </c:pt>
                <c:pt idx="1289">
                  <c:v>2.8902000000000001</c:v>
                </c:pt>
                <c:pt idx="1290">
                  <c:v>2.8952</c:v>
                </c:pt>
                <c:pt idx="1291">
                  <c:v>2.8654999999999999</c:v>
                </c:pt>
                <c:pt idx="1292">
                  <c:v>2.8828999999999998</c:v>
                </c:pt>
                <c:pt idx="1293">
                  <c:v>2.8856000000000002</c:v>
                </c:pt>
                <c:pt idx="1294">
                  <c:v>2.8632</c:v>
                </c:pt>
                <c:pt idx="1295">
                  <c:v>2.8732000000000002</c:v>
                </c:pt>
                <c:pt idx="1296">
                  <c:v>2.8605999999999998</c:v>
                </c:pt>
                <c:pt idx="1297">
                  <c:v>2.8502999999999998</c:v>
                </c:pt>
                <c:pt idx="1298">
                  <c:v>2.8250999999999999</c:v>
                </c:pt>
                <c:pt idx="1299">
                  <c:v>2.8378000000000001</c:v>
                </c:pt>
                <c:pt idx="1300">
                  <c:v>2.8656999999999999</c:v>
                </c:pt>
                <c:pt idx="1301">
                  <c:v>2.8502999999999998</c:v>
                </c:pt>
                <c:pt idx="1302">
                  <c:v>2.8376000000000001</c:v>
                </c:pt>
                <c:pt idx="1303">
                  <c:v>2.8353000000000002</c:v>
                </c:pt>
                <c:pt idx="1304">
                  <c:v>2.8353000000000002</c:v>
                </c:pt>
                <c:pt idx="1305">
                  <c:v>2.8228</c:v>
                </c:pt>
                <c:pt idx="1306">
                  <c:v>2.8102999999999998</c:v>
                </c:pt>
                <c:pt idx="1307">
                  <c:v>2.8304</c:v>
                </c:pt>
                <c:pt idx="1308">
                  <c:v>2.8328000000000002</c:v>
                </c:pt>
                <c:pt idx="1309">
                  <c:v>2.8428</c:v>
                </c:pt>
                <c:pt idx="1310">
                  <c:v>2.8601999999999999</c:v>
                </c:pt>
                <c:pt idx="1311">
                  <c:v>2.8603000000000001</c:v>
                </c:pt>
                <c:pt idx="1312">
                  <c:v>2.8778000000000001</c:v>
                </c:pt>
                <c:pt idx="1313">
                  <c:v>2.9009999999999998</c:v>
                </c:pt>
                <c:pt idx="1314">
                  <c:v>2.9167000000000001</c:v>
                </c:pt>
                <c:pt idx="1315">
                  <c:v>2.9016999999999999</c:v>
                </c:pt>
                <c:pt idx="1316">
                  <c:v>2.9222000000000001</c:v>
                </c:pt>
                <c:pt idx="1317">
                  <c:v>2.9144999999999999</c:v>
                </c:pt>
                <c:pt idx="1318">
                  <c:v>2.9331</c:v>
                </c:pt>
                <c:pt idx="1319">
                  <c:v>2.9331</c:v>
                </c:pt>
                <c:pt idx="1320">
                  <c:v>2.9331</c:v>
                </c:pt>
                <c:pt idx="1321">
                  <c:v>2.9331</c:v>
                </c:pt>
                <c:pt idx="1322">
                  <c:v>2.9331</c:v>
                </c:pt>
                <c:pt idx="1323">
                  <c:v>2.9218999999999999</c:v>
                </c:pt>
                <c:pt idx="1324">
                  <c:v>2.9133</c:v>
                </c:pt>
                <c:pt idx="1325">
                  <c:v>2.8976999999999999</c:v>
                </c:pt>
                <c:pt idx="1326">
                  <c:v>2.9100999999999999</c:v>
                </c:pt>
                <c:pt idx="1327">
                  <c:v>2.8969999999999998</c:v>
                </c:pt>
                <c:pt idx="1328">
                  <c:v>2.8942999999999999</c:v>
                </c:pt>
                <c:pt idx="1329">
                  <c:v>2.9016999999999999</c:v>
                </c:pt>
                <c:pt idx="1330">
                  <c:v>2.8963999999999999</c:v>
                </c:pt>
                <c:pt idx="1331">
                  <c:v>2.8973</c:v>
                </c:pt>
                <c:pt idx="1332">
                  <c:v>2.8912</c:v>
                </c:pt>
                <c:pt idx="1333">
                  <c:v>2.9003000000000001</c:v>
                </c:pt>
                <c:pt idx="1334">
                  <c:v>2.8942999999999999</c:v>
                </c:pt>
                <c:pt idx="1335">
                  <c:v>2.8914</c:v>
                </c:pt>
                <c:pt idx="1336">
                  <c:v>2.8917999999999999</c:v>
                </c:pt>
                <c:pt idx="1337">
                  <c:v>2.8906999999999998</c:v>
                </c:pt>
                <c:pt idx="1338">
                  <c:v>2.8919999999999999</c:v>
                </c:pt>
                <c:pt idx="1339">
                  <c:v>2.9169999999999998</c:v>
                </c:pt>
                <c:pt idx="1340">
                  <c:v>2.919</c:v>
                </c:pt>
                <c:pt idx="1341">
                  <c:v>2.9175</c:v>
                </c:pt>
                <c:pt idx="1342">
                  <c:v>2.9220000000000002</c:v>
                </c:pt>
                <c:pt idx="1343">
                  <c:v>2.9125999999999999</c:v>
                </c:pt>
                <c:pt idx="1344">
                  <c:v>2.9117000000000002</c:v>
                </c:pt>
                <c:pt idx="1345">
                  <c:v>2.9016999999999999</c:v>
                </c:pt>
                <c:pt idx="1346">
                  <c:v>2.8976999999999999</c:v>
                </c:pt>
                <c:pt idx="1347">
                  <c:v>2.9110999999999998</c:v>
                </c:pt>
                <c:pt idx="1348">
                  <c:v>2.9026000000000001</c:v>
                </c:pt>
                <c:pt idx="1349">
                  <c:v>2.8826000000000001</c:v>
                </c:pt>
                <c:pt idx="1350">
                  <c:v>2.8725999999999998</c:v>
                </c:pt>
                <c:pt idx="1351">
                  <c:v>2.8828</c:v>
                </c:pt>
                <c:pt idx="1352">
                  <c:v>2.8752</c:v>
                </c:pt>
                <c:pt idx="1353">
                  <c:v>2.8626999999999998</c:v>
                </c:pt>
                <c:pt idx="1354">
                  <c:v>2.8702999999999999</c:v>
                </c:pt>
                <c:pt idx="1355">
                  <c:v>2.8652000000000002</c:v>
                </c:pt>
                <c:pt idx="1356">
                  <c:v>2.8652000000000002</c:v>
                </c:pt>
                <c:pt idx="1357">
                  <c:v>2.8552</c:v>
                </c:pt>
                <c:pt idx="1358">
                  <c:v>2.8601999999999999</c:v>
                </c:pt>
                <c:pt idx="1359">
                  <c:v>2.8504</c:v>
                </c:pt>
                <c:pt idx="1360">
                  <c:v>2.8603999999999998</c:v>
                </c:pt>
                <c:pt idx="1361">
                  <c:v>2.8576999999999999</c:v>
                </c:pt>
                <c:pt idx="1362">
                  <c:v>2.8652000000000002</c:v>
                </c:pt>
                <c:pt idx="1363">
                  <c:v>2.8675999999999999</c:v>
                </c:pt>
                <c:pt idx="1364">
                  <c:v>2.8551000000000002</c:v>
                </c:pt>
                <c:pt idx="1365">
                  <c:v>2.8555999999999999</c:v>
                </c:pt>
                <c:pt idx="1366">
                  <c:v>2.8532000000000002</c:v>
                </c:pt>
                <c:pt idx="1367">
                  <c:v>2.8603000000000001</c:v>
                </c:pt>
                <c:pt idx="1368">
                  <c:v>2.8527999999999998</c:v>
                </c:pt>
                <c:pt idx="1369">
                  <c:v>2.8603999999999998</c:v>
                </c:pt>
                <c:pt idx="1370">
                  <c:v>2.8584000000000001</c:v>
                </c:pt>
                <c:pt idx="1371">
                  <c:v>2.8584000000000001</c:v>
                </c:pt>
                <c:pt idx="1372">
                  <c:v>2.8605</c:v>
                </c:pt>
                <c:pt idx="1373">
                  <c:v>2.8464</c:v>
                </c:pt>
                <c:pt idx="1374">
                  <c:v>2.8454999999999999</c:v>
                </c:pt>
                <c:pt idx="1375">
                  <c:v>2.8203</c:v>
                </c:pt>
                <c:pt idx="1376">
                  <c:v>2.8157999999999999</c:v>
                </c:pt>
                <c:pt idx="1377">
                  <c:v>2.8277000000000001</c:v>
                </c:pt>
                <c:pt idx="1378">
                  <c:v>2.8281000000000001</c:v>
                </c:pt>
                <c:pt idx="1379">
                  <c:v>2.8431999999999999</c:v>
                </c:pt>
                <c:pt idx="1380">
                  <c:v>2.8319000000000001</c:v>
                </c:pt>
                <c:pt idx="1381">
                  <c:v>2.8332999999999999</c:v>
                </c:pt>
                <c:pt idx="1382">
                  <c:v>2.8332000000000002</c:v>
                </c:pt>
                <c:pt idx="1383">
                  <c:v>2.8220000000000001</c:v>
                </c:pt>
                <c:pt idx="1384">
                  <c:v>2.8176000000000001</c:v>
                </c:pt>
                <c:pt idx="1385">
                  <c:v>2.8157000000000001</c:v>
                </c:pt>
                <c:pt idx="1386">
                  <c:v>2.8058000000000001</c:v>
                </c:pt>
                <c:pt idx="1387">
                  <c:v>2.7852000000000001</c:v>
                </c:pt>
                <c:pt idx="1388">
                  <c:v>2.7787999999999999</c:v>
                </c:pt>
                <c:pt idx="1389">
                  <c:v>2.7787999999999999</c:v>
                </c:pt>
                <c:pt idx="1390">
                  <c:v>2.7787999999999999</c:v>
                </c:pt>
                <c:pt idx="1391">
                  <c:v>2.7787999999999999</c:v>
                </c:pt>
                <c:pt idx="1392">
                  <c:v>2.7612999999999999</c:v>
                </c:pt>
                <c:pt idx="1393">
                  <c:v>2.7311000000000001</c:v>
                </c:pt>
                <c:pt idx="1394">
                  <c:v>2.7484000000000002</c:v>
                </c:pt>
                <c:pt idx="1395">
                  <c:v>2.7383000000000002</c:v>
                </c:pt>
                <c:pt idx="1396">
                  <c:v>2.7210000000000001</c:v>
                </c:pt>
                <c:pt idx="1397">
                  <c:v>2.7010000000000001</c:v>
                </c:pt>
                <c:pt idx="1398">
                  <c:v>2.7058</c:v>
                </c:pt>
                <c:pt idx="1399">
                  <c:v>2.7189999999999999</c:v>
                </c:pt>
                <c:pt idx="1400">
                  <c:v>2.7128999999999999</c:v>
                </c:pt>
                <c:pt idx="1401">
                  <c:v>2.7210000000000001</c:v>
                </c:pt>
                <c:pt idx="1402">
                  <c:v>2.7183999999999999</c:v>
                </c:pt>
                <c:pt idx="1403">
                  <c:v>2.7151000000000001</c:v>
                </c:pt>
                <c:pt idx="1404">
                  <c:v>2.7132000000000001</c:v>
                </c:pt>
                <c:pt idx="1405">
                  <c:v>2.6962000000000002</c:v>
                </c:pt>
                <c:pt idx="1406">
                  <c:v>2.7037</c:v>
                </c:pt>
                <c:pt idx="1407">
                  <c:v>2.7065000000000001</c:v>
                </c:pt>
                <c:pt idx="1408">
                  <c:v>2.7204999999999999</c:v>
                </c:pt>
                <c:pt idx="1409">
                  <c:v>2.6949999999999998</c:v>
                </c:pt>
                <c:pt idx="1410">
                  <c:v>2.7</c:v>
                </c:pt>
                <c:pt idx="1411">
                  <c:v>2.6850000000000001</c:v>
                </c:pt>
                <c:pt idx="1412">
                  <c:v>2.6825000000000001</c:v>
                </c:pt>
                <c:pt idx="1413">
                  <c:v>2.6951000000000001</c:v>
                </c:pt>
                <c:pt idx="1414">
                  <c:v>2.6926000000000001</c:v>
                </c:pt>
                <c:pt idx="1415">
                  <c:v>2.6825999999999999</c:v>
                </c:pt>
                <c:pt idx="1416">
                  <c:v>2.6827000000000001</c:v>
                </c:pt>
                <c:pt idx="1417">
                  <c:v>2.6821999999999999</c:v>
                </c:pt>
                <c:pt idx="1418">
                  <c:v>2.6703000000000001</c:v>
                </c:pt>
                <c:pt idx="1419">
                  <c:v>2.6703999999999999</c:v>
                </c:pt>
                <c:pt idx="1420">
                  <c:v>2.6227</c:v>
                </c:pt>
                <c:pt idx="1421">
                  <c:v>2.6177999999999999</c:v>
                </c:pt>
                <c:pt idx="1422">
                  <c:v>2.6482000000000001</c:v>
                </c:pt>
                <c:pt idx="1423">
                  <c:v>2.6625999999999999</c:v>
                </c:pt>
                <c:pt idx="1424">
                  <c:v>2.6876000000000002</c:v>
                </c:pt>
                <c:pt idx="1425">
                  <c:v>2.6751</c:v>
                </c:pt>
                <c:pt idx="1426">
                  <c:v>2.6701000000000001</c:v>
                </c:pt>
                <c:pt idx="1427">
                  <c:v>2.6701000000000001</c:v>
                </c:pt>
                <c:pt idx="1428">
                  <c:v>2.6576</c:v>
                </c:pt>
                <c:pt idx="1429">
                  <c:v>2.6677</c:v>
                </c:pt>
                <c:pt idx="1430">
                  <c:v>2.6676000000000002</c:v>
                </c:pt>
                <c:pt idx="1431">
                  <c:v>2.6650999999999998</c:v>
                </c:pt>
                <c:pt idx="1432">
                  <c:v>2.6526000000000001</c:v>
                </c:pt>
                <c:pt idx="1433">
                  <c:v>2.6351</c:v>
                </c:pt>
                <c:pt idx="1434">
                  <c:v>2.6402000000000001</c:v>
                </c:pt>
                <c:pt idx="1435">
                  <c:v>2.6476999999999999</c:v>
                </c:pt>
                <c:pt idx="1436">
                  <c:v>2.6402000000000001</c:v>
                </c:pt>
                <c:pt idx="1437">
                  <c:v>2.6392000000000002</c:v>
                </c:pt>
                <c:pt idx="1438">
                  <c:v>2.6402999999999999</c:v>
                </c:pt>
                <c:pt idx="1439">
                  <c:v>2.6402999999999999</c:v>
                </c:pt>
                <c:pt idx="1440">
                  <c:v>2.6353</c:v>
                </c:pt>
                <c:pt idx="1441">
                  <c:v>2.6377999999999999</c:v>
                </c:pt>
                <c:pt idx="1442">
                  <c:v>2.6413000000000002</c:v>
                </c:pt>
                <c:pt idx="1443">
                  <c:v>2.6444000000000001</c:v>
                </c:pt>
                <c:pt idx="1444">
                  <c:v>2.6364000000000001</c:v>
                </c:pt>
                <c:pt idx="1445">
                  <c:v>2.6234000000000002</c:v>
                </c:pt>
                <c:pt idx="1446">
                  <c:v>2.6233</c:v>
                </c:pt>
                <c:pt idx="1447">
                  <c:v>2.6214</c:v>
                </c:pt>
                <c:pt idx="1448">
                  <c:v>2.6078999999999999</c:v>
                </c:pt>
                <c:pt idx="1449">
                  <c:v>2.5933999999999999</c:v>
                </c:pt>
                <c:pt idx="1450">
                  <c:v>2.6629999999999998</c:v>
                </c:pt>
                <c:pt idx="1451">
                  <c:v>2.6429999999999998</c:v>
                </c:pt>
                <c:pt idx="1452">
                  <c:v>2.6395</c:v>
                </c:pt>
                <c:pt idx="1453">
                  <c:v>2.6533000000000002</c:v>
                </c:pt>
                <c:pt idx="1454">
                  <c:v>2.6597</c:v>
                </c:pt>
                <c:pt idx="1455">
                  <c:v>2.6606999999999998</c:v>
                </c:pt>
                <c:pt idx="1456">
                  <c:v>2.6524999999999999</c:v>
                </c:pt>
                <c:pt idx="1457">
                  <c:v>2.6435</c:v>
                </c:pt>
                <c:pt idx="1458">
                  <c:v>2.6469</c:v>
                </c:pt>
                <c:pt idx="1459">
                  <c:v>2.6461999999999999</c:v>
                </c:pt>
                <c:pt idx="1460">
                  <c:v>2.6454</c:v>
                </c:pt>
                <c:pt idx="1461">
                  <c:v>2.6461000000000001</c:v>
                </c:pt>
                <c:pt idx="1462">
                  <c:v>2.6475</c:v>
                </c:pt>
                <c:pt idx="1463">
                  <c:v>2.6381000000000001</c:v>
                </c:pt>
                <c:pt idx="1464">
                  <c:v>2.6212</c:v>
                </c:pt>
                <c:pt idx="1465">
                  <c:v>2.5758999999999999</c:v>
                </c:pt>
                <c:pt idx="1466">
                  <c:v>2.5649000000000002</c:v>
                </c:pt>
                <c:pt idx="1467">
                  <c:v>2.5678000000000001</c:v>
                </c:pt>
                <c:pt idx="1468">
                  <c:v>2.5638999999999998</c:v>
                </c:pt>
                <c:pt idx="1469">
                  <c:v>2.5402999999999998</c:v>
                </c:pt>
                <c:pt idx="1470">
                  <c:v>2.5564</c:v>
                </c:pt>
                <c:pt idx="1471">
                  <c:v>2.5535000000000001</c:v>
                </c:pt>
                <c:pt idx="1472">
                  <c:v>2.5543</c:v>
                </c:pt>
                <c:pt idx="1473">
                  <c:v>2.5701999999999998</c:v>
                </c:pt>
                <c:pt idx="1474">
                  <c:v>2.5836999999999999</c:v>
                </c:pt>
                <c:pt idx="1475">
                  <c:v>2.57</c:v>
                </c:pt>
                <c:pt idx="1476">
                  <c:v>2.56</c:v>
                </c:pt>
                <c:pt idx="1477">
                  <c:v>2.5575000000000001</c:v>
                </c:pt>
                <c:pt idx="1478">
                  <c:v>2.585</c:v>
                </c:pt>
                <c:pt idx="1479">
                  <c:v>2.6124000000000001</c:v>
                </c:pt>
                <c:pt idx="1480">
                  <c:v>2.6150000000000002</c:v>
                </c:pt>
                <c:pt idx="1481">
                  <c:v>2.6375000000000002</c:v>
                </c:pt>
                <c:pt idx="1482">
                  <c:v>2.6349999999999998</c:v>
                </c:pt>
                <c:pt idx="1483">
                  <c:v>2.6375000000000002</c:v>
                </c:pt>
                <c:pt idx="1484">
                  <c:v>2.63</c:v>
                </c:pt>
                <c:pt idx="1485">
                  <c:v>2.6230000000000002</c:v>
                </c:pt>
                <c:pt idx="1486">
                  <c:v>2.6150000000000002</c:v>
                </c:pt>
                <c:pt idx="1487">
                  <c:v>2.6074999999999999</c:v>
                </c:pt>
                <c:pt idx="1488">
                  <c:v>2.64</c:v>
                </c:pt>
                <c:pt idx="1489">
                  <c:v>2.65</c:v>
                </c:pt>
                <c:pt idx="1490">
                  <c:v>2.6625000000000001</c:v>
                </c:pt>
                <c:pt idx="1491">
                  <c:v>2.665</c:v>
                </c:pt>
                <c:pt idx="1492">
                  <c:v>2.6576</c:v>
                </c:pt>
                <c:pt idx="1493">
                  <c:v>2.6776</c:v>
                </c:pt>
                <c:pt idx="1494">
                  <c:v>2.6976</c:v>
                </c:pt>
                <c:pt idx="1495">
                  <c:v>2.6951000000000001</c:v>
                </c:pt>
                <c:pt idx="1496">
                  <c:v>2.6877</c:v>
                </c:pt>
                <c:pt idx="1497">
                  <c:v>2.6751</c:v>
                </c:pt>
                <c:pt idx="1498">
                  <c:v>2.6751</c:v>
                </c:pt>
                <c:pt idx="1499">
                  <c:v>2.6751</c:v>
                </c:pt>
                <c:pt idx="1500">
                  <c:v>2.6751</c:v>
                </c:pt>
                <c:pt idx="1501">
                  <c:v>2.6751</c:v>
                </c:pt>
                <c:pt idx="1502">
                  <c:v>2.6751</c:v>
                </c:pt>
                <c:pt idx="1503">
                  <c:v>2.6625999999999999</c:v>
                </c:pt>
                <c:pt idx="1504">
                  <c:v>2.6701999999999999</c:v>
                </c:pt>
                <c:pt idx="1505">
                  <c:v>2.6810999999999998</c:v>
                </c:pt>
                <c:pt idx="1506">
                  <c:v>2.6976</c:v>
                </c:pt>
                <c:pt idx="1507">
                  <c:v>2.6911</c:v>
                </c:pt>
                <c:pt idx="1508">
                  <c:v>2.6701999999999999</c:v>
                </c:pt>
                <c:pt idx="1509">
                  <c:v>2.6777000000000002</c:v>
                </c:pt>
                <c:pt idx="1510">
                  <c:v>2.6882000000000001</c:v>
                </c:pt>
                <c:pt idx="1511">
                  <c:v>2.7052</c:v>
                </c:pt>
                <c:pt idx="1512">
                  <c:v>2.7176999999999998</c:v>
                </c:pt>
                <c:pt idx="1513">
                  <c:v>2.7052</c:v>
                </c:pt>
                <c:pt idx="1514">
                  <c:v>2.7046999999999999</c:v>
                </c:pt>
                <c:pt idx="1515">
                  <c:v>2.7176999999999998</c:v>
                </c:pt>
                <c:pt idx="1516">
                  <c:v>2.7052</c:v>
                </c:pt>
                <c:pt idx="1517">
                  <c:v>2.7151999999999998</c:v>
                </c:pt>
                <c:pt idx="1518">
                  <c:v>2.7132999999999998</c:v>
                </c:pt>
                <c:pt idx="1519">
                  <c:v>2.7141000000000002</c:v>
                </c:pt>
                <c:pt idx="1520">
                  <c:v>2.6938</c:v>
                </c:pt>
                <c:pt idx="1521">
                  <c:v>2.6852999999999998</c:v>
                </c:pt>
                <c:pt idx="1522">
                  <c:v>2.6553</c:v>
                </c:pt>
                <c:pt idx="1523">
                  <c:v>2.6613000000000002</c:v>
                </c:pt>
                <c:pt idx="1524">
                  <c:v>2.6554000000000002</c:v>
                </c:pt>
                <c:pt idx="1525">
                  <c:v>2.6631999999999998</c:v>
                </c:pt>
                <c:pt idx="1526">
                  <c:v>2.6463999999999999</c:v>
                </c:pt>
                <c:pt idx="1527">
                  <c:v>2.6494</c:v>
                </c:pt>
                <c:pt idx="1528">
                  <c:v>2.6444000000000001</c:v>
                </c:pt>
                <c:pt idx="1529">
                  <c:v>2.6454</c:v>
                </c:pt>
                <c:pt idx="1530">
                  <c:v>2.6573000000000002</c:v>
                </c:pt>
                <c:pt idx="1531">
                  <c:v>2.6633</c:v>
                </c:pt>
                <c:pt idx="1532">
                  <c:v>2.6558000000000002</c:v>
                </c:pt>
                <c:pt idx="1533">
                  <c:v>2.6524000000000001</c:v>
                </c:pt>
                <c:pt idx="1534">
                  <c:v>2.6583999999999999</c:v>
                </c:pt>
                <c:pt idx="1535">
                  <c:v>2.6684000000000001</c:v>
                </c:pt>
                <c:pt idx="1536">
                  <c:v>2.6823000000000001</c:v>
                </c:pt>
                <c:pt idx="1537">
                  <c:v>2.7023000000000001</c:v>
                </c:pt>
                <c:pt idx="1538">
                  <c:v>2.7052999999999998</c:v>
                </c:pt>
                <c:pt idx="1539">
                  <c:v>2.7107999999999999</c:v>
                </c:pt>
                <c:pt idx="1540">
                  <c:v>2.6898</c:v>
                </c:pt>
                <c:pt idx="1541">
                  <c:v>2.6825999999999999</c:v>
                </c:pt>
                <c:pt idx="1542">
                  <c:v>2.6680000000000001</c:v>
                </c:pt>
                <c:pt idx="1543">
                  <c:v>2.6625000000000001</c:v>
                </c:pt>
                <c:pt idx="1544">
                  <c:v>2.6724999999999999</c:v>
                </c:pt>
                <c:pt idx="1545">
                  <c:v>2.665</c:v>
                </c:pt>
                <c:pt idx="1546">
                  <c:v>2.6724999999999999</c:v>
                </c:pt>
                <c:pt idx="1547">
                  <c:v>2.6640000000000001</c:v>
                </c:pt>
                <c:pt idx="1548">
                  <c:v>2.6636000000000002</c:v>
                </c:pt>
                <c:pt idx="1549">
                  <c:v>2.6440000000000001</c:v>
                </c:pt>
                <c:pt idx="1550">
                  <c:v>2.6375000000000002</c:v>
                </c:pt>
                <c:pt idx="1551">
                  <c:v>2.6225999999999998</c:v>
                </c:pt>
                <c:pt idx="1552">
                  <c:v>2.6375999999999999</c:v>
                </c:pt>
                <c:pt idx="1553">
                  <c:v>2.6227</c:v>
                </c:pt>
                <c:pt idx="1554">
                  <c:v>2.6126</c:v>
                </c:pt>
                <c:pt idx="1555">
                  <c:v>2.6191</c:v>
                </c:pt>
                <c:pt idx="1556">
                  <c:v>2.6221999999999999</c:v>
                </c:pt>
                <c:pt idx="1557">
                  <c:v>2.5901000000000001</c:v>
                </c:pt>
                <c:pt idx="1558">
                  <c:v>2.5876999999999999</c:v>
                </c:pt>
                <c:pt idx="1559">
                  <c:v>2.5678000000000001</c:v>
                </c:pt>
                <c:pt idx="1560">
                  <c:v>2.5804</c:v>
                </c:pt>
                <c:pt idx="1561">
                  <c:v>2.5577000000000001</c:v>
                </c:pt>
                <c:pt idx="1562">
                  <c:v>2.5693999999999999</c:v>
                </c:pt>
                <c:pt idx="1563">
                  <c:v>2.5552999999999999</c:v>
                </c:pt>
                <c:pt idx="1564">
                  <c:v>2.5552999999999999</c:v>
                </c:pt>
                <c:pt idx="1565">
                  <c:v>2.5600999999999998</c:v>
                </c:pt>
                <c:pt idx="1566">
                  <c:v>2.5531000000000001</c:v>
                </c:pt>
                <c:pt idx="1567">
                  <c:v>2.5367999999999999</c:v>
                </c:pt>
                <c:pt idx="1568">
                  <c:v>2.5175000000000001</c:v>
                </c:pt>
                <c:pt idx="1569">
                  <c:v>2.5135999999999998</c:v>
                </c:pt>
                <c:pt idx="1570">
                  <c:v>2.4862000000000002</c:v>
                </c:pt>
                <c:pt idx="1571">
                  <c:v>2.4982000000000002</c:v>
                </c:pt>
                <c:pt idx="1572">
                  <c:v>2.4992000000000001</c:v>
                </c:pt>
                <c:pt idx="1573">
                  <c:v>2.5171999999999999</c:v>
                </c:pt>
                <c:pt idx="1574">
                  <c:v>2.5211999999999999</c:v>
                </c:pt>
                <c:pt idx="1575">
                  <c:v>2.5251999999999999</c:v>
                </c:pt>
                <c:pt idx="1576">
                  <c:v>2.5076999999999998</c:v>
                </c:pt>
                <c:pt idx="1577">
                  <c:v>2.5091999999999999</c:v>
                </c:pt>
                <c:pt idx="1578">
                  <c:v>2.5026999999999999</c:v>
                </c:pt>
                <c:pt idx="1579">
                  <c:v>2.4922</c:v>
                </c:pt>
                <c:pt idx="1580">
                  <c:v>2.5042</c:v>
                </c:pt>
                <c:pt idx="1581">
                  <c:v>2.5042</c:v>
                </c:pt>
                <c:pt idx="1582">
                  <c:v>2.4984000000000002</c:v>
                </c:pt>
                <c:pt idx="1583">
                  <c:v>2.4994000000000001</c:v>
                </c:pt>
                <c:pt idx="1584">
                  <c:v>2.4940000000000002</c:v>
                </c:pt>
                <c:pt idx="1585">
                  <c:v>2.4557000000000002</c:v>
                </c:pt>
                <c:pt idx="1586">
                  <c:v>2.4329999999999998</c:v>
                </c:pt>
                <c:pt idx="1587">
                  <c:v>2.4354</c:v>
                </c:pt>
                <c:pt idx="1588">
                  <c:v>2.4053</c:v>
                </c:pt>
                <c:pt idx="1589">
                  <c:v>2.4001999999999999</c:v>
                </c:pt>
                <c:pt idx="1590">
                  <c:v>2.4525000000000001</c:v>
                </c:pt>
                <c:pt idx="1591">
                  <c:v>2.4152999999999998</c:v>
                </c:pt>
                <c:pt idx="1592">
                  <c:v>2.4379</c:v>
                </c:pt>
                <c:pt idx="1593">
                  <c:v>2.4302000000000001</c:v>
                </c:pt>
                <c:pt idx="1594">
                  <c:v>2.4302000000000001</c:v>
                </c:pt>
                <c:pt idx="1595">
                  <c:v>2.4302000000000001</c:v>
                </c:pt>
                <c:pt idx="1596">
                  <c:v>2.4302000000000001</c:v>
                </c:pt>
                <c:pt idx="1597">
                  <c:v>2.4302000000000001</c:v>
                </c:pt>
                <c:pt idx="1598">
                  <c:v>2.4392999999999998</c:v>
                </c:pt>
                <c:pt idx="1599">
                  <c:v>2.4344000000000001</c:v>
                </c:pt>
                <c:pt idx="1600">
                  <c:v>2.4134000000000002</c:v>
                </c:pt>
                <c:pt idx="1601">
                  <c:v>2.4119000000000002</c:v>
                </c:pt>
                <c:pt idx="1602">
                  <c:v>2.4033000000000002</c:v>
                </c:pt>
                <c:pt idx="1603">
                  <c:v>2.4009</c:v>
                </c:pt>
                <c:pt idx="1604">
                  <c:v>2.3788999999999998</c:v>
                </c:pt>
                <c:pt idx="1605">
                  <c:v>2.3809</c:v>
                </c:pt>
                <c:pt idx="1606">
                  <c:v>2.3376000000000001</c:v>
                </c:pt>
                <c:pt idx="1607">
                  <c:v>2.3374999999999999</c:v>
                </c:pt>
                <c:pt idx="1608">
                  <c:v>2.3675000000000002</c:v>
                </c:pt>
                <c:pt idx="1609">
                  <c:v>2.3475000000000001</c:v>
                </c:pt>
                <c:pt idx="1610">
                  <c:v>2.3169</c:v>
                </c:pt>
                <c:pt idx="1611">
                  <c:v>2.2650000000000001</c:v>
                </c:pt>
                <c:pt idx="1612">
                  <c:v>2.2776000000000001</c:v>
                </c:pt>
                <c:pt idx="1613">
                  <c:v>2.2825000000000002</c:v>
                </c:pt>
                <c:pt idx="1614">
                  <c:v>2.3050000000000002</c:v>
                </c:pt>
                <c:pt idx="1615">
                  <c:v>2.3475999999999999</c:v>
                </c:pt>
                <c:pt idx="1616">
                  <c:v>2.3325999999999998</c:v>
                </c:pt>
                <c:pt idx="1617">
                  <c:v>2.3424999999999998</c:v>
                </c:pt>
                <c:pt idx="1618">
                  <c:v>2.3199999999999998</c:v>
                </c:pt>
                <c:pt idx="1619">
                  <c:v>2.2926000000000002</c:v>
                </c:pt>
                <c:pt idx="1620">
                  <c:v>2.2801</c:v>
                </c:pt>
                <c:pt idx="1621">
                  <c:v>2.2951000000000001</c:v>
                </c:pt>
                <c:pt idx="1622">
                  <c:v>2.2850999999999999</c:v>
                </c:pt>
                <c:pt idx="1623">
                  <c:v>2.3050999999999999</c:v>
                </c:pt>
                <c:pt idx="1624">
                  <c:v>2.3151000000000002</c:v>
                </c:pt>
                <c:pt idx="1625">
                  <c:v>2.3174999999999999</c:v>
                </c:pt>
                <c:pt idx="1626">
                  <c:v>2.2875999999999999</c:v>
                </c:pt>
                <c:pt idx="1627">
                  <c:v>2.3026</c:v>
                </c:pt>
                <c:pt idx="1628">
                  <c:v>2.2900999999999998</c:v>
                </c:pt>
                <c:pt idx="1629">
                  <c:v>2.3081999999999998</c:v>
                </c:pt>
                <c:pt idx="1630">
                  <c:v>2.2927</c:v>
                </c:pt>
                <c:pt idx="1631">
                  <c:v>2.2837000000000001</c:v>
                </c:pt>
                <c:pt idx="1632">
                  <c:v>2.2837000000000001</c:v>
                </c:pt>
                <c:pt idx="1633">
                  <c:v>2.2936999999999999</c:v>
                </c:pt>
                <c:pt idx="1634">
                  <c:v>2.2822</c:v>
                </c:pt>
                <c:pt idx="1635">
                  <c:v>2.2801999999999998</c:v>
                </c:pt>
                <c:pt idx="1636">
                  <c:v>2.2972000000000001</c:v>
                </c:pt>
                <c:pt idx="1637">
                  <c:v>2.2928000000000002</c:v>
                </c:pt>
                <c:pt idx="1638">
                  <c:v>2.2837000000000001</c:v>
                </c:pt>
                <c:pt idx="1639">
                  <c:v>2.2797999999999998</c:v>
                </c:pt>
                <c:pt idx="1640">
                  <c:v>2.2723</c:v>
                </c:pt>
                <c:pt idx="1641">
                  <c:v>2.2608000000000001</c:v>
                </c:pt>
                <c:pt idx="1642">
                  <c:v>2.2536999999999998</c:v>
                </c:pt>
                <c:pt idx="1643">
                  <c:v>2.254</c:v>
                </c:pt>
                <c:pt idx="1644">
                  <c:v>2.2435</c:v>
                </c:pt>
                <c:pt idx="1645">
                  <c:v>2.226</c:v>
                </c:pt>
                <c:pt idx="1646">
                  <c:v>2.2726999999999999</c:v>
                </c:pt>
                <c:pt idx="1647">
                  <c:v>2.2612000000000001</c:v>
                </c:pt>
                <c:pt idx="1648">
                  <c:v>2.3243999999999998</c:v>
                </c:pt>
                <c:pt idx="1649">
                  <c:v>2.3530000000000002</c:v>
                </c:pt>
                <c:pt idx="1650">
                  <c:v>2.3028</c:v>
                </c:pt>
                <c:pt idx="1651">
                  <c:v>2.3028</c:v>
                </c:pt>
                <c:pt idx="1652">
                  <c:v>2.3028</c:v>
                </c:pt>
                <c:pt idx="1653">
                  <c:v>2.3028</c:v>
                </c:pt>
                <c:pt idx="1654">
                  <c:v>2.3081</c:v>
                </c:pt>
                <c:pt idx="1655">
                  <c:v>2.2896000000000001</c:v>
                </c:pt>
                <c:pt idx="1656">
                  <c:v>2.2955000000000001</c:v>
                </c:pt>
                <c:pt idx="1657">
                  <c:v>2.3186</c:v>
                </c:pt>
                <c:pt idx="1658">
                  <c:v>2.3361000000000001</c:v>
                </c:pt>
                <c:pt idx="1659">
                  <c:v>2.29</c:v>
                </c:pt>
                <c:pt idx="1660">
                  <c:v>2.2938000000000001</c:v>
                </c:pt>
                <c:pt idx="1661">
                  <c:v>2.302</c:v>
                </c:pt>
                <c:pt idx="1662">
                  <c:v>2.3147000000000002</c:v>
                </c:pt>
                <c:pt idx="1663">
                  <c:v>2.3077000000000001</c:v>
                </c:pt>
                <c:pt idx="1664">
                  <c:v>2.3105000000000002</c:v>
                </c:pt>
                <c:pt idx="1665">
                  <c:v>2.3140999999999998</c:v>
                </c:pt>
                <c:pt idx="1666">
                  <c:v>2.3123</c:v>
                </c:pt>
                <c:pt idx="1667">
                  <c:v>2.3062999999999998</c:v>
                </c:pt>
                <c:pt idx="1668">
                  <c:v>2.3134000000000001</c:v>
                </c:pt>
                <c:pt idx="1669">
                  <c:v>2.3083999999999998</c:v>
                </c:pt>
                <c:pt idx="1670">
                  <c:v>2.2993999999999999</c:v>
                </c:pt>
                <c:pt idx="1671">
                  <c:v>2.2776000000000001</c:v>
                </c:pt>
                <c:pt idx="1672">
                  <c:v>2.2826</c:v>
                </c:pt>
                <c:pt idx="1673">
                  <c:v>2.2926000000000002</c:v>
                </c:pt>
                <c:pt idx="1674">
                  <c:v>2.2852999999999999</c:v>
                </c:pt>
                <c:pt idx="1675">
                  <c:v>2.2854000000000001</c:v>
                </c:pt>
                <c:pt idx="1676">
                  <c:v>2.2808000000000002</c:v>
                </c:pt>
                <c:pt idx="1677">
                  <c:v>2.2827999999999999</c:v>
                </c:pt>
                <c:pt idx="1678">
                  <c:v>2.2833000000000001</c:v>
                </c:pt>
                <c:pt idx="1679">
                  <c:v>2.2833000000000001</c:v>
                </c:pt>
                <c:pt idx="1680">
                  <c:v>2.2791000000000001</c:v>
                </c:pt>
                <c:pt idx="1681">
                  <c:v>2.2759999999999998</c:v>
                </c:pt>
                <c:pt idx="1682">
                  <c:v>2.2677999999999998</c:v>
                </c:pt>
                <c:pt idx="1683">
                  <c:v>2.2557999999999998</c:v>
                </c:pt>
                <c:pt idx="1684">
                  <c:v>2.2608999999999999</c:v>
                </c:pt>
                <c:pt idx="1685">
                  <c:v>2.2536999999999998</c:v>
                </c:pt>
                <c:pt idx="1686">
                  <c:v>2.2429000000000001</c:v>
                </c:pt>
                <c:pt idx="1687">
                  <c:v>2.2444999999999999</c:v>
                </c:pt>
                <c:pt idx="1688">
                  <c:v>2.2570999999999999</c:v>
                </c:pt>
                <c:pt idx="1689">
                  <c:v>2.2450999999999999</c:v>
                </c:pt>
                <c:pt idx="1690">
                  <c:v>2.2349999999999999</c:v>
                </c:pt>
                <c:pt idx="1691">
                  <c:v>2.2225000000000001</c:v>
                </c:pt>
                <c:pt idx="1692">
                  <c:v>2.2081</c:v>
                </c:pt>
                <c:pt idx="1693">
                  <c:v>2.2058</c:v>
                </c:pt>
                <c:pt idx="1694">
                  <c:v>2.2486000000000002</c:v>
                </c:pt>
                <c:pt idx="1695">
                  <c:v>2.2368999999999999</c:v>
                </c:pt>
                <c:pt idx="1696">
                  <c:v>2.2425999999999999</c:v>
                </c:pt>
                <c:pt idx="1697">
                  <c:v>2.2502</c:v>
                </c:pt>
                <c:pt idx="1698">
                  <c:v>2.2753999999999999</c:v>
                </c:pt>
                <c:pt idx="1699">
                  <c:v>2.2904</c:v>
                </c:pt>
                <c:pt idx="1700">
                  <c:v>2.2698</c:v>
                </c:pt>
                <c:pt idx="1701">
                  <c:v>2.2707000000000002</c:v>
                </c:pt>
                <c:pt idx="1702">
                  <c:v>2.2648000000000001</c:v>
                </c:pt>
              </c:numCache>
            </c:numRef>
          </c:val>
          <c:smooth val="0"/>
          <c:extLst>
            <c:ext xmlns:c16="http://schemas.microsoft.com/office/drawing/2014/chart" uri="{C3380CC4-5D6E-409C-BE32-E72D297353CC}">
              <c16:uniqueId val="{00000004-B7C2-4DA8-9E62-F4E45D0D7C69}"/>
            </c:ext>
          </c:extLst>
        </c:ser>
        <c:ser>
          <c:idx val="5"/>
          <c:order val="5"/>
          <c:tx>
            <c:strRef>
              <c:f>'10Yr_Gov'!$P$4</c:f>
              <c:strCache>
                <c:ptCount val="1"/>
                <c:pt idx="0">
                  <c:v>Japan</c:v>
                </c:pt>
              </c:strCache>
            </c:strRef>
          </c:tx>
          <c:spPr>
            <a:ln w="25400" cap="rnd" cmpd="sng" algn="ctr">
              <a:solidFill>
                <a:srgbClr val="885073"/>
              </a:solidFill>
              <a:prstDash val="solid"/>
              <a:round/>
              <a:headEnd type="none" w="med" len="med"/>
              <a:tailEnd type="none" w="med" len="med"/>
            </a:ln>
          </c:spPr>
          <c:marker>
            <c:symbol val="none"/>
          </c:marker>
          <c:cat>
            <c:numRef>
              <c:f>'10Yr_Gov'!$J$5:$J$1707</c:f>
              <c:numCache>
                <c:formatCode>m/d/yyyy</c:formatCode>
                <c:ptCount val="1703"/>
                <c:pt idx="0">
                  <c:v>43102</c:v>
                </c:pt>
                <c:pt idx="1">
                  <c:v>43103</c:v>
                </c:pt>
                <c:pt idx="2">
                  <c:v>43104</c:v>
                </c:pt>
                <c:pt idx="3">
                  <c:v>43105</c:v>
                </c:pt>
                <c:pt idx="4">
                  <c:v>43108</c:v>
                </c:pt>
                <c:pt idx="5">
                  <c:v>43109</c:v>
                </c:pt>
                <c:pt idx="6">
                  <c:v>43110</c:v>
                </c:pt>
                <c:pt idx="7">
                  <c:v>43111</c:v>
                </c:pt>
                <c:pt idx="8">
                  <c:v>43112</c:v>
                </c:pt>
                <c:pt idx="9">
                  <c:v>43115</c:v>
                </c:pt>
                <c:pt idx="10">
                  <c:v>43116</c:v>
                </c:pt>
                <c:pt idx="11">
                  <c:v>43117</c:v>
                </c:pt>
                <c:pt idx="12">
                  <c:v>43118</c:v>
                </c:pt>
                <c:pt idx="13">
                  <c:v>43119</c:v>
                </c:pt>
                <c:pt idx="14">
                  <c:v>43122</c:v>
                </c:pt>
                <c:pt idx="15">
                  <c:v>43123</c:v>
                </c:pt>
                <c:pt idx="16">
                  <c:v>43124</c:v>
                </c:pt>
                <c:pt idx="17">
                  <c:v>43125</c:v>
                </c:pt>
                <c:pt idx="18">
                  <c:v>43126</c:v>
                </c:pt>
                <c:pt idx="19">
                  <c:v>43129</c:v>
                </c:pt>
                <c:pt idx="20">
                  <c:v>43130</c:v>
                </c:pt>
                <c:pt idx="21">
                  <c:v>43131</c:v>
                </c:pt>
                <c:pt idx="22">
                  <c:v>43132</c:v>
                </c:pt>
                <c:pt idx="23">
                  <c:v>43133</c:v>
                </c:pt>
                <c:pt idx="24">
                  <c:v>43136</c:v>
                </c:pt>
                <c:pt idx="25">
                  <c:v>43137</c:v>
                </c:pt>
                <c:pt idx="26">
                  <c:v>43138</c:v>
                </c:pt>
                <c:pt idx="27">
                  <c:v>43139</c:v>
                </c:pt>
                <c:pt idx="28">
                  <c:v>43140</c:v>
                </c:pt>
                <c:pt idx="29">
                  <c:v>43143</c:v>
                </c:pt>
                <c:pt idx="30">
                  <c:v>43144</c:v>
                </c:pt>
                <c:pt idx="31">
                  <c:v>43145</c:v>
                </c:pt>
                <c:pt idx="32">
                  <c:v>43146</c:v>
                </c:pt>
                <c:pt idx="33">
                  <c:v>43147</c:v>
                </c:pt>
                <c:pt idx="34">
                  <c:v>43150</c:v>
                </c:pt>
                <c:pt idx="35">
                  <c:v>43151</c:v>
                </c:pt>
                <c:pt idx="36">
                  <c:v>43152</c:v>
                </c:pt>
                <c:pt idx="37">
                  <c:v>43153</c:v>
                </c:pt>
                <c:pt idx="38">
                  <c:v>43154</c:v>
                </c:pt>
                <c:pt idx="39">
                  <c:v>43157</c:v>
                </c:pt>
                <c:pt idx="40">
                  <c:v>43158</c:v>
                </c:pt>
                <c:pt idx="41">
                  <c:v>43159</c:v>
                </c:pt>
                <c:pt idx="42">
                  <c:v>43160</c:v>
                </c:pt>
                <c:pt idx="43">
                  <c:v>43161</c:v>
                </c:pt>
                <c:pt idx="44">
                  <c:v>43164</c:v>
                </c:pt>
                <c:pt idx="45">
                  <c:v>43165</c:v>
                </c:pt>
                <c:pt idx="46">
                  <c:v>43166</c:v>
                </c:pt>
                <c:pt idx="47">
                  <c:v>43167</c:v>
                </c:pt>
                <c:pt idx="48">
                  <c:v>43168</c:v>
                </c:pt>
                <c:pt idx="49">
                  <c:v>43171</c:v>
                </c:pt>
                <c:pt idx="50">
                  <c:v>43172</c:v>
                </c:pt>
                <c:pt idx="51">
                  <c:v>43173</c:v>
                </c:pt>
                <c:pt idx="52">
                  <c:v>43174</c:v>
                </c:pt>
                <c:pt idx="53">
                  <c:v>43175</c:v>
                </c:pt>
                <c:pt idx="54">
                  <c:v>43178</c:v>
                </c:pt>
                <c:pt idx="55">
                  <c:v>43179</c:v>
                </c:pt>
                <c:pt idx="56">
                  <c:v>43180</c:v>
                </c:pt>
                <c:pt idx="57">
                  <c:v>43181</c:v>
                </c:pt>
                <c:pt idx="58">
                  <c:v>43182</c:v>
                </c:pt>
                <c:pt idx="59">
                  <c:v>43185</c:v>
                </c:pt>
                <c:pt idx="60">
                  <c:v>43186</c:v>
                </c:pt>
                <c:pt idx="61">
                  <c:v>43187</c:v>
                </c:pt>
                <c:pt idx="62">
                  <c:v>43188</c:v>
                </c:pt>
                <c:pt idx="63">
                  <c:v>43189</c:v>
                </c:pt>
                <c:pt idx="64">
                  <c:v>43192</c:v>
                </c:pt>
                <c:pt idx="65">
                  <c:v>43193</c:v>
                </c:pt>
                <c:pt idx="66">
                  <c:v>43194</c:v>
                </c:pt>
                <c:pt idx="67">
                  <c:v>43195</c:v>
                </c:pt>
                <c:pt idx="68">
                  <c:v>43196</c:v>
                </c:pt>
                <c:pt idx="69">
                  <c:v>43199</c:v>
                </c:pt>
                <c:pt idx="70">
                  <c:v>43200</c:v>
                </c:pt>
                <c:pt idx="71">
                  <c:v>43201</c:v>
                </c:pt>
                <c:pt idx="72">
                  <c:v>43202</c:v>
                </c:pt>
                <c:pt idx="73">
                  <c:v>43203</c:v>
                </c:pt>
                <c:pt idx="74">
                  <c:v>43206</c:v>
                </c:pt>
                <c:pt idx="75">
                  <c:v>43207</c:v>
                </c:pt>
                <c:pt idx="76">
                  <c:v>43208</c:v>
                </c:pt>
                <c:pt idx="77">
                  <c:v>43209</c:v>
                </c:pt>
                <c:pt idx="78">
                  <c:v>43210</c:v>
                </c:pt>
                <c:pt idx="79">
                  <c:v>43213</c:v>
                </c:pt>
                <c:pt idx="80">
                  <c:v>43214</c:v>
                </c:pt>
                <c:pt idx="81">
                  <c:v>43215</c:v>
                </c:pt>
                <c:pt idx="82">
                  <c:v>43216</c:v>
                </c:pt>
                <c:pt idx="83">
                  <c:v>43217</c:v>
                </c:pt>
                <c:pt idx="84">
                  <c:v>43220</c:v>
                </c:pt>
                <c:pt idx="85">
                  <c:v>43221</c:v>
                </c:pt>
                <c:pt idx="86">
                  <c:v>43222</c:v>
                </c:pt>
                <c:pt idx="87">
                  <c:v>43223</c:v>
                </c:pt>
                <c:pt idx="88">
                  <c:v>43224</c:v>
                </c:pt>
                <c:pt idx="89">
                  <c:v>43227</c:v>
                </c:pt>
                <c:pt idx="90">
                  <c:v>43228</c:v>
                </c:pt>
                <c:pt idx="91">
                  <c:v>43229</c:v>
                </c:pt>
                <c:pt idx="92">
                  <c:v>43230</c:v>
                </c:pt>
                <c:pt idx="93">
                  <c:v>43231</c:v>
                </c:pt>
                <c:pt idx="94">
                  <c:v>43234</c:v>
                </c:pt>
                <c:pt idx="95">
                  <c:v>43235</c:v>
                </c:pt>
                <c:pt idx="96">
                  <c:v>43236</c:v>
                </c:pt>
                <c:pt idx="97">
                  <c:v>43237</c:v>
                </c:pt>
                <c:pt idx="98">
                  <c:v>43238</c:v>
                </c:pt>
                <c:pt idx="99">
                  <c:v>43241</c:v>
                </c:pt>
                <c:pt idx="100">
                  <c:v>43242</c:v>
                </c:pt>
                <c:pt idx="101">
                  <c:v>43243</c:v>
                </c:pt>
                <c:pt idx="102">
                  <c:v>43244</c:v>
                </c:pt>
                <c:pt idx="103">
                  <c:v>43245</c:v>
                </c:pt>
                <c:pt idx="104">
                  <c:v>43248</c:v>
                </c:pt>
                <c:pt idx="105">
                  <c:v>43249</c:v>
                </c:pt>
                <c:pt idx="106">
                  <c:v>43250</c:v>
                </c:pt>
                <c:pt idx="107">
                  <c:v>43251</c:v>
                </c:pt>
                <c:pt idx="108">
                  <c:v>43252</c:v>
                </c:pt>
                <c:pt idx="109">
                  <c:v>43255</c:v>
                </c:pt>
                <c:pt idx="110">
                  <c:v>43256</c:v>
                </c:pt>
                <c:pt idx="111">
                  <c:v>43257</c:v>
                </c:pt>
                <c:pt idx="112">
                  <c:v>43258</c:v>
                </c:pt>
                <c:pt idx="113">
                  <c:v>43259</c:v>
                </c:pt>
                <c:pt idx="114">
                  <c:v>43262</c:v>
                </c:pt>
                <c:pt idx="115">
                  <c:v>43263</c:v>
                </c:pt>
                <c:pt idx="116">
                  <c:v>43264</c:v>
                </c:pt>
                <c:pt idx="117">
                  <c:v>43265</c:v>
                </c:pt>
                <c:pt idx="118">
                  <c:v>43266</c:v>
                </c:pt>
                <c:pt idx="119">
                  <c:v>43269</c:v>
                </c:pt>
                <c:pt idx="120">
                  <c:v>43270</c:v>
                </c:pt>
                <c:pt idx="121">
                  <c:v>43271</c:v>
                </c:pt>
                <c:pt idx="122">
                  <c:v>43272</c:v>
                </c:pt>
                <c:pt idx="123">
                  <c:v>43273</c:v>
                </c:pt>
                <c:pt idx="124">
                  <c:v>43276</c:v>
                </c:pt>
                <c:pt idx="125">
                  <c:v>43277</c:v>
                </c:pt>
                <c:pt idx="126">
                  <c:v>43278</c:v>
                </c:pt>
                <c:pt idx="127">
                  <c:v>43279</c:v>
                </c:pt>
                <c:pt idx="128">
                  <c:v>43280</c:v>
                </c:pt>
                <c:pt idx="129">
                  <c:v>43283</c:v>
                </c:pt>
                <c:pt idx="130">
                  <c:v>43284</c:v>
                </c:pt>
                <c:pt idx="131">
                  <c:v>43285</c:v>
                </c:pt>
                <c:pt idx="132">
                  <c:v>43286</c:v>
                </c:pt>
                <c:pt idx="133">
                  <c:v>43287</c:v>
                </c:pt>
                <c:pt idx="134">
                  <c:v>43290</c:v>
                </c:pt>
                <c:pt idx="135">
                  <c:v>43291</c:v>
                </c:pt>
                <c:pt idx="136">
                  <c:v>43292</c:v>
                </c:pt>
                <c:pt idx="137">
                  <c:v>43293</c:v>
                </c:pt>
                <c:pt idx="138">
                  <c:v>43294</c:v>
                </c:pt>
                <c:pt idx="139">
                  <c:v>43297</c:v>
                </c:pt>
                <c:pt idx="140">
                  <c:v>43298</c:v>
                </c:pt>
                <c:pt idx="141">
                  <c:v>43299</c:v>
                </c:pt>
                <c:pt idx="142">
                  <c:v>43300</c:v>
                </c:pt>
                <c:pt idx="143">
                  <c:v>43301</c:v>
                </c:pt>
                <c:pt idx="144">
                  <c:v>43304</c:v>
                </c:pt>
                <c:pt idx="145">
                  <c:v>43305</c:v>
                </c:pt>
                <c:pt idx="146">
                  <c:v>43306</c:v>
                </c:pt>
                <c:pt idx="147">
                  <c:v>43307</c:v>
                </c:pt>
                <c:pt idx="148">
                  <c:v>43308</c:v>
                </c:pt>
                <c:pt idx="149">
                  <c:v>43311</c:v>
                </c:pt>
                <c:pt idx="150">
                  <c:v>43312</c:v>
                </c:pt>
                <c:pt idx="151">
                  <c:v>43313</c:v>
                </c:pt>
                <c:pt idx="152">
                  <c:v>43314</c:v>
                </c:pt>
                <c:pt idx="153">
                  <c:v>43315</c:v>
                </c:pt>
                <c:pt idx="154">
                  <c:v>43318</c:v>
                </c:pt>
                <c:pt idx="155">
                  <c:v>43319</c:v>
                </c:pt>
                <c:pt idx="156">
                  <c:v>43320</c:v>
                </c:pt>
                <c:pt idx="157">
                  <c:v>43321</c:v>
                </c:pt>
                <c:pt idx="158">
                  <c:v>43322</c:v>
                </c:pt>
                <c:pt idx="159">
                  <c:v>43325</c:v>
                </c:pt>
                <c:pt idx="160">
                  <c:v>43326</c:v>
                </c:pt>
                <c:pt idx="161">
                  <c:v>43327</c:v>
                </c:pt>
                <c:pt idx="162">
                  <c:v>43328</c:v>
                </c:pt>
                <c:pt idx="163">
                  <c:v>43329</c:v>
                </c:pt>
                <c:pt idx="164">
                  <c:v>43332</c:v>
                </c:pt>
                <c:pt idx="165">
                  <c:v>43333</c:v>
                </c:pt>
                <c:pt idx="166">
                  <c:v>43334</c:v>
                </c:pt>
                <c:pt idx="167">
                  <c:v>43335</c:v>
                </c:pt>
                <c:pt idx="168">
                  <c:v>43336</c:v>
                </c:pt>
                <c:pt idx="169">
                  <c:v>43339</c:v>
                </c:pt>
                <c:pt idx="170">
                  <c:v>43340</c:v>
                </c:pt>
                <c:pt idx="171">
                  <c:v>43341</c:v>
                </c:pt>
                <c:pt idx="172">
                  <c:v>43342</c:v>
                </c:pt>
                <c:pt idx="173">
                  <c:v>43343</c:v>
                </c:pt>
                <c:pt idx="174">
                  <c:v>43346</c:v>
                </c:pt>
                <c:pt idx="175">
                  <c:v>43347</c:v>
                </c:pt>
                <c:pt idx="176">
                  <c:v>43348</c:v>
                </c:pt>
                <c:pt idx="177">
                  <c:v>43349</c:v>
                </c:pt>
                <c:pt idx="178">
                  <c:v>43350</c:v>
                </c:pt>
                <c:pt idx="179">
                  <c:v>43353</c:v>
                </c:pt>
                <c:pt idx="180">
                  <c:v>43354</c:v>
                </c:pt>
                <c:pt idx="181">
                  <c:v>43355</c:v>
                </c:pt>
                <c:pt idx="182">
                  <c:v>43356</c:v>
                </c:pt>
                <c:pt idx="183">
                  <c:v>43357</c:v>
                </c:pt>
                <c:pt idx="184">
                  <c:v>43360</c:v>
                </c:pt>
                <c:pt idx="185">
                  <c:v>43361</c:v>
                </c:pt>
                <c:pt idx="186">
                  <c:v>43362</c:v>
                </c:pt>
                <c:pt idx="187">
                  <c:v>43363</c:v>
                </c:pt>
                <c:pt idx="188">
                  <c:v>43364</c:v>
                </c:pt>
                <c:pt idx="189">
                  <c:v>43367</c:v>
                </c:pt>
                <c:pt idx="190">
                  <c:v>43368</c:v>
                </c:pt>
                <c:pt idx="191">
                  <c:v>43369</c:v>
                </c:pt>
                <c:pt idx="192">
                  <c:v>43370</c:v>
                </c:pt>
                <c:pt idx="193">
                  <c:v>43371</c:v>
                </c:pt>
                <c:pt idx="194">
                  <c:v>43374</c:v>
                </c:pt>
                <c:pt idx="195">
                  <c:v>43375</c:v>
                </c:pt>
                <c:pt idx="196">
                  <c:v>43376</c:v>
                </c:pt>
                <c:pt idx="197">
                  <c:v>43377</c:v>
                </c:pt>
                <c:pt idx="198">
                  <c:v>43378</c:v>
                </c:pt>
                <c:pt idx="199">
                  <c:v>43381</c:v>
                </c:pt>
                <c:pt idx="200">
                  <c:v>43382</c:v>
                </c:pt>
                <c:pt idx="201">
                  <c:v>43383</c:v>
                </c:pt>
                <c:pt idx="202">
                  <c:v>43384</c:v>
                </c:pt>
                <c:pt idx="203">
                  <c:v>43385</c:v>
                </c:pt>
                <c:pt idx="204">
                  <c:v>43388</c:v>
                </c:pt>
                <c:pt idx="205">
                  <c:v>43389</c:v>
                </c:pt>
                <c:pt idx="206">
                  <c:v>43390</c:v>
                </c:pt>
                <c:pt idx="207">
                  <c:v>43391</c:v>
                </c:pt>
                <c:pt idx="208">
                  <c:v>43392</c:v>
                </c:pt>
                <c:pt idx="209">
                  <c:v>43395</c:v>
                </c:pt>
                <c:pt idx="210">
                  <c:v>43396</c:v>
                </c:pt>
                <c:pt idx="211">
                  <c:v>43397</c:v>
                </c:pt>
                <c:pt idx="212">
                  <c:v>43398</c:v>
                </c:pt>
                <c:pt idx="213">
                  <c:v>43399</c:v>
                </c:pt>
                <c:pt idx="214">
                  <c:v>43402</c:v>
                </c:pt>
                <c:pt idx="215">
                  <c:v>43403</c:v>
                </c:pt>
                <c:pt idx="216">
                  <c:v>43404</c:v>
                </c:pt>
                <c:pt idx="217">
                  <c:v>43405</c:v>
                </c:pt>
                <c:pt idx="218">
                  <c:v>43406</c:v>
                </c:pt>
                <c:pt idx="219">
                  <c:v>43409</c:v>
                </c:pt>
                <c:pt idx="220">
                  <c:v>43410</c:v>
                </c:pt>
                <c:pt idx="221">
                  <c:v>43411</c:v>
                </c:pt>
                <c:pt idx="222">
                  <c:v>43412</c:v>
                </c:pt>
                <c:pt idx="223">
                  <c:v>43413</c:v>
                </c:pt>
                <c:pt idx="224">
                  <c:v>43416</c:v>
                </c:pt>
                <c:pt idx="225">
                  <c:v>43417</c:v>
                </c:pt>
                <c:pt idx="226">
                  <c:v>43418</c:v>
                </c:pt>
                <c:pt idx="227">
                  <c:v>43419</c:v>
                </c:pt>
                <c:pt idx="228">
                  <c:v>43420</c:v>
                </c:pt>
                <c:pt idx="229">
                  <c:v>43423</c:v>
                </c:pt>
                <c:pt idx="230">
                  <c:v>43424</c:v>
                </c:pt>
                <c:pt idx="231">
                  <c:v>43425</c:v>
                </c:pt>
                <c:pt idx="232">
                  <c:v>43426</c:v>
                </c:pt>
                <c:pt idx="233">
                  <c:v>43427</c:v>
                </c:pt>
                <c:pt idx="234">
                  <c:v>43430</c:v>
                </c:pt>
                <c:pt idx="235">
                  <c:v>43431</c:v>
                </c:pt>
                <c:pt idx="236">
                  <c:v>43432</c:v>
                </c:pt>
                <c:pt idx="237">
                  <c:v>43433</c:v>
                </c:pt>
                <c:pt idx="238">
                  <c:v>43434</c:v>
                </c:pt>
                <c:pt idx="239">
                  <c:v>43437</c:v>
                </c:pt>
                <c:pt idx="240">
                  <c:v>43438</c:v>
                </c:pt>
                <c:pt idx="241">
                  <c:v>43439</c:v>
                </c:pt>
                <c:pt idx="242">
                  <c:v>43440</c:v>
                </c:pt>
                <c:pt idx="243">
                  <c:v>43441</c:v>
                </c:pt>
                <c:pt idx="244">
                  <c:v>43444</c:v>
                </c:pt>
                <c:pt idx="245">
                  <c:v>43445</c:v>
                </c:pt>
                <c:pt idx="246">
                  <c:v>43446</c:v>
                </c:pt>
                <c:pt idx="247">
                  <c:v>43447</c:v>
                </c:pt>
                <c:pt idx="248">
                  <c:v>43448</c:v>
                </c:pt>
                <c:pt idx="249">
                  <c:v>43451</c:v>
                </c:pt>
                <c:pt idx="250">
                  <c:v>43452</c:v>
                </c:pt>
                <c:pt idx="251">
                  <c:v>43453</c:v>
                </c:pt>
                <c:pt idx="252">
                  <c:v>43454</c:v>
                </c:pt>
                <c:pt idx="253">
                  <c:v>43455</c:v>
                </c:pt>
                <c:pt idx="254">
                  <c:v>43458</c:v>
                </c:pt>
                <c:pt idx="255">
                  <c:v>43459</c:v>
                </c:pt>
                <c:pt idx="256">
                  <c:v>43460</c:v>
                </c:pt>
                <c:pt idx="257">
                  <c:v>43461</c:v>
                </c:pt>
                <c:pt idx="258">
                  <c:v>43462</c:v>
                </c:pt>
                <c:pt idx="259">
                  <c:v>43465</c:v>
                </c:pt>
                <c:pt idx="260">
                  <c:v>43466</c:v>
                </c:pt>
                <c:pt idx="261">
                  <c:v>43467</c:v>
                </c:pt>
                <c:pt idx="262">
                  <c:v>43468</c:v>
                </c:pt>
                <c:pt idx="263">
                  <c:v>43469</c:v>
                </c:pt>
                <c:pt idx="264">
                  <c:v>43472</c:v>
                </c:pt>
                <c:pt idx="265">
                  <c:v>43473</c:v>
                </c:pt>
                <c:pt idx="266">
                  <c:v>43474</c:v>
                </c:pt>
                <c:pt idx="267">
                  <c:v>43475</c:v>
                </c:pt>
                <c:pt idx="268">
                  <c:v>43476</c:v>
                </c:pt>
                <c:pt idx="269">
                  <c:v>43479</c:v>
                </c:pt>
                <c:pt idx="270">
                  <c:v>43480</c:v>
                </c:pt>
                <c:pt idx="271">
                  <c:v>43481</c:v>
                </c:pt>
                <c:pt idx="272">
                  <c:v>43482</c:v>
                </c:pt>
                <c:pt idx="273">
                  <c:v>43483</c:v>
                </c:pt>
                <c:pt idx="274">
                  <c:v>43486</c:v>
                </c:pt>
                <c:pt idx="275">
                  <c:v>43487</c:v>
                </c:pt>
                <c:pt idx="276">
                  <c:v>43488</c:v>
                </c:pt>
                <c:pt idx="277">
                  <c:v>43489</c:v>
                </c:pt>
                <c:pt idx="278">
                  <c:v>43490</c:v>
                </c:pt>
                <c:pt idx="279">
                  <c:v>43493</c:v>
                </c:pt>
                <c:pt idx="280">
                  <c:v>43494</c:v>
                </c:pt>
                <c:pt idx="281">
                  <c:v>43495</c:v>
                </c:pt>
                <c:pt idx="282">
                  <c:v>43496</c:v>
                </c:pt>
                <c:pt idx="283">
                  <c:v>43497</c:v>
                </c:pt>
                <c:pt idx="284">
                  <c:v>43500</c:v>
                </c:pt>
                <c:pt idx="285">
                  <c:v>43501</c:v>
                </c:pt>
                <c:pt idx="286">
                  <c:v>43502</c:v>
                </c:pt>
                <c:pt idx="287">
                  <c:v>43503</c:v>
                </c:pt>
                <c:pt idx="288">
                  <c:v>43504</c:v>
                </c:pt>
                <c:pt idx="289">
                  <c:v>43507</c:v>
                </c:pt>
                <c:pt idx="290">
                  <c:v>43508</c:v>
                </c:pt>
                <c:pt idx="291">
                  <c:v>43509</c:v>
                </c:pt>
                <c:pt idx="292">
                  <c:v>43510</c:v>
                </c:pt>
                <c:pt idx="293">
                  <c:v>43511</c:v>
                </c:pt>
                <c:pt idx="294">
                  <c:v>43514</c:v>
                </c:pt>
                <c:pt idx="295">
                  <c:v>43515</c:v>
                </c:pt>
                <c:pt idx="296">
                  <c:v>43516</c:v>
                </c:pt>
                <c:pt idx="297">
                  <c:v>43517</c:v>
                </c:pt>
                <c:pt idx="298">
                  <c:v>43518</c:v>
                </c:pt>
                <c:pt idx="299">
                  <c:v>43521</c:v>
                </c:pt>
                <c:pt idx="300">
                  <c:v>43522</c:v>
                </c:pt>
                <c:pt idx="301">
                  <c:v>43523</c:v>
                </c:pt>
                <c:pt idx="302">
                  <c:v>43524</c:v>
                </c:pt>
                <c:pt idx="303">
                  <c:v>43525</c:v>
                </c:pt>
                <c:pt idx="304">
                  <c:v>43528</c:v>
                </c:pt>
                <c:pt idx="305">
                  <c:v>43529</c:v>
                </c:pt>
                <c:pt idx="306">
                  <c:v>43530</c:v>
                </c:pt>
                <c:pt idx="307">
                  <c:v>43531</c:v>
                </c:pt>
                <c:pt idx="308">
                  <c:v>43532</c:v>
                </c:pt>
                <c:pt idx="309">
                  <c:v>43535</c:v>
                </c:pt>
                <c:pt idx="310">
                  <c:v>43536</c:v>
                </c:pt>
                <c:pt idx="311">
                  <c:v>43537</c:v>
                </c:pt>
                <c:pt idx="312">
                  <c:v>43538</c:v>
                </c:pt>
                <c:pt idx="313">
                  <c:v>43539</c:v>
                </c:pt>
                <c:pt idx="314">
                  <c:v>43542</c:v>
                </c:pt>
                <c:pt idx="315">
                  <c:v>43543</c:v>
                </c:pt>
                <c:pt idx="316">
                  <c:v>43544</c:v>
                </c:pt>
                <c:pt idx="317">
                  <c:v>43545</c:v>
                </c:pt>
                <c:pt idx="318">
                  <c:v>43546</c:v>
                </c:pt>
                <c:pt idx="319">
                  <c:v>43549</c:v>
                </c:pt>
                <c:pt idx="320">
                  <c:v>43550</c:v>
                </c:pt>
                <c:pt idx="321">
                  <c:v>43551</c:v>
                </c:pt>
                <c:pt idx="322">
                  <c:v>43552</c:v>
                </c:pt>
                <c:pt idx="323">
                  <c:v>43553</c:v>
                </c:pt>
                <c:pt idx="324">
                  <c:v>43556</c:v>
                </c:pt>
                <c:pt idx="325">
                  <c:v>43557</c:v>
                </c:pt>
                <c:pt idx="326">
                  <c:v>43558</c:v>
                </c:pt>
                <c:pt idx="327">
                  <c:v>43559</c:v>
                </c:pt>
                <c:pt idx="328">
                  <c:v>43560</c:v>
                </c:pt>
                <c:pt idx="329">
                  <c:v>43563</c:v>
                </c:pt>
                <c:pt idx="330">
                  <c:v>43564</c:v>
                </c:pt>
                <c:pt idx="331">
                  <c:v>43565</c:v>
                </c:pt>
                <c:pt idx="332">
                  <c:v>43566</c:v>
                </c:pt>
                <c:pt idx="333">
                  <c:v>43567</c:v>
                </c:pt>
                <c:pt idx="334">
                  <c:v>43570</c:v>
                </c:pt>
                <c:pt idx="335">
                  <c:v>43571</c:v>
                </c:pt>
                <c:pt idx="336">
                  <c:v>43572</c:v>
                </c:pt>
                <c:pt idx="337">
                  <c:v>43573</c:v>
                </c:pt>
                <c:pt idx="338">
                  <c:v>43574</c:v>
                </c:pt>
                <c:pt idx="339">
                  <c:v>43577</c:v>
                </c:pt>
                <c:pt idx="340">
                  <c:v>43578</c:v>
                </c:pt>
                <c:pt idx="341">
                  <c:v>43579</c:v>
                </c:pt>
                <c:pt idx="342">
                  <c:v>43580</c:v>
                </c:pt>
                <c:pt idx="343">
                  <c:v>43581</c:v>
                </c:pt>
                <c:pt idx="344">
                  <c:v>43584</c:v>
                </c:pt>
                <c:pt idx="345">
                  <c:v>43585</c:v>
                </c:pt>
                <c:pt idx="346">
                  <c:v>43586</c:v>
                </c:pt>
                <c:pt idx="347">
                  <c:v>43587</c:v>
                </c:pt>
                <c:pt idx="348">
                  <c:v>43588</c:v>
                </c:pt>
                <c:pt idx="349">
                  <c:v>43591</c:v>
                </c:pt>
                <c:pt idx="350">
                  <c:v>43592</c:v>
                </c:pt>
                <c:pt idx="351">
                  <c:v>43593</c:v>
                </c:pt>
                <c:pt idx="352">
                  <c:v>43594</c:v>
                </c:pt>
                <c:pt idx="353">
                  <c:v>43595</c:v>
                </c:pt>
                <c:pt idx="354">
                  <c:v>43598</c:v>
                </c:pt>
                <c:pt idx="355">
                  <c:v>43599</c:v>
                </c:pt>
                <c:pt idx="356">
                  <c:v>43600</c:v>
                </c:pt>
                <c:pt idx="357">
                  <c:v>43601</c:v>
                </c:pt>
                <c:pt idx="358">
                  <c:v>43602</c:v>
                </c:pt>
                <c:pt idx="359">
                  <c:v>43605</c:v>
                </c:pt>
                <c:pt idx="360">
                  <c:v>43606</c:v>
                </c:pt>
                <c:pt idx="361">
                  <c:v>43607</c:v>
                </c:pt>
                <c:pt idx="362">
                  <c:v>43608</c:v>
                </c:pt>
                <c:pt idx="363">
                  <c:v>43609</c:v>
                </c:pt>
                <c:pt idx="364">
                  <c:v>43612</c:v>
                </c:pt>
                <c:pt idx="365">
                  <c:v>43613</c:v>
                </c:pt>
                <c:pt idx="366">
                  <c:v>43614</c:v>
                </c:pt>
                <c:pt idx="367">
                  <c:v>43615</c:v>
                </c:pt>
                <c:pt idx="368">
                  <c:v>43616</c:v>
                </c:pt>
                <c:pt idx="369">
                  <c:v>43619</c:v>
                </c:pt>
                <c:pt idx="370">
                  <c:v>43620</c:v>
                </c:pt>
                <c:pt idx="371">
                  <c:v>43621</c:v>
                </c:pt>
                <c:pt idx="372">
                  <c:v>43622</c:v>
                </c:pt>
                <c:pt idx="373">
                  <c:v>43623</c:v>
                </c:pt>
                <c:pt idx="374">
                  <c:v>43626</c:v>
                </c:pt>
                <c:pt idx="375">
                  <c:v>43627</c:v>
                </c:pt>
                <c:pt idx="376">
                  <c:v>43628</c:v>
                </c:pt>
                <c:pt idx="377">
                  <c:v>43629</c:v>
                </c:pt>
                <c:pt idx="378">
                  <c:v>43630</c:v>
                </c:pt>
                <c:pt idx="379">
                  <c:v>43633</c:v>
                </c:pt>
                <c:pt idx="380">
                  <c:v>43634</c:v>
                </c:pt>
                <c:pt idx="381">
                  <c:v>43635</c:v>
                </c:pt>
                <c:pt idx="382">
                  <c:v>43636</c:v>
                </c:pt>
                <c:pt idx="383">
                  <c:v>43637</c:v>
                </c:pt>
                <c:pt idx="384">
                  <c:v>43640</c:v>
                </c:pt>
                <c:pt idx="385">
                  <c:v>43641</c:v>
                </c:pt>
                <c:pt idx="386">
                  <c:v>43642</c:v>
                </c:pt>
                <c:pt idx="387">
                  <c:v>43643</c:v>
                </c:pt>
                <c:pt idx="388">
                  <c:v>43644</c:v>
                </c:pt>
                <c:pt idx="389">
                  <c:v>43647</c:v>
                </c:pt>
                <c:pt idx="390">
                  <c:v>43648</c:v>
                </c:pt>
                <c:pt idx="391">
                  <c:v>43649</c:v>
                </c:pt>
                <c:pt idx="392">
                  <c:v>43650</c:v>
                </c:pt>
                <c:pt idx="393">
                  <c:v>43651</c:v>
                </c:pt>
                <c:pt idx="394">
                  <c:v>43654</c:v>
                </c:pt>
                <c:pt idx="395">
                  <c:v>43655</c:v>
                </c:pt>
                <c:pt idx="396">
                  <c:v>43656</c:v>
                </c:pt>
                <c:pt idx="397">
                  <c:v>43657</c:v>
                </c:pt>
                <c:pt idx="398">
                  <c:v>43658</c:v>
                </c:pt>
                <c:pt idx="399">
                  <c:v>43661</c:v>
                </c:pt>
                <c:pt idx="400">
                  <c:v>43662</c:v>
                </c:pt>
                <c:pt idx="401">
                  <c:v>43663</c:v>
                </c:pt>
                <c:pt idx="402">
                  <c:v>43664</c:v>
                </c:pt>
                <c:pt idx="403">
                  <c:v>43665</c:v>
                </c:pt>
                <c:pt idx="404">
                  <c:v>43668</c:v>
                </c:pt>
                <c:pt idx="405">
                  <c:v>43669</c:v>
                </c:pt>
                <c:pt idx="406">
                  <c:v>43670</c:v>
                </c:pt>
                <c:pt idx="407">
                  <c:v>43671</c:v>
                </c:pt>
                <c:pt idx="408">
                  <c:v>43672</c:v>
                </c:pt>
                <c:pt idx="409">
                  <c:v>43675</c:v>
                </c:pt>
                <c:pt idx="410">
                  <c:v>43676</c:v>
                </c:pt>
                <c:pt idx="411">
                  <c:v>43677</c:v>
                </c:pt>
                <c:pt idx="412">
                  <c:v>43678</c:v>
                </c:pt>
                <c:pt idx="413">
                  <c:v>43679</c:v>
                </c:pt>
                <c:pt idx="414">
                  <c:v>43682</c:v>
                </c:pt>
                <c:pt idx="415">
                  <c:v>43683</c:v>
                </c:pt>
                <c:pt idx="416">
                  <c:v>43684</c:v>
                </c:pt>
                <c:pt idx="417">
                  <c:v>43685</c:v>
                </c:pt>
                <c:pt idx="418">
                  <c:v>43686</c:v>
                </c:pt>
                <c:pt idx="419">
                  <c:v>43689</c:v>
                </c:pt>
                <c:pt idx="420">
                  <c:v>43690</c:v>
                </c:pt>
                <c:pt idx="421">
                  <c:v>43691</c:v>
                </c:pt>
                <c:pt idx="422">
                  <c:v>43692</c:v>
                </c:pt>
                <c:pt idx="423">
                  <c:v>43693</c:v>
                </c:pt>
                <c:pt idx="424">
                  <c:v>43696</c:v>
                </c:pt>
                <c:pt idx="425">
                  <c:v>43697</c:v>
                </c:pt>
                <c:pt idx="426">
                  <c:v>43698</c:v>
                </c:pt>
                <c:pt idx="427">
                  <c:v>43699</c:v>
                </c:pt>
                <c:pt idx="428">
                  <c:v>43700</c:v>
                </c:pt>
                <c:pt idx="429">
                  <c:v>43703</c:v>
                </c:pt>
                <c:pt idx="430">
                  <c:v>43704</c:v>
                </c:pt>
                <c:pt idx="431">
                  <c:v>43705</c:v>
                </c:pt>
                <c:pt idx="432">
                  <c:v>43706</c:v>
                </c:pt>
                <c:pt idx="433">
                  <c:v>43707</c:v>
                </c:pt>
                <c:pt idx="434">
                  <c:v>43710</c:v>
                </c:pt>
                <c:pt idx="435">
                  <c:v>43711</c:v>
                </c:pt>
                <c:pt idx="436">
                  <c:v>43712</c:v>
                </c:pt>
                <c:pt idx="437">
                  <c:v>43713</c:v>
                </c:pt>
                <c:pt idx="438">
                  <c:v>43714</c:v>
                </c:pt>
                <c:pt idx="439">
                  <c:v>43717</c:v>
                </c:pt>
                <c:pt idx="440">
                  <c:v>43718</c:v>
                </c:pt>
                <c:pt idx="441">
                  <c:v>43719</c:v>
                </c:pt>
                <c:pt idx="442">
                  <c:v>43720</c:v>
                </c:pt>
                <c:pt idx="443">
                  <c:v>43721</c:v>
                </c:pt>
                <c:pt idx="444">
                  <c:v>43724</c:v>
                </c:pt>
                <c:pt idx="445">
                  <c:v>43725</c:v>
                </c:pt>
                <c:pt idx="446">
                  <c:v>43726</c:v>
                </c:pt>
                <c:pt idx="447">
                  <c:v>43727</c:v>
                </c:pt>
                <c:pt idx="448">
                  <c:v>43728</c:v>
                </c:pt>
                <c:pt idx="449">
                  <c:v>43731</c:v>
                </c:pt>
                <c:pt idx="450">
                  <c:v>43732</c:v>
                </c:pt>
                <c:pt idx="451">
                  <c:v>43733</c:v>
                </c:pt>
                <c:pt idx="452">
                  <c:v>43734</c:v>
                </c:pt>
                <c:pt idx="453">
                  <c:v>43735</c:v>
                </c:pt>
                <c:pt idx="454">
                  <c:v>43738</c:v>
                </c:pt>
                <c:pt idx="455">
                  <c:v>43739</c:v>
                </c:pt>
                <c:pt idx="456">
                  <c:v>43740</c:v>
                </c:pt>
                <c:pt idx="457">
                  <c:v>43741</c:v>
                </c:pt>
                <c:pt idx="458">
                  <c:v>43742</c:v>
                </c:pt>
                <c:pt idx="459">
                  <c:v>43745</c:v>
                </c:pt>
                <c:pt idx="460">
                  <c:v>43746</c:v>
                </c:pt>
                <c:pt idx="461">
                  <c:v>43747</c:v>
                </c:pt>
                <c:pt idx="462">
                  <c:v>43748</c:v>
                </c:pt>
                <c:pt idx="463">
                  <c:v>43749</c:v>
                </c:pt>
                <c:pt idx="464">
                  <c:v>43752</c:v>
                </c:pt>
                <c:pt idx="465">
                  <c:v>43753</c:v>
                </c:pt>
                <c:pt idx="466">
                  <c:v>43754</c:v>
                </c:pt>
                <c:pt idx="467">
                  <c:v>43755</c:v>
                </c:pt>
                <c:pt idx="468">
                  <c:v>43756</c:v>
                </c:pt>
                <c:pt idx="469">
                  <c:v>43759</c:v>
                </c:pt>
                <c:pt idx="470">
                  <c:v>43760</c:v>
                </c:pt>
                <c:pt idx="471">
                  <c:v>43761</c:v>
                </c:pt>
                <c:pt idx="472">
                  <c:v>43762</c:v>
                </c:pt>
                <c:pt idx="473">
                  <c:v>43763</c:v>
                </c:pt>
                <c:pt idx="474">
                  <c:v>43766</c:v>
                </c:pt>
                <c:pt idx="475">
                  <c:v>43767</c:v>
                </c:pt>
                <c:pt idx="476">
                  <c:v>43768</c:v>
                </c:pt>
                <c:pt idx="477">
                  <c:v>43769</c:v>
                </c:pt>
                <c:pt idx="478">
                  <c:v>43770</c:v>
                </c:pt>
                <c:pt idx="479">
                  <c:v>43773</c:v>
                </c:pt>
                <c:pt idx="480">
                  <c:v>43774</c:v>
                </c:pt>
                <c:pt idx="481">
                  <c:v>43775</c:v>
                </c:pt>
                <c:pt idx="482">
                  <c:v>43776</c:v>
                </c:pt>
                <c:pt idx="483">
                  <c:v>43777</c:v>
                </c:pt>
                <c:pt idx="484">
                  <c:v>43780</c:v>
                </c:pt>
                <c:pt idx="485">
                  <c:v>43781</c:v>
                </c:pt>
                <c:pt idx="486">
                  <c:v>43782</c:v>
                </c:pt>
                <c:pt idx="487">
                  <c:v>43783</c:v>
                </c:pt>
                <c:pt idx="488">
                  <c:v>43784</c:v>
                </c:pt>
                <c:pt idx="489">
                  <c:v>43787</c:v>
                </c:pt>
                <c:pt idx="490">
                  <c:v>43788</c:v>
                </c:pt>
                <c:pt idx="491">
                  <c:v>43789</c:v>
                </c:pt>
                <c:pt idx="492">
                  <c:v>43790</c:v>
                </c:pt>
                <c:pt idx="493">
                  <c:v>43791</c:v>
                </c:pt>
                <c:pt idx="494">
                  <c:v>43794</c:v>
                </c:pt>
                <c:pt idx="495">
                  <c:v>43795</c:v>
                </c:pt>
                <c:pt idx="496">
                  <c:v>43796</c:v>
                </c:pt>
                <c:pt idx="497">
                  <c:v>43797</c:v>
                </c:pt>
                <c:pt idx="498">
                  <c:v>43798</c:v>
                </c:pt>
                <c:pt idx="499">
                  <c:v>43801</c:v>
                </c:pt>
                <c:pt idx="500">
                  <c:v>43802</c:v>
                </c:pt>
                <c:pt idx="501">
                  <c:v>43803</c:v>
                </c:pt>
                <c:pt idx="502">
                  <c:v>43804</c:v>
                </c:pt>
                <c:pt idx="503">
                  <c:v>43805</c:v>
                </c:pt>
                <c:pt idx="504">
                  <c:v>43808</c:v>
                </c:pt>
                <c:pt idx="505">
                  <c:v>43809</c:v>
                </c:pt>
                <c:pt idx="506">
                  <c:v>43810</c:v>
                </c:pt>
                <c:pt idx="507">
                  <c:v>43811</c:v>
                </c:pt>
                <c:pt idx="508">
                  <c:v>43812</c:v>
                </c:pt>
                <c:pt idx="509">
                  <c:v>43815</c:v>
                </c:pt>
                <c:pt idx="510">
                  <c:v>43816</c:v>
                </c:pt>
                <c:pt idx="511">
                  <c:v>43817</c:v>
                </c:pt>
                <c:pt idx="512">
                  <c:v>43818</c:v>
                </c:pt>
                <c:pt idx="513">
                  <c:v>43819</c:v>
                </c:pt>
                <c:pt idx="514">
                  <c:v>43822</c:v>
                </c:pt>
                <c:pt idx="515">
                  <c:v>43823</c:v>
                </c:pt>
                <c:pt idx="516">
                  <c:v>43824</c:v>
                </c:pt>
                <c:pt idx="517">
                  <c:v>43825</c:v>
                </c:pt>
                <c:pt idx="518">
                  <c:v>43826</c:v>
                </c:pt>
                <c:pt idx="519">
                  <c:v>43829</c:v>
                </c:pt>
                <c:pt idx="520">
                  <c:v>43830</c:v>
                </c:pt>
                <c:pt idx="521">
                  <c:v>43831</c:v>
                </c:pt>
                <c:pt idx="522">
                  <c:v>43832</c:v>
                </c:pt>
                <c:pt idx="523">
                  <c:v>43833</c:v>
                </c:pt>
                <c:pt idx="524">
                  <c:v>43836</c:v>
                </c:pt>
                <c:pt idx="525">
                  <c:v>43837</c:v>
                </c:pt>
                <c:pt idx="526">
                  <c:v>43838</c:v>
                </c:pt>
                <c:pt idx="527">
                  <c:v>43839</c:v>
                </c:pt>
                <c:pt idx="528">
                  <c:v>43840</c:v>
                </c:pt>
                <c:pt idx="529">
                  <c:v>43843</c:v>
                </c:pt>
                <c:pt idx="530">
                  <c:v>43844</c:v>
                </c:pt>
                <c:pt idx="531">
                  <c:v>43845</c:v>
                </c:pt>
                <c:pt idx="532">
                  <c:v>43846</c:v>
                </c:pt>
                <c:pt idx="533">
                  <c:v>43847</c:v>
                </c:pt>
                <c:pt idx="534">
                  <c:v>43850</c:v>
                </c:pt>
                <c:pt idx="535">
                  <c:v>43851</c:v>
                </c:pt>
                <c:pt idx="536">
                  <c:v>43852</c:v>
                </c:pt>
                <c:pt idx="537">
                  <c:v>43853</c:v>
                </c:pt>
                <c:pt idx="538">
                  <c:v>43854</c:v>
                </c:pt>
                <c:pt idx="539">
                  <c:v>43857</c:v>
                </c:pt>
                <c:pt idx="540">
                  <c:v>43858</c:v>
                </c:pt>
                <c:pt idx="541">
                  <c:v>43859</c:v>
                </c:pt>
                <c:pt idx="542">
                  <c:v>43860</c:v>
                </c:pt>
                <c:pt idx="543">
                  <c:v>43861</c:v>
                </c:pt>
                <c:pt idx="544">
                  <c:v>43864</c:v>
                </c:pt>
                <c:pt idx="545">
                  <c:v>43865</c:v>
                </c:pt>
                <c:pt idx="546">
                  <c:v>43866</c:v>
                </c:pt>
                <c:pt idx="547">
                  <c:v>43867</c:v>
                </c:pt>
                <c:pt idx="548">
                  <c:v>43868</c:v>
                </c:pt>
                <c:pt idx="549">
                  <c:v>43871</c:v>
                </c:pt>
                <c:pt idx="550">
                  <c:v>43872</c:v>
                </c:pt>
                <c:pt idx="551">
                  <c:v>43873</c:v>
                </c:pt>
                <c:pt idx="552">
                  <c:v>43874</c:v>
                </c:pt>
                <c:pt idx="553">
                  <c:v>43875</c:v>
                </c:pt>
                <c:pt idx="554">
                  <c:v>43878</c:v>
                </c:pt>
                <c:pt idx="555">
                  <c:v>43879</c:v>
                </c:pt>
                <c:pt idx="556">
                  <c:v>43880</c:v>
                </c:pt>
                <c:pt idx="557">
                  <c:v>43881</c:v>
                </c:pt>
                <c:pt idx="558">
                  <c:v>43882</c:v>
                </c:pt>
                <c:pt idx="559">
                  <c:v>43885</c:v>
                </c:pt>
                <c:pt idx="560">
                  <c:v>43886</c:v>
                </c:pt>
                <c:pt idx="561">
                  <c:v>43887</c:v>
                </c:pt>
                <c:pt idx="562">
                  <c:v>43888</c:v>
                </c:pt>
                <c:pt idx="563">
                  <c:v>43889</c:v>
                </c:pt>
                <c:pt idx="564">
                  <c:v>43892</c:v>
                </c:pt>
                <c:pt idx="565">
                  <c:v>43893</c:v>
                </c:pt>
                <c:pt idx="566">
                  <c:v>43894</c:v>
                </c:pt>
                <c:pt idx="567">
                  <c:v>43895</c:v>
                </c:pt>
                <c:pt idx="568">
                  <c:v>43896</c:v>
                </c:pt>
                <c:pt idx="569">
                  <c:v>43899</c:v>
                </c:pt>
                <c:pt idx="570">
                  <c:v>43900</c:v>
                </c:pt>
                <c:pt idx="571">
                  <c:v>43901</c:v>
                </c:pt>
                <c:pt idx="572">
                  <c:v>43902</c:v>
                </c:pt>
                <c:pt idx="573">
                  <c:v>43903</c:v>
                </c:pt>
                <c:pt idx="574">
                  <c:v>43906</c:v>
                </c:pt>
                <c:pt idx="575">
                  <c:v>43907</c:v>
                </c:pt>
                <c:pt idx="576">
                  <c:v>43908</c:v>
                </c:pt>
                <c:pt idx="577">
                  <c:v>43909</c:v>
                </c:pt>
                <c:pt idx="578">
                  <c:v>43910</c:v>
                </c:pt>
                <c:pt idx="579">
                  <c:v>43913</c:v>
                </c:pt>
                <c:pt idx="580">
                  <c:v>43914</c:v>
                </c:pt>
                <c:pt idx="581">
                  <c:v>43915</c:v>
                </c:pt>
                <c:pt idx="582">
                  <c:v>43916</c:v>
                </c:pt>
                <c:pt idx="583">
                  <c:v>43917</c:v>
                </c:pt>
                <c:pt idx="584">
                  <c:v>43920</c:v>
                </c:pt>
                <c:pt idx="585">
                  <c:v>43921</c:v>
                </c:pt>
                <c:pt idx="586">
                  <c:v>43922</c:v>
                </c:pt>
                <c:pt idx="587">
                  <c:v>43923</c:v>
                </c:pt>
                <c:pt idx="588">
                  <c:v>43924</c:v>
                </c:pt>
                <c:pt idx="589">
                  <c:v>43927</c:v>
                </c:pt>
                <c:pt idx="590">
                  <c:v>43928</c:v>
                </c:pt>
                <c:pt idx="591">
                  <c:v>43929</c:v>
                </c:pt>
                <c:pt idx="592">
                  <c:v>43930</c:v>
                </c:pt>
                <c:pt idx="593">
                  <c:v>43931</c:v>
                </c:pt>
                <c:pt idx="594">
                  <c:v>43934</c:v>
                </c:pt>
                <c:pt idx="595">
                  <c:v>43935</c:v>
                </c:pt>
                <c:pt idx="596">
                  <c:v>43936</c:v>
                </c:pt>
                <c:pt idx="597">
                  <c:v>43937</c:v>
                </c:pt>
                <c:pt idx="598">
                  <c:v>43938</c:v>
                </c:pt>
                <c:pt idx="599">
                  <c:v>43941</c:v>
                </c:pt>
                <c:pt idx="600">
                  <c:v>43942</c:v>
                </c:pt>
                <c:pt idx="601">
                  <c:v>43943</c:v>
                </c:pt>
                <c:pt idx="602">
                  <c:v>43944</c:v>
                </c:pt>
                <c:pt idx="603">
                  <c:v>43945</c:v>
                </c:pt>
                <c:pt idx="604">
                  <c:v>43948</c:v>
                </c:pt>
                <c:pt idx="605">
                  <c:v>43949</c:v>
                </c:pt>
                <c:pt idx="606">
                  <c:v>43950</c:v>
                </c:pt>
                <c:pt idx="607">
                  <c:v>43951</c:v>
                </c:pt>
                <c:pt idx="608">
                  <c:v>43952</c:v>
                </c:pt>
                <c:pt idx="609">
                  <c:v>43955</c:v>
                </c:pt>
                <c:pt idx="610">
                  <c:v>43956</c:v>
                </c:pt>
                <c:pt idx="611">
                  <c:v>43957</c:v>
                </c:pt>
                <c:pt idx="612">
                  <c:v>43958</c:v>
                </c:pt>
                <c:pt idx="613">
                  <c:v>43959</c:v>
                </c:pt>
                <c:pt idx="614">
                  <c:v>43962</c:v>
                </c:pt>
                <c:pt idx="615">
                  <c:v>43963</c:v>
                </c:pt>
                <c:pt idx="616">
                  <c:v>43964</c:v>
                </c:pt>
                <c:pt idx="617">
                  <c:v>43965</c:v>
                </c:pt>
                <c:pt idx="618">
                  <c:v>43966</c:v>
                </c:pt>
                <c:pt idx="619">
                  <c:v>43969</c:v>
                </c:pt>
                <c:pt idx="620">
                  <c:v>43970</c:v>
                </c:pt>
                <c:pt idx="621">
                  <c:v>43971</c:v>
                </c:pt>
                <c:pt idx="622">
                  <c:v>43972</c:v>
                </c:pt>
                <c:pt idx="623">
                  <c:v>43973</c:v>
                </c:pt>
                <c:pt idx="624">
                  <c:v>43976</c:v>
                </c:pt>
                <c:pt idx="625">
                  <c:v>43977</c:v>
                </c:pt>
                <c:pt idx="626">
                  <c:v>43978</c:v>
                </c:pt>
                <c:pt idx="627">
                  <c:v>43979</c:v>
                </c:pt>
                <c:pt idx="628">
                  <c:v>43980</c:v>
                </c:pt>
                <c:pt idx="629">
                  <c:v>43983</c:v>
                </c:pt>
                <c:pt idx="630">
                  <c:v>43984</c:v>
                </c:pt>
                <c:pt idx="631">
                  <c:v>43985</c:v>
                </c:pt>
                <c:pt idx="632">
                  <c:v>43986</c:v>
                </c:pt>
                <c:pt idx="633">
                  <c:v>43987</c:v>
                </c:pt>
                <c:pt idx="634">
                  <c:v>43990</c:v>
                </c:pt>
                <c:pt idx="635">
                  <c:v>43991</c:v>
                </c:pt>
                <c:pt idx="636">
                  <c:v>43992</c:v>
                </c:pt>
                <c:pt idx="637">
                  <c:v>43993</c:v>
                </c:pt>
                <c:pt idx="638">
                  <c:v>43994</c:v>
                </c:pt>
                <c:pt idx="639">
                  <c:v>43997</c:v>
                </c:pt>
                <c:pt idx="640">
                  <c:v>43998</c:v>
                </c:pt>
                <c:pt idx="641">
                  <c:v>43999</c:v>
                </c:pt>
                <c:pt idx="642">
                  <c:v>44000</c:v>
                </c:pt>
                <c:pt idx="643">
                  <c:v>44001</c:v>
                </c:pt>
                <c:pt idx="644">
                  <c:v>44004</c:v>
                </c:pt>
                <c:pt idx="645">
                  <c:v>44005</c:v>
                </c:pt>
                <c:pt idx="646">
                  <c:v>44006</c:v>
                </c:pt>
                <c:pt idx="647">
                  <c:v>44007</c:v>
                </c:pt>
                <c:pt idx="648">
                  <c:v>44008</c:v>
                </c:pt>
                <c:pt idx="649">
                  <c:v>44011</c:v>
                </c:pt>
                <c:pt idx="650">
                  <c:v>44012</c:v>
                </c:pt>
                <c:pt idx="651">
                  <c:v>44013</c:v>
                </c:pt>
                <c:pt idx="652">
                  <c:v>44014</c:v>
                </c:pt>
                <c:pt idx="653">
                  <c:v>44015</c:v>
                </c:pt>
                <c:pt idx="654">
                  <c:v>44018</c:v>
                </c:pt>
                <c:pt idx="655">
                  <c:v>44019</c:v>
                </c:pt>
                <c:pt idx="656">
                  <c:v>44020</c:v>
                </c:pt>
                <c:pt idx="657">
                  <c:v>44021</c:v>
                </c:pt>
                <c:pt idx="658">
                  <c:v>44022</c:v>
                </c:pt>
                <c:pt idx="659">
                  <c:v>44025</c:v>
                </c:pt>
                <c:pt idx="660">
                  <c:v>44026</c:v>
                </c:pt>
                <c:pt idx="661">
                  <c:v>44027</c:v>
                </c:pt>
                <c:pt idx="662">
                  <c:v>44028</c:v>
                </c:pt>
                <c:pt idx="663">
                  <c:v>44029</c:v>
                </c:pt>
                <c:pt idx="664">
                  <c:v>44032</c:v>
                </c:pt>
                <c:pt idx="665">
                  <c:v>44033</c:v>
                </c:pt>
                <c:pt idx="666">
                  <c:v>44034</c:v>
                </c:pt>
                <c:pt idx="667">
                  <c:v>44035</c:v>
                </c:pt>
                <c:pt idx="668">
                  <c:v>44036</c:v>
                </c:pt>
                <c:pt idx="669">
                  <c:v>44039</c:v>
                </c:pt>
                <c:pt idx="670">
                  <c:v>44040</c:v>
                </c:pt>
                <c:pt idx="671">
                  <c:v>44041</c:v>
                </c:pt>
                <c:pt idx="672">
                  <c:v>44042</c:v>
                </c:pt>
                <c:pt idx="673">
                  <c:v>44043</c:v>
                </c:pt>
                <c:pt idx="674">
                  <c:v>44046</c:v>
                </c:pt>
                <c:pt idx="675">
                  <c:v>44047</c:v>
                </c:pt>
                <c:pt idx="676">
                  <c:v>44048</c:v>
                </c:pt>
                <c:pt idx="677">
                  <c:v>44049</c:v>
                </c:pt>
                <c:pt idx="678">
                  <c:v>44050</c:v>
                </c:pt>
                <c:pt idx="679">
                  <c:v>44053</c:v>
                </c:pt>
                <c:pt idx="680">
                  <c:v>44054</c:v>
                </c:pt>
                <c:pt idx="681">
                  <c:v>44055</c:v>
                </c:pt>
                <c:pt idx="682">
                  <c:v>44056</c:v>
                </c:pt>
                <c:pt idx="683">
                  <c:v>44057</c:v>
                </c:pt>
                <c:pt idx="684">
                  <c:v>44060</c:v>
                </c:pt>
                <c:pt idx="685">
                  <c:v>44061</c:v>
                </c:pt>
                <c:pt idx="686">
                  <c:v>44062</c:v>
                </c:pt>
                <c:pt idx="687">
                  <c:v>44063</c:v>
                </c:pt>
                <c:pt idx="688">
                  <c:v>44064</c:v>
                </c:pt>
                <c:pt idx="689">
                  <c:v>44067</c:v>
                </c:pt>
                <c:pt idx="690">
                  <c:v>44068</c:v>
                </c:pt>
                <c:pt idx="691">
                  <c:v>44069</c:v>
                </c:pt>
                <c:pt idx="692">
                  <c:v>44070</c:v>
                </c:pt>
                <c:pt idx="693">
                  <c:v>44071</c:v>
                </c:pt>
                <c:pt idx="694">
                  <c:v>44074</c:v>
                </c:pt>
                <c:pt idx="695">
                  <c:v>44075</c:v>
                </c:pt>
                <c:pt idx="696">
                  <c:v>44076</c:v>
                </c:pt>
                <c:pt idx="697">
                  <c:v>44077</c:v>
                </c:pt>
                <c:pt idx="698">
                  <c:v>44078</c:v>
                </c:pt>
                <c:pt idx="699">
                  <c:v>44081</c:v>
                </c:pt>
                <c:pt idx="700">
                  <c:v>44082</c:v>
                </c:pt>
                <c:pt idx="701">
                  <c:v>44083</c:v>
                </c:pt>
                <c:pt idx="702">
                  <c:v>44084</c:v>
                </c:pt>
                <c:pt idx="703">
                  <c:v>44085</c:v>
                </c:pt>
                <c:pt idx="704">
                  <c:v>44088</c:v>
                </c:pt>
                <c:pt idx="705">
                  <c:v>44089</c:v>
                </c:pt>
                <c:pt idx="706">
                  <c:v>44090</c:v>
                </c:pt>
                <c:pt idx="707">
                  <c:v>44091</c:v>
                </c:pt>
                <c:pt idx="708">
                  <c:v>44092</c:v>
                </c:pt>
                <c:pt idx="709">
                  <c:v>44095</c:v>
                </c:pt>
                <c:pt idx="710">
                  <c:v>44096</c:v>
                </c:pt>
                <c:pt idx="711">
                  <c:v>44097</c:v>
                </c:pt>
                <c:pt idx="712">
                  <c:v>44098</c:v>
                </c:pt>
                <c:pt idx="713">
                  <c:v>44099</c:v>
                </c:pt>
                <c:pt idx="714">
                  <c:v>44102</c:v>
                </c:pt>
                <c:pt idx="715">
                  <c:v>44103</c:v>
                </c:pt>
                <c:pt idx="716">
                  <c:v>44104</c:v>
                </c:pt>
                <c:pt idx="717">
                  <c:v>44105</c:v>
                </c:pt>
                <c:pt idx="718">
                  <c:v>44106</c:v>
                </c:pt>
                <c:pt idx="719">
                  <c:v>44109</c:v>
                </c:pt>
                <c:pt idx="720">
                  <c:v>44110</c:v>
                </c:pt>
                <c:pt idx="721">
                  <c:v>44111</c:v>
                </c:pt>
                <c:pt idx="722">
                  <c:v>44112</c:v>
                </c:pt>
                <c:pt idx="723">
                  <c:v>44113</c:v>
                </c:pt>
                <c:pt idx="724">
                  <c:v>44116</c:v>
                </c:pt>
                <c:pt idx="725">
                  <c:v>44117</c:v>
                </c:pt>
                <c:pt idx="726">
                  <c:v>44118</c:v>
                </c:pt>
                <c:pt idx="727">
                  <c:v>44119</c:v>
                </c:pt>
                <c:pt idx="728">
                  <c:v>44120</c:v>
                </c:pt>
                <c:pt idx="729">
                  <c:v>44123</c:v>
                </c:pt>
                <c:pt idx="730">
                  <c:v>44124</c:v>
                </c:pt>
                <c:pt idx="731">
                  <c:v>44125</c:v>
                </c:pt>
                <c:pt idx="732">
                  <c:v>44126</c:v>
                </c:pt>
                <c:pt idx="733">
                  <c:v>44127</c:v>
                </c:pt>
                <c:pt idx="734">
                  <c:v>44130</c:v>
                </c:pt>
                <c:pt idx="735">
                  <c:v>44131</c:v>
                </c:pt>
                <c:pt idx="736">
                  <c:v>44132</c:v>
                </c:pt>
                <c:pt idx="737">
                  <c:v>44133</c:v>
                </c:pt>
                <c:pt idx="738">
                  <c:v>44134</c:v>
                </c:pt>
                <c:pt idx="739">
                  <c:v>44137</c:v>
                </c:pt>
                <c:pt idx="740">
                  <c:v>44138</c:v>
                </c:pt>
                <c:pt idx="741">
                  <c:v>44139</c:v>
                </c:pt>
                <c:pt idx="742">
                  <c:v>44140</c:v>
                </c:pt>
                <c:pt idx="743">
                  <c:v>44141</c:v>
                </c:pt>
                <c:pt idx="744">
                  <c:v>44144</c:v>
                </c:pt>
                <c:pt idx="745">
                  <c:v>44145</c:v>
                </c:pt>
                <c:pt idx="746">
                  <c:v>44146</c:v>
                </c:pt>
                <c:pt idx="747">
                  <c:v>44147</c:v>
                </c:pt>
                <c:pt idx="748">
                  <c:v>44148</c:v>
                </c:pt>
                <c:pt idx="749">
                  <c:v>44151</c:v>
                </c:pt>
                <c:pt idx="750">
                  <c:v>44152</c:v>
                </c:pt>
                <c:pt idx="751">
                  <c:v>44153</c:v>
                </c:pt>
                <c:pt idx="752">
                  <c:v>44154</c:v>
                </c:pt>
                <c:pt idx="753">
                  <c:v>44155</c:v>
                </c:pt>
                <c:pt idx="754">
                  <c:v>44158</c:v>
                </c:pt>
                <c:pt idx="755">
                  <c:v>44159</c:v>
                </c:pt>
                <c:pt idx="756">
                  <c:v>44160</c:v>
                </c:pt>
                <c:pt idx="757">
                  <c:v>44161</c:v>
                </c:pt>
                <c:pt idx="758">
                  <c:v>44162</c:v>
                </c:pt>
                <c:pt idx="759">
                  <c:v>44165</c:v>
                </c:pt>
                <c:pt idx="760">
                  <c:v>44166</c:v>
                </c:pt>
                <c:pt idx="761">
                  <c:v>44167</c:v>
                </c:pt>
                <c:pt idx="762">
                  <c:v>44168</c:v>
                </c:pt>
                <c:pt idx="763">
                  <c:v>44169</c:v>
                </c:pt>
                <c:pt idx="764">
                  <c:v>44172</c:v>
                </c:pt>
                <c:pt idx="765">
                  <c:v>44173</c:v>
                </c:pt>
                <c:pt idx="766">
                  <c:v>44174</c:v>
                </c:pt>
                <c:pt idx="767">
                  <c:v>44175</c:v>
                </c:pt>
                <c:pt idx="768">
                  <c:v>44176</c:v>
                </c:pt>
                <c:pt idx="769">
                  <c:v>44179</c:v>
                </c:pt>
                <c:pt idx="770">
                  <c:v>44180</c:v>
                </c:pt>
                <c:pt idx="771">
                  <c:v>44181</c:v>
                </c:pt>
                <c:pt idx="772">
                  <c:v>44182</c:v>
                </c:pt>
                <c:pt idx="773">
                  <c:v>44183</c:v>
                </c:pt>
                <c:pt idx="774">
                  <c:v>44186</c:v>
                </c:pt>
                <c:pt idx="775">
                  <c:v>44187</c:v>
                </c:pt>
                <c:pt idx="776">
                  <c:v>44188</c:v>
                </c:pt>
                <c:pt idx="777">
                  <c:v>44189</c:v>
                </c:pt>
                <c:pt idx="778">
                  <c:v>44190</c:v>
                </c:pt>
                <c:pt idx="779">
                  <c:v>44193</c:v>
                </c:pt>
                <c:pt idx="780">
                  <c:v>44194</c:v>
                </c:pt>
                <c:pt idx="781">
                  <c:v>44195</c:v>
                </c:pt>
                <c:pt idx="782">
                  <c:v>44196</c:v>
                </c:pt>
                <c:pt idx="783">
                  <c:v>44197</c:v>
                </c:pt>
                <c:pt idx="784">
                  <c:v>44200</c:v>
                </c:pt>
                <c:pt idx="785">
                  <c:v>44201</c:v>
                </c:pt>
                <c:pt idx="786">
                  <c:v>44202</c:v>
                </c:pt>
                <c:pt idx="787">
                  <c:v>44203</c:v>
                </c:pt>
                <c:pt idx="788">
                  <c:v>44204</c:v>
                </c:pt>
                <c:pt idx="789">
                  <c:v>44207</c:v>
                </c:pt>
                <c:pt idx="790">
                  <c:v>44208</c:v>
                </c:pt>
                <c:pt idx="791">
                  <c:v>44209</c:v>
                </c:pt>
                <c:pt idx="792">
                  <c:v>44210</c:v>
                </c:pt>
                <c:pt idx="793">
                  <c:v>44211</c:v>
                </c:pt>
                <c:pt idx="794">
                  <c:v>44214</c:v>
                </c:pt>
                <c:pt idx="795">
                  <c:v>44215</c:v>
                </c:pt>
                <c:pt idx="796">
                  <c:v>44216</c:v>
                </c:pt>
                <c:pt idx="797">
                  <c:v>44217</c:v>
                </c:pt>
                <c:pt idx="798">
                  <c:v>44218</c:v>
                </c:pt>
                <c:pt idx="799">
                  <c:v>44221</c:v>
                </c:pt>
                <c:pt idx="800">
                  <c:v>44222</c:v>
                </c:pt>
                <c:pt idx="801">
                  <c:v>44223</c:v>
                </c:pt>
                <c:pt idx="802">
                  <c:v>44224</c:v>
                </c:pt>
                <c:pt idx="803">
                  <c:v>44225</c:v>
                </c:pt>
                <c:pt idx="804">
                  <c:v>44228</c:v>
                </c:pt>
                <c:pt idx="805">
                  <c:v>44229</c:v>
                </c:pt>
                <c:pt idx="806">
                  <c:v>44230</c:v>
                </c:pt>
                <c:pt idx="807">
                  <c:v>44231</c:v>
                </c:pt>
                <c:pt idx="808">
                  <c:v>44232</c:v>
                </c:pt>
                <c:pt idx="809">
                  <c:v>44235</c:v>
                </c:pt>
                <c:pt idx="810">
                  <c:v>44236</c:v>
                </c:pt>
                <c:pt idx="811">
                  <c:v>44237</c:v>
                </c:pt>
                <c:pt idx="812">
                  <c:v>44238</c:v>
                </c:pt>
                <c:pt idx="813">
                  <c:v>44239</c:v>
                </c:pt>
                <c:pt idx="814">
                  <c:v>44242</c:v>
                </c:pt>
                <c:pt idx="815">
                  <c:v>44243</c:v>
                </c:pt>
                <c:pt idx="816">
                  <c:v>44244</c:v>
                </c:pt>
                <c:pt idx="817">
                  <c:v>44245</c:v>
                </c:pt>
                <c:pt idx="818">
                  <c:v>44246</c:v>
                </c:pt>
                <c:pt idx="819">
                  <c:v>44249</c:v>
                </c:pt>
                <c:pt idx="820">
                  <c:v>44250</c:v>
                </c:pt>
                <c:pt idx="821">
                  <c:v>44251</c:v>
                </c:pt>
                <c:pt idx="822">
                  <c:v>44252</c:v>
                </c:pt>
                <c:pt idx="823">
                  <c:v>44253</c:v>
                </c:pt>
                <c:pt idx="824">
                  <c:v>44256</c:v>
                </c:pt>
                <c:pt idx="825">
                  <c:v>44257</c:v>
                </c:pt>
                <c:pt idx="826">
                  <c:v>44258</c:v>
                </c:pt>
                <c:pt idx="827">
                  <c:v>44259</c:v>
                </c:pt>
                <c:pt idx="828">
                  <c:v>44260</c:v>
                </c:pt>
                <c:pt idx="829">
                  <c:v>44263</c:v>
                </c:pt>
                <c:pt idx="830">
                  <c:v>44264</c:v>
                </c:pt>
                <c:pt idx="831">
                  <c:v>44265</c:v>
                </c:pt>
                <c:pt idx="832">
                  <c:v>44266</c:v>
                </c:pt>
                <c:pt idx="833">
                  <c:v>44267</c:v>
                </c:pt>
                <c:pt idx="834">
                  <c:v>44270</c:v>
                </c:pt>
                <c:pt idx="835">
                  <c:v>44271</c:v>
                </c:pt>
                <c:pt idx="836">
                  <c:v>44272</c:v>
                </c:pt>
                <c:pt idx="837">
                  <c:v>44273</c:v>
                </c:pt>
                <c:pt idx="838">
                  <c:v>44274</c:v>
                </c:pt>
                <c:pt idx="839">
                  <c:v>44277</c:v>
                </c:pt>
                <c:pt idx="840">
                  <c:v>44278</c:v>
                </c:pt>
                <c:pt idx="841">
                  <c:v>44279</c:v>
                </c:pt>
                <c:pt idx="842">
                  <c:v>44280</c:v>
                </c:pt>
                <c:pt idx="843">
                  <c:v>44281</c:v>
                </c:pt>
                <c:pt idx="844">
                  <c:v>44284</c:v>
                </c:pt>
                <c:pt idx="845">
                  <c:v>44285</c:v>
                </c:pt>
                <c:pt idx="846">
                  <c:v>44286</c:v>
                </c:pt>
                <c:pt idx="847">
                  <c:v>44287</c:v>
                </c:pt>
                <c:pt idx="848">
                  <c:v>44288</c:v>
                </c:pt>
                <c:pt idx="849">
                  <c:v>44291</c:v>
                </c:pt>
                <c:pt idx="850">
                  <c:v>44292</c:v>
                </c:pt>
                <c:pt idx="851">
                  <c:v>44293</c:v>
                </c:pt>
                <c:pt idx="852">
                  <c:v>44294</c:v>
                </c:pt>
                <c:pt idx="853">
                  <c:v>44295</c:v>
                </c:pt>
                <c:pt idx="854">
                  <c:v>44298</c:v>
                </c:pt>
                <c:pt idx="855">
                  <c:v>44299</c:v>
                </c:pt>
                <c:pt idx="856">
                  <c:v>44300</c:v>
                </c:pt>
                <c:pt idx="857">
                  <c:v>44301</c:v>
                </c:pt>
                <c:pt idx="858">
                  <c:v>44302</c:v>
                </c:pt>
                <c:pt idx="859">
                  <c:v>44305</c:v>
                </c:pt>
                <c:pt idx="860">
                  <c:v>44306</c:v>
                </c:pt>
                <c:pt idx="861">
                  <c:v>44307</c:v>
                </c:pt>
                <c:pt idx="862">
                  <c:v>44308</c:v>
                </c:pt>
                <c:pt idx="863">
                  <c:v>44309</c:v>
                </c:pt>
                <c:pt idx="864">
                  <c:v>44312</c:v>
                </c:pt>
                <c:pt idx="865">
                  <c:v>44313</c:v>
                </c:pt>
                <c:pt idx="866">
                  <c:v>44314</c:v>
                </c:pt>
                <c:pt idx="867">
                  <c:v>44315</c:v>
                </c:pt>
                <c:pt idx="868">
                  <c:v>44316</c:v>
                </c:pt>
                <c:pt idx="869">
                  <c:v>44319</c:v>
                </c:pt>
                <c:pt idx="870">
                  <c:v>44320</c:v>
                </c:pt>
                <c:pt idx="871">
                  <c:v>44321</c:v>
                </c:pt>
                <c:pt idx="872">
                  <c:v>44322</c:v>
                </c:pt>
                <c:pt idx="873">
                  <c:v>44323</c:v>
                </c:pt>
                <c:pt idx="874">
                  <c:v>44326</c:v>
                </c:pt>
                <c:pt idx="875">
                  <c:v>44327</c:v>
                </c:pt>
                <c:pt idx="876">
                  <c:v>44328</c:v>
                </c:pt>
                <c:pt idx="877">
                  <c:v>44329</c:v>
                </c:pt>
                <c:pt idx="878">
                  <c:v>44330</c:v>
                </c:pt>
                <c:pt idx="879">
                  <c:v>44333</c:v>
                </c:pt>
                <c:pt idx="880">
                  <c:v>44334</c:v>
                </c:pt>
                <c:pt idx="881">
                  <c:v>44335</c:v>
                </c:pt>
                <c:pt idx="882">
                  <c:v>44336</c:v>
                </c:pt>
                <c:pt idx="883">
                  <c:v>44337</c:v>
                </c:pt>
                <c:pt idx="884">
                  <c:v>44340</c:v>
                </c:pt>
                <c:pt idx="885">
                  <c:v>44341</c:v>
                </c:pt>
                <c:pt idx="886">
                  <c:v>44342</c:v>
                </c:pt>
                <c:pt idx="887">
                  <c:v>44343</c:v>
                </c:pt>
                <c:pt idx="888">
                  <c:v>44344</c:v>
                </c:pt>
                <c:pt idx="889">
                  <c:v>44347</c:v>
                </c:pt>
                <c:pt idx="890">
                  <c:v>44348</c:v>
                </c:pt>
                <c:pt idx="891">
                  <c:v>44349</c:v>
                </c:pt>
                <c:pt idx="892">
                  <c:v>44350</c:v>
                </c:pt>
                <c:pt idx="893">
                  <c:v>44351</c:v>
                </c:pt>
                <c:pt idx="894">
                  <c:v>44354</c:v>
                </c:pt>
                <c:pt idx="895">
                  <c:v>44355</c:v>
                </c:pt>
                <c:pt idx="896">
                  <c:v>44356</c:v>
                </c:pt>
                <c:pt idx="897">
                  <c:v>44357</c:v>
                </c:pt>
                <c:pt idx="898">
                  <c:v>44358</c:v>
                </c:pt>
                <c:pt idx="899">
                  <c:v>44361</c:v>
                </c:pt>
                <c:pt idx="900">
                  <c:v>44362</c:v>
                </c:pt>
                <c:pt idx="901">
                  <c:v>44363</c:v>
                </c:pt>
                <c:pt idx="902">
                  <c:v>44364</c:v>
                </c:pt>
                <c:pt idx="903">
                  <c:v>44365</c:v>
                </c:pt>
                <c:pt idx="904">
                  <c:v>44368</c:v>
                </c:pt>
                <c:pt idx="905">
                  <c:v>44369</c:v>
                </c:pt>
                <c:pt idx="906">
                  <c:v>44370</c:v>
                </c:pt>
                <c:pt idx="907">
                  <c:v>44371</c:v>
                </c:pt>
                <c:pt idx="908">
                  <c:v>44372</c:v>
                </c:pt>
                <c:pt idx="909">
                  <c:v>44375</c:v>
                </c:pt>
                <c:pt idx="910">
                  <c:v>44376</c:v>
                </c:pt>
                <c:pt idx="911">
                  <c:v>44377</c:v>
                </c:pt>
                <c:pt idx="912">
                  <c:v>44378</c:v>
                </c:pt>
                <c:pt idx="913">
                  <c:v>44379</c:v>
                </c:pt>
                <c:pt idx="914">
                  <c:v>44382</c:v>
                </c:pt>
                <c:pt idx="915">
                  <c:v>44383</c:v>
                </c:pt>
                <c:pt idx="916">
                  <c:v>44384</c:v>
                </c:pt>
                <c:pt idx="917">
                  <c:v>44385</c:v>
                </c:pt>
                <c:pt idx="918">
                  <c:v>44386</c:v>
                </c:pt>
                <c:pt idx="919">
                  <c:v>44389</c:v>
                </c:pt>
                <c:pt idx="920">
                  <c:v>44390</c:v>
                </c:pt>
                <c:pt idx="921">
                  <c:v>44391</c:v>
                </c:pt>
                <c:pt idx="922">
                  <c:v>44392</c:v>
                </c:pt>
                <c:pt idx="923">
                  <c:v>44393</c:v>
                </c:pt>
                <c:pt idx="924">
                  <c:v>44396</c:v>
                </c:pt>
                <c:pt idx="925">
                  <c:v>44397</c:v>
                </c:pt>
                <c:pt idx="926">
                  <c:v>44398</c:v>
                </c:pt>
                <c:pt idx="927">
                  <c:v>44399</c:v>
                </c:pt>
                <c:pt idx="928">
                  <c:v>44400</c:v>
                </c:pt>
                <c:pt idx="929">
                  <c:v>44403</c:v>
                </c:pt>
                <c:pt idx="930">
                  <c:v>44404</c:v>
                </c:pt>
                <c:pt idx="931">
                  <c:v>44405</c:v>
                </c:pt>
                <c:pt idx="932">
                  <c:v>44406</c:v>
                </c:pt>
                <c:pt idx="933">
                  <c:v>44407</c:v>
                </c:pt>
                <c:pt idx="934">
                  <c:v>44410</c:v>
                </c:pt>
                <c:pt idx="935">
                  <c:v>44411</c:v>
                </c:pt>
                <c:pt idx="936">
                  <c:v>44412</c:v>
                </c:pt>
                <c:pt idx="937">
                  <c:v>44413</c:v>
                </c:pt>
                <c:pt idx="938">
                  <c:v>44414</c:v>
                </c:pt>
                <c:pt idx="939">
                  <c:v>44417</c:v>
                </c:pt>
                <c:pt idx="940">
                  <c:v>44418</c:v>
                </c:pt>
                <c:pt idx="941">
                  <c:v>44419</c:v>
                </c:pt>
                <c:pt idx="942">
                  <c:v>44420</c:v>
                </c:pt>
                <c:pt idx="943">
                  <c:v>44421</c:v>
                </c:pt>
                <c:pt idx="944">
                  <c:v>44424</c:v>
                </c:pt>
                <c:pt idx="945">
                  <c:v>44425</c:v>
                </c:pt>
                <c:pt idx="946">
                  <c:v>44426</c:v>
                </c:pt>
                <c:pt idx="947">
                  <c:v>44427</c:v>
                </c:pt>
                <c:pt idx="948">
                  <c:v>44428</c:v>
                </c:pt>
                <c:pt idx="949">
                  <c:v>44431</c:v>
                </c:pt>
                <c:pt idx="950">
                  <c:v>44432</c:v>
                </c:pt>
                <c:pt idx="951">
                  <c:v>44433</c:v>
                </c:pt>
                <c:pt idx="952">
                  <c:v>44434</c:v>
                </c:pt>
                <c:pt idx="953">
                  <c:v>44435</c:v>
                </c:pt>
                <c:pt idx="954">
                  <c:v>44438</c:v>
                </c:pt>
                <c:pt idx="955">
                  <c:v>44439</c:v>
                </c:pt>
                <c:pt idx="956">
                  <c:v>44440</c:v>
                </c:pt>
                <c:pt idx="957">
                  <c:v>44441</c:v>
                </c:pt>
                <c:pt idx="958">
                  <c:v>44442</c:v>
                </c:pt>
                <c:pt idx="959">
                  <c:v>44445</c:v>
                </c:pt>
                <c:pt idx="960">
                  <c:v>44446</c:v>
                </c:pt>
                <c:pt idx="961">
                  <c:v>44447</c:v>
                </c:pt>
                <c:pt idx="962">
                  <c:v>44448</c:v>
                </c:pt>
                <c:pt idx="963">
                  <c:v>44449</c:v>
                </c:pt>
                <c:pt idx="964">
                  <c:v>44452</c:v>
                </c:pt>
                <c:pt idx="965">
                  <c:v>44453</c:v>
                </c:pt>
                <c:pt idx="966">
                  <c:v>44454</c:v>
                </c:pt>
                <c:pt idx="967">
                  <c:v>44455</c:v>
                </c:pt>
                <c:pt idx="968">
                  <c:v>44456</c:v>
                </c:pt>
                <c:pt idx="969">
                  <c:v>44459</c:v>
                </c:pt>
                <c:pt idx="970">
                  <c:v>44460</c:v>
                </c:pt>
                <c:pt idx="971">
                  <c:v>44461</c:v>
                </c:pt>
                <c:pt idx="972">
                  <c:v>44462</c:v>
                </c:pt>
                <c:pt idx="973">
                  <c:v>44463</c:v>
                </c:pt>
                <c:pt idx="974">
                  <c:v>44466</c:v>
                </c:pt>
                <c:pt idx="975">
                  <c:v>44467</c:v>
                </c:pt>
                <c:pt idx="976">
                  <c:v>44468</c:v>
                </c:pt>
                <c:pt idx="977">
                  <c:v>44469</c:v>
                </c:pt>
                <c:pt idx="978">
                  <c:v>44470</c:v>
                </c:pt>
                <c:pt idx="979">
                  <c:v>44473</c:v>
                </c:pt>
                <c:pt idx="980">
                  <c:v>44474</c:v>
                </c:pt>
                <c:pt idx="981">
                  <c:v>44475</c:v>
                </c:pt>
                <c:pt idx="982">
                  <c:v>44476</c:v>
                </c:pt>
                <c:pt idx="983">
                  <c:v>44477</c:v>
                </c:pt>
                <c:pt idx="984">
                  <c:v>44480</c:v>
                </c:pt>
                <c:pt idx="985">
                  <c:v>44481</c:v>
                </c:pt>
                <c:pt idx="986">
                  <c:v>44482</c:v>
                </c:pt>
                <c:pt idx="987">
                  <c:v>44483</c:v>
                </c:pt>
                <c:pt idx="988">
                  <c:v>44484</c:v>
                </c:pt>
                <c:pt idx="989">
                  <c:v>44487</c:v>
                </c:pt>
                <c:pt idx="990">
                  <c:v>44488</c:v>
                </c:pt>
                <c:pt idx="991">
                  <c:v>44489</c:v>
                </c:pt>
                <c:pt idx="992">
                  <c:v>44490</c:v>
                </c:pt>
                <c:pt idx="993">
                  <c:v>44491</c:v>
                </c:pt>
                <c:pt idx="994">
                  <c:v>44494</c:v>
                </c:pt>
                <c:pt idx="995">
                  <c:v>44495</c:v>
                </c:pt>
                <c:pt idx="996">
                  <c:v>44496</c:v>
                </c:pt>
                <c:pt idx="997">
                  <c:v>44497</c:v>
                </c:pt>
                <c:pt idx="998">
                  <c:v>44498</c:v>
                </c:pt>
                <c:pt idx="999">
                  <c:v>44501</c:v>
                </c:pt>
                <c:pt idx="1000">
                  <c:v>44502</c:v>
                </c:pt>
                <c:pt idx="1001">
                  <c:v>44503</c:v>
                </c:pt>
                <c:pt idx="1002">
                  <c:v>44504</c:v>
                </c:pt>
                <c:pt idx="1003">
                  <c:v>44505</c:v>
                </c:pt>
                <c:pt idx="1004">
                  <c:v>44508</c:v>
                </c:pt>
                <c:pt idx="1005">
                  <c:v>44509</c:v>
                </c:pt>
                <c:pt idx="1006">
                  <c:v>44510</c:v>
                </c:pt>
                <c:pt idx="1007">
                  <c:v>44511</c:v>
                </c:pt>
                <c:pt idx="1008">
                  <c:v>44512</c:v>
                </c:pt>
                <c:pt idx="1009">
                  <c:v>44515</c:v>
                </c:pt>
                <c:pt idx="1010">
                  <c:v>44516</c:v>
                </c:pt>
                <c:pt idx="1011">
                  <c:v>44517</c:v>
                </c:pt>
                <c:pt idx="1012">
                  <c:v>44518</c:v>
                </c:pt>
                <c:pt idx="1013">
                  <c:v>44519</c:v>
                </c:pt>
                <c:pt idx="1014">
                  <c:v>44522</c:v>
                </c:pt>
                <c:pt idx="1015">
                  <c:v>44523</c:v>
                </c:pt>
                <c:pt idx="1016">
                  <c:v>44524</c:v>
                </c:pt>
                <c:pt idx="1017">
                  <c:v>44525</c:v>
                </c:pt>
                <c:pt idx="1018">
                  <c:v>44526</c:v>
                </c:pt>
                <c:pt idx="1019">
                  <c:v>44529</c:v>
                </c:pt>
                <c:pt idx="1020">
                  <c:v>44530</c:v>
                </c:pt>
                <c:pt idx="1021">
                  <c:v>44531</c:v>
                </c:pt>
                <c:pt idx="1022">
                  <c:v>44532</c:v>
                </c:pt>
                <c:pt idx="1023">
                  <c:v>44533</c:v>
                </c:pt>
                <c:pt idx="1024">
                  <c:v>44536</c:v>
                </c:pt>
                <c:pt idx="1025">
                  <c:v>44537</c:v>
                </c:pt>
                <c:pt idx="1026">
                  <c:v>44538</c:v>
                </c:pt>
                <c:pt idx="1027">
                  <c:v>44539</c:v>
                </c:pt>
                <c:pt idx="1028">
                  <c:v>44540</c:v>
                </c:pt>
                <c:pt idx="1029">
                  <c:v>44543</c:v>
                </c:pt>
                <c:pt idx="1030">
                  <c:v>44544</c:v>
                </c:pt>
                <c:pt idx="1031">
                  <c:v>44545</c:v>
                </c:pt>
                <c:pt idx="1032">
                  <c:v>44546</c:v>
                </c:pt>
                <c:pt idx="1033">
                  <c:v>44547</c:v>
                </c:pt>
                <c:pt idx="1034">
                  <c:v>44550</c:v>
                </c:pt>
                <c:pt idx="1035">
                  <c:v>44551</c:v>
                </c:pt>
                <c:pt idx="1036">
                  <c:v>44552</c:v>
                </c:pt>
                <c:pt idx="1037">
                  <c:v>44553</c:v>
                </c:pt>
                <c:pt idx="1038">
                  <c:v>44554</c:v>
                </c:pt>
                <c:pt idx="1039">
                  <c:v>44557</c:v>
                </c:pt>
                <c:pt idx="1040">
                  <c:v>44558</c:v>
                </c:pt>
                <c:pt idx="1041">
                  <c:v>44559</c:v>
                </c:pt>
                <c:pt idx="1042">
                  <c:v>44560</c:v>
                </c:pt>
                <c:pt idx="1043">
                  <c:v>44561</c:v>
                </c:pt>
                <c:pt idx="1044">
                  <c:v>44564</c:v>
                </c:pt>
                <c:pt idx="1045">
                  <c:v>44565</c:v>
                </c:pt>
                <c:pt idx="1046">
                  <c:v>44566</c:v>
                </c:pt>
                <c:pt idx="1047">
                  <c:v>44567</c:v>
                </c:pt>
                <c:pt idx="1048">
                  <c:v>44568</c:v>
                </c:pt>
                <c:pt idx="1049">
                  <c:v>44571</c:v>
                </c:pt>
                <c:pt idx="1050">
                  <c:v>44572</c:v>
                </c:pt>
                <c:pt idx="1051">
                  <c:v>44573</c:v>
                </c:pt>
                <c:pt idx="1052">
                  <c:v>44574</c:v>
                </c:pt>
                <c:pt idx="1053">
                  <c:v>44575</c:v>
                </c:pt>
                <c:pt idx="1054">
                  <c:v>44578</c:v>
                </c:pt>
                <c:pt idx="1055">
                  <c:v>44579</c:v>
                </c:pt>
                <c:pt idx="1056">
                  <c:v>44580</c:v>
                </c:pt>
                <c:pt idx="1057">
                  <c:v>44581</c:v>
                </c:pt>
                <c:pt idx="1058">
                  <c:v>44582</c:v>
                </c:pt>
                <c:pt idx="1059">
                  <c:v>44585</c:v>
                </c:pt>
                <c:pt idx="1060">
                  <c:v>44586</c:v>
                </c:pt>
                <c:pt idx="1061">
                  <c:v>44587</c:v>
                </c:pt>
                <c:pt idx="1062">
                  <c:v>44588</c:v>
                </c:pt>
                <c:pt idx="1063">
                  <c:v>44589</c:v>
                </c:pt>
                <c:pt idx="1064">
                  <c:v>44592</c:v>
                </c:pt>
                <c:pt idx="1065">
                  <c:v>44593</c:v>
                </c:pt>
                <c:pt idx="1066">
                  <c:v>44594</c:v>
                </c:pt>
                <c:pt idx="1067">
                  <c:v>44595</c:v>
                </c:pt>
                <c:pt idx="1068">
                  <c:v>44596</c:v>
                </c:pt>
                <c:pt idx="1069">
                  <c:v>44599</c:v>
                </c:pt>
                <c:pt idx="1070">
                  <c:v>44600</c:v>
                </c:pt>
                <c:pt idx="1071">
                  <c:v>44601</c:v>
                </c:pt>
                <c:pt idx="1072">
                  <c:v>44602</c:v>
                </c:pt>
                <c:pt idx="1073">
                  <c:v>44603</c:v>
                </c:pt>
                <c:pt idx="1074">
                  <c:v>44606</c:v>
                </c:pt>
                <c:pt idx="1075">
                  <c:v>44607</c:v>
                </c:pt>
                <c:pt idx="1076">
                  <c:v>44608</c:v>
                </c:pt>
                <c:pt idx="1077">
                  <c:v>44609</c:v>
                </c:pt>
                <c:pt idx="1078">
                  <c:v>44610</c:v>
                </c:pt>
                <c:pt idx="1079">
                  <c:v>44613</c:v>
                </c:pt>
                <c:pt idx="1080">
                  <c:v>44614</c:v>
                </c:pt>
                <c:pt idx="1081">
                  <c:v>44615</c:v>
                </c:pt>
                <c:pt idx="1082">
                  <c:v>44616</c:v>
                </c:pt>
                <c:pt idx="1083">
                  <c:v>44617</c:v>
                </c:pt>
                <c:pt idx="1084">
                  <c:v>44620</c:v>
                </c:pt>
                <c:pt idx="1085">
                  <c:v>44621</c:v>
                </c:pt>
                <c:pt idx="1086">
                  <c:v>44622</c:v>
                </c:pt>
                <c:pt idx="1087">
                  <c:v>44623</c:v>
                </c:pt>
                <c:pt idx="1088">
                  <c:v>44624</c:v>
                </c:pt>
                <c:pt idx="1089">
                  <c:v>44627</c:v>
                </c:pt>
                <c:pt idx="1090">
                  <c:v>44628</c:v>
                </c:pt>
                <c:pt idx="1091">
                  <c:v>44629</c:v>
                </c:pt>
                <c:pt idx="1092">
                  <c:v>44630</c:v>
                </c:pt>
                <c:pt idx="1093">
                  <c:v>44631</c:v>
                </c:pt>
                <c:pt idx="1094">
                  <c:v>44634</c:v>
                </c:pt>
                <c:pt idx="1095">
                  <c:v>44635</c:v>
                </c:pt>
                <c:pt idx="1096">
                  <c:v>44636</c:v>
                </c:pt>
                <c:pt idx="1097">
                  <c:v>44637</c:v>
                </c:pt>
                <c:pt idx="1098">
                  <c:v>44638</c:v>
                </c:pt>
                <c:pt idx="1099">
                  <c:v>44641</c:v>
                </c:pt>
                <c:pt idx="1100">
                  <c:v>44642</c:v>
                </c:pt>
                <c:pt idx="1101">
                  <c:v>44643</c:v>
                </c:pt>
                <c:pt idx="1102">
                  <c:v>44644</c:v>
                </c:pt>
                <c:pt idx="1103">
                  <c:v>44645</c:v>
                </c:pt>
                <c:pt idx="1104">
                  <c:v>44648</c:v>
                </c:pt>
                <c:pt idx="1105">
                  <c:v>44649</c:v>
                </c:pt>
                <c:pt idx="1106">
                  <c:v>44650</c:v>
                </c:pt>
                <c:pt idx="1107">
                  <c:v>44651</c:v>
                </c:pt>
                <c:pt idx="1108">
                  <c:v>44652</c:v>
                </c:pt>
                <c:pt idx="1109">
                  <c:v>44655</c:v>
                </c:pt>
                <c:pt idx="1110">
                  <c:v>44656</c:v>
                </c:pt>
                <c:pt idx="1111">
                  <c:v>44657</c:v>
                </c:pt>
                <c:pt idx="1112">
                  <c:v>44658</c:v>
                </c:pt>
                <c:pt idx="1113">
                  <c:v>44659</c:v>
                </c:pt>
                <c:pt idx="1114">
                  <c:v>44662</c:v>
                </c:pt>
                <c:pt idx="1115">
                  <c:v>44663</c:v>
                </c:pt>
                <c:pt idx="1116">
                  <c:v>44664</c:v>
                </c:pt>
                <c:pt idx="1117">
                  <c:v>44665</c:v>
                </c:pt>
                <c:pt idx="1118">
                  <c:v>44666</c:v>
                </c:pt>
                <c:pt idx="1119">
                  <c:v>44669</c:v>
                </c:pt>
                <c:pt idx="1120">
                  <c:v>44670</c:v>
                </c:pt>
                <c:pt idx="1121">
                  <c:v>44671</c:v>
                </c:pt>
                <c:pt idx="1122">
                  <c:v>44672</c:v>
                </c:pt>
                <c:pt idx="1123">
                  <c:v>44673</c:v>
                </c:pt>
                <c:pt idx="1124">
                  <c:v>44676</c:v>
                </c:pt>
                <c:pt idx="1125">
                  <c:v>44677</c:v>
                </c:pt>
                <c:pt idx="1126">
                  <c:v>44678</c:v>
                </c:pt>
                <c:pt idx="1127">
                  <c:v>44679</c:v>
                </c:pt>
                <c:pt idx="1128">
                  <c:v>44680</c:v>
                </c:pt>
                <c:pt idx="1129">
                  <c:v>44683</c:v>
                </c:pt>
                <c:pt idx="1130">
                  <c:v>44684</c:v>
                </c:pt>
                <c:pt idx="1131">
                  <c:v>44685</c:v>
                </c:pt>
                <c:pt idx="1132">
                  <c:v>44686</c:v>
                </c:pt>
                <c:pt idx="1133">
                  <c:v>44687</c:v>
                </c:pt>
                <c:pt idx="1134">
                  <c:v>44690</c:v>
                </c:pt>
                <c:pt idx="1135">
                  <c:v>44691</c:v>
                </c:pt>
                <c:pt idx="1136">
                  <c:v>44692</c:v>
                </c:pt>
                <c:pt idx="1137">
                  <c:v>44693</c:v>
                </c:pt>
                <c:pt idx="1138">
                  <c:v>44694</c:v>
                </c:pt>
                <c:pt idx="1139">
                  <c:v>44697</c:v>
                </c:pt>
                <c:pt idx="1140">
                  <c:v>44698</c:v>
                </c:pt>
                <c:pt idx="1141">
                  <c:v>44699</c:v>
                </c:pt>
                <c:pt idx="1142">
                  <c:v>44700</c:v>
                </c:pt>
                <c:pt idx="1143">
                  <c:v>44701</c:v>
                </c:pt>
                <c:pt idx="1144">
                  <c:v>44704</c:v>
                </c:pt>
                <c:pt idx="1145">
                  <c:v>44705</c:v>
                </c:pt>
                <c:pt idx="1146">
                  <c:v>44706</c:v>
                </c:pt>
                <c:pt idx="1147">
                  <c:v>44707</c:v>
                </c:pt>
                <c:pt idx="1148">
                  <c:v>44708</c:v>
                </c:pt>
                <c:pt idx="1149">
                  <c:v>44711</c:v>
                </c:pt>
                <c:pt idx="1150">
                  <c:v>44712</c:v>
                </c:pt>
                <c:pt idx="1151">
                  <c:v>44713</c:v>
                </c:pt>
                <c:pt idx="1152">
                  <c:v>44714</c:v>
                </c:pt>
                <c:pt idx="1153">
                  <c:v>44715</c:v>
                </c:pt>
                <c:pt idx="1154">
                  <c:v>44718</c:v>
                </c:pt>
                <c:pt idx="1155">
                  <c:v>44719</c:v>
                </c:pt>
                <c:pt idx="1156">
                  <c:v>44720</c:v>
                </c:pt>
                <c:pt idx="1157">
                  <c:v>44721</c:v>
                </c:pt>
                <c:pt idx="1158">
                  <c:v>44722</c:v>
                </c:pt>
                <c:pt idx="1159">
                  <c:v>44725</c:v>
                </c:pt>
                <c:pt idx="1160">
                  <c:v>44726</c:v>
                </c:pt>
                <c:pt idx="1161">
                  <c:v>44727</c:v>
                </c:pt>
                <c:pt idx="1162">
                  <c:v>44728</c:v>
                </c:pt>
                <c:pt idx="1163">
                  <c:v>44729</c:v>
                </c:pt>
                <c:pt idx="1164">
                  <c:v>44732</c:v>
                </c:pt>
                <c:pt idx="1165">
                  <c:v>44733</c:v>
                </c:pt>
                <c:pt idx="1166">
                  <c:v>44734</c:v>
                </c:pt>
                <c:pt idx="1167">
                  <c:v>44735</c:v>
                </c:pt>
                <c:pt idx="1168">
                  <c:v>44736</c:v>
                </c:pt>
                <c:pt idx="1169">
                  <c:v>44739</c:v>
                </c:pt>
                <c:pt idx="1170">
                  <c:v>44740</c:v>
                </c:pt>
                <c:pt idx="1171">
                  <c:v>44741</c:v>
                </c:pt>
                <c:pt idx="1172">
                  <c:v>44742</c:v>
                </c:pt>
                <c:pt idx="1173">
                  <c:v>44743</c:v>
                </c:pt>
                <c:pt idx="1174">
                  <c:v>44746</c:v>
                </c:pt>
                <c:pt idx="1175">
                  <c:v>44747</c:v>
                </c:pt>
                <c:pt idx="1176">
                  <c:v>44748</c:v>
                </c:pt>
                <c:pt idx="1177">
                  <c:v>44749</c:v>
                </c:pt>
                <c:pt idx="1178">
                  <c:v>44750</c:v>
                </c:pt>
                <c:pt idx="1179">
                  <c:v>44753</c:v>
                </c:pt>
                <c:pt idx="1180">
                  <c:v>44754</c:v>
                </c:pt>
                <c:pt idx="1181">
                  <c:v>44755</c:v>
                </c:pt>
                <c:pt idx="1182">
                  <c:v>44756</c:v>
                </c:pt>
                <c:pt idx="1183">
                  <c:v>44757</c:v>
                </c:pt>
                <c:pt idx="1184">
                  <c:v>44760</c:v>
                </c:pt>
                <c:pt idx="1185">
                  <c:v>44761</c:v>
                </c:pt>
                <c:pt idx="1186">
                  <c:v>44762</c:v>
                </c:pt>
                <c:pt idx="1187">
                  <c:v>44763</c:v>
                </c:pt>
                <c:pt idx="1188">
                  <c:v>44764</c:v>
                </c:pt>
                <c:pt idx="1189">
                  <c:v>44767</c:v>
                </c:pt>
                <c:pt idx="1190">
                  <c:v>44768</c:v>
                </c:pt>
                <c:pt idx="1191">
                  <c:v>44769</c:v>
                </c:pt>
                <c:pt idx="1192">
                  <c:v>44770</c:v>
                </c:pt>
                <c:pt idx="1193">
                  <c:v>44771</c:v>
                </c:pt>
                <c:pt idx="1194">
                  <c:v>44774</c:v>
                </c:pt>
                <c:pt idx="1195">
                  <c:v>44775</c:v>
                </c:pt>
                <c:pt idx="1196">
                  <c:v>44776</c:v>
                </c:pt>
                <c:pt idx="1197">
                  <c:v>44777</c:v>
                </c:pt>
                <c:pt idx="1198">
                  <c:v>44778</c:v>
                </c:pt>
                <c:pt idx="1199">
                  <c:v>44781</c:v>
                </c:pt>
                <c:pt idx="1200">
                  <c:v>44782</c:v>
                </c:pt>
                <c:pt idx="1201">
                  <c:v>44783</c:v>
                </c:pt>
                <c:pt idx="1202">
                  <c:v>44784</c:v>
                </c:pt>
                <c:pt idx="1203">
                  <c:v>44785</c:v>
                </c:pt>
                <c:pt idx="1204">
                  <c:v>44788</c:v>
                </c:pt>
                <c:pt idx="1205">
                  <c:v>44789</c:v>
                </c:pt>
                <c:pt idx="1206">
                  <c:v>44790</c:v>
                </c:pt>
                <c:pt idx="1207">
                  <c:v>44791</c:v>
                </c:pt>
                <c:pt idx="1208">
                  <c:v>44792</c:v>
                </c:pt>
                <c:pt idx="1209">
                  <c:v>44795</c:v>
                </c:pt>
                <c:pt idx="1210">
                  <c:v>44796</c:v>
                </c:pt>
                <c:pt idx="1211">
                  <c:v>44797</c:v>
                </c:pt>
                <c:pt idx="1212">
                  <c:v>44798</c:v>
                </c:pt>
                <c:pt idx="1213">
                  <c:v>44799</c:v>
                </c:pt>
                <c:pt idx="1214">
                  <c:v>44802</c:v>
                </c:pt>
                <c:pt idx="1215">
                  <c:v>44803</c:v>
                </c:pt>
                <c:pt idx="1216">
                  <c:v>44804</c:v>
                </c:pt>
                <c:pt idx="1217">
                  <c:v>44805</c:v>
                </c:pt>
                <c:pt idx="1218">
                  <c:v>44806</c:v>
                </c:pt>
                <c:pt idx="1219">
                  <c:v>44809</c:v>
                </c:pt>
                <c:pt idx="1220">
                  <c:v>44810</c:v>
                </c:pt>
                <c:pt idx="1221">
                  <c:v>44811</c:v>
                </c:pt>
                <c:pt idx="1222">
                  <c:v>44812</c:v>
                </c:pt>
                <c:pt idx="1223">
                  <c:v>44813</c:v>
                </c:pt>
                <c:pt idx="1224">
                  <c:v>44816</c:v>
                </c:pt>
                <c:pt idx="1225">
                  <c:v>44817</c:v>
                </c:pt>
                <c:pt idx="1226">
                  <c:v>44818</c:v>
                </c:pt>
                <c:pt idx="1227">
                  <c:v>44819</c:v>
                </c:pt>
                <c:pt idx="1228">
                  <c:v>44820</c:v>
                </c:pt>
                <c:pt idx="1229">
                  <c:v>44823</c:v>
                </c:pt>
                <c:pt idx="1230">
                  <c:v>44824</c:v>
                </c:pt>
                <c:pt idx="1231">
                  <c:v>44825</c:v>
                </c:pt>
                <c:pt idx="1232">
                  <c:v>44826</c:v>
                </c:pt>
                <c:pt idx="1233">
                  <c:v>44827</c:v>
                </c:pt>
                <c:pt idx="1234">
                  <c:v>44830</c:v>
                </c:pt>
                <c:pt idx="1235">
                  <c:v>44831</c:v>
                </c:pt>
                <c:pt idx="1236">
                  <c:v>44832</c:v>
                </c:pt>
                <c:pt idx="1237">
                  <c:v>44833</c:v>
                </c:pt>
                <c:pt idx="1238">
                  <c:v>44834</c:v>
                </c:pt>
                <c:pt idx="1239">
                  <c:v>44837</c:v>
                </c:pt>
                <c:pt idx="1240">
                  <c:v>44838</c:v>
                </c:pt>
                <c:pt idx="1241">
                  <c:v>44839</c:v>
                </c:pt>
                <c:pt idx="1242">
                  <c:v>44840</c:v>
                </c:pt>
                <c:pt idx="1243">
                  <c:v>44841</c:v>
                </c:pt>
                <c:pt idx="1244">
                  <c:v>44844</c:v>
                </c:pt>
                <c:pt idx="1245">
                  <c:v>44845</c:v>
                </c:pt>
                <c:pt idx="1246">
                  <c:v>44846</c:v>
                </c:pt>
                <c:pt idx="1247">
                  <c:v>44847</c:v>
                </c:pt>
                <c:pt idx="1248">
                  <c:v>44848</c:v>
                </c:pt>
                <c:pt idx="1249">
                  <c:v>44851</c:v>
                </c:pt>
                <c:pt idx="1250">
                  <c:v>44852</c:v>
                </c:pt>
                <c:pt idx="1251">
                  <c:v>44853</c:v>
                </c:pt>
                <c:pt idx="1252">
                  <c:v>44854</c:v>
                </c:pt>
                <c:pt idx="1253">
                  <c:v>44855</c:v>
                </c:pt>
                <c:pt idx="1254">
                  <c:v>44858</c:v>
                </c:pt>
                <c:pt idx="1255">
                  <c:v>44859</c:v>
                </c:pt>
                <c:pt idx="1256">
                  <c:v>44860</c:v>
                </c:pt>
                <c:pt idx="1257">
                  <c:v>44861</c:v>
                </c:pt>
                <c:pt idx="1258">
                  <c:v>44862</c:v>
                </c:pt>
                <c:pt idx="1259">
                  <c:v>44865</c:v>
                </c:pt>
                <c:pt idx="1260">
                  <c:v>44866</c:v>
                </c:pt>
                <c:pt idx="1261">
                  <c:v>44867</c:v>
                </c:pt>
                <c:pt idx="1262">
                  <c:v>44868</c:v>
                </c:pt>
                <c:pt idx="1263">
                  <c:v>44869</c:v>
                </c:pt>
                <c:pt idx="1264">
                  <c:v>44872</c:v>
                </c:pt>
                <c:pt idx="1265">
                  <c:v>44873</c:v>
                </c:pt>
                <c:pt idx="1266">
                  <c:v>44874</c:v>
                </c:pt>
                <c:pt idx="1267">
                  <c:v>44875</c:v>
                </c:pt>
                <c:pt idx="1268">
                  <c:v>44876</c:v>
                </c:pt>
                <c:pt idx="1269">
                  <c:v>44879</c:v>
                </c:pt>
                <c:pt idx="1270">
                  <c:v>44880</c:v>
                </c:pt>
                <c:pt idx="1271">
                  <c:v>44881</c:v>
                </c:pt>
                <c:pt idx="1272">
                  <c:v>44882</c:v>
                </c:pt>
                <c:pt idx="1273">
                  <c:v>44883</c:v>
                </c:pt>
                <c:pt idx="1274">
                  <c:v>44886</c:v>
                </c:pt>
                <c:pt idx="1275">
                  <c:v>44887</c:v>
                </c:pt>
                <c:pt idx="1276">
                  <c:v>44888</c:v>
                </c:pt>
                <c:pt idx="1277">
                  <c:v>44889</c:v>
                </c:pt>
                <c:pt idx="1278">
                  <c:v>44890</c:v>
                </c:pt>
                <c:pt idx="1279">
                  <c:v>44893</c:v>
                </c:pt>
                <c:pt idx="1280">
                  <c:v>44894</c:v>
                </c:pt>
                <c:pt idx="1281">
                  <c:v>44895</c:v>
                </c:pt>
                <c:pt idx="1282">
                  <c:v>44896</c:v>
                </c:pt>
                <c:pt idx="1283">
                  <c:v>44897</c:v>
                </c:pt>
                <c:pt idx="1284">
                  <c:v>44900</c:v>
                </c:pt>
                <c:pt idx="1285">
                  <c:v>44901</c:v>
                </c:pt>
                <c:pt idx="1286">
                  <c:v>44902</c:v>
                </c:pt>
                <c:pt idx="1287">
                  <c:v>44903</c:v>
                </c:pt>
                <c:pt idx="1288">
                  <c:v>44904</c:v>
                </c:pt>
                <c:pt idx="1289">
                  <c:v>44907</c:v>
                </c:pt>
                <c:pt idx="1290">
                  <c:v>44908</c:v>
                </c:pt>
                <c:pt idx="1291">
                  <c:v>44909</c:v>
                </c:pt>
                <c:pt idx="1292">
                  <c:v>44910</c:v>
                </c:pt>
                <c:pt idx="1293">
                  <c:v>44911</c:v>
                </c:pt>
                <c:pt idx="1294">
                  <c:v>44914</c:v>
                </c:pt>
                <c:pt idx="1295">
                  <c:v>44915</c:v>
                </c:pt>
                <c:pt idx="1296">
                  <c:v>44916</c:v>
                </c:pt>
                <c:pt idx="1297">
                  <c:v>44917</c:v>
                </c:pt>
                <c:pt idx="1298">
                  <c:v>44918</c:v>
                </c:pt>
                <c:pt idx="1299">
                  <c:v>44921</c:v>
                </c:pt>
                <c:pt idx="1300">
                  <c:v>44922</c:v>
                </c:pt>
                <c:pt idx="1301">
                  <c:v>44923</c:v>
                </c:pt>
                <c:pt idx="1302">
                  <c:v>44924</c:v>
                </c:pt>
                <c:pt idx="1303">
                  <c:v>44925</c:v>
                </c:pt>
                <c:pt idx="1304">
                  <c:v>44928</c:v>
                </c:pt>
                <c:pt idx="1305">
                  <c:v>44929</c:v>
                </c:pt>
                <c:pt idx="1306">
                  <c:v>44930</c:v>
                </c:pt>
                <c:pt idx="1307">
                  <c:v>44931</c:v>
                </c:pt>
                <c:pt idx="1308">
                  <c:v>44932</c:v>
                </c:pt>
                <c:pt idx="1309">
                  <c:v>44935</c:v>
                </c:pt>
                <c:pt idx="1310">
                  <c:v>44936</c:v>
                </c:pt>
                <c:pt idx="1311">
                  <c:v>44937</c:v>
                </c:pt>
                <c:pt idx="1312">
                  <c:v>44938</c:v>
                </c:pt>
                <c:pt idx="1313">
                  <c:v>44939</c:v>
                </c:pt>
                <c:pt idx="1314">
                  <c:v>44942</c:v>
                </c:pt>
                <c:pt idx="1315">
                  <c:v>44943</c:v>
                </c:pt>
                <c:pt idx="1316">
                  <c:v>44944</c:v>
                </c:pt>
                <c:pt idx="1317">
                  <c:v>44945</c:v>
                </c:pt>
                <c:pt idx="1318">
                  <c:v>44946</c:v>
                </c:pt>
                <c:pt idx="1319">
                  <c:v>44949</c:v>
                </c:pt>
                <c:pt idx="1320">
                  <c:v>44950</c:v>
                </c:pt>
                <c:pt idx="1321">
                  <c:v>44951</c:v>
                </c:pt>
                <c:pt idx="1322">
                  <c:v>44952</c:v>
                </c:pt>
                <c:pt idx="1323">
                  <c:v>44953</c:v>
                </c:pt>
                <c:pt idx="1324">
                  <c:v>44956</c:v>
                </c:pt>
                <c:pt idx="1325">
                  <c:v>44957</c:v>
                </c:pt>
                <c:pt idx="1326">
                  <c:v>44958</c:v>
                </c:pt>
                <c:pt idx="1327">
                  <c:v>44959</c:v>
                </c:pt>
                <c:pt idx="1328">
                  <c:v>44960</c:v>
                </c:pt>
                <c:pt idx="1329">
                  <c:v>44963</c:v>
                </c:pt>
                <c:pt idx="1330">
                  <c:v>44964</c:v>
                </c:pt>
                <c:pt idx="1331">
                  <c:v>44965</c:v>
                </c:pt>
                <c:pt idx="1332">
                  <c:v>44966</c:v>
                </c:pt>
                <c:pt idx="1333">
                  <c:v>44967</c:v>
                </c:pt>
                <c:pt idx="1334">
                  <c:v>44970</c:v>
                </c:pt>
                <c:pt idx="1335">
                  <c:v>44971</c:v>
                </c:pt>
                <c:pt idx="1336">
                  <c:v>44972</c:v>
                </c:pt>
                <c:pt idx="1337">
                  <c:v>44973</c:v>
                </c:pt>
                <c:pt idx="1338">
                  <c:v>44974</c:v>
                </c:pt>
                <c:pt idx="1339">
                  <c:v>44977</c:v>
                </c:pt>
                <c:pt idx="1340">
                  <c:v>44978</c:v>
                </c:pt>
                <c:pt idx="1341">
                  <c:v>44979</c:v>
                </c:pt>
                <c:pt idx="1342">
                  <c:v>44980</c:v>
                </c:pt>
                <c:pt idx="1343">
                  <c:v>44981</c:v>
                </c:pt>
                <c:pt idx="1344">
                  <c:v>44984</c:v>
                </c:pt>
                <c:pt idx="1345">
                  <c:v>44985</c:v>
                </c:pt>
                <c:pt idx="1346">
                  <c:v>44986</c:v>
                </c:pt>
                <c:pt idx="1347">
                  <c:v>44987</c:v>
                </c:pt>
                <c:pt idx="1348">
                  <c:v>44988</c:v>
                </c:pt>
                <c:pt idx="1349">
                  <c:v>44991</c:v>
                </c:pt>
                <c:pt idx="1350">
                  <c:v>44992</c:v>
                </c:pt>
                <c:pt idx="1351">
                  <c:v>44993</c:v>
                </c:pt>
                <c:pt idx="1352">
                  <c:v>44994</c:v>
                </c:pt>
                <c:pt idx="1353">
                  <c:v>44995</c:v>
                </c:pt>
                <c:pt idx="1354">
                  <c:v>44998</c:v>
                </c:pt>
                <c:pt idx="1355">
                  <c:v>44999</c:v>
                </c:pt>
                <c:pt idx="1356">
                  <c:v>45000</c:v>
                </c:pt>
                <c:pt idx="1357">
                  <c:v>45001</c:v>
                </c:pt>
                <c:pt idx="1358">
                  <c:v>45002</c:v>
                </c:pt>
                <c:pt idx="1359">
                  <c:v>45005</c:v>
                </c:pt>
                <c:pt idx="1360">
                  <c:v>45006</c:v>
                </c:pt>
                <c:pt idx="1361">
                  <c:v>45007</c:v>
                </c:pt>
                <c:pt idx="1362">
                  <c:v>45008</c:v>
                </c:pt>
                <c:pt idx="1363">
                  <c:v>45009</c:v>
                </c:pt>
                <c:pt idx="1364">
                  <c:v>45012</c:v>
                </c:pt>
                <c:pt idx="1365">
                  <c:v>45013</c:v>
                </c:pt>
                <c:pt idx="1366">
                  <c:v>45014</c:v>
                </c:pt>
                <c:pt idx="1367">
                  <c:v>45015</c:v>
                </c:pt>
                <c:pt idx="1368">
                  <c:v>45016</c:v>
                </c:pt>
                <c:pt idx="1369">
                  <c:v>45019</c:v>
                </c:pt>
                <c:pt idx="1370">
                  <c:v>45020</c:v>
                </c:pt>
                <c:pt idx="1371">
                  <c:v>45021</c:v>
                </c:pt>
                <c:pt idx="1372">
                  <c:v>45022</c:v>
                </c:pt>
                <c:pt idx="1373">
                  <c:v>45023</c:v>
                </c:pt>
                <c:pt idx="1374">
                  <c:v>45026</c:v>
                </c:pt>
                <c:pt idx="1375">
                  <c:v>45027</c:v>
                </c:pt>
                <c:pt idx="1376">
                  <c:v>45028</c:v>
                </c:pt>
                <c:pt idx="1377">
                  <c:v>45029</c:v>
                </c:pt>
                <c:pt idx="1378">
                  <c:v>45030</c:v>
                </c:pt>
                <c:pt idx="1379">
                  <c:v>45033</c:v>
                </c:pt>
                <c:pt idx="1380">
                  <c:v>45034</c:v>
                </c:pt>
                <c:pt idx="1381">
                  <c:v>45035</c:v>
                </c:pt>
                <c:pt idx="1382">
                  <c:v>45036</c:v>
                </c:pt>
                <c:pt idx="1383">
                  <c:v>45037</c:v>
                </c:pt>
                <c:pt idx="1384">
                  <c:v>45040</c:v>
                </c:pt>
                <c:pt idx="1385">
                  <c:v>45041</c:v>
                </c:pt>
                <c:pt idx="1386">
                  <c:v>45042</c:v>
                </c:pt>
                <c:pt idx="1387">
                  <c:v>45043</c:v>
                </c:pt>
                <c:pt idx="1388">
                  <c:v>45044</c:v>
                </c:pt>
                <c:pt idx="1389">
                  <c:v>45047</c:v>
                </c:pt>
                <c:pt idx="1390">
                  <c:v>45048</c:v>
                </c:pt>
                <c:pt idx="1391">
                  <c:v>45049</c:v>
                </c:pt>
                <c:pt idx="1392">
                  <c:v>45050</c:v>
                </c:pt>
                <c:pt idx="1393">
                  <c:v>45051</c:v>
                </c:pt>
                <c:pt idx="1394">
                  <c:v>45054</c:v>
                </c:pt>
                <c:pt idx="1395">
                  <c:v>45055</c:v>
                </c:pt>
                <c:pt idx="1396">
                  <c:v>45056</c:v>
                </c:pt>
                <c:pt idx="1397">
                  <c:v>45057</c:v>
                </c:pt>
                <c:pt idx="1398">
                  <c:v>45058</c:v>
                </c:pt>
                <c:pt idx="1399">
                  <c:v>45061</c:v>
                </c:pt>
                <c:pt idx="1400">
                  <c:v>45062</c:v>
                </c:pt>
                <c:pt idx="1401">
                  <c:v>45063</c:v>
                </c:pt>
                <c:pt idx="1402">
                  <c:v>45064</c:v>
                </c:pt>
                <c:pt idx="1403">
                  <c:v>45065</c:v>
                </c:pt>
                <c:pt idx="1404">
                  <c:v>45068</c:v>
                </c:pt>
                <c:pt idx="1405">
                  <c:v>45069</c:v>
                </c:pt>
                <c:pt idx="1406">
                  <c:v>45070</c:v>
                </c:pt>
                <c:pt idx="1407">
                  <c:v>45071</c:v>
                </c:pt>
                <c:pt idx="1408">
                  <c:v>45072</c:v>
                </c:pt>
                <c:pt idx="1409">
                  <c:v>45075</c:v>
                </c:pt>
                <c:pt idx="1410">
                  <c:v>45076</c:v>
                </c:pt>
                <c:pt idx="1411">
                  <c:v>45077</c:v>
                </c:pt>
                <c:pt idx="1412">
                  <c:v>45078</c:v>
                </c:pt>
                <c:pt idx="1413">
                  <c:v>45079</c:v>
                </c:pt>
                <c:pt idx="1414">
                  <c:v>45082</c:v>
                </c:pt>
                <c:pt idx="1415">
                  <c:v>45083</c:v>
                </c:pt>
                <c:pt idx="1416">
                  <c:v>45084</c:v>
                </c:pt>
                <c:pt idx="1417">
                  <c:v>45085</c:v>
                </c:pt>
                <c:pt idx="1418">
                  <c:v>45086</c:v>
                </c:pt>
                <c:pt idx="1419">
                  <c:v>45089</c:v>
                </c:pt>
                <c:pt idx="1420">
                  <c:v>45090</c:v>
                </c:pt>
                <c:pt idx="1421">
                  <c:v>45091</c:v>
                </c:pt>
                <c:pt idx="1422">
                  <c:v>45092</c:v>
                </c:pt>
                <c:pt idx="1423">
                  <c:v>45093</c:v>
                </c:pt>
                <c:pt idx="1424">
                  <c:v>45096</c:v>
                </c:pt>
                <c:pt idx="1425">
                  <c:v>45097</c:v>
                </c:pt>
                <c:pt idx="1426">
                  <c:v>45098</c:v>
                </c:pt>
                <c:pt idx="1427">
                  <c:v>45099</c:v>
                </c:pt>
                <c:pt idx="1428">
                  <c:v>45100</c:v>
                </c:pt>
                <c:pt idx="1429">
                  <c:v>45103</c:v>
                </c:pt>
                <c:pt idx="1430">
                  <c:v>45104</c:v>
                </c:pt>
                <c:pt idx="1431">
                  <c:v>45105</c:v>
                </c:pt>
                <c:pt idx="1432">
                  <c:v>45106</c:v>
                </c:pt>
                <c:pt idx="1433">
                  <c:v>45107</c:v>
                </c:pt>
                <c:pt idx="1434">
                  <c:v>45110</c:v>
                </c:pt>
                <c:pt idx="1435">
                  <c:v>45111</c:v>
                </c:pt>
                <c:pt idx="1436">
                  <c:v>45112</c:v>
                </c:pt>
                <c:pt idx="1437">
                  <c:v>45113</c:v>
                </c:pt>
                <c:pt idx="1438">
                  <c:v>45114</c:v>
                </c:pt>
                <c:pt idx="1439">
                  <c:v>45117</c:v>
                </c:pt>
                <c:pt idx="1440">
                  <c:v>45118</c:v>
                </c:pt>
                <c:pt idx="1441">
                  <c:v>45119</c:v>
                </c:pt>
                <c:pt idx="1442">
                  <c:v>45120</c:v>
                </c:pt>
                <c:pt idx="1443">
                  <c:v>45121</c:v>
                </c:pt>
                <c:pt idx="1444">
                  <c:v>45124</c:v>
                </c:pt>
                <c:pt idx="1445">
                  <c:v>45125</c:v>
                </c:pt>
                <c:pt idx="1446">
                  <c:v>45126</c:v>
                </c:pt>
                <c:pt idx="1447">
                  <c:v>45127</c:v>
                </c:pt>
                <c:pt idx="1448">
                  <c:v>45128</c:v>
                </c:pt>
                <c:pt idx="1449">
                  <c:v>45131</c:v>
                </c:pt>
                <c:pt idx="1450">
                  <c:v>45132</c:v>
                </c:pt>
                <c:pt idx="1451">
                  <c:v>45133</c:v>
                </c:pt>
                <c:pt idx="1452">
                  <c:v>45134</c:v>
                </c:pt>
                <c:pt idx="1453">
                  <c:v>45135</c:v>
                </c:pt>
                <c:pt idx="1454">
                  <c:v>45138</c:v>
                </c:pt>
                <c:pt idx="1455">
                  <c:v>45139</c:v>
                </c:pt>
                <c:pt idx="1456">
                  <c:v>45140</c:v>
                </c:pt>
                <c:pt idx="1457">
                  <c:v>45141</c:v>
                </c:pt>
                <c:pt idx="1458">
                  <c:v>45142</c:v>
                </c:pt>
                <c:pt idx="1459">
                  <c:v>45145</c:v>
                </c:pt>
                <c:pt idx="1460">
                  <c:v>45146</c:v>
                </c:pt>
                <c:pt idx="1461">
                  <c:v>45147</c:v>
                </c:pt>
                <c:pt idx="1462">
                  <c:v>45148</c:v>
                </c:pt>
                <c:pt idx="1463">
                  <c:v>45149</c:v>
                </c:pt>
                <c:pt idx="1464">
                  <c:v>45152</c:v>
                </c:pt>
                <c:pt idx="1465">
                  <c:v>45153</c:v>
                </c:pt>
                <c:pt idx="1466">
                  <c:v>45154</c:v>
                </c:pt>
                <c:pt idx="1467">
                  <c:v>45155</c:v>
                </c:pt>
                <c:pt idx="1468">
                  <c:v>45156</c:v>
                </c:pt>
                <c:pt idx="1469">
                  <c:v>45159</c:v>
                </c:pt>
                <c:pt idx="1470">
                  <c:v>45160</c:v>
                </c:pt>
                <c:pt idx="1471">
                  <c:v>45161</c:v>
                </c:pt>
                <c:pt idx="1472">
                  <c:v>45162</c:v>
                </c:pt>
                <c:pt idx="1473">
                  <c:v>45163</c:v>
                </c:pt>
                <c:pt idx="1474">
                  <c:v>45166</c:v>
                </c:pt>
                <c:pt idx="1475">
                  <c:v>45167</c:v>
                </c:pt>
                <c:pt idx="1476">
                  <c:v>45168</c:v>
                </c:pt>
                <c:pt idx="1477">
                  <c:v>45169</c:v>
                </c:pt>
                <c:pt idx="1478">
                  <c:v>45170</c:v>
                </c:pt>
                <c:pt idx="1479">
                  <c:v>45173</c:v>
                </c:pt>
                <c:pt idx="1480">
                  <c:v>45174</c:v>
                </c:pt>
                <c:pt idx="1481">
                  <c:v>45175</c:v>
                </c:pt>
                <c:pt idx="1482">
                  <c:v>45176</c:v>
                </c:pt>
                <c:pt idx="1483">
                  <c:v>45177</c:v>
                </c:pt>
                <c:pt idx="1484">
                  <c:v>45180</c:v>
                </c:pt>
                <c:pt idx="1485">
                  <c:v>45181</c:v>
                </c:pt>
                <c:pt idx="1486">
                  <c:v>45182</c:v>
                </c:pt>
                <c:pt idx="1487">
                  <c:v>45183</c:v>
                </c:pt>
                <c:pt idx="1488">
                  <c:v>45184</c:v>
                </c:pt>
                <c:pt idx="1489">
                  <c:v>45187</c:v>
                </c:pt>
                <c:pt idx="1490">
                  <c:v>45188</c:v>
                </c:pt>
                <c:pt idx="1491">
                  <c:v>45189</c:v>
                </c:pt>
                <c:pt idx="1492">
                  <c:v>45190</c:v>
                </c:pt>
                <c:pt idx="1493">
                  <c:v>45191</c:v>
                </c:pt>
                <c:pt idx="1494">
                  <c:v>45194</c:v>
                </c:pt>
                <c:pt idx="1495">
                  <c:v>45195</c:v>
                </c:pt>
                <c:pt idx="1496">
                  <c:v>45196</c:v>
                </c:pt>
                <c:pt idx="1497">
                  <c:v>45197</c:v>
                </c:pt>
                <c:pt idx="1498">
                  <c:v>45198</c:v>
                </c:pt>
                <c:pt idx="1499">
                  <c:v>45201</c:v>
                </c:pt>
                <c:pt idx="1500">
                  <c:v>45202</c:v>
                </c:pt>
                <c:pt idx="1501">
                  <c:v>45203</c:v>
                </c:pt>
                <c:pt idx="1502">
                  <c:v>45204</c:v>
                </c:pt>
                <c:pt idx="1503">
                  <c:v>45205</c:v>
                </c:pt>
                <c:pt idx="1504">
                  <c:v>45208</c:v>
                </c:pt>
                <c:pt idx="1505">
                  <c:v>45209</c:v>
                </c:pt>
                <c:pt idx="1506">
                  <c:v>45210</c:v>
                </c:pt>
                <c:pt idx="1507">
                  <c:v>45211</c:v>
                </c:pt>
                <c:pt idx="1508">
                  <c:v>45212</c:v>
                </c:pt>
                <c:pt idx="1509">
                  <c:v>45215</c:v>
                </c:pt>
                <c:pt idx="1510">
                  <c:v>45216</c:v>
                </c:pt>
                <c:pt idx="1511">
                  <c:v>45217</c:v>
                </c:pt>
                <c:pt idx="1512">
                  <c:v>45218</c:v>
                </c:pt>
                <c:pt idx="1513">
                  <c:v>45219</c:v>
                </c:pt>
                <c:pt idx="1514">
                  <c:v>45222</c:v>
                </c:pt>
                <c:pt idx="1515">
                  <c:v>45223</c:v>
                </c:pt>
                <c:pt idx="1516">
                  <c:v>45224</c:v>
                </c:pt>
                <c:pt idx="1517">
                  <c:v>45225</c:v>
                </c:pt>
                <c:pt idx="1518">
                  <c:v>45226</c:v>
                </c:pt>
                <c:pt idx="1519">
                  <c:v>45229</c:v>
                </c:pt>
                <c:pt idx="1520">
                  <c:v>45230</c:v>
                </c:pt>
                <c:pt idx="1521">
                  <c:v>45231</c:v>
                </c:pt>
                <c:pt idx="1522">
                  <c:v>45232</c:v>
                </c:pt>
                <c:pt idx="1523">
                  <c:v>45233</c:v>
                </c:pt>
                <c:pt idx="1524">
                  <c:v>45236</c:v>
                </c:pt>
                <c:pt idx="1525">
                  <c:v>45237</c:v>
                </c:pt>
                <c:pt idx="1526">
                  <c:v>45238</c:v>
                </c:pt>
                <c:pt idx="1527">
                  <c:v>45239</c:v>
                </c:pt>
                <c:pt idx="1528">
                  <c:v>45240</c:v>
                </c:pt>
                <c:pt idx="1529">
                  <c:v>45243</c:v>
                </c:pt>
                <c:pt idx="1530">
                  <c:v>45244</c:v>
                </c:pt>
                <c:pt idx="1531">
                  <c:v>45245</c:v>
                </c:pt>
                <c:pt idx="1532">
                  <c:v>45246</c:v>
                </c:pt>
                <c:pt idx="1533">
                  <c:v>45247</c:v>
                </c:pt>
                <c:pt idx="1534">
                  <c:v>45250</c:v>
                </c:pt>
                <c:pt idx="1535">
                  <c:v>45251</c:v>
                </c:pt>
                <c:pt idx="1536">
                  <c:v>45252</c:v>
                </c:pt>
                <c:pt idx="1537">
                  <c:v>45253</c:v>
                </c:pt>
                <c:pt idx="1538">
                  <c:v>45254</c:v>
                </c:pt>
                <c:pt idx="1539">
                  <c:v>45257</c:v>
                </c:pt>
                <c:pt idx="1540">
                  <c:v>45258</c:v>
                </c:pt>
                <c:pt idx="1541">
                  <c:v>45259</c:v>
                </c:pt>
                <c:pt idx="1542">
                  <c:v>45260</c:v>
                </c:pt>
                <c:pt idx="1543">
                  <c:v>45261</c:v>
                </c:pt>
                <c:pt idx="1544">
                  <c:v>45264</c:v>
                </c:pt>
                <c:pt idx="1545">
                  <c:v>45265</c:v>
                </c:pt>
                <c:pt idx="1546">
                  <c:v>45266</c:v>
                </c:pt>
                <c:pt idx="1547">
                  <c:v>45267</c:v>
                </c:pt>
                <c:pt idx="1548">
                  <c:v>45268</c:v>
                </c:pt>
                <c:pt idx="1549">
                  <c:v>45271</c:v>
                </c:pt>
                <c:pt idx="1550">
                  <c:v>45272</c:v>
                </c:pt>
                <c:pt idx="1551">
                  <c:v>45273</c:v>
                </c:pt>
                <c:pt idx="1552">
                  <c:v>45274</c:v>
                </c:pt>
                <c:pt idx="1553">
                  <c:v>45275</c:v>
                </c:pt>
                <c:pt idx="1554">
                  <c:v>45278</c:v>
                </c:pt>
                <c:pt idx="1555">
                  <c:v>45279</c:v>
                </c:pt>
                <c:pt idx="1556">
                  <c:v>45280</c:v>
                </c:pt>
                <c:pt idx="1557">
                  <c:v>45281</c:v>
                </c:pt>
                <c:pt idx="1558">
                  <c:v>45282</c:v>
                </c:pt>
                <c:pt idx="1559">
                  <c:v>45285</c:v>
                </c:pt>
                <c:pt idx="1560">
                  <c:v>45286</c:v>
                </c:pt>
                <c:pt idx="1561">
                  <c:v>45287</c:v>
                </c:pt>
                <c:pt idx="1562">
                  <c:v>45288</c:v>
                </c:pt>
                <c:pt idx="1563">
                  <c:v>45289</c:v>
                </c:pt>
                <c:pt idx="1564">
                  <c:v>45292</c:v>
                </c:pt>
                <c:pt idx="1565">
                  <c:v>45293</c:v>
                </c:pt>
                <c:pt idx="1566">
                  <c:v>45294</c:v>
                </c:pt>
                <c:pt idx="1567">
                  <c:v>45295</c:v>
                </c:pt>
                <c:pt idx="1568">
                  <c:v>45296</c:v>
                </c:pt>
                <c:pt idx="1569">
                  <c:v>45299</c:v>
                </c:pt>
                <c:pt idx="1570">
                  <c:v>45300</c:v>
                </c:pt>
                <c:pt idx="1571">
                  <c:v>45301</c:v>
                </c:pt>
                <c:pt idx="1572">
                  <c:v>45302</c:v>
                </c:pt>
                <c:pt idx="1573">
                  <c:v>45303</c:v>
                </c:pt>
                <c:pt idx="1574">
                  <c:v>45306</c:v>
                </c:pt>
                <c:pt idx="1575">
                  <c:v>45307</c:v>
                </c:pt>
                <c:pt idx="1576">
                  <c:v>45308</c:v>
                </c:pt>
                <c:pt idx="1577">
                  <c:v>45309</c:v>
                </c:pt>
                <c:pt idx="1578">
                  <c:v>45310</c:v>
                </c:pt>
                <c:pt idx="1579">
                  <c:v>45313</c:v>
                </c:pt>
                <c:pt idx="1580">
                  <c:v>45314</c:v>
                </c:pt>
                <c:pt idx="1581">
                  <c:v>45315</c:v>
                </c:pt>
                <c:pt idx="1582">
                  <c:v>45316</c:v>
                </c:pt>
                <c:pt idx="1583">
                  <c:v>45317</c:v>
                </c:pt>
                <c:pt idx="1584">
                  <c:v>45320</c:v>
                </c:pt>
                <c:pt idx="1585">
                  <c:v>45321</c:v>
                </c:pt>
                <c:pt idx="1586">
                  <c:v>45322</c:v>
                </c:pt>
                <c:pt idx="1587">
                  <c:v>45323</c:v>
                </c:pt>
                <c:pt idx="1588">
                  <c:v>45324</c:v>
                </c:pt>
                <c:pt idx="1589">
                  <c:v>45327</c:v>
                </c:pt>
                <c:pt idx="1590">
                  <c:v>45328</c:v>
                </c:pt>
                <c:pt idx="1591">
                  <c:v>45329</c:v>
                </c:pt>
                <c:pt idx="1592">
                  <c:v>45330</c:v>
                </c:pt>
                <c:pt idx="1593">
                  <c:v>45331</c:v>
                </c:pt>
                <c:pt idx="1594">
                  <c:v>45334</c:v>
                </c:pt>
                <c:pt idx="1595">
                  <c:v>45335</c:v>
                </c:pt>
                <c:pt idx="1596">
                  <c:v>45336</c:v>
                </c:pt>
                <c:pt idx="1597">
                  <c:v>45337</c:v>
                </c:pt>
                <c:pt idx="1598">
                  <c:v>45338</c:v>
                </c:pt>
                <c:pt idx="1599">
                  <c:v>45341</c:v>
                </c:pt>
                <c:pt idx="1600">
                  <c:v>45342</c:v>
                </c:pt>
                <c:pt idx="1601">
                  <c:v>45343</c:v>
                </c:pt>
                <c:pt idx="1602">
                  <c:v>45344</c:v>
                </c:pt>
                <c:pt idx="1603">
                  <c:v>45345</c:v>
                </c:pt>
                <c:pt idx="1604">
                  <c:v>45348</c:v>
                </c:pt>
                <c:pt idx="1605">
                  <c:v>45349</c:v>
                </c:pt>
                <c:pt idx="1606">
                  <c:v>45350</c:v>
                </c:pt>
                <c:pt idx="1607">
                  <c:v>45351</c:v>
                </c:pt>
                <c:pt idx="1608">
                  <c:v>45352</c:v>
                </c:pt>
                <c:pt idx="1609">
                  <c:v>45355</c:v>
                </c:pt>
                <c:pt idx="1610">
                  <c:v>45356</c:v>
                </c:pt>
                <c:pt idx="1611">
                  <c:v>45357</c:v>
                </c:pt>
                <c:pt idx="1612">
                  <c:v>45358</c:v>
                </c:pt>
                <c:pt idx="1613">
                  <c:v>45359</c:v>
                </c:pt>
                <c:pt idx="1614">
                  <c:v>45362</c:v>
                </c:pt>
                <c:pt idx="1615">
                  <c:v>45363</c:v>
                </c:pt>
                <c:pt idx="1616">
                  <c:v>45364</c:v>
                </c:pt>
                <c:pt idx="1617">
                  <c:v>45365</c:v>
                </c:pt>
                <c:pt idx="1618">
                  <c:v>45366</c:v>
                </c:pt>
                <c:pt idx="1619">
                  <c:v>45369</c:v>
                </c:pt>
                <c:pt idx="1620">
                  <c:v>45370</c:v>
                </c:pt>
                <c:pt idx="1621">
                  <c:v>45371</c:v>
                </c:pt>
                <c:pt idx="1622">
                  <c:v>45372</c:v>
                </c:pt>
                <c:pt idx="1623">
                  <c:v>45373</c:v>
                </c:pt>
                <c:pt idx="1624">
                  <c:v>45376</c:v>
                </c:pt>
                <c:pt idx="1625">
                  <c:v>45377</c:v>
                </c:pt>
                <c:pt idx="1626">
                  <c:v>45378</c:v>
                </c:pt>
                <c:pt idx="1627">
                  <c:v>45379</c:v>
                </c:pt>
                <c:pt idx="1628">
                  <c:v>45380</c:v>
                </c:pt>
                <c:pt idx="1629">
                  <c:v>45383</c:v>
                </c:pt>
                <c:pt idx="1630">
                  <c:v>45384</c:v>
                </c:pt>
                <c:pt idx="1631">
                  <c:v>45385</c:v>
                </c:pt>
                <c:pt idx="1632">
                  <c:v>45386</c:v>
                </c:pt>
                <c:pt idx="1633">
                  <c:v>45387</c:v>
                </c:pt>
                <c:pt idx="1634">
                  <c:v>45390</c:v>
                </c:pt>
                <c:pt idx="1635">
                  <c:v>45391</c:v>
                </c:pt>
                <c:pt idx="1636">
                  <c:v>45392</c:v>
                </c:pt>
                <c:pt idx="1637">
                  <c:v>45393</c:v>
                </c:pt>
                <c:pt idx="1638">
                  <c:v>45394</c:v>
                </c:pt>
                <c:pt idx="1639">
                  <c:v>45397</c:v>
                </c:pt>
                <c:pt idx="1640">
                  <c:v>45398</c:v>
                </c:pt>
                <c:pt idx="1641">
                  <c:v>45399</c:v>
                </c:pt>
                <c:pt idx="1642">
                  <c:v>45400</c:v>
                </c:pt>
                <c:pt idx="1643">
                  <c:v>45401</c:v>
                </c:pt>
                <c:pt idx="1644">
                  <c:v>45404</c:v>
                </c:pt>
                <c:pt idx="1645">
                  <c:v>45405</c:v>
                </c:pt>
                <c:pt idx="1646">
                  <c:v>45406</c:v>
                </c:pt>
                <c:pt idx="1647">
                  <c:v>45407</c:v>
                </c:pt>
                <c:pt idx="1648">
                  <c:v>45408</c:v>
                </c:pt>
                <c:pt idx="1649">
                  <c:v>45411</c:v>
                </c:pt>
                <c:pt idx="1650">
                  <c:v>45412</c:v>
                </c:pt>
                <c:pt idx="1651">
                  <c:v>45413</c:v>
                </c:pt>
                <c:pt idx="1652">
                  <c:v>45414</c:v>
                </c:pt>
                <c:pt idx="1653">
                  <c:v>45415</c:v>
                </c:pt>
                <c:pt idx="1654">
                  <c:v>45418</c:v>
                </c:pt>
                <c:pt idx="1655">
                  <c:v>45419</c:v>
                </c:pt>
                <c:pt idx="1656">
                  <c:v>45420</c:v>
                </c:pt>
                <c:pt idx="1657">
                  <c:v>45421</c:v>
                </c:pt>
                <c:pt idx="1658">
                  <c:v>45422</c:v>
                </c:pt>
                <c:pt idx="1659">
                  <c:v>45425</c:v>
                </c:pt>
                <c:pt idx="1660">
                  <c:v>45426</c:v>
                </c:pt>
                <c:pt idx="1661">
                  <c:v>45427</c:v>
                </c:pt>
                <c:pt idx="1662">
                  <c:v>45428</c:v>
                </c:pt>
                <c:pt idx="1663">
                  <c:v>45429</c:v>
                </c:pt>
                <c:pt idx="1664">
                  <c:v>45432</c:v>
                </c:pt>
                <c:pt idx="1665">
                  <c:v>45433</c:v>
                </c:pt>
                <c:pt idx="1666">
                  <c:v>45434</c:v>
                </c:pt>
                <c:pt idx="1667">
                  <c:v>45435</c:v>
                </c:pt>
                <c:pt idx="1668">
                  <c:v>45436</c:v>
                </c:pt>
                <c:pt idx="1669">
                  <c:v>45439</c:v>
                </c:pt>
                <c:pt idx="1670">
                  <c:v>45440</c:v>
                </c:pt>
                <c:pt idx="1671">
                  <c:v>45441</c:v>
                </c:pt>
                <c:pt idx="1672">
                  <c:v>45442</c:v>
                </c:pt>
                <c:pt idx="1673">
                  <c:v>45443</c:v>
                </c:pt>
                <c:pt idx="1674">
                  <c:v>45446</c:v>
                </c:pt>
                <c:pt idx="1675">
                  <c:v>45447</c:v>
                </c:pt>
                <c:pt idx="1676">
                  <c:v>45448</c:v>
                </c:pt>
                <c:pt idx="1677">
                  <c:v>45449</c:v>
                </c:pt>
                <c:pt idx="1678">
                  <c:v>45450</c:v>
                </c:pt>
                <c:pt idx="1679">
                  <c:v>45453</c:v>
                </c:pt>
                <c:pt idx="1680">
                  <c:v>45454</c:v>
                </c:pt>
                <c:pt idx="1681">
                  <c:v>45455</c:v>
                </c:pt>
                <c:pt idx="1682">
                  <c:v>45456</c:v>
                </c:pt>
                <c:pt idx="1683">
                  <c:v>45457</c:v>
                </c:pt>
                <c:pt idx="1684">
                  <c:v>45460</c:v>
                </c:pt>
                <c:pt idx="1685">
                  <c:v>45461</c:v>
                </c:pt>
                <c:pt idx="1686">
                  <c:v>45462</c:v>
                </c:pt>
                <c:pt idx="1687">
                  <c:v>45463</c:v>
                </c:pt>
                <c:pt idx="1688">
                  <c:v>45464</c:v>
                </c:pt>
                <c:pt idx="1689">
                  <c:v>45467</c:v>
                </c:pt>
                <c:pt idx="1690">
                  <c:v>45468</c:v>
                </c:pt>
                <c:pt idx="1691">
                  <c:v>45469</c:v>
                </c:pt>
                <c:pt idx="1692">
                  <c:v>45470</c:v>
                </c:pt>
                <c:pt idx="1693">
                  <c:v>45471</c:v>
                </c:pt>
                <c:pt idx="1694">
                  <c:v>45474</c:v>
                </c:pt>
                <c:pt idx="1695">
                  <c:v>45475</c:v>
                </c:pt>
                <c:pt idx="1696">
                  <c:v>45476</c:v>
                </c:pt>
                <c:pt idx="1697">
                  <c:v>45477</c:v>
                </c:pt>
                <c:pt idx="1698">
                  <c:v>45478</c:v>
                </c:pt>
                <c:pt idx="1699">
                  <c:v>45481</c:v>
                </c:pt>
                <c:pt idx="1700">
                  <c:v>45482</c:v>
                </c:pt>
                <c:pt idx="1701">
                  <c:v>45483</c:v>
                </c:pt>
                <c:pt idx="1702">
                  <c:v>45484</c:v>
                </c:pt>
              </c:numCache>
            </c:numRef>
          </c:cat>
          <c:val>
            <c:numRef>
              <c:f>'10Yr_Gov'!$P$5:$P$1707</c:f>
              <c:numCache>
                <c:formatCode>General</c:formatCode>
                <c:ptCount val="1703"/>
                <c:pt idx="0">
                  <c:v>0.05</c:v>
                </c:pt>
                <c:pt idx="1">
                  <c:v>0.05</c:v>
                </c:pt>
                <c:pt idx="2">
                  <c:v>0.05</c:v>
                </c:pt>
                <c:pt idx="3">
                  <c:v>0.06</c:v>
                </c:pt>
                <c:pt idx="4">
                  <c:v>0.06</c:v>
                </c:pt>
                <c:pt idx="5">
                  <c:v>7.0000000000000007E-2</c:v>
                </c:pt>
                <c:pt idx="6">
                  <c:v>0.08</c:v>
                </c:pt>
                <c:pt idx="7">
                  <c:v>7.0000000000000007E-2</c:v>
                </c:pt>
                <c:pt idx="8">
                  <c:v>7.0000000000000007E-2</c:v>
                </c:pt>
                <c:pt idx="9">
                  <c:v>7.0000000000000007E-2</c:v>
                </c:pt>
                <c:pt idx="10">
                  <c:v>0.08</c:v>
                </c:pt>
                <c:pt idx="11">
                  <c:v>0.08</c:v>
                </c:pt>
                <c:pt idx="12">
                  <c:v>0.08</c:v>
                </c:pt>
                <c:pt idx="13">
                  <c:v>0.08</c:v>
                </c:pt>
                <c:pt idx="14">
                  <c:v>0.08</c:v>
                </c:pt>
                <c:pt idx="15">
                  <c:v>7.0000000000000007E-2</c:v>
                </c:pt>
                <c:pt idx="16">
                  <c:v>0.08</c:v>
                </c:pt>
                <c:pt idx="17">
                  <c:v>0.08</c:v>
                </c:pt>
                <c:pt idx="18">
                  <c:v>7.0000000000000007E-2</c:v>
                </c:pt>
                <c:pt idx="19">
                  <c:v>0.08</c:v>
                </c:pt>
                <c:pt idx="20">
                  <c:v>0.09</c:v>
                </c:pt>
                <c:pt idx="21">
                  <c:v>0.08</c:v>
                </c:pt>
                <c:pt idx="22">
                  <c:v>0.09</c:v>
                </c:pt>
                <c:pt idx="23">
                  <c:v>0.08</c:v>
                </c:pt>
                <c:pt idx="24">
                  <c:v>0.08</c:v>
                </c:pt>
                <c:pt idx="25">
                  <c:v>7.0000000000000007E-2</c:v>
                </c:pt>
                <c:pt idx="26">
                  <c:v>7.0000000000000007E-2</c:v>
                </c:pt>
                <c:pt idx="27">
                  <c:v>0.08</c:v>
                </c:pt>
                <c:pt idx="28">
                  <c:v>7.0000000000000007E-2</c:v>
                </c:pt>
                <c:pt idx="29">
                  <c:v>7.0000000000000007E-2</c:v>
                </c:pt>
                <c:pt idx="30">
                  <c:v>7.0000000000000007E-2</c:v>
                </c:pt>
                <c:pt idx="31">
                  <c:v>0.06</c:v>
                </c:pt>
                <c:pt idx="32">
                  <c:v>0.06</c:v>
                </c:pt>
                <c:pt idx="33">
                  <c:v>0.06</c:v>
                </c:pt>
                <c:pt idx="34">
                  <c:v>0.06</c:v>
                </c:pt>
                <c:pt idx="35">
                  <c:v>0.06</c:v>
                </c:pt>
                <c:pt idx="36">
                  <c:v>0.05</c:v>
                </c:pt>
                <c:pt idx="37">
                  <c:v>0.05</c:v>
                </c:pt>
                <c:pt idx="38">
                  <c:v>0.05</c:v>
                </c:pt>
                <c:pt idx="39">
                  <c:v>0.05</c:v>
                </c:pt>
                <c:pt idx="40">
                  <c:v>0.04</c:v>
                </c:pt>
                <c:pt idx="41">
                  <c:v>0.05</c:v>
                </c:pt>
                <c:pt idx="42">
                  <c:v>0.04</c:v>
                </c:pt>
                <c:pt idx="43">
                  <c:v>0.05</c:v>
                </c:pt>
                <c:pt idx="44">
                  <c:v>0.03</c:v>
                </c:pt>
                <c:pt idx="45">
                  <c:v>0.04</c:v>
                </c:pt>
                <c:pt idx="46">
                  <c:v>0.03</c:v>
                </c:pt>
                <c:pt idx="47">
                  <c:v>0.04</c:v>
                </c:pt>
                <c:pt idx="48">
                  <c:v>0.03</c:v>
                </c:pt>
                <c:pt idx="49">
                  <c:v>0.03</c:v>
                </c:pt>
                <c:pt idx="50">
                  <c:v>0.03</c:v>
                </c:pt>
                <c:pt idx="51">
                  <c:v>0.03</c:v>
                </c:pt>
                <c:pt idx="52">
                  <c:v>0.03</c:v>
                </c:pt>
                <c:pt idx="53">
                  <c:v>0.02</c:v>
                </c:pt>
                <c:pt idx="54">
                  <c:v>0.02</c:v>
                </c:pt>
                <c:pt idx="55">
                  <c:v>0.02</c:v>
                </c:pt>
                <c:pt idx="56">
                  <c:v>0.02</c:v>
                </c:pt>
                <c:pt idx="57">
                  <c:v>0.02</c:v>
                </c:pt>
                <c:pt idx="58">
                  <c:v>0.01</c:v>
                </c:pt>
                <c:pt idx="59">
                  <c:v>0.01</c:v>
                </c:pt>
                <c:pt idx="60">
                  <c:v>0.02</c:v>
                </c:pt>
                <c:pt idx="61">
                  <c:v>0.02</c:v>
                </c:pt>
                <c:pt idx="62">
                  <c:v>0.04</c:v>
                </c:pt>
                <c:pt idx="63">
                  <c:v>0.04</c:v>
                </c:pt>
                <c:pt idx="64">
                  <c:v>0.04</c:v>
                </c:pt>
                <c:pt idx="65">
                  <c:v>0.02</c:v>
                </c:pt>
                <c:pt idx="66">
                  <c:v>0.03</c:v>
                </c:pt>
                <c:pt idx="67">
                  <c:v>0.04</c:v>
                </c:pt>
                <c:pt idx="68">
                  <c:v>0.04</c:v>
                </c:pt>
                <c:pt idx="69">
                  <c:v>0.03</c:v>
                </c:pt>
                <c:pt idx="70">
                  <c:v>0.03</c:v>
                </c:pt>
                <c:pt idx="71">
                  <c:v>0.03</c:v>
                </c:pt>
                <c:pt idx="72">
                  <c:v>0.03</c:v>
                </c:pt>
                <c:pt idx="73">
                  <c:v>0.03</c:v>
                </c:pt>
                <c:pt idx="74">
                  <c:v>0.04</c:v>
                </c:pt>
                <c:pt idx="75">
                  <c:v>0.04</c:v>
                </c:pt>
                <c:pt idx="76">
                  <c:v>0.03</c:v>
                </c:pt>
                <c:pt idx="77">
                  <c:v>0.04</c:v>
                </c:pt>
                <c:pt idx="78">
                  <c:v>0.06</c:v>
                </c:pt>
                <c:pt idx="79">
                  <c:v>0.06</c:v>
                </c:pt>
                <c:pt idx="80">
                  <c:v>0.05</c:v>
                </c:pt>
                <c:pt idx="81">
                  <c:v>0.06</c:v>
                </c:pt>
                <c:pt idx="82">
                  <c:v>0.06</c:v>
                </c:pt>
                <c:pt idx="83">
                  <c:v>0.05</c:v>
                </c:pt>
                <c:pt idx="84">
                  <c:v>0.05</c:v>
                </c:pt>
                <c:pt idx="85">
                  <c:v>0.04</c:v>
                </c:pt>
                <c:pt idx="86">
                  <c:v>0.04</c:v>
                </c:pt>
                <c:pt idx="87">
                  <c:v>0.04</c:v>
                </c:pt>
                <c:pt idx="88">
                  <c:v>0.04</c:v>
                </c:pt>
                <c:pt idx="89">
                  <c:v>0.04</c:v>
                </c:pt>
                <c:pt idx="90">
                  <c:v>0.05</c:v>
                </c:pt>
                <c:pt idx="91">
                  <c:v>0.05</c:v>
                </c:pt>
                <c:pt idx="92">
                  <c:v>0.05</c:v>
                </c:pt>
                <c:pt idx="93">
                  <c:v>0.04</c:v>
                </c:pt>
                <c:pt idx="94">
                  <c:v>0.05</c:v>
                </c:pt>
                <c:pt idx="95">
                  <c:v>0.05</c:v>
                </c:pt>
                <c:pt idx="96">
                  <c:v>0.05</c:v>
                </c:pt>
                <c:pt idx="97">
                  <c:v>0.06</c:v>
                </c:pt>
                <c:pt idx="98">
                  <c:v>0.06</c:v>
                </c:pt>
                <c:pt idx="99">
                  <c:v>0.05</c:v>
                </c:pt>
                <c:pt idx="100">
                  <c:v>0.05</c:v>
                </c:pt>
                <c:pt idx="101">
                  <c:v>0.04</c:v>
                </c:pt>
                <c:pt idx="102">
                  <c:v>0.04</c:v>
                </c:pt>
                <c:pt idx="103">
                  <c:v>0.04</c:v>
                </c:pt>
                <c:pt idx="104">
                  <c:v>0.04</c:v>
                </c:pt>
                <c:pt idx="105">
                  <c:v>0.03</c:v>
                </c:pt>
                <c:pt idx="106">
                  <c:v>0.03</c:v>
                </c:pt>
                <c:pt idx="107">
                  <c:v>0.03</c:v>
                </c:pt>
                <c:pt idx="108">
                  <c:v>0.04</c:v>
                </c:pt>
                <c:pt idx="109">
                  <c:v>0.05</c:v>
                </c:pt>
                <c:pt idx="110">
                  <c:v>0.05</c:v>
                </c:pt>
                <c:pt idx="111">
                  <c:v>0.05</c:v>
                </c:pt>
                <c:pt idx="112">
                  <c:v>0.05</c:v>
                </c:pt>
                <c:pt idx="113">
                  <c:v>0.04</c:v>
                </c:pt>
                <c:pt idx="114">
                  <c:v>0.04</c:v>
                </c:pt>
                <c:pt idx="115">
                  <c:v>0.05</c:v>
                </c:pt>
                <c:pt idx="116">
                  <c:v>0.05</c:v>
                </c:pt>
                <c:pt idx="117">
                  <c:v>0.04</c:v>
                </c:pt>
                <c:pt idx="118">
                  <c:v>0.04</c:v>
                </c:pt>
                <c:pt idx="119">
                  <c:v>0.04</c:v>
                </c:pt>
                <c:pt idx="120">
                  <c:v>0.03</c:v>
                </c:pt>
                <c:pt idx="121">
                  <c:v>0.03</c:v>
                </c:pt>
                <c:pt idx="122">
                  <c:v>0.03</c:v>
                </c:pt>
                <c:pt idx="123">
                  <c:v>0.03</c:v>
                </c:pt>
                <c:pt idx="124">
                  <c:v>0.03</c:v>
                </c:pt>
                <c:pt idx="125">
                  <c:v>0.03</c:v>
                </c:pt>
                <c:pt idx="126">
                  <c:v>0.03</c:v>
                </c:pt>
                <c:pt idx="127">
                  <c:v>0.03</c:v>
                </c:pt>
                <c:pt idx="128">
                  <c:v>0.03</c:v>
                </c:pt>
                <c:pt idx="129">
                  <c:v>0.02</c:v>
                </c:pt>
                <c:pt idx="130">
                  <c:v>0.03</c:v>
                </c:pt>
                <c:pt idx="131">
                  <c:v>0.02</c:v>
                </c:pt>
                <c:pt idx="132">
                  <c:v>0.02</c:v>
                </c:pt>
                <c:pt idx="133">
                  <c:v>0.02</c:v>
                </c:pt>
                <c:pt idx="134">
                  <c:v>0.02</c:v>
                </c:pt>
                <c:pt idx="135">
                  <c:v>0.03</c:v>
                </c:pt>
                <c:pt idx="136">
                  <c:v>0.03</c:v>
                </c:pt>
                <c:pt idx="137">
                  <c:v>0.03</c:v>
                </c:pt>
                <c:pt idx="138">
                  <c:v>0.03</c:v>
                </c:pt>
                <c:pt idx="139">
                  <c:v>0.03</c:v>
                </c:pt>
                <c:pt idx="140">
                  <c:v>0.03</c:v>
                </c:pt>
                <c:pt idx="141">
                  <c:v>0.03</c:v>
                </c:pt>
                <c:pt idx="142">
                  <c:v>0.03</c:v>
                </c:pt>
                <c:pt idx="143">
                  <c:v>0.02</c:v>
                </c:pt>
                <c:pt idx="144">
                  <c:v>7.0000000000000007E-2</c:v>
                </c:pt>
                <c:pt idx="145">
                  <c:v>7.0000000000000007E-2</c:v>
                </c:pt>
                <c:pt idx="146">
                  <c:v>0.05</c:v>
                </c:pt>
                <c:pt idx="147">
                  <c:v>7.0000000000000007E-2</c:v>
                </c:pt>
                <c:pt idx="148">
                  <c:v>0.08</c:v>
                </c:pt>
                <c:pt idx="149">
                  <c:v>0.09</c:v>
                </c:pt>
                <c:pt idx="150">
                  <c:v>0.05</c:v>
                </c:pt>
                <c:pt idx="151">
                  <c:v>0.12</c:v>
                </c:pt>
                <c:pt idx="152">
                  <c:v>0.11</c:v>
                </c:pt>
                <c:pt idx="153">
                  <c:v>0.1</c:v>
                </c:pt>
                <c:pt idx="154">
                  <c:v>0.1</c:v>
                </c:pt>
                <c:pt idx="155">
                  <c:v>0.1</c:v>
                </c:pt>
                <c:pt idx="156">
                  <c:v>0.1</c:v>
                </c:pt>
                <c:pt idx="157">
                  <c:v>0.11</c:v>
                </c:pt>
                <c:pt idx="158">
                  <c:v>0.1</c:v>
                </c:pt>
                <c:pt idx="159">
                  <c:v>0.1</c:v>
                </c:pt>
                <c:pt idx="160">
                  <c:v>0.1</c:v>
                </c:pt>
                <c:pt idx="161">
                  <c:v>0.09</c:v>
                </c:pt>
                <c:pt idx="162">
                  <c:v>0.1</c:v>
                </c:pt>
                <c:pt idx="163">
                  <c:v>0.09</c:v>
                </c:pt>
                <c:pt idx="164">
                  <c:v>0.09</c:v>
                </c:pt>
                <c:pt idx="165">
                  <c:v>0.09</c:v>
                </c:pt>
                <c:pt idx="166">
                  <c:v>0.09</c:v>
                </c:pt>
                <c:pt idx="167">
                  <c:v>0.09</c:v>
                </c:pt>
                <c:pt idx="168">
                  <c:v>0.1</c:v>
                </c:pt>
                <c:pt idx="169">
                  <c:v>0.09</c:v>
                </c:pt>
                <c:pt idx="170">
                  <c:v>0.09</c:v>
                </c:pt>
                <c:pt idx="171">
                  <c:v>0.1</c:v>
                </c:pt>
                <c:pt idx="172">
                  <c:v>0.1</c:v>
                </c:pt>
                <c:pt idx="173">
                  <c:v>0.1</c:v>
                </c:pt>
                <c:pt idx="174">
                  <c:v>0.11</c:v>
                </c:pt>
                <c:pt idx="175">
                  <c:v>0.11</c:v>
                </c:pt>
                <c:pt idx="176">
                  <c:v>0.11</c:v>
                </c:pt>
                <c:pt idx="177">
                  <c:v>0.1</c:v>
                </c:pt>
                <c:pt idx="178">
                  <c:v>0.1</c:v>
                </c:pt>
                <c:pt idx="179">
                  <c:v>0.11</c:v>
                </c:pt>
                <c:pt idx="180">
                  <c:v>0.1</c:v>
                </c:pt>
                <c:pt idx="181">
                  <c:v>0.1</c:v>
                </c:pt>
                <c:pt idx="182">
                  <c:v>0.1</c:v>
                </c:pt>
                <c:pt idx="183">
                  <c:v>0.1</c:v>
                </c:pt>
                <c:pt idx="184">
                  <c:v>0.1</c:v>
                </c:pt>
                <c:pt idx="185">
                  <c:v>0.11</c:v>
                </c:pt>
                <c:pt idx="186">
                  <c:v>0.11</c:v>
                </c:pt>
                <c:pt idx="187">
                  <c:v>0.11</c:v>
                </c:pt>
                <c:pt idx="188">
                  <c:v>0.12</c:v>
                </c:pt>
                <c:pt idx="189">
                  <c:v>0.12</c:v>
                </c:pt>
                <c:pt idx="190">
                  <c:v>0.12</c:v>
                </c:pt>
                <c:pt idx="191">
                  <c:v>0.12</c:v>
                </c:pt>
                <c:pt idx="192">
                  <c:v>0.11</c:v>
                </c:pt>
                <c:pt idx="193">
                  <c:v>0.12</c:v>
                </c:pt>
                <c:pt idx="194">
                  <c:v>0.12</c:v>
                </c:pt>
                <c:pt idx="195">
                  <c:v>0.12</c:v>
                </c:pt>
                <c:pt idx="196">
                  <c:v>0.12</c:v>
                </c:pt>
                <c:pt idx="197">
                  <c:v>0.14000000000000001</c:v>
                </c:pt>
                <c:pt idx="198">
                  <c:v>0.13</c:v>
                </c:pt>
                <c:pt idx="199">
                  <c:v>0.13</c:v>
                </c:pt>
                <c:pt idx="200">
                  <c:v>0.14000000000000001</c:v>
                </c:pt>
                <c:pt idx="201">
                  <c:v>0.14000000000000001</c:v>
                </c:pt>
                <c:pt idx="202">
                  <c:v>0.13</c:v>
                </c:pt>
                <c:pt idx="203">
                  <c:v>0.13</c:v>
                </c:pt>
                <c:pt idx="204">
                  <c:v>0.13</c:v>
                </c:pt>
                <c:pt idx="205">
                  <c:v>0.13</c:v>
                </c:pt>
                <c:pt idx="206">
                  <c:v>0.13</c:v>
                </c:pt>
                <c:pt idx="207">
                  <c:v>0.13</c:v>
                </c:pt>
                <c:pt idx="208">
                  <c:v>0.13</c:v>
                </c:pt>
                <c:pt idx="209">
                  <c:v>0.13</c:v>
                </c:pt>
                <c:pt idx="210">
                  <c:v>0.13</c:v>
                </c:pt>
                <c:pt idx="211">
                  <c:v>0.11</c:v>
                </c:pt>
                <c:pt idx="212">
                  <c:v>0.1</c:v>
                </c:pt>
                <c:pt idx="213">
                  <c:v>0.1</c:v>
                </c:pt>
                <c:pt idx="214">
                  <c:v>0.09</c:v>
                </c:pt>
                <c:pt idx="215">
                  <c:v>0.1</c:v>
                </c:pt>
                <c:pt idx="216">
                  <c:v>0.12</c:v>
                </c:pt>
                <c:pt idx="217">
                  <c:v>0.12</c:v>
                </c:pt>
                <c:pt idx="218">
                  <c:v>0.12</c:v>
                </c:pt>
                <c:pt idx="219">
                  <c:v>0.12</c:v>
                </c:pt>
                <c:pt idx="220">
                  <c:v>0.12</c:v>
                </c:pt>
                <c:pt idx="221">
                  <c:v>0.12</c:v>
                </c:pt>
                <c:pt idx="222">
                  <c:v>0.12</c:v>
                </c:pt>
                <c:pt idx="223">
                  <c:v>0.12</c:v>
                </c:pt>
                <c:pt idx="224">
                  <c:v>0.11</c:v>
                </c:pt>
                <c:pt idx="225">
                  <c:v>0.11</c:v>
                </c:pt>
                <c:pt idx="226">
                  <c:v>0.1</c:v>
                </c:pt>
                <c:pt idx="227">
                  <c:v>0.1</c:v>
                </c:pt>
                <c:pt idx="228">
                  <c:v>0.1</c:v>
                </c:pt>
                <c:pt idx="229">
                  <c:v>0.09</c:v>
                </c:pt>
                <c:pt idx="230">
                  <c:v>0.1</c:v>
                </c:pt>
                <c:pt idx="231">
                  <c:v>0.09</c:v>
                </c:pt>
                <c:pt idx="232">
                  <c:v>0.09</c:v>
                </c:pt>
                <c:pt idx="233">
                  <c:v>0.09</c:v>
                </c:pt>
                <c:pt idx="234">
                  <c:v>0.09</c:v>
                </c:pt>
                <c:pt idx="235">
                  <c:v>0.09</c:v>
                </c:pt>
                <c:pt idx="236">
                  <c:v>0.1</c:v>
                </c:pt>
                <c:pt idx="237">
                  <c:v>0.08</c:v>
                </c:pt>
                <c:pt idx="238">
                  <c:v>0.09</c:v>
                </c:pt>
                <c:pt idx="239">
                  <c:v>0.08</c:v>
                </c:pt>
                <c:pt idx="240">
                  <c:v>7.0000000000000007E-2</c:v>
                </c:pt>
                <c:pt idx="241">
                  <c:v>7.0000000000000007E-2</c:v>
                </c:pt>
                <c:pt idx="242">
                  <c:v>0.05</c:v>
                </c:pt>
                <c:pt idx="243">
                  <c:v>0.06</c:v>
                </c:pt>
                <c:pt idx="244">
                  <c:v>0.04</c:v>
                </c:pt>
                <c:pt idx="245">
                  <c:v>0.04</c:v>
                </c:pt>
                <c:pt idx="246">
                  <c:v>0.05</c:v>
                </c:pt>
                <c:pt idx="247">
                  <c:v>0.05</c:v>
                </c:pt>
                <c:pt idx="248">
                  <c:v>0.03</c:v>
                </c:pt>
                <c:pt idx="249">
                  <c:v>0.03</c:v>
                </c:pt>
                <c:pt idx="250">
                  <c:v>0.03</c:v>
                </c:pt>
                <c:pt idx="251">
                  <c:v>0.03</c:v>
                </c:pt>
                <c:pt idx="252">
                  <c:v>0.03</c:v>
                </c:pt>
                <c:pt idx="253">
                  <c:v>0.04</c:v>
                </c:pt>
                <c:pt idx="254">
                  <c:v>0.04</c:v>
                </c:pt>
                <c:pt idx="255">
                  <c:v>0.01</c:v>
                </c:pt>
                <c:pt idx="256">
                  <c:v>0.02</c:v>
                </c:pt>
                <c:pt idx="257">
                  <c:v>0.02</c:v>
                </c:pt>
                <c:pt idx="258">
                  <c:v>0</c:v>
                </c:pt>
                <c:pt idx="259">
                  <c:v>0</c:v>
                </c:pt>
                <c:pt idx="260">
                  <c:v>0</c:v>
                </c:pt>
                <c:pt idx="261">
                  <c:v>0</c:v>
                </c:pt>
                <c:pt idx="262">
                  <c:v>0</c:v>
                </c:pt>
                <c:pt idx="263">
                  <c:v>-0.04</c:v>
                </c:pt>
                <c:pt idx="264">
                  <c:v>-0.02</c:v>
                </c:pt>
                <c:pt idx="265">
                  <c:v>0</c:v>
                </c:pt>
                <c:pt idx="266">
                  <c:v>0.01</c:v>
                </c:pt>
                <c:pt idx="267">
                  <c:v>0</c:v>
                </c:pt>
                <c:pt idx="268">
                  <c:v>0</c:v>
                </c:pt>
                <c:pt idx="269">
                  <c:v>0</c:v>
                </c:pt>
                <c:pt idx="270">
                  <c:v>0</c:v>
                </c:pt>
                <c:pt idx="271">
                  <c:v>-0.01</c:v>
                </c:pt>
                <c:pt idx="272">
                  <c:v>-0.01</c:v>
                </c:pt>
                <c:pt idx="273">
                  <c:v>-0.01</c:v>
                </c:pt>
                <c:pt idx="274">
                  <c:v>-0.02</c:v>
                </c:pt>
                <c:pt idx="275">
                  <c:v>-0.02</c:v>
                </c:pt>
                <c:pt idx="276">
                  <c:v>-0.02</c:v>
                </c:pt>
                <c:pt idx="277">
                  <c:v>-0.01</c:v>
                </c:pt>
                <c:pt idx="278">
                  <c:v>-0.02</c:v>
                </c:pt>
                <c:pt idx="279">
                  <c:v>-0.02</c:v>
                </c:pt>
                <c:pt idx="280">
                  <c:v>-0.02</c:v>
                </c:pt>
                <c:pt idx="281">
                  <c:v>-0.02</c:v>
                </c:pt>
                <c:pt idx="282">
                  <c:v>0</c:v>
                </c:pt>
                <c:pt idx="283">
                  <c:v>-0.03</c:v>
                </c:pt>
                <c:pt idx="284">
                  <c:v>-0.02</c:v>
                </c:pt>
                <c:pt idx="285">
                  <c:v>-0.02</c:v>
                </c:pt>
                <c:pt idx="286">
                  <c:v>-0.02</c:v>
                </c:pt>
                <c:pt idx="287">
                  <c:v>-0.02</c:v>
                </c:pt>
                <c:pt idx="288">
                  <c:v>-0.03</c:v>
                </c:pt>
                <c:pt idx="289">
                  <c:v>-0.03</c:v>
                </c:pt>
                <c:pt idx="290">
                  <c:v>-0.02</c:v>
                </c:pt>
                <c:pt idx="291">
                  <c:v>-0.01</c:v>
                </c:pt>
                <c:pt idx="292">
                  <c:v>-0.02</c:v>
                </c:pt>
                <c:pt idx="293">
                  <c:v>-0.03</c:v>
                </c:pt>
                <c:pt idx="294">
                  <c:v>-0.03</c:v>
                </c:pt>
                <c:pt idx="295">
                  <c:v>-0.04</c:v>
                </c:pt>
                <c:pt idx="296">
                  <c:v>-0.04</c:v>
                </c:pt>
                <c:pt idx="297">
                  <c:v>-0.05</c:v>
                </c:pt>
                <c:pt idx="298">
                  <c:v>-0.05</c:v>
                </c:pt>
                <c:pt idx="299">
                  <c:v>-0.04</c:v>
                </c:pt>
                <c:pt idx="300">
                  <c:v>-0.03</c:v>
                </c:pt>
                <c:pt idx="301">
                  <c:v>-0.03</c:v>
                </c:pt>
                <c:pt idx="302">
                  <c:v>-0.03</c:v>
                </c:pt>
                <c:pt idx="303">
                  <c:v>-0.02</c:v>
                </c:pt>
                <c:pt idx="304">
                  <c:v>0</c:v>
                </c:pt>
                <c:pt idx="305">
                  <c:v>0</c:v>
                </c:pt>
                <c:pt idx="306">
                  <c:v>-0.01</c:v>
                </c:pt>
                <c:pt idx="307">
                  <c:v>-0.02</c:v>
                </c:pt>
                <c:pt idx="308">
                  <c:v>-0.04</c:v>
                </c:pt>
                <c:pt idx="309">
                  <c:v>-0.04</c:v>
                </c:pt>
                <c:pt idx="310">
                  <c:v>-0.04</c:v>
                </c:pt>
                <c:pt idx="311">
                  <c:v>-0.05</c:v>
                </c:pt>
                <c:pt idx="312">
                  <c:v>-0.05</c:v>
                </c:pt>
                <c:pt idx="313">
                  <c:v>-0.04</c:v>
                </c:pt>
                <c:pt idx="314">
                  <c:v>-0.04</c:v>
                </c:pt>
                <c:pt idx="315">
                  <c:v>-0.05</c:v>
                </c:pt>
                <c:pt idx="316">
                  <c:v>-0.04</c:v>
                </c:pt>
                <c:pt idx="317">
                  <c:v>-0.04</c:v>
                </c:pt>
                <c:pt idx="318">
                  <c:v>-0.08</c:v>
                </c:pt>
                <c:pt idx="319">
                  <c:v>-0.09</c:v>
                </c:pt>
                <c:pt idx="320">
                  <c:v>-7.0000000000000007E-2</c:v>
                </c:pt>
                <c:pt idx="321">
                  <c:v>-7.0000000000000007E-2</c:v>
                </c:pt>
                <c:pt idx="322">
                  <c:v>-0.1</c:v>
                </c:pt>
                <c:pt idx="323">
                  <c:v>-0.1</c:v>
                </c:pt>
                <c:pt idx="324">
                  <c:v>-0.09</c:v>
                </c:pt>
                <c:pt idx="325">
                  <c:v>-7.0000000000000007E-2</c:v>
                </c:pt>
                <c:pt idx="326">
                  <c:v>-7.0000000000000007E-2</c:v>
                </c:pt>
                <c:pt idx="327">
                  <c:v>-0.06</c:v>
                </c:pt>
                <c:pt idx="328">
                  <c:v>-0.05</c:v>
                </c:pt>
                <c:pt idx="329">
                  <c:v>-7.0000000000000007E-2</c:v>
                </c:pt>
                <c:pt idx="330">
                  <c:v>-7.0000000000000007E-2</c:v>
                </c:pt>
                <c:pt idx="331">
                  <c:v>-0.08</c:v>
                </c:pt>
                <c:pt idx="332">
                  <c:v>-0.08</c:v>
                </c:pt>
                <c:pt idx="333">
                  <c:v>-7.0000000000000007E-2</c:v>
                </c:pt>
                <c:pt idx="334">
                  <c:v>-0.05</c:v>
                </c:pt>
                <c:pt idx="335">
                  <c:v>-0.04</c:v>
                </c:pt>
                <c:pt idx="336">
                  <c:v>-0.03</c:v>
                </c:pt>
                <c:pt idx="337">
                  <c:v>-0.05</c:v>
                </c:pt>
                <c:pt idx="338">
                  <c:v>-0.05</c:v>
                </c:pt>
                <c:pt idx="339">
                  <c:v>-0.05</c:v>
                </c:pt>
                <c:pt idx="340">
                  <c:v>-0.05</c:v>
                </c:pt>
                <c:pt idx="341">
                  <c:v>-0.06</c:v>
                </c:pt>
                <c:pt idx="342">
                  <c:v>-0.05</c:v>
                </c:pt>
                <c:pt idx="343">
                  <c:v>-7.0000000000000007E-2</c:v>
                </c:pt>
                <c:pt idx="344">
                  <c:v>-7.0000000000000007E-2</c:v>
                </c:pt>
                <c:pt idx="345">
                  <c:v>-0.05</c:v>
                </c:pt>
                <c:pt idx="346">
                  <c:v>-0.05</c:v>
                </c:pt>
                <c:pt idx="347">
                  <c:v>-0.05</c:v>
                </c:pt>
                <c:pt idx="348">
                  <c:v>-0.05</c:v>
                </c:pt>
                <c:pt idx="349">
                  <c:v>-0.05</c:v>
                </c:pt>
                <c:pt idx="350">
                  <c:v>-0.06</c:v>
                </c:pt>
                <c:pt idx="351">
                  <c:v>-0.06</c:v>
                </c:pt>
                <c:pt idx="352">
                  <c:v>-0.05</c:v>
                </c:pt>
                <c:pt idx="353">
                  <c:v>-0.05</c:v>
                </c:pt>
                <c:pt idx="354">
                  <c:v>-0.05</c:v>
                </c:pt>
                <c:pt idx="355">
                  <c:v>-0.06</c:v>
                </c:pt>
                <c:pt idx="356">
                  <c:v>-0.06</c:v>
                </c:pt>
                <c:pt idx="357">
                  <c:v>-7.0000000000000007E-2</c:v>
                </c:pt>
                <c:pt idx="358">
                  <c:v>-0.06</c:v>
                </c:pt>
                <c:pt idx="359">
                  <c:v>-0.05</c:v>
                </c:pt>
                <c:pt idx="360">
                  <c:v>-0.05</c:v>
                </c:pt>
                <c:pt idx="361">
                  <c:v>-0.06</c:v>
                </c:pt>
                <c:pt idx="362">
                  <c:v>-7.0000000000000007E-2</c:v>
                </c:pt>
                <c:pt idx="363">
                  <c:v>-0.08</c:v>
                </c:pt>
                <c:pt idx="364">
                  <c:v>-7.0000000000000007E-2</c:v>
                </c:pt>
                <c:pt idx="365">
                  <c:v>-0.08</c:v>
                </c:pt>
                <c:pt idx="366">
                  <c:v>-0.1</c:v>
                </c:pt>
                <c:pt idx="367">
                  <c:v>-0.09</c:v>
                </c:pt>
                <c:pt idx="368">
                  <c:v>-0.1</c:v>
                </c:pt>
                <c:pt idx="369">
                  <c:v>-0.1</c:v>
                </c:pt>
                <c:pt idx="370">
                  <c:v>-0.11</c:v>
                </c:pt>
                <c:pt idx="371">
                  <c:v>-0.13</c:v>
                </c:pt>
                <c:pt idx="372">
                  <c:v>-0.13</c:v>
                </c:pt>
                <c:pt idx="373">
                  <c:v>-0.12</c:v>
                </c:pt>
                <c:pt idx="374">
                  <c:v>-0.13</c:v>
                </c:pt>
                <c:pt idx="375">
                  <c:v>-0.12</c:v>
                </c:pt>
                <c:pt idx="376">
                  <c:v>-0.12</c:v>
                </c:pt>
                <c:pt idx="377">
                  <c:v>-0.12</c:v>
                </c:pt>
                <c:pt idx="378">
                  <c:v>-0.13</c:v>
                </c:pt>
                <c:pt idx="379">
                  <c:v>-0.13</c:v>
                </c:pt>
                <c:pt idx="380">
                  <c:v>-0.13</c:v>
                </c:pt>
                <c:pt idx="381">
                  <c:v>-0.14000000000000001</c:v>
                </c:pt>
                <c:pt idx="382">
                  <c:v>-0.17</c:v>
                </c:pt>
                <c:pt idx="383">
                  <c:v>-0.17</c:v>
                </c:pt>
                <c:pt idx="384">
                  <c:v>-0.16</c:v>
                </c:pt>
                <c:pt idx="385">
                  <c:v>-0.16</c:v>
                </c:pt>
                <c:pt idx="386">
                  <c:v>-0.15</c:v>
                </c:pt>
                <c:pt idx="387">
                  <c:v>-0.15</c:v>
                </c:pt>
                <c:pt idx="388">
                  <c:v>-0.17</c:v>
                </c:pt>
                <c:pt idx="389">
                  <c:v>-0.15</c:v>
                </c:pt>
                <c:pt idx="390">
                  <c:v>-0.15</c:v>
                </c:pt>
                <c:pt idx="391">
                  <c:v>-0.17</c:v>
                </c:pt>
                <c:pt idx="392">
                  <c:v>-0.17</c:v>
                </c:pt>
                <c:pt idx="393">
                  <c:v>-0.18</c:v>
                </c:pt>
                <c:pt idx="394">
                  <c:v>-0.17</c:v>
                </c:pt>
                <c:pt idx="395">
                  <c:v>-0.16</c:v>
                </c:pt>
                <c:pt idx="396">
                  <c:v>-0.14000000000000001</c:v>
                </c:pt>
                <c:pt idx="397">
                  <c:v>-0.16</c:v>
                </c:pt>
                <c:pt idx="398">
                  <c:v>-0.13</c:v>
                </c:pt>
                <c:pt idx="399">
                  <c:v>-0.13</c:v>
                </c:pt>
                <c:pt idx="400">
                  <c:v>-0.14000000000000001</c:v>
                </c:pt>
                <c:pt idx="401">
                  <c:v>-0.14000000000000001</c:v>
                </c:pt>
                <c:pt idx="402">
                  <c:v>-0.15</c:v>
                </c:pt>
                <c:pt idx="403">
                  <c:v>-0.15</c:v>
                </c:pt>
                <c:pt idx="404">
                  <c:v>-0.15</c:v>
                </c:pt>
                <c:pt idx="405">
                  <c:v>-0.16</c:v>
                </c:pt>
                <c:pt idx="406">
                  <c:v>-0.16</c:v>
                </c:pt>
                <c:pt idx="407">
                  <c:v>-0.17</c:v>
                </c:pt>
                <c:pt idx="408">
                  <c:v>-0.17</c:v>
                </c:pt>
                <c:pt idx="409">
                  <c:v>-0.16</c:v>
                </c:pt>
                <c:pt idx="410">
                  <c:v>-0.17</c:v>
                </c:pt>
                <c:pt idx="411">
                  <c:v>-0.16</c:v>
                </c:pt>
                <c:pt idx="412">
                  <c:v>-0.14000000000000001</c:v>
                </c:pt>
                <c:pt idx="413">
                  <c:v>-0.17</c:v>
                </c:pt>
                <c:pt idx="414">
                  <c:v>-0.2</c:v>
                </c:pt>
                <c:pt idx="415">
                  <c:v>-0.19</c:v>
                </c:pt>
                <c:pt idx="416">
                  <c:v>-0.2</c:v>
                </c:pt>
                <c:pt idx="417">
                  <c:v>-0.2</c:v>
                </c:pt>
                <c:pt idx="418">
                  <c:v>-0.23</c:v>
                </c:pt>
                <c:pt idx="419">
                  <c:v>-0.23</c:v>
                </c:pt>
                <c:pt idx="420">
                  <c:v>-0.24</c:v>
                </c:pt>
                <c:pt idx="421">
                  <c:v>-0.23</c:v>
                </c:pt>
                <c:pt idx="422">
                  <c:v>-0.24</c:v>
                </c:pt>
                <c:pt idx="423">
                  <c:v>-0.24</c:v>
                </c:pt>
                <c:pt idx="424">
                  <c:v>-0.24</c:v>
                </c:pt>
                <c:pt idx="425">
                  <c:v>-0.24</c:v>
                </c:pt>
                <c:pt idx="426">
                  <c:v>-0.25</c:v>
                </c:pt>
                <c:pt idx="427">
                  <c:v>-0.25</c:v>
                </c:pt>
                <c:pt idx="428">
                  <c:v>-0.24</c:v>
                </c:pt>
                <c:pt idx="429">
                  <c:v>-0.28000000000000003</c:v>
                </c:pt>
                <c:pt idx="430">
                  <c:v>-0.27</c:v>
                </c:pt>
                <c:pt idx="431">
                  <c:v>-0.28000000000000003</c:v>
                </c:pt>
                <c:pt idx="432">
                  <c:v>-0.3</c:v>
                </c:pt>
                <c:pt idx="433">
                  <c:v>-0.28000000000000003</c:v>
                </c:pt>
                <c:pt idx="434">
                  <c:v>-0.27</c:v>
                </c:pt>
                <c:pt idx="435">
                  <c:v>-0.28000000000000003</c:v>
                </c:pt>
                <c:pt idx="436">
                  <c:v>-0.3</c:v>
                </c:pt>
                <c:pt idx="437">
                  <c:v>-0.28000000000000003</c:v>
                </c:pt>
                <c:pt idx="438">
                  <c:v>-0.25</c:v>
                </c:pt>
                <c:pt idx="439">
                  <c:v>-0.26</c:v>
                </c:pt>
                <c:pt idx="440">
                  <c:v>-0.23</c:v>
                </c:pt>
                <c:pt idx="441">
                  <c:v>-0.21</c:v>
                </c:pt>
                <c:pt idx="442">
                  <c:v>-0.22</c:v>
                </c:pt>
                <c:pt idx="443">
                  <c:v>-0.16</c:v>
                </c:pt>
                <c:pt idx="444">
                  <c:v>-0.16</c:v>
                </c:pt>
                <c:pt idx="445">
                  <c:v>-0.16</c:v>
                </c:pt>
                <c:pt idx="446">
                  <c:v>-0.19</c:v>
                </c:pt>
                <c:pt idx="447">
                  <c:v>-0.23</c:v>
                </c:pt>
                <c:pt idx="448">
                  <c:v>-0.22</c:v>
                </c:pt>
                <c:pt idx="449">
                  <c:v>-0.22</c:v>
                </c:pt>
                <c:pt idx="450">
                  <c:v>-0.25</c:v>
                </c:pt>
                <c:pt idx="451">
                  <c:v>-0.26</c:v>
                </c:pt>
                <c:pt idx="452">
                  <c:v>-0.25</c:v>
                </c:pt>
                <c:pt idx="453">
                  <c:v>-0.24</c:v>
                </c:pt>
                <c:pt idx="454">
                  <c:v>-0.23</c:v>
                </c:pt>
                <c:pt idx="455">
                  <c:v>-0.16</c:v>
                </c:pt>
                <c:pt idx="456">
                  <c:v>-0.19</c:v>
                </c:pt>
                <c:pt idx="457">
                  <c:v>-0.22</c:v>
                </c:pt>
                <c:pt idx="458">
                  <c:v>-0.24</c:v>
                </c:pt>
                <c:pt idx="459">
                  <c:v>-0.25</c:v>
                </c:pt>
                <c:pt idx="460">
                  <c:v>-0.23</c:v>
                </c:pt>
                <c:pt idx="461">
                  <c:v>-0.23</c:v>
                </c:pt>
                <c:pt idx="462">
                  <c:v>-0.24</c:v>
                </c:pt>
                <c:pt idx="463">
                  <c:v>-0.21</c:v>
                </c:pt>
                <c:pt idx="464">
                  <c:v>-0.21</c:v>
                </c:pt>
                <c:pt idx="465">
                  <c:v>-0.2</c:v>
                </c:pt>
                <c:pt idx="466">
                  <c:v>-0.19</c:v>
                </c:pt>
                <c:pt idx="467">
                  <c:v>-0.18</c:v>
                </c:pt>
                <c:pt idx="468">
                  <c:v>-0.17</c:v>
                </c:pt>
                <c:pt idx="469">
                  <c:v>-0.16</c:v>
                </c:pt>
                <c:pt idx="470">
                  <c:v>-0.16</c:v>
                </c:pt>
                <c:pt idx="471">
                  <c:v>-0.16</c:v>
                </c:pt>
                <c:pt idx="472">
                  <c:v>-0.17</c:v>
                </c:pt>
                <c:pt idx="473">
                  <c:v>-0.17</c:v>
                </c:pt>
                <c:pt idx="474">
                  <c:v>-0.16</c:v>
                </c:pt>
                <c:pt idx="475">
                  <c:v>-0.13</c:v>
                </c:pt>
                <c:pt idx="476">
                  <c:v>-0.14000000000000001</c:v>
                </c:pt>
                <c:pt idx="477">
                  <c:v>-0.15</c:v>
                </c:pt>
                <c:pt idx="478">
                  <c:v>-0.19</c:v>
                </c:pt>
                <c:pt idx="479">
                  <c:v>-0.19</c:v>
                </c:pt>
                <c:pt idx="480">
                  <c:v>-0.14000000000000001</c:v>
                </c:pt>
                <c:pt idx="481">
                  <c:v>-0.09</c:v>
                </c:pt>
                <c:pt idx="482">
                  <c:v>-0.09</c:v>
                </c:pt>
                <c:pt idx="483">
                  <c:v>-7.0000000000000007E-2</c:v>
                </c:pt>
                <c:pt idx="484">
                  <c:v>-7.0000000000000007E-2</c:v>
                </c:pt>
                <c:pt idx="485">
                  <c:v>-0.04</c:v>
                </c:pt>
                <c:pt idx="486">
                  <c:v>-0.05</c:v>
                </c:pt>
                <c:pt idx="487">
                  <c:v>-0.08</c:v>
                </c:pt>
                <c:pt idx="488">
                  <c:v>-0.08</c:v>
                </c:pt>
                <c:pt idx="489">
                  <c:v>-0.09</c:v>
                </c:pt>
                <c:pt idx="490">
                  <c:v>-0.1</c:v>
                </c:pt>
                <c:pt idx="491">
                  <c:v>-0.12</c:v>
                </c:pt>
                <c:pt idx="492">
                  <c:v>-0.12</c:v>
                </c:pt>
                <c:pt idx="493">
                  <c:v>-0.09</c:v>
                </c:pt>
                <c:pt idx="494">
                  <c:v>-0.09</c:v>
                </c:pt>
                <c:pt idx="495">
                  <c:v>-0.1</c:v>
                </c:pt>
                <c:pt idx="496">
                  <c:v>-0.12</c:v>
                </c:pt>
                <c:pt idx="497">
                  <c:v>-0.1</c:v>
                </c:pt>
                <c:pt idx="498">
                  <c:v>-0.09</c:v>
                </c:pt>
                <c:pt idx="499">
                  <c:v>-0.05</c:v>
                </c:pt>
                <c:pt idx="500">
                  <c:v>-0.03</c:v>
                </c:pt>
                <c:pt idx="501">
                  <c:v>-0.04</c:v>
                </c:pt>
                <c:pt idx="502">
                  <c:v>-0.05</c:v>
                </c:pt>
                <c:pt idx="503">
                  <c:v>-0.02</c:v>
                </c:pt>
                <c:pt idx="504">
                  <c:v>-0.01</c:v>
                </c:pt>
                <c:pt idx="505">
                  <c:v>-0.03</c:v>
                </c:pt>
                <c:pt idx="506">
                  <c:v>-0.01</c:v>
                </c:pt>
                <c:pt idx="507">
                  <c:v>-0.02</c:v>
                </c:pt>
                <c:pt idx="508">
                  <c:v>-0.03</c:v>
                </c:pt>
                <c:pt idx="509">
                  <c:v>-0.03</c:v>
                </c:pt>
                <c:pt idx="510">
                  <c:v>-0.02</c:v>
                </c:pt>
                <c:pt idx="511">
                  <c:v>-0.02</c:v>
                </c:pt>
                <c:pt idx="512">
                  <c:v>-0.01</c:v>
                </c:pt>
                <c:pt idx="513">
                  <c:v>0.01</c:v>
                </c:pt>
                <c:pt idx="514">
                  <c:v>0</c:v>
                </c:pt>
                <c:pt idx="515">
                  <c:v>0</c:v>
                </c:pt>
                <c:pt idx="516">
                  <c:v>-0.02</c:v>
                </c:pt>
                <c:pt idx="517">
                  <c:v>-0.02</c:v>
                </c:pt>
                <c:pt idx="518">
                  <c:v>-0.02</c:v>
                </c:pt>
                <c:pt idx="519">
                  <c:v>-0.03</c:v>
                </c:pt>
                <c:pt idx="520">
                  <c:v>-0.03</c:v>
                </c:pt>
                <c:pt idx="521">
                  <c:v>-0.03</c:v>
                </c:pt>
                <c:pt idx="522">
                  <c:v>-0.03</c:v>
                </c:pt>
                <c:pt idx="523">
                  <c:v>-0.03</c:v>
                </c:pt>
                <c:pt idx="524">
                  <c:v>-0.04</c:v>
                </c:pt>
                <c:pt idx="525">
                  <c:v>-0.02</c:v>
                </c:pt>
                <c:pt idx="526">
                  <c:v>-0.03</c:v>
                </c:pt>
                <c:pt idx="527">
                  <c:v>-0.02</c:v>
                </c:pt>
                <c:pt idx="528">
                  <c:v>-0.01</c:v>
                </c:pt>
                <c:pt idx="529">
                  <c:v>-0.01</c:v>
                </c:pt>
                <c:pt idx="530">
                  <c:v>0.01</c:v>
                </c:pt>
                <c:pt idx="531">
                  <c:v>0</c:v>
                </c:pt>
                <c:pt idx="532">
                  <c:v>0</c:v>
                </c:pt>
                <c:pt idx="533">
                  <c:v>-0.01</c:v>
                </c:pt>
                <c:pt idx="534">
                  <c:v>0</c:v>
                </c:pt>
                <c:pt idx="535">
                  <c:v>-0.02</c:v>
                </c:pt>
                <c:pt idx="536">
                  <c:v>-0.02</c:v>
                </c:pt>
                <c:pt idx="537">
                  <c:v>-0.04</c:v>
                </c:pt>
                <c:pt idx="538">
                  <c:v>-0.04</c:v>
                </c:pt>
                <c:pt idx="539">
                  <c:v>-0.06</c:v>
                </c:pt>
                <c:pt idx="540">
                  <c:v>-0.05</c:v>
                </c:pt>
                <c:pt idx="541">
                  <c:v>-0.05</c:v>
                </c:pt>
                <c:pt idx="542">
                  <c:v>-7.0000000000000007E-2</c:v>
                </c:pt>
                <c:pt idx="543">
                  <c:v>-7.0000000000000007E-2</c:v>
                </c:pt>
                <c:pt idx="544">
                  <c:v>-7.0000000000000007E-2</c:v>
                </c:pt>
                <c:pt idx="545">
                  <c:v>-0.06</c:v>
                </c:pt>
                <c:pt idx="546">
                  <c:v>-0.04</c:v>
                </c:pt>
                <c:pt idx="547">
                  <c:v>-0.02</c:v>
                </c:pt>
                <c:pt idx="548">
                  <c:v>-0.04</c:v>
                </c:pt>
                <c:pt idx="549">
                  <c:v>-0.06</c:v>
                </c:pt>
                <c:pt idx="550">
                  <c:v>-0.06</c:v>
                </c:pt>
                <c:pt idx="551">
                  <c:v>-0.05</c:v>
                </c:pt>
                <c:pt idx="552">
                  <c:v>-0.04</c:v>
                </c:pt>
                <c:pt idx="553">
                  <c:v>-0.04</c:v>
                </c:pt>
                <c:pt idx="554">
                  <c:v>-0.04</c:v>
                </c:pt>
                <c:pt idx="555">
                  <c:v>-0.06</c:v>
                </c:pt>
                <c:pt idx="556">
                  <c:v>-0.05</c:v>
                </c:pt>
                <c:pt idx="557">
                  <c:v>-0.05</c:v>
                </c:pt>
                <c:pt idx="558">
                  <c:v>-7.0000000000000007E-2</c:v>
                </c:pt>
                <c:pt idx="559">
                  <c:v>-7.0000000000000007E-2</c:v>
                </c:pt>
                <c:pt idx="560">
                  <c:v>-0.11</c:v>
                </c:pt>
                <c:pt idx="561">
                  <c:v>-0.1</c:v>
                </c:pt>
                <c:pt idx="562">
                  <c:v>-0.11</c:v>
                </c:pt>
                <c:pt idx="563">
                  <c:v>-0.16</c:v>
                </c:pt>
                <c:pt idx="564">
                  <c:v>-0.14000000000000001</c:v>
                </c:pt>
                <c:pt idx="565">
                  <c:v>-0.12</c:v>
                </c:pt>
                <c:pt idx="566">
                  <c:v>-0.15</c:v>
                </c:pt>
                <c:pt idx="567">
                  <c:v>-0.12</c:v>
                </c:pt>
                <c:pt idx="568">
                  <c:v>-0.14000000000000001</c:v>
                </c:pt>
                <c:pt idx="569">
                  <c:v>-0.16</c:v>
                </c:pt>
                <c:pt idx="570">
                  <c:v>-0.05</c:v>
                </c:pt>
                <c:pt idx="571">
                  <c:v>-0.08</c:v>
                </c:pt>
                <c:pt idx="572">
                  <c:v>-7.0000000000000007E-2</c:v>
                </c:pt>
                <c:pt idx="573">
                  <c:v>-0.01</c:v>
                </c:pt>
                <c:pt idx="574">
                  <c:v>0.01</c:v>
                </c:pt>
                <c:pt idx="575">
                  <c:v>0</c:v>
                </c:pt>
                <c:pt idx="576">
                  <c:v>0.05</c:v>
                </c:pt>
                <c:pt idx="577">
                  <c:v>0.09</c:v>
                </c:pt>
                <c:pt idx="578">
                  <c:v>0.09</c:v>
                </c:pt>
                <c:pt idx="579">
                  <c:v>7.0000000000000007E-2</c:v>
                </c:pt>
                <c:pt idx="580">
                  <c:v>0.04</c:v>
                </c:pt>
                <c:pt idx="581">
                  <c:v>0.03</c:v>
                </c:pt>
                <c:pt idx="582">
                  <c:v>0</c:v>
                </c:pt>
                <c:pt idx="583">
                  <c:v>0.01</c:v>
                </c:pt>
                <c:pt idx="584">
                  <c:v>0</c:v>
                </c:pt>
                <c:pt idx="585">
                  <c:v>0.01</c:v>
                </c:pt>
                <c:pt idx="586">
                  <c:v>0</c:v>
                </c:pt>
                <c:pt idx="587">
                  <c:v>-0.02</c:v>
                </c:pt>
                <c:pt idx="588">
                  <c:v>-0.03</c:v>
                </c:pt>
                <c:pt idx="589">
                  <c:v>-0.01</c:v>
                </c:pt>
                <c:pt idx="590">
                  <c:v>-0.01</c:v>
                </c:pt>
                <c:pt idx="591">
                  <c:v>0.01</c:v>
                </c:pt>
                <c:pt idx="592">
                  <c:v>0</c:v>
                </c:pt>
                <c:pt idx="593">
                  <c:v>-0.01</c:v>
                </c:pt>
                <c:pt idx="594">
                  <c:v>-0.01</c:v>
                </c:pt>
                <c:pt idx="595">
                  <c:v>0.01</c:v>
                </c:pt>
                <c:pt idx="596">
                  <c:v>0.01</c:v>
                </c:pt>
                <c:pt idx="597">
                  <c:v>-0.01</c:v>
                </c:pt>
                <c:pt idx="598">
                  <c:v>0</c:v>
                </c:pt>
                <c:pt idx="599">
                  <c:v>0.01</c:v>
                </c:pt>
                <c:pt idx="600">
                  <c:v>0.01</c:v>
                </c:pt>
                <c:pt idx="601">
                  <c:v>-0.02</c:v>
                </c:pt>
                <c:pt idx="602">
                  <c:v>-0.02</c:v>
                </c:pt>
                <c:pt idx="603">
                  <c:v>-0.03</c:v>
                </c:pt>
                <c:pt idx="604">
                  <c:v>-0.05</c:v>
                </c:pt>
                <c:pt idx="605">
                  <c:v>-0.06</c:v>
                </c:pt>
                <c:pt idx="606">
                  <c:v>-0.06</c:v>
                </c:pt>
                <c:pt idx="607">
                  <c:v>-0.04</c:v>
                </c:pt>
                <c:pt idx="608">
                  <c:v>-0.03</c:v>
                </c:pt>
                <c:pt idx="609">
                  <c:v>-0.03</c:v>
                </c:pt>
                <c:pt idx="610">
                  <c:v>-0.03</c:v>
                </c:pt>
                <c:pt idx="611">
                  <c:v>-0.03</c:v>
                </c:pt>
                <c:pt idx="612">
                  <c:v>-0.01</c:v>
                </c:pt>
                <c:pt idx="613">
                  <c:v>0</c:v>
                </c:pt>
                <c:pt idx="614">
                  <c:v>0.01</c:v>
                </c:pt>
                <c:pt idx="615">
                  <c:v>-0.01</c:v>
                </c:pt>
                <c:pt idx="616">
                  <c:v>-0.01</c:v>
                </c:pt>
                <c:pt idx="617">
                  <c:v>-0.01</c:v>
                </c:pt>
                <c:pt idx="618">
                  <c:v>0</c:v>
                </c:pt>
                <c:pt idx="619">
                  <c:v>-0.02</c:v>
                </c:pt>
                <c:pt idx="620">
                  <c:v>0</c:v>
                </c:pt>
                <c:pt idx="621">
                  <c:v>0</c:v>
                </c:pt>
                <c:pt idx="622">
                  <c:v>-0.01</c:v>
                </c:pt>
                <c:pt idx="623">
                  <c:v>-0.01</c:v>
                </c:pt>
                <c:pt idx="624">
                  <c:v>0</c:v>
                </c:pt>
                <c:pt idx="625">
                  <c:v>0</c:v>
                </c:pt>
                <c:pt idx="626">
                  <c:v>-0.01</c:v>
                </c:pt>
                <c:pt idx="627">
                  <c:v>-0.01</c:v>
                </c:pt>
                <c:pt idx="628">
                  <c:v>0</c:v>
                </c:pt>
                <c:pt idx="629">
                  <c:v>0.01</c:v>
                </c:pt>
                <c:pt idx="630">
                  <c:v>0</c:v>
                </c:pt>
                <c:pt idx="631">
                  <c:v>0.01</c:v>
                </c:pt>
                <c:pt idx="632">
                  <c:v>0.03</c:v>
                </c:pt>
                <c:pt idx="633">
                  <c:v>0.04</c:v>
                </c:pt>
                <c:pt idx="634">
                  <c:v>0.04</c:v>
                </c:pt>
                <c:pt idx="635">
                  <c:v>0.02</c:v>
                </c:pt>
                <c:pt idx="636">
                  <c:v>0.02</c:v>
                </c:pt>
                <c:pt idx="637">
                  <c:v>0.01</c:v>
                </c:pt>
                <c:pt idx="638">
                  <c:v>0.01</c:v>
                </c:pt>
                <c:pt idx="639">
                  <c:v>0</c:v>
                </c:pt>
                <c:pt idx="640">
                  <c:v>0.02</c:v>
                </c:pt>
                <c:pt idx="641">
                  <c:v>0.02</c:v>
                </c:pt>
                <c:pt idx="642">
                  <c:v>0.01</c:v>
                </c:pt>
                <c:pt idx="643">
                  <c:v>0.01</c:v>
                </c:pt>
                <c:pt idx="644">
                  <c:v>0.01</c:v>
                </c:pt>
                <c:pt idx="645">
                  <c:v>0.01</c:v>
                </c:pt>
                <c:pt idx="646">
                  <c:v>0.01</c:v>
                </c:pt>
                <c:pt idx="647">
                  <c:v>0.01</c:v>
                </c:pt>
                <c:pt idx="648">
                  <c:v>0.01</c:v>
                </c:pt>
                <c:pt idx="649">
                  <c:v>0.01</c:v>
                </c:pt>
                <c:pt idx="650">
                  <c:v>0.03</c:v>
                </c:pt>
                <c:pt idx="651">
                  <c:v>0.05</c:v>
                </c:pt>
                <c:pt idx="652">
                  <c:v>0.03</c:v>
                </c:pt>
                <c:pt idx="653">
                  <c:v>0.01</c:v>
                </c:pt>
                <c:pt idx="654">
                  <c:v>0.03</c:v>
                </c:pt>
                <c:pt idx="655">
                  <c:v>0.02</c:v>
                </c:pt>
                <c:pt idx="656">
                  <c:v>0.01</c:v>
                </c:pt>
                <c:pt idx="657">
                  <c:v>0</c:v>
                </c:pt>
                <c:pt idx="658">
                  <c:v>0</c:v>
                </c:pt>
                <c:pt idx="659">
                  <c:v>0.02</c:v>
                </c:pt>
                <c:pt idx="660">
                  <c:v>0.01</c:v>
                </c:pt>
                <c:pt idx="661">
                  <c:v>0.01</c:v>
                </c:pt>
                <c:pt idx="662">
                  <c:v>-0.01</c:v>
                </c:pt>
                <c:pt idx="663">
                  <c:v>-0.01</c:v>
                </c:pt>
                <c:pt idx="664">
                  <c:v>0</c:v>
                </c:pt>
                <c:pt idx="665">
                  <c:v>-0.01</c:v>
                </c:pt>
                <c:pt idx="666">
                  <c:v>-0.01</c:v>
                </c:pt>
                <c:pt idx="667">
                  <c:v>-0.01</c:v>
                </c:pt>
                <c:pt idx="668">
                  <c:v>-0.01</c:v>
                </c:pt>
                <c:pt idx="669">
                  <c:v>0</c:v>
                </c:pt>
                <c:pt idx="670">
                  <c:v>0.01</c:v>
                </c:pt>
                <c:pt idx="671">
                  <c:v>0</c:v>
                </c:pt>
                <c:pt idx="672">
                  <c:v>0</c:v>
                </c:pt>
                <c:pt idx="673">
                  <c:v>0.01</c:v>
                </c:pt>
                <c:pt idx="674">
                  <c:v>0.02</c:v>
                </c:pt>
                <c:pt idx="675">
                  <c:v>0.01</c:v>
                </c:pt>
                <c:pt idx="676">
                  <c:v>0</c:v>
                </c:pt>
                <c:pt idx="677">
                  <c:v>0.02</c:v>
                </c:pt>
                <c:pt idx="678">
                  <c:v>0</c:v>
                </c:pt>
                <c:pt idx="679">
                  <c:v>0</c:v>
                </c:pt>
                <c:pt idx="680">
                  <c:v>0.03</c:v>
                </c:pt>
                <c:pt idx="681">
                  <c:v>0.04</c:v>
                </c:pt>
                <c:pt idx="682">
                  <c:v>0.03</c:v>
                </c:pt>
                <c:pt idx="683">
                  <c:v>0.05</c:v>
                </c:pt>
                <c:pt idx="684">
                  <c:v>0.04</c:v>
                </c:pt>
                <c:pt idx="685">
                  <c:v>0.04</c:v>
                </c:pt>
                <c:pt idx="686">
                  <c:v>0.03</c:v>
                </c:pt>
                <c:pt idx="687">
                  <c:v>0.03</c:v>
                </c:pt>
                <c:pt idx="688">
                  <c:v>0.03</c:v>
                </c:pt>
                <c:pt idx="689">
                  <c:v>0.02</c:v>
                </c:pt>
                <c:pt idx="690">
                  <c:v>0.03</c:v>
                </c:pt>
                <c:pt idx="691">
                  <c:v>0.04</c:v>
                </c:pt>
                <c:pt idx="692">
                  <c:v>0.04</c:v>
                </c:pt>
                <c:pt idx="693">
                  <c:v>0.06</c:v>
                </c:pt>
                <c:pt idx="694">
                  <c:v>0.05</c:v>
                </c:pt>
                <c:pt idx="695">
                  <c:v>0.04</c:v>
                </c:pt>
                <c:pt idx="696">
                  <c:v>0.04</c:v>
                </c:pt>
                <c:pt idx="697">
                  <c:v>0.03</c:v>
                </c:pt>
                <c:pt idx="698">
                  <c:v>0.04</c:v>
                </c:pt>
                <c:pt idx="699">
                  <c:v>0.04</c:v>
                </c:pt>
                <c:pt idx="700">
                  <c:v>0.04</c:v>
                </c:pt>
                <c:pt idx="701">
                  <c:v>0.03</c:v>
                </c:pt>
                <c:pt idx="702">
                  <c:v>0.03</c:v>
                </c:pt>
                <c:pt idx="703">
                  <c:v>0.02</c:v>
                </c:pt>
                <c:pt idx="704">
                  <c:v>0.02</c:v>
                </c:pt>
                <c:pt idx="705">
                  <c:v>0.02</c:v>
                </c:pt>
                <c:pt idx="706">
                  <c:v>0.01</c:v>
                </c:pt>
                <c:pt idx="707">
                  <c:v>0.01</c:v>
                </c:pt>
                <c:pt idx="708">
                  <c:v>0.01</c:v>
                </c:pt>
                <c:pt idx="709">
                  <c:v>0.01</c:v>
                </c:pt>
                <c:pt idx="710">
                  <c:v>0.01</c:v>
                </c:pt>
                <c:pt idx="711">
                  <c:v>0</c:v>
                </c:pt>
                <c:pt idx="712">
                  <c:v>0</c:v>
                </c:pt>
                <c:pt idx="713">
                  <c:v>0.01</c:v>
                </c:pt>
                <c:pt idx="714">
                  <c:v>0.02</c:v>
                </c:pt>
                <c:pt idx="715">
                  <c:v>0.02</c:v>
                </c:pt>
                <c:pt idx="716">
                  <c:v>0.01</c:v>
                </c:pt>
                <c:pt idx="717">
                  <c:v>0.01</c:v>
                </c:pt>
                <c:pt idx="718">
                  <c:v>0.01</c:v>
                </c:pt>
                <c:pt idx="719">
                  <c:v>0.01</c:v>
                </c:pt>
                <c:pt idx="720">
                  <c:v>0.02</c:v>
                </c:pt>
                <c:pt idx="721">
                  <c:v>0.03</c:v>
                </c:pt>
                <c:pt idx="722">
                  <c:v>0.03</c:v>
                </c:pt>
                <c:pt idx="723">
                  <c:v>0.02</c:v>
                </c:pt>
                <c:pt idx="724">
                  <c:v>0.02</c:v>
                </c:pt>
                <c:pt idx="725">
                  <c:v>0.02</c:v>
                </c:pt>
                <c:pt idx="726">
                  <c:v>0.02</c:v>
                </c:pt>
                <c:pt idx="727">
                  <c:v>0.01</c:v>
                </c:pt>
                <c:pt idx="728">
                  <c:v>0.01</c:v>
                </c:pt>
                <c:pt idx="729">
                  <c:v>0.01</c:v>
                </c:pt>
                <c:pt idx="730">
                  <c:v>0.01</c:v>
                </c:pt>
                <c:pt idx="731">
                  <c:v>0.02</c:v>
                </c:pt>
                <c:pt idx="732">
                  <c:v>0.02</c:v>
                </c:pt>
                <c:pt idx="733">
                  <c:v>0.03</c:v>
                </c:pt>
                <c:pt idx="734">
                  <c:v>0.02</c:v>
                </c:pt>
                <c:pt idx="735">
                  <c:v>0.02</c:v>
                </c:pt>
                <c:pt idx="736">
                  <c:v>0.01</c:v>
                </c:pt>
                <c:pt idx="737">
                  <c:v>0.01</c:v>
                </c:pt>
                <c:pt idx="738">
                  <c:v>0.04</c:v>
                </c:pt>
                <c:pt idx="739">
                  <c:v>0.04</c:v>
                </c:pt>
                <c:pt idx="740">
                  <c:v>0.04</c:v>
                </c:pt>
                <c:pt idx="741">
                  <c:v>0.04</c:v>
                </c:pt>
                <c:pt idx="742">
                  <c:v>0.02</c:v>
                </c:pt>
                <c:pt idx="743">
                  <c:v>0.02</c:v>
                </c:pt>
                <c:pt idx="744">
                  <c:v>0.02</c:v>
                </c:pt>
                <c:pt idx="745">
                  <c:v>0.03</c:v>
                </c:pt>
                <c:pt idx="746">
                  <c:v>0.04</c:v>
                </c:pt>
                <c:pt idx="747">
                  <c:v>0.03</c:v>
                </c:pt>
                <c:pt idx="748">
                  <c:v>0.02</c:v>
                </c:pt>
                <c:pt idx="749">
                  <c:v>0.02</c:v>
                </c:pt>
                <c:pt idx="750">
                  <c:v>0.02</c:v>
                </c:pt>
                <c:pt idx="751">
                  <c:v>0.02</c:v>
                </c:pt>
                <c:pt idx="752">
                  <c:v>0.01</c:v>
                </c:pt>
                <c:pt idx="753">
                  <c:v>0.01</c:v>
                </c:pt>
                <c:pt idx="754">
                  <c:v>0.01</c:v>
                </c:pt>
                <c:pt idx="755">
                  <c:v>0.02</c:v>
                </c:pt>
                <c:pt idx="756">
                  <c:v>0.02</c:v>
                </c:pt>
                <c:pt idx="757">
                  <c:v>0.02</c:v>
                </c:pt>
                <c:pt idx="758">
                  <c:v>0.03</c:v>
                </c:pt>
                <c:pt idx="759">
                  <c:v>0.03</c:v>
                </c:pt>
                <c:pt idx="760">
                  <c:v>0.02</c:v>
                </c:pt>
                <c:pt idx="761">
                  <c:v>0.02</c:v>
                </c:pt>
                <c:pt idx="762">
                  <c:v>0.02</c:v>
                </c:pt>
                <c:pt idx="763">
                  <c:v>0.02</c:v>
                </c:pt>
                <c:pt idx="764">
                  <c:v>0.02</c:v>
                </c:pt>
                <c:pt idx="765">
                  <c:v>0.02</c:v>
                </c:pt>
                <c:pt idx="766">
                  <c:v>0.02</c:v>
                </c:pt>
                <c:pt idx="767">
                  <c:v>0.01</c:v>
                </c:pt>
                <c:pt idx="768">
                  <c:v>0.01</c:v>
                </c:pt>
                <c:pt idx="769">
                  <c:v>0.01</c:v>
                </c:pt>
                <c:pt idx="770">
                  <c:v>0</c:v>
                </c:pt>
                <c:pt idx="771">
                  <c:v>0.01</c:v>
                </c:pt>
                <c:pt idx="772">
                  <c:v>0</c:v>
                </c:pt>
                <c:pt idx="773">
                  <c:v>0.01</c:v>
                </c:pt>
                <c:pt idx="774">
                  <c:v>0.01</c:v>
                </c:pt>
                <c:pt idx="775">
                  <c:v>0.01</c:v>
                </c:pt>
                <c:pt idx="776">
                  <c:v>0.01</c:v>
                </c:pt>
                <c:pt idx="777">
                  <c:v>0.02</c:v>
                </c:pt>
                <c:pt idx="778">
                  <c:v>0.02</c:v>
                </c:pt>
                <c:pt idx="779">
                  <c:v>0.01</c:v>
                </c:pt>
                <c:pt idx="780">
                  <c:v>0.02</c:v>
                </c:pt>
                <c:pt idx="781">
                  <c:v>0.02</c:v>
                </c:pt>
                <c:pt idx="782">
                  <c:v>0.02</c:v>
                </c:pt>
                <c:pt idx="783">
                  <c:v>0.02</c:v>
                </c:pt>
                <c:pt idx="784">
                  <c:v>0.02</c:v>
                </c:pt>
                <c:pt idx="785">
                  <c:v>0.01</c:v>
                </c:pt>
                <c:pt idx="786">
                  <c:v>0.02</c:v>
                </c:pt>
                <c:pt idx="787">
                  <c:v>0.03</c:v>
                </c:pt>
                <c:pt idx="788">
                  <c:v>0.03</c:v>
                </c:pt>
                <c:pt idx="789">
                  <c:v>0.03</c:v>
                </c:pt>
                <c:pt idx="790">
                  <c:v>0.02</c:v>
                </c:pt>
                <c:pt idx="791">
                  <c:v>0.02</c:v>
                </c:pt>
                <c:pt idx="792">
                  <c:v>0.02</c:v>
                </c:pt>
                <c:pt idx="793">
                  <c:v>0.02</c:v>
                </c:pt>
                <c:pt idx="794">
                  <c:v>0.04</c:v>
                </c:pt>
                <c:pt idx="795">
                  <c:v>0.03</c:v>
                </c:pt>
                <c:pt idx="796">
                  <c:v>0.02</c:v>
                </c:pt>
                <c:pt idx="797">
                  <c:v>0.02</c:v>
                </c:pt>
                <c:pt idx="798">
                  <c:v>0.03</c:v>
                </c:pt>
                <c:pt idx="799">
                  <c:v>0.02</c:v>
                </c:pt>
                <c:pt idx="800">
                  <c:v>0.02</c:v>
                </c:pt>
                <c:pt idx="801">
                  <c:v>0.02</c:v>
                </c:pt>
                <c:pt idx="802">
                  <c:v>0.02</c:v>
                </c:pt>
                <c:pt idx="803">
                  <c:v>0.05</c:v>
                </c:pt>
                <c:pt idx="804">
                  <c:v>0.06</c:v>
                </c:pt>
                <c:pt idx="805">
                  <c:v>0.05</c:v>
                </c:pt>
                <c:pt idx="806">
                  <c:v>0.06</c:v>
                </c:pt>
                <c:pt idx="807">
                  <c:v>0.06</c:v>
                </c:pt>
                <c:pt idx="808">
                  <c:v>0.06</c:v>
                </c:pt>
                <c:pt idx="809">
                  <c:v>7.0000000000000007E-2</c:v>
                </c:pt>
                <c:pt idx="810">
                  <c:v>7.0000000000000007E-2</c:v>
                </c:pt>
                <c:pt idx="811">
                  <c:v>0.08</c:v>
                </c:pt>
                <c:pt idx="812">
                  <c:v>0.08</c:v>
                </c:pt>
                <c:pt idx="813">
                  <c:v>0.06</c:v>
                </c:pt>
                <c:pt idx="814">
                  <c:v>0.08</c:v>
                </c:pt>
                <c:pt idx="815">
                  <c:v>0.08</c:v>
                </c:pt>
                <c:pt idx="816">
                  <c:v>0.1</c:v>
                </c:pt>
                <c:pt idx="817">
                  <c:v>0.09</c:v>
                </c:pt>
                <c:pt idx="818">
                  <c:v>0.1</c:v>
                </c:pt>
                <c:pt idx="819">
                  <c:v>0.11</c:v>
                </c:pt>
                <c:pt idx="820">
                  <c:v>0.11</c:v>
                </c:pt>
                <c:pt idx="821">
                  <c:v>0.11</c:v>
                </c:pt>
                <c:pt idx="822">
                  <c:v>0.14000000000000001</c:v>
                </c:pt>
                <c:pt idx="823">
                  <c:v>0.16</c:v>
                </c:pt>
                <c:pt idx="824">
                  <c:v>0.15</c:v>
                </c:pt>
                <c:pt idx="825">
                  <c:v>0.12</c:v>
                </c:pt>
                <c:pt idx="826">
                  <c:v>0.11</c:v>
                </c:pt>
                <c:pt idx="827">
                  <c:v>0.13</c:v>
                </c:pt>
                <c:pt idx="828">
                  <c:v>0.09</c:v>
                </c:pt>
                <c:pt idx="829">
                  <c:v>0.11</c:v>
                </c:pt>
                <c:pt idx="830">
                  <c:v>0.12</c:v>
                </c:pt>
                <c:pt idx="831">
                  <c:v>0.12</c:v>
                </c:pt>
                <c:pt idx="832">
                  <c:v>0.1</c:v>
                </c:pt>
                <c:pt idx="833">
                  <c:v>0.11</c:v>
                </c:pt>
                <c:pt idx="834">
                  <c:v>0.11</c:v>
                </c:pt>
                <c:pt idx="835">
                  <c:v>0.1</c:v>
                </c:pt>
                <c:pt idx="836">
                  <c:v>0.09</c:v>
                </c:pt>
                <c:pt idx="837">
                  <c:v>0.1</c:v>
                </c:pt>
                <c:pt idx="838">
                  <c:v>0.11</c:v>
                </c:pt>
                <c:pt idx="839">
                  <c:v>0.08</c:v>
                </c:pt>
                <c:pt idx="840">
                  <c:v>0.08</c:v>
                </c:pt>
                <c:pt idx="841">
                  <c:v>7.0000000000000007E-2</c:v>
                </c:pt>
                <c:pt idx="842">
                  <c:v>0.08</c:v>
                </c:pt>
                <c:pt idx="843">
                  <c:v>0.08</c:v>
                </c:pt>
                <c:pt idx="844">
                  <c:v>7.0000000000000007E-2</c:v>
                </c:pt>
                <c:pt idx="845">
                  <c:v>0.09</c:v>
                </c:pt>
                <c:pt idx="846">
                  <c:v>0.09</c:v>
                </c:pt>
                <c:pt idx="847">
                  <c:v>0.11</c:v>
                </c:pt>
                <c:pt idx="848">
                  <c:v>0.11</c:v>
                </c:pt>
                <c:pt idx="849">
                  <c:v>0.11</c:v>
                </c:pt>
                <c:pt idx="850">
                  <c:v>0.1</c:v>
                </c:pt>
                <c:pt idx="851">
                  <c:v>0.09</c:v>
                </c:pt>
                <c:pt idx="852">
                  <c:v>0.09</c:v>
                </c:pt>
                <c:pt idx="853">
                  <c:v>0.09</c:v>
                </c:pt>
                <c:pt idx="854">
                  <c:v>0.09</c:v>
                </c:pt>
                <c:pt idx="855">
                  <c:v>0.09</c:v>
                </c:pt>
                <c:pt idx="856">
                  <c:v>0.08</c:v>
                </c:pt>
                <c:pt idx="857">
                  <c:v>0.08</c:v>
                </c:pt>
                <c:pt idx="858">
                  <c:v>0.08</c:v>
                </c:pt>
                <c:pt idx="859">
                  <c:v>7.0000000000000007E-2</c:v>
                </c:pt>
                <c:pt idx="860">
                  <c:v>7.0000000000000007E-2</c:v>
                </c:pt>
                <c:pt idx="861">
                  <c:v>0.06</c:v>
                </c:pt>
                <c:pt idx="862">
                  <c:v>0.06</c:v>
                </c:pt>
                <c:pt idx="863">
                  <c:v>0.06</c:v>
                </c:pt>
                <c:pt idx="864">
                  <c:v>0.06</c:v>
                </c:pt>
                <c:pt idx="865">
                  <c:v>7.0000000000000007E-2</c:v>
                </c:pt>
                <c:pt idx="866">
                  <c:v>0.08</c:v>
                </c:pt>
                <c:pt idx="867">
                  <c:v>0.08</c:v>
                </c:pt>
                <c:pt idx="868">
                  <c:v>0.09</c:v>
                </c:pt>
                <c:pt idx="869">
                  <c:v>0.09</c:v>
                </c:pt>
                <c:pt idx="870">
                  <c:v>0.09</c:v>
                </c:pt>
                <c:pt idx="871">
                  <c:v>0.09</c:v>
                </c:pt>
                <c:pt idx="872">
                  <c:v>0.09</c:v>
                </c:pt>
                <c:pt idx="873">
                  <c:v>0.08</c:v>
                </c:pt>
                <c:pt idx="874">
                  <c:v>0.08</c:v>
                </c:pt>
                <c:pt idx="875">
                  <c:v>7.0000000000000007E-2</c:v>
                </c:pt>
                <c:pt idx="876">
                  <c:v>0.08</c:v>
                </c:pt>
                <c:pt idx="877">
                  <c:v>0.09</c:v>
                </c:pt>
                <c:pt idx="878">
                  <c:v>0.08</c:v>
                </c:pt>
                <c:pt idx="879">
                  <c:v>0.08</c:v>
                </c:pt>
                <c:pt idx="880">
                  <c:v>0.08</c:v>
                </c:pt>
                <c:pt idx="881">
                  <c:v>7.0000000000000007E-2</c:v>
                </c:pt>
                <c:pt idx="882">
                  <c:v>0.08</c:v>
                </c:pt>
                <c:pt idx="883">
                  <c:v>0.08</c:v>
                </c:pt>
                <c:pt idx="884">
                  <c:v>0.08</c:v>
                </c:pt>
                <c:pt idx="885">
                  <c:v>7.0000000000000007E-2</c:v>
                </c:pt>
                <c:pt idx="886">
                  <c:v>7.0000000000000007E-2</c:v>
                </c:pt>
                <c:pt idx="887">
                  <c:v>7.0000000000000007E-2</c:v>
                </c:pt>
                <c:pt idx="888">
                  <c:v>0.08</c:v>
                </c:pt>
                <c:pt idx="889">
                  <c:v>0.08</c:v>
                </c:pt>
                <c:pt idx="890">
                  <c:v>0.08</c:v>
                </c:pt>
                <c:pt idx="891">
                  <c:v>0.08</c:v>
                </c:pt>
                <c:pt idx="892">
                  <c:v>0.08</c:v>
                </c:pt>
                <c:pt idx="893">
                  <c:v>0.08</c:v>
                </c:pt>
                <c:pt idx="894">
                  <c:v>0.08</c:v>
                </c:pt>
                <c:pt idx="895">
                  <c:v>7.0000000000000007E-2</c:v>
                </c:pt>
                <c:pt idx="896">
                  <c:v>7.0000000000000007E-2</c:v>
                </c:pt>
                <c:pt idx="897">
                  <c:v>0.05</c:v>
                </c:pt>
                <c:pt idx="898">
                  <c:v>0.03</c:v>
                </c:pt>
                <c:pt idx="899">
                  <c:v>0.04</c:v>
                </c:pt>
                <c:pt idx="900">
                  <c:v>0.05</c:v>
                </c:pt>
                <c:pt idx="901">
                  <c:v>0.05</c:v>
                </c:pt>
                <c:pt idx="902">
                  <c:v>0.06</c:v>
                </c:pt>
                <c:pt idx="903">
                  <c:v>0.06</c:v>
                </c:pt>
                <c:pt idx="904">
                  <c:v>0.04</c:v>
                </c:pt>
                <c:pt idx="905">
                  <c:v>0.05</c:v>
                </c:pt>
                <c:pt idx="906">
                  <c:v>0.05</c:v>
                </c:pt>
                <c:pt idx="907">
                  <c:v>0.05</c:v>
                </c:pt>
                <c:pt idx="908">
                  <c:v>0.05</c:v>
                </c:pt>
                <c:pt idx="909">
                  <c:v>0.06</c:v>
                </c:pt>
                <c:pt idx="910">
                  <c:v>0.06</c:v>
                </c:pt>
                <c:pt idx="911">
                  <c:v>0.06</c:v>
                </c:pt>
                <c:pt idx="912">
                  <c:v>0.04</c:v>
                </c:pt>
                <c:pt idx="913">
                  <c:v>0.03</c:v>
                </c:pt>
                <c:pt idx="914">
                  <c:v>0.02</c:v>
                </c:pt>
                <c:pt idx="915">
                  <c:v>0.03</c:v>
                </c:pt>
                <c:pt idx="916">
                  <c:v>0.02</c:v>
                </c:pt>
                <c:pt idx="917">
                  <c:v>0.01</c:v>
                </c:pt>
                <c:pt idx="918">
                  <c:v>0.02</c:v>
                </c:pt>
                <c:pt idx="919">
                  <c:v>0.02</c:v>
                </c:pt>
                <c:pt idx="920">
                  <c:v>0.01</c:v>
                </c:pt>
                <c:pt idx="921">
                  <c:v>0</c:v>
                </c:pt>
                <c:pt idx="922">
                  <c:v>0</c:v>
                </c:pt>
                <c:pt idx="923">
                  <c:v>0.01</c:v>
                </c:pt>
                <c:pt idx="924">
                  <c:v>0</c:v>
                </c:pt>
                <c:pt idx="925">
                  <c:v>0</c:v>
                </c:pt>
                <c:pt idx="926">
                  <c:v>0</c:v>
                </c:pt>
                <c:pt idx="927">
                  <c:v>0</c:v>
                </c:pt>
                <c:pt idx="928">
                  <c:v>0</c:v>
                </c:pt>
                <c:pt idx="929">
                  <c:v>0</c:v>
                </c:pt>
                <c:pt idx="930">
                  <c:v>0</c:v>
                </c:pt>
                <c:pt idx="931">
                  <c:v>0</c:v>
                </c:pt>
                <c:pt idx="932">
                  <c:v>0</c:v>
                </c:pt>
                <c:pt idx="933">
                  <c:v>0.02</c:v>
                </c:pt>
                <c:pt idx="934">
                  <c:v>0.02</c:v>
                </c:pt>
                <c:pt idx="935">
                  <c:v>0.01</c:v>
                </c:pt>
                <c:pt idx="936">
                  <c:v>0</c:v>
                </c:pt>
                <c:pt idx="937">
                  <c:v>0.01</c:v>
                </c:pt>
                <c:pt idx="938">
                  <c:v>0.01</c:v>
                </c:pt>
                <c:pt idx="939">
                  <c:v>0.01</c:v>
                </c:pt>
                <c:pt idx="940">
                  <c:v>0.02</c:v>
                </c:pt>
                <c:pt idx="941">
                  <c:v>0.04</c:v>
                </c:pt>
                <c:pt idx="942">
                  <c:v>0.02</c:v>
                </c:pt>
                <c:pt idx="943">
                  <c:v>0.02</c:v>
                </c:pt>
                <c:pt idx="944">
                  <c:v>0.01</c:v>
                </c:pt>
                <c:pt idx="945">
                  <c:v>0.01</c:v>
                </c:pt>
                <c:pt idx="946">
                  <c:v>0.01</c:v>
                </c:pt>
                <c:pt idx="947">
                  <c:v>0.01</c:v>
                </c:pt>
                <c:pt idx="948">
                  <c:v>0.01</c:v>
                </c:pt>
                <c:pt idx="949">
                  <c:v>0.02</c:v>
                </c:pt>
                <c:pt idx="950">
                  <c:v>0.02</c:v>
                </c:pt>
                <c:pt idx="951">
                  <c:v>0.02</c:v>
                </c:pt>
                <c:pt idx="952">
                  <c:v>0.02</c:v>
                </c:pt>
                <c:pt idx="953">
                  <c:v>0.02</c:v>
                </c:pt>
                <c:pt idx="954">
                  <c:v>0.02</c:v>
                </c:pt>
                <c:pt idx="955">
                  <c:v>0.02</c:v>
                </c:pt>
                <c:pt idx="956">
                  <c:v>0.03</c:v>
                </c:pt>
                <c:pt idx="957">
                  <c:v>0.03</c:v>
                </c:pt>
                <c:pt idx="958">
                  <c:v>0.04</c:v>
                </c:pt>
                <c:pt idx="959">
                  <c:v>0.04</c:v>
                </c:pt>
                <c:pt idx="960">
                  <c:v>0.04</c:v>
                </c:pt>
                <c:pt idx="961">
                  <c:v>0.04</c:v>
                </c:pt>
                <c:pt idx="962">
                  <c:v>0.04</c:v>
                </c:pt>
                <c:pt idx="963">
                  <c:v>0.04</c:v>
                </c:pt>
                <c:pt idx="964">
                  <c:v>0.04</c:v>
                </c:pt>
                <c:pt idx="965">
                  <c:v>0.04</c:v>
                </c:pt>
                <c:pt idx="966">
                  <c:v>0.03</c:v>
                </c:pt>
                <c:pt idx="967">
                  <c:v>0.04</c:v>
                </c:pt>
                <c:pt idx="968">
                  <c:v>0.05</c:v>
                </c:pt>
                <c:pt idx="969">
                  <c:v>0.05</c:v>
                </c:pt>
                <c:pt idx="970">
                  <c:v>0.04</c:v>
                </c:pt>
                <c:pt idx="971">
                  <c:v>0.03</c:v>
                </c:pt>
                <c:pt idx="972">
                  <c:v>0.03</c:v>
                </c:pt>
                <c:pt idx="973">
                  <c:v>0.05</c:v>
                </c:pt>
                <c:pt idx="974">
                  <c:v>0.05</c:v>
                </c:pt>
                <c:pt idx="975">
                  <c:v>7.0000000000000007E-2</c:v>
                </c:pt>
                <c:pt idx="976">
                  <c:v>7.0000000000000007E-2</c:v>
                </c:pt>
                <c:pt idx="977">
                  <c:v>7.0000000000000007E-2</c:v>
                </c:pt>
                <c:pt idx="978">
                  <c:v>0.05</c:v>
                </c:pt>
                <c:pt idx="979">
                  <c:v>0.05</c:v>
                </c:pt>
                <c:pt idx="980">
                  <c:v>0.05</c:v>
                </c:pt>
                <c:pt idx="981">
                  <c:v>7.0000000000000007E-2</c:v>
                </c:pt>
                <c:pt idx="982">
                  <c:v>0.06</c:v>
                </c:pt>
                <c:pt idx="983">
                  <c:v>7.0000000000000007E-2</c:v>
                </c:pt>
                <c:pt idx="984">
                  <c:v>0.08</c:v>
                </c:pt>
                <c:pt idx="985">
                  <c:v>0.08</c:v>
                </c:pt>
                <c:pt idx="986">
                  <c:v>0.08</c:v>
                </c:pt>
                <c:pt idx="987">
                  <c:v>7.0000000000000007E-2</c:v>
                </c:pt>
                <c:pt idx="988">
                  <c:v>7.0000000000000007E-2</c:v>
                </c:pt>
                <c:pt idx="989">
                  <c:v>0.08</c:v>
                </c:pt>
                <c:pt idx="990">
                  <c:v>0.08</c:v>
                </c:pt>
                <c:pt idx="991">
                  <c:v>0.08</c:v>
                </c:pt>
                <c:pt idx="992">
                  <c:v>7.0000000000000007E-2</c:v>
                </c:pt>
                <c:pt idx="993">
                  <c:v>0.08</c:v>
                </c:pt>
                <c:pt idx="994">
                  <c:v>0.08</c:v>
                </c:pt>
                <c:pt idx="995">
                  <c:v>0.09</c:v>
                </c:pt>
                <c:pt idx="996">
                  <c:v>0.09</c:v>
                </c:pt>
                <c:pt idx="997">
                  <c:v>0.08</c:v>
                </c:pt>
                <c:pt idx="998">
                  <c:v>0.1</c:v>
                </c:pt>
                <c:pt idx="999">
                  <c:v>0.09</c:v>
                </c:pt>
                <c:pt idx="1000">
                  <c:v>0.08</c:v>
                </c:pt>
                <c:pt idx="1001">
                  <c:v>0.08</c:v>
                </c:pt>
                <c:pt idx="1002">
                  <c:v>0.08</c:v>
                </c:pt>
                <c:pt idx="1003">
                  <c:v>0.06</c:v>
                </c:pt>
                <c:pt idx="1004">
                  <c:v>0.06</c:v>
                </c:pt>
                <c:pt idx="1005">
                  <c:v>0.06</c:v>
                </c:pt>
                <c:pt idx="1006">
                  <c:v>0.06</c:v>
                </c:pt>
                <c:pt idx="1007">
                  <c:v>7.0000000000000007E-2</c:v>
                </c:pt>
                <c:pt idx="1008">
                  <c:v>7.0000000000000007E-2</c:v>
                </c:pt>
                <c:pt idx="1009">
                  <c:v>7.0000000000000007E-2</c:v>
                </c:pt>
                <c:pt idx="1010">
                  <c:v>7.0000000000000007E-2</c:v>
                </c:pt>
                <c:pt idx="1011">
                  <c:v>7.0000000000000007E-2</c:v>
                </c:pt>
                <c:pt idx="1012">
                  <c:v>0.08</c:v>
                </c:pt>
                <c:pt idx="1013">
                  <c:v>0.08</c:v>
                </c:pt>
                <c:pt idx="1014">
                  <c:v>7.0000000000000007E-2</c:v>
                </c:pt>
                <c:pt idx="1015">
                  <c:v>7.0000000000000007E-2</c:v>
                </c:pt>
                <c:pt idx="1016">
                  <c:v>0.08</c:v>
                </c:pt>
                <c:pt idx="1017">
                  <c:v>0.08</c:v>
                </c:pt>
                <c:pt idx="1018">
                  <c:v>7.0000000000000007E-2</c:v>
                </c:pt>
                <c:pt idx="1019">
                  <c:v>7.0000000000000007E-2</c:v>
                </c:pt>
                <c:pt idx="1020">
                  <c:v>0.06</c:v>
                </c:pt>
                <c:pt idx="1021">
                  <c:v>0.06</c:v>
                </c:pt>
                <c:pt idx="1022">
                  <c:v>0.06</c:v>
                </c:pt>
                <c:pt idx="1023">
                  <c:v>0.05</c:v>
                </c:pt>
                <c:pt idx="1024">
                  <c:v>0.04</c:v>
                </c:pt>
                <c:pt idx="1025">
                  <c:v>0.05</c:v>
                </c:pt>
                <c:pt idx="1026">
                  <c:v>0.05</c:v>
                </c:pt>
                <c:pt idx="1027">
                  <c:v>0.05</c:v>
                </c:pt>
                <c:pt idx="1028">
                  <c:v>0.05</c:v>
                </c:pt>
                <c:pt idx="1029">
                  <c:v>0.05</c:v>
                </c:pt>
                <c:pt idx="1030">
                  <c:v>0.05</c:v>
                </c:pt>
                <c:pt idx="1031">
                  <c:v>0.05</c:v>
                </c:pt>
                <c:pt idx="1032">
                  <c:v>0.04</c:v>
                </c:pt>
                <c:pt idx="1033">
                  <c:v>0.05</c:v>
                </c:pt>
                <c:pt idx="1034">
                  <c:v>0.04</c:v>
                </c:pt>
                <c:pt idx="1035">
                  <c:v>0.05</c:v>
                </c:pt>
                <c:pt idx="1036">
                  <c:v>0.06</c:v>
                </c:pt>
                <c:pt idx="1037">
                  <c:v>0.06</c:v>
                </c:pt>
                <c:pt idx="1038">
                  <c:v>0.06</c:v>
                </c:pt>
                <c:pt idx="1039">
                  <c:v>0.06</c:v>
                </c:pt>
                <c:pt idx="1040">
                  <c:v>0.06</c:v>
                </c:pt>
                <c:pt idx="1041">
                  <c:v>0.06</c:v>
                </c:pt>
                <c:pt idx="1042">
                  <c:v>7.0000000000000007E-2</c:v>
                </c:pt>
                <c:pt idx="1043">
                  <c:v>7.0000000000000007E-2</c:v>
                </c:pt>
                <c:pt idx="1044">
                  <c:v>7.0000000000000007E-2</c:v>
                </c:pt>
                <c:pt idx="1045">
                  <c:v>0.09</c:v>
                </c:pt>
                <c:pt idx="1046">
                  <c:v>0.08</c:v>
                </c:pt>
                <c:pt idx="1047">
                  <c:v>0.1</c:v>
                </c:pt>
                <c:pt idx="1048">
                  <c:v>0.11</c:v>
                </c:pt>
                <c:pt idx="1049">
                  <c:v>0.11</c:v>
                </c:pt>
                <c:pt idx="1050">
                  <c:v>0.13</c:v>
                </c:pt>
                <c:pt idx="1051">
                  <c:v>0.11</c:v>
                </c:pt>
                <c:pt idx="1052">
                  <c:v>0.11</c:v>
                </c:pt>
                <c:pt idx="1053">
                  <c:v>0.13</c:v>
                </c:pt>
                <c:pt idx="1054">
                  <c:v>0.13</c:v>
                </c:pt>
                <c:pt idx="1055">
                  <c:v>0.13</c:v>
                </c:pt>
                <c:pt idx="1056">
                  <c:v>0.12</c:v>
                </c:pt>
                <c:pt idx="1057">
                  <c:v>0.13</c:v>
                </c:pt>
                <c:pt idx="1058">
                  <c:v>0.12</c:v>
                </c:pt>
                <c:pt idx="1059">
                  <c:v>0.12</c:v>
                </c:pt>
                <c:pt idx="1060">
                  <c:v>0.12</c:v>
                </c:pt>
                <c:pt idx="1061">
                  <c:v>0.12</c:v>
                </c:pt>
                <c:pt idx="1062">
                  <c:v>0.14000000000000001</c:v>
                </c:pt>
                <c:pt idx="1063">
                  <c:v>0.15</c:v>
                </c:pt>
                <c:pt idx="1064">
                  <c:v>0.17</c:v>
                </c:pt>
                <c:pt idx="1065">
                  <c:v>0.18</c:v>
                </c:pt>
                <c:pt idx="1066">
                  <c:v>0.17</c:v>
                </c:pt>
                <c:pt idx="1067">
                  <c:v>0.17</c:v>
                </c:pt>
                <c:pt idx="1068">
                  <c:v>0.19</c:v>
                </c:pt>
                <c:pt idx="1069">
                  <c:v>0.19</c:v>
                </c:pt>
                <c:pt idx="1070">
                  <c:v>0.2</c:v>
                </c:pt>
                <c:pt idx="1071">
                  <c:v>0.2</c:v>
                </c:pt>
                <c:pt idx="1072">
                  <c:v>0.22</c:v>
                </c:pt>
                <c:pt idx="1073">
                  <c:v>0.22</c:v>
                </c:pt>
                <c:pt idx="1074">
                  <c:v>0.21</c:v>
                </c:pt>
                <c:pt idx="1075">
                  <c:v>0.21</c:v>
                </c:pt>
                <c:pt idx="1076">
                  <c:v>0.21</c:v>
                </c:pt>
                <c:pt idx="1077">
                  <c:v>0.22</c:v>
                </c:pt>
                <c:pt idx="1078">
                  <c:v>0.21</c:v>
                </c:pt>
                <c:pt idx="1079">
                  <c:v>0.2</c:v>
                </c:pt>
                <c:pt idx="1080">
                  <c:v>0.19</c:v>
                </c:pt>
                <c:pt idx="1081">
                  <c:v>0.19</c:v>
                </c:pt>
                <c:pt idx="1082">
                  <c:v>0.18</c:v>
                </c:pt>
                <c:pt idx="1083">
                  <c:v>0.2</c:v>
                </c:pt>
                <c:pt idx="1084">
                  <c:v>0.18</c:v>
                </c:pt>
                <c:pt idx="1085">
                  <c:v>0.17</c:v>
                </c:pt>
                <c:pt idx="1086">
                  <c:v>0.13</c:v>
                </c:pt>
                <c:pt idx="1087">
                  <c:v>0.16</c:v>
                </c:pt>
                <c:pt idx="1088">
                  <c:v>0.15</c:v>
                </c:pt>
                <c:pt idx="1089">
                  <c:v>0.14000000000000001</c:v>
                </c:pt>
                <c:pt idx="1090">
                  <c:v>0.15</c:v>
                </c:pt>
                <c:pt idx="1091">
                  <c:v>0.16</c:v>
                </c:pt>
                <c:pt idx="1092">
                  <c:v>0.18</c:v>
                </c:pt>
                <c:pt idx="1093">
                  <c:v>0.18</c:v>
                </c:pt>
                <c:pt idx="1094">
                  <c:v>0.19</c:v>
                </c:pt>
                <c:pt idx="1095">
                  <c:v>0.2</c:v>
                </c:pt>
                <c:pt idx="1096">
                  <c:v>0.2</c:v>
                </c:pt>
                <c:pt idx="1097">
                  <c:v>0.2</c:v>
                </c:pt>
                <c:pt idx="1098">
                  <c:v>0.2</c:v>
                </c:pt>
                <c:pt idx="1099">
                  <c:v>0.2</c:v>
                </c:pt>
                <c:pt idx="1100">
                  <c:v>0.21</c:v>
                </c:pt>
                <c:pt idx="1101">
                  <c:v>0.22</c:v>
                </c:pt>
                <c:pt idx="1102">
                  <c:v>0.23</c:v>
                </c:pt>
                <c:pt idx="1103">
                  <c:v>0.23</c:v>
                </c:pt>
                <c:pt idx="1104">
                  <c:v>0.25</c:v>
                </c:pt>
                <c:pt idx="1105">
                  <c:v>0.24</c:v>
                </c:pt>
                <c:pt idx="1106">
                  <c:v>0.21</c:v>
                </c:pt>
                <c:pt idx="1107">
                  <c:v>0.21</c:v>
                </c:pt>
                <c:pt idx="1108">
                  <c:v>0.21</c:v>
                </c:pt>
                <c:pt idx="1109">
                  <c:v>0.21</c:v>
                </c:pt>
                <c:pt idx="1110">
                  <c:v>0.2</c:v>
                </c:pt>
                <c:pt idx="1111">
                  <c:v>0.23</c:v>
                </c:pt>
                <c:pt idx="1112">
                  <c:v>0.22</c:v>
                </c:pt>
                <c:pt idx="1113">
                  <c:v>0.22</c:v>
                </c:pt>
                <c:pt idx="1114">
                  <c:v>0.23</c:v>
                </c:pt>
                <c:pt idx="1115">
                  <c:v>0.24</c:v>
                </c:pt>
                <c:pt idx="1116">
                  <c:v>0.23</c:v>
                </c:pt>
                <c:pt idx="1117">
                  <c:v>0.23</c:v>
                </c:pt>
                <c:pt idx="1118">
                  <c:v>0.23</c:v>
                </c:pt>
                <c:pt idx="1119">
                  <c:v>0.23</c:v>
                </c:pt>
                <c:pt idx="1120">
                  <c:v>0.24</c:v>
                </c:pt>
                <c:pt idx="1121">
                  <c:v>0.25</c:v>
                </c:pt>
                <c:pt idx="1122">
                  <c:v>0.25</c:v>
                </c:pt>
                <c:pt idx="1123">
                  <c:v>0.25</c:v>
                </c:pt>
                <c:pt idx="1124">
                  <c:v>0.25</c:v>
                </c:pt>
                <c:pt idx="1125">
                  <c:v>0.25</c:v>
                </c:pt>
                <c:pt idx="1126">
                  <c:v>0.25</c:v>
                </c:pt>
                <c:pt idx="1127">
                  <c:v>0.22</c:v>
                </c:pt>
                <c:pt idx="1128">
                  <c:v>0.21</c:v>
                </c:pt>
                <c:pt idx="1129">
                  <c:v>0.22</c:v>
                </c:pt>
                <c:pt idx="1130">
                  <c:v>0.22</c:v>
                </c:pt>
                <c:pt idx="1131">
                  <c:v>0.22</c:v>
                </c:pt>
                <c:pt idx="1132">
                  <c:v>0.22</c:v>
                </c:pt>
                <c:pt idx="1133">
                  <c:v>0.24</c:v>
                </c:pt>
                <c:pt idx="1134">
                  <c:v>0.24</c:v>
                </c:pt>
                <c:pt idx="1135">
                  <c:v>0.24</c:v>
                </c:pt>
                <c:pt idx="1136">
                  <c:v>0.24</c:v>
                </c:pt>
                <c:pt idx="1137">
                  <c:v>0.24</c:v>
                </c:pt>
                <c:pt idx="1138">
                  <c:v>0.24</c:v>
                </c:pt>
                <c:pt idx="1139">
                  <c:v>0.24</c:v>
                </c:pt>
                <c:pt idx="1140">
                  <c:v>0.24</c:v>
                </c:pt>
                <c:pt idx="1141">
                  <c:v>0.24</c:v>
                </c:pt>
                <c:pt idx="1142">
                  <c:v>0.24</c:v>
                </c:pt>
                <c:pt idx="1143">
                  <c:v>0.23</c:v>
                </c:pt>
                <c:pt idx="1144">
                  <c:v>0.23</c:v>
                </c:pt>
                <c:pt idx="1145">
                  <c:v>0.23</c:v>
                </c:pt>
                <c:pt idx="1146">
                  <c:v>0.2</c:v>
                </c:pt>
                <c:pt idx="1147">
                  <c:v>0.23</c:v>
                </c:pt>
                <c:pt idx="1148">
                  <c:v>0.22</c:v>
                </c:pt>
                <c:pt idx="1149">
                  <c:v>0.23</c:v>
                </c:pt>
                <c:pt idx="1150">
                  <c:v>0.23</c:v>
                </c:pt>
                <c:pt idx="1151">
                  <c:v>0.23</c:v>
                </c:pt>
                <c:pt idx="1152">
                  <c:v>0.24</c:v>
                </c:pt>
                <c:pt idx="1153">
                  <c:v>0.23</c:v>
                </c:pt>
                <c:pt idx="1154">
                  <c:v>0.24</c:v>
                </c:pt>
                <c:pt idx="1155">
                  <c:v>0.24</c:v>
                </c:pt>
                <c:pt idx="1156">
                  <c:v>0.24</c:v>
                </c:pt>
                <c:pt idx="1157">
                  <c:v>0.24</c:v>
                </c:pt>
                <c:pt idx="1158">
                  <c:v>0.25</c:v>
                </c:pt>
                <c:pt idx="1159">
                  <c:v>0.25</c:v>
                </c:pt>
                <c:pt idx="1160">
                  <c:v>0.25</c:v>
                </c:pt>
                <c:pt idx="1161">
                  <c:v>0.25</c:v>
                </c:pt>
                <c:pt idx="1162">
                  <c:v>0.25</c:v>
                </c:pt>
                <c:pt idx="1163">
                  <c:v>0.22</c:v>
                </c:pt>
                <c:pt idx="1164">
                  <c:v>0.23</c:v>
                </c:pt>
                <c:pt idx="1165">
                  <c:v>0.23</c:v>
                </c:pt>
                <c:pt idx="1166">
                  <c:v>0.23</c:v>
                </c:pt>
                <c:pt idx="1167">
                  <c:v>0.23</c:v>
                </c:pt>
                <c:pt idx="1168">
                  <c:v>0.22</c:v>
                </c:pt>
                <c:pt idx="1169">
                  <c:v>0.23</c:v>
                </c:pt>
                <c:pt idx="1170">
                  <c:v>0.23</c:v>
                </c:pt>
                <c:pt idx="1171">
                  <c:v>0.22</c:v>
                </c:pt>
                <c:pt idx="1172">
                  <c:v>0.22</c:v>
                </c:pt>
                <c:pt idx="1173">
                  <c:v>0.21</c:v>
                </c:pt>
                <c:pt idx="1174">
                  <c:v>0.22</c:v>
                </c:pt>
                <c:pt idx="1175">
                  <c:v>0.21</c:v>
                </c:pt>
                <c:pt idx="1176">
                  <c:v>0.21</c:v>
                </c:pt>
                <c:pt idx="1177">
                  <c:v>0.21</c:v>
                </c:pt>
                <c:pt idx="1178">
                  <c:v>0.21</c:v>
                </c:pt>
                <c:pt idx="1179">
                  <c:v>0.2</c:v>
                </c:pt>
                <c:pt idx="1180">
                  <c:v>0.2</c:v>
                </c:pt>
                <c:pt idx="1181">
                  <c:v>0.19</c:v>
                </c:pt>
                <c:pt idx="1182">
                  <c:v>0.19</c:v>
                </c:pt>
                <c:pt idx="1183">
                  <c:v>0.19</c:v>
                </c:pt>
                <c:pt idx="1184">
                  <c:v>0.19</c:v>
                </c:pt>
                <c:pt idx="1185">
                  <c:v>0.19</c:v>
                </c:pt>
                <c:pt idx="1186">
                  <c:v>0.2</c:v>
                </c:pt>
                <c:pt idx="1187">
                  <c:v>0.19</c:v>
                </c:pt>
                <c:pt idx="1188">
                  <c:v>0.16</c:v>
                </c:pt>
                <c:pt idx="1189">
                  <c:v>0.11</c:v>
                </c:pt>
                <c:pt idx="1190">
                  <c:v>0.12</c:v>
                </c:pt>
                <c:pt idx="1191">
                  <c:v>0.14000000000000001</c:v>
                </c:pt>
                <c:pt idx="1192">
                  <c:v>0.14000000000000001</c:v>
                </c:pt>
                <c:pt idx="1193">
                  <c:v>0.18</c:v>
                </c:pt>
                <c:pt idx="1194">
                  <c:v>0.18</c:v>
                </c:pt>
                <c:pt idx="1195">
                  <c:v>0.17</c:v>
                </c:pt>
                <c:pt idx="1196">
                  <c:v>0.19</c:v>
                </c:pt>
                <c:pt idx="1197">
                  <c:v>0.17</c:v>
                </c:pt>
                <c:pt idx="1198">
                  <c:v>0.16</c:v>
                </c:pt>
                <c:pt idx="1199">
                  <c:v>0.17</c:v>
                </c:pt>
                <c:pt idx="1200">
                  <c:v>0.16</c:v>
                </c:pt>
                <c:pt idx="1201">
                  <c:v>0.19</c:v>
                </c:pt>
                <c:pt idx="1202">
                  <c:v>0.19</c:v>
                </c:pt>
                <c:pt idx="1203">
                  <c:v>0.18</c:v>
                </c:pt>
                <c:pt idx="1204">
                  <c:v>0.18</c:v>
                </c:pt>
                <c:pt idx="1205">
                  <c:v>0.17</c:v>
                </c:pt>
                <c:pt idx="1206">
                  <c:v>0.18</c:v>
                </c:pt>
                <c:pt idx="1207">
                  <c:v>0.19</c:v>
                </c:pt>
                <c:pt idx="1208">
                  <c:v>0.19</c:v>
                </c:pt>
                <c:pt idx="1209">
                  <c:v>0.22</c:v>
                </c:pt>
                <c:pt idx="1210">
                  <c:v>0.21</c:v>
                </c:pt>
                <c:pt idx="1211">
                  <c:v>0.22</c:v>
                </c:pt>
                <c:pt idx="1212">
                  <c:v>0.22</c:v>
                </c:pt>
                <c:pt idx="1213">
                  <c:v>0.21</c:v>
                </c:pt>
                <c:pt idx="1214">
                  <c:v>0.24</c:v>
                </c:pt>
                <c:pt idx="1215">
                  <c:v>0.22</c:v>
                </c:pt>
                <c:pt idx="1216">
                  <c:v>0.22</c:v>
                </c:pt>
                <c:pt idx="1217">
                  <c:v>0.23</c:v>
                </c:pt>
                <c:pt idx="1218">
                  <c:v>0.23</c:v>
                </c:pt>
                <c:pt idx="1219">
                  <c:v>0.23</c:v>
                </c:pt>
                <c:pt idx="1220">
                  <c:v>0.23</c:v>
                </c:pt>
                <c:pt idx="1221">
                  <c:v>0.24</c:v>
                </c:pt>
                <c:pt idx="1222">
                  <c:v>0.24</c:v>
                </c:pt>
                <c:pt idx="1223">
                  <c:v>0.24</c:v>
                </c:pt>
                <c:pt idx="1224">
                  <c:v>0.24</c:v>
                </c:pt>
                <c:pt idx="1225">
                  <c:v>0.24</c:v>
                </c:pt>
                <c:pt idx="1226">
                  <c:v>0.25</c:v>
                </c:pt>
                <c:pt idx="1227">
                  <c:v>0.25</c:v>
                </c:pt>
                <c:pt idx="1228">
                  <c:v>0.25</c:v>
                </c:pt>
                <c:pt idx="1229">
                  <c:v>0.25</c:v>
                </c:pt>
                <c:pt idx="1230">
                  <c:v>0.25</c:v>
                </c:pt>
                <c:pt idx="1231">
                  <c:v>0.25</c:v>
                </c:pt>
                <c:pt idx="1232">
                  <c:v>0.23</c:v>
                </c:pt>
                <c:pt idx="1233">
                  <c:v>0.23</c:v>
                </c:pt>
                <c:pt idx="1234">
                  <c:v>0.24</c:v>
                </c:pt>
                <c:pt idx="1235">
                  <c:v>0.25</c:v>
                </c:pt>
                <c:pt idx="1236">
                  <c:v>0.24</c:v>
                </c:pt>
                <c:pt idx="1237">
                  <c:v>0.25</c:v>
                </c:pt>
                <c:pt idx="1238">
                  <c:v>0.24</c:v>
                </c:pt>
                <c:pt idx="1239">
                  <c:v>0.24</c:v>
                </c:pt>
                <c:pt idx="1240">
                  <c:v>0.22</c:v>
                </c:pt>
                <c:pt idx="1241">
                  <c:v>0.23</c:v>
                </c:pt>
                <c:pt idx="1242">
                  <c:v>0.23</c:v>
                </c:pt>
                <c:pt idx="1243">
                  <c:v>0.23</c:v>
                </c:pt>
                <c:pt idx="1244">
                  <c:v>0.23</c:v>
                </c:pt>
                <c:pt idx="1245">
                  <c:v>0.24</c:v>
                </c:pt>
                <c:pt idx="1246">
                  <c:v>0.23</c:v>
                </c:pt>
                <c:pt idx="1247">
                  <c:v>0.23</c:v>
                </c:pt>
                <c:pt idx="1248">
                  <c:v>0.24</c:v>
                </c:pt>
                <c:pt idx="1249">
                  <c:v>0.24</c:v>
                </c:pt>
                <c:pt idx="1250">
                  <c:v>0.24</c:v>
                </c:pt>
                <c:pt idx="1251">
                  <c:v>0.24</c:v>
                </c:pt>
                <c:pt idx="1252">
                  <c:v>0.24</c:v>
                </c:pt>
                <c:pt idx="1253">
                  <c:v>0.24</c:v>
                </c:pt>
                <c:pt idx="1254">
                  <c:v>0.24</c:v>
                </c:pt>
                <c:pt idx="1255">
                  <c:v>0.24</c:v>
                </c:pt>
                <c:pt idx="1256">
                  <c:v>0.24</c:v>
                </c:pt>
                <c:pt idx="1257">
                  <c:v>0.24</c:v>
                </c:pt>
                <c:pt idx="1258">
                  <c:v>0.24</c:v>
                </c:pt>
                <c:pt idx="1259">
                  <c:v>0.24</c:v>
                </c:pt>
                <c:pt idx="1260">
                  <c:v>0.25</c:v>
                </c:pt>
                <c:pt idx="1261">
                  <c:v>0.24</c:v>
                </c:pt>
                <c:pt idx="1262">
                  <c:v>0.24</c:v>
                </c:pt>
                <c:pt idx="1263">
                  <c:v>0.25</c:v>
                </c:pt>
                <c:pt idx="1264">
                  <c:v>0.25</c:v>
                </c:pt>
                <c:pt idx="1265">
                  <c:v>0.25</c:v>
                </c:pt>
                <c:pt idx="1266">
                  <c:v>0.25</c:v>
                </c:pt>
                <c:pt idx="1267">
                  <c:v>0.24</c:v>
                </c:pt>
                <c:pt idx="1268">
                  <c:v>0.23</c:v>
                </c:pt>
                <c:pt idx="1269">
                  <c:v>0.24</c:v>
                </c:pt>
                <c:pt idx="1270">
                  <c:v>0.24</c:v>
                </c:pt>
                <c:pt idx="1271">
                  <c:v>0.24</c:v>
                </c:pt>
                <c:pt idx="1272">
                  <c:v>0.24</c:v>
                </c:pt>
                <c:pt idx="1273">
                  <c:v>0.24</c:v>
                </c:pt>
                <c:pt idx="1274">
                  <c:v>0.24</c:v>
                </c:pt>
                <c:pt idx="1275">
                  <c:v>0.24</c:v>
                </c:pt>
                <c:pt idx="1276">
                  <c:v>0.24</c:v>
                </c:pt>
                <c:pt idx="1277">
                  <c:v>0.24</c:v>
                </c:pt>
                <c:pt idx="1278">
                  <c:v>0.25</c:v>
                </c:pt>
                <c:pt idx="1279">
                  <c:v>0.25</c:v>
                </c:pt>
                <c:pt idx="1280">
                  <c:v>0.25</c:v>
                </c:pt>
                <c:pt idx="1281">
                  <c:v>0.25</c:v>
                </c:pt>
                <c:pt idx="1282">
                  <c:v>0.25</c:v>
                </c:pt>
                <c:pt idx="1283">
                  <c:v>0.25</c:v>
                </c:pt>
                <c:pt idx="1284">
                  <c:v>0.25</c:v>
                </c:pt>
                <c:pt idx="1285">
                  <c:v>0.25</c:v>
                </c:pt>
                <c:pt idx="1286">
                  <c:v>0.25</c:v>
                </c:pt>
                <c:pt idx="1287">
                  <c:v>0.25</c:v>
                </c:pt>
                <c:pt idx="1288">
                  <c:v>0.25</c:v>
                </c:pt>
                <c:pt idx="1289">
                  <c:v>0.25</c:v>
                </c:pt>
                <c:pt idx="1290">
                  <c:v>0.25</c:v>
                </c:pt>
                <c:pt idx="1291">
                  <c:v>0.25</c:v>
                </c:pt>
                <c:pt idx="1292">
                  <c:v>0.25</c:v>
                </c:pt>
                <c:pt idx="1293">
                  <c:v>0.25</c:v>
                </c:pt>
                <c:pt idx="1294">
                  <c:v>0.25</c:v>
                </c:pt>
                <c:pt idx="1295">
                  <c:v>0.41</c:v>
                </c:pt>
                <c:pt idx="1296">
                  <c:v>0.47</c:v>
                </c:pt>
                <c:pt idx="1297">
                  <c:v>0.39</c:v>
                </c:pt>
                <c:pt idx="1298">
                  <c:v>0.37</c:v>
                </c:pt>
                <c:pt idx="1299">
                  <c:v>0.37</c:v>
                </c:pt>
                <c:pt idx="1300">
                  <c:v>0.45</c:v>
                </c:pt>
                <c:pt idx="1301">
                  <c:v>0.44</c:v>
                </c:pt>
                <c:pt idx="1302">
                  <c:v>0.44</c:v>
                </c:pt>
                <c:pt idx="1303">
                  <c:v>0.41</c:v>
                </c:pt>
                <c:pt idx="1304">
                  <c:v>0.41</c:v>
                </c:pt>
                <c:pt idx="1305">
                  <c:v>0.41</c:v>
                </c:pt>
                <c:pt idx="1306">
                  <c:v>0.45</c:v>
                </c:pt>
                <c:pt idx="1307">
                  <c:v>0.41</c:v>
                </c:pt>
                <c:pt idx="1308">
                  <c:v>0.5</c:v>
                </c:pt>
                <c:pt idx="1309">
                  <c:v>0.5</c:v>
                </c:pt>
                <c:pt idx="1310">
                  <c:v>0.5</c:v>
                </c:pt>
                <c:pt idx="1311">
                  <c:v>0.5</c:v>
                </c:pt>
                <c:pt idx="1312">
                  <c:v>0.5</c:v>
                </c:pt>
                <c:pt idx="1313">
                  <c:v>0.5</c:v>
                </c:pt>
                <c:pt idx="1314">
                  <c:v>0.5</c:v>
                </c:pt>
                <c:pt idx="1315">
                  <c:v>0.5</c:v>
                </c:pt>
                <c:pt idx="1316">
                  <c:v>0.5</c:v>
                </c:pt>
                <c:pt idx="1317">
                  <c:v>0.42</c:v>
                </c:pt>
                <c:pt idx="1318">
                  <c:v>0.41</c:v>
                </c:pt>
                <c:pt idx="1319">
                  <c:v>0.4</c:v>
                </c:pt>
                <c:pt idx="1320">
                  <c:v>0.38</c:v>
                </c:pt>
                <c:pt idx="1321">
                  <c:v>0.41</c:v>
                </c:pt>
                <c:pt idx="1322">
                  <c:v>0.44</c:v>
                </c:pt>
                <c:pt idx="1323">
                  <c:v>0.46</c:v>
                </c:pt>
                <c:pt idx="1324">
                  <c:v>0.48</c:v>
                </c:pt>
                <c:pt idx="1325">
                  <c:v>0.48</c:v>
                </c:pt>
                <c:pt idx="1326">
                  <c:v>0.49</c:v>
                </c:pt>
                <c:pt idx="1327">
                  <c:v>0.48</c:v>
                </c:pt>
                <c:pt idx="1328">
                  <c:v>0.5</c:v>
                </c:pt>
                <c:pt idx="1329">
                  <c:v>0.48</c:v>
                </c:pt>
                <c:pt idx="1330">
                  <c:v>0.49</c:v>
                </c:pt>
                <c:pt idx="1331">
                  <c:v>0.49</c:v>
                </c:pt>
                <c:pt idx="1332">
                  <c:v>0.49</c:v>
                </c:pt>
                <c:pt idx="1333">
                  <c:v>0.49</c:v>
                </c:pt>
                <c:pt idx="1334">
                  <c:v>0.49</c:v>
                </c:pt>
                <c:pt idx="1335">
                  <c:v>0.5</c:v>
                </c:pt>
                <c:pt idx="1336">
                  <c:v>0.5</c:v>
                </c:pt>
                <c:pt idx="1337">
                  <c:v>0.5</c:v>
                </c:pt>
                <c:pt idx="1338">
                  <c:v>0.5</c:v>
                </c:pt>
                <c:pt idx="1339">
                  <c:v>0.5</c:v>
                </c:pt>
                <c:pt idx="1340">
                  <c:v>0.5</c:v>
                </c:pt>
                <c:pt idx="1341">
                  <c:v>0.5</c:v>
                </c:pt>
                <c:pt idx="1342">
                  <c:v>0.5</c:v>
                </c:pt>
                <c:pt idx="1343">
                  <c:v>0.5</c:v>
                </c:pt>
                <c:pt idx="1344">
                  <c:v>0.5</c:v>
                </c:pt>
                <c:pt idx="1345">
                  <c:v>0.5</c:v>
                </c:pt>
                <c:pt idx="1346">
                  <c:v>0.5</c:v>
                </c:pt>
                <c:pt idx="1347">
                  <c:v>0.5</c:v>
                </c:pt>
                <c:pt idx="1348">
                  <c:v>0.5</c:v>
                </c:pt>
                <c:pt idx="1349">
                  <c:v>0.5</c:v>
                </c:pt>
                <c:pt idx="1350">
                  <c:v>0.5</c:v>
                </c:pt>
                <c:pt idx="1351">
                  <c:v>0.5</c:v>
                </c:pt>
                <c:pt idx="1352">
                  <c:v>0.5</c:v>
                </c:pt>
                <c:pt idx="1353">
                  <c:v>0.5</c:v>
                </c:pt>
                <c:pt idx="1354">
                  <c:v>0.39</c:v>
                </c:pt>
                <c:pt idx="1355">
                  <c:v>0.3</c:v>
                </c:pt>
                <c:pt idx="1356">
                  <c:v>0.28000000000000003</c:v>
                </c:pt>
                <c:pt idx="1357">
                  <c:v>0.32</c:v>
                </c:pt>
                <c:pt idx="1358">
                  <c:v>0.28999999999999998</c:v>
                </c:pt>
                <c:pt idx="1359">
                  <c:v>0.27</c:v>
                </c:pt>
                <c:pt idx="1360">
                  <c:v>0.27</c:v>
                </c:pt>
                <c:pt idx="1361">
                  <c:v>0.24</c:v>
                </c:pt>
                <c:pt idx="1362">
                  <c:v>0.33</c:v>
                </c:pt>
                <c:pt idx="1363">
                  <c:v>0.3</c:v>
                </c:pt>
                <c:pt idx="1364">
                  <c:v>0.28000000000000003</c:v>
                </c:pt>
                <c:pt idx="1365">
                  <c:v>0.28999999999999998</c:v>
                </c:pt>
                <c:pt idx="1366">
                  <c:v>0.36</c:v>
                </c:pt>
                <c:pt idx="1367">
                  <c:v>0.38</c:v>
                </c:pt>
                <c:pt idx="1368">
                  <c:v>0.41</c:v>
                </c:pt>
                <c:pt idx="1369">
                  <c:v>0.43</c:v>
                </c:pt>
                <c:pt idx="1370">
                  <c:v>0.46</c:v>
                </c:pt>
                <c:pt idx="1371">
                  <c:v>0.47</c:v>
                </c:pt>
                <c:pt idx="1372">
                  <c:v>0.47</c:v>
                </c:pt>
                <c:pt idx="1373">
                  <c:v>0.47</c:v>
                </c:pt>
                <c:pt idx="1374">
                  <c:v>0.46</c:v>
                </c:pt>
                <c:pt idx="1375">
                  <c:v>0.46</c:v>
                </c:pt>
                <c:pt idx="1376">
                  <c:v>0.45</c:v>
                </c:pt>
                <c:pt idx="1377">
                  <c:v>0.46</c:v>
                </c:pt>
                <c:pt idx="1378">
                  <c:v>0.46</c:v>
                </c:pt>
                <c:pt idx="1379">
                  <c:v>0.46</c:v>
                </c:pt>
                <c:pt idx="1380">
                  <c:v>0.48</c:v>
                </c:pt>
                <c:pt idx="1381">
                  <c:v>0.47</c:v>
                </c:pt>
                <c:pt idx="1382">
                  <c:v>0.47</c:v>
                </c:pt>
                <c:pt idx="1383">
                  <c:v>0.47</c:v>
                </c:pt>
                <c:pt idx="1384">
                  <c:v>0.46</c:v>
                </c:pt>
                <c:pt idx="1385">
                  <c:v>0.47</c:v>
                </c:pt>
                <c:pt idx="1386">
                  <c:v>0.48</c:v>
                </c:pt>
                <c:pt idx="1387">
                  <c:v>0.46</c:v>
                </c:pt>
                <c:pt idx="1388">
                  <c:v>0.46</c:v>
                </c:pt>
                <c:pt idx="1389">
                  <c:v>0.39</c:v>
                </c:pt>
                <c:pt idx="1390">
                  <c:v>0.4</c:v>
                </c:pt>
                <c:pt idx="1391">
                  <c:v>0.4</c:v>
                </c:pt>
                <c:pt idx="1392">
                  <c:v>0.4</c:v>
                </c:pt>
                <c:pt idx="1393">
                  <c:v>0.4</c:v>
                </c:pt>
                <c:pt idx="1394">
                  <c:v>0.42</c:v>
                </c:pt>
                <c:pt idx="1395">
                  <c:v>0.41</c:v>
                </c:pt>
                <c:pt idx="1396">
                  <c:v>0.42</c:v>
                </c:pt>
                <c:pt idx="1397">
                  <c:v>0.41</c:v>
                </c:pt>
                <c:pt idx="1398">
                  <c:v>0.39</c:v>
                </c:pt>
                <c:pt idx="1399">
                  <c:v>0.38</c:v>
                </c:pt>
                <c:pt idx="1400">
                  <c:v>0.41</c:v>
                </c:pt>
                <c:pt idx="1401">
                  <c:v>0.39</c:v>
                </c:pt>
                <c:pt idx="1402">
                  <c:v>0.36</c:v>
                </c:pt>
                <c:pt idx="1403">
                  <c:v>0.38</c:v>
                </c:pt>
                <c:pt idx="1404">
                  <c:v>0.4</c:v>
                </c:pt>
                <c:pt idx="1405">
                  <c:v>0.38</c:v>
                </c:pt>
                <c:pt idx="1406">
                  <c:v>0.4</c:v>
                </c:pt>
                <c:pt idx="1407">
                  <c:v>0.41</c:v>
                </c:pt>
                <c:pt idx="1408">
                  <c:v>0.43</c:v>
                </c:pt>
                <c:pt idx="1409">
                  <c:v>0.42</c:v>
                </c:pt>
                <c:pt idx="1410">
                  <c:v>0.44</c:v>
                </c:pt>
                <c:pt idx="1411">
                  <c:v>0.43</c:v>
                </c:pt>
                <c:pt idx="1412">
                  <c:v>0.43</c:v>
                </c:pt>
                <c:pt idx="1413">
                  <c:v>0.42</c:v>
                </c:pt>
                <c:pt idx="1414">
                  <c:v>0.41</c:v>
                </c:pt>
                <c:pt idx="1415">
                  <c:v>0.43</c:v>
                </c:pt>
                <c:pt idx="1416">
                  <c:v>0.42</c:v>
                </c:pt>
                <c:pt idx="1417">
                  <c:v>0.42</c:v>
                </c:pt>
                <c:pt idx="1418">
                  <c:v>0.44</c:v>
                </c:pt>
                <c:pt idx="1419">
                  <c:v>0.43</c:v>
                </c:pt>
                <c:pt idx="1420">
                  <c:v>0.43</c:v>
                </c:pt>
                <c:pt idx="1421">
                  <c:v>0.42</c:v>
                </c:pt>
                <c:pt idx="1422">
                  <c:v>0.43</c:v>
                </c:pt>
                <c:pt idx="1423">
                  <c:v>0.43</c:v>
                </c:pt>
                <c:pt idx="1424">
                  <c:v>0.4</c:v>
                </c:pt>
                <c:pt idx="1425">
                  <c:v>0.39</c:v>
                </c:pt>
                <c:pt idx="1426">
                  <c:v>0.39</c:v>
                </c:pt>
                <c:pt idx="1427">
                  <c:v>0.37</c:v>
                </c:pt>
                <c:pt idx="1428">
                  <c:v>0.37</c:v>
                </c:pt>
                <c:pt idx="1429">
                  <c:v>0.37</c:v>
                </c:pt>
                <c:pt idx="1430">
                  <c:v>0.35</c:v>
                </c:pt>
                <c:pt idx="1431">
                  <c:v>0.4</c:v>
                </c:pt>
                <c:pt idx="1432">
                  <c:v>0.41</c:v>
                </c:pt>
                <c:pt idx="1433">
                  <c:v>0.41</c:v>
                </c:pt>
                <c:pt idx="1434">
                  <c:v>0.43</c:v>
                </c:pt>
                <c:pt idx="1435">
                  <c:v>0.43</c:v>
                </c:pt>
                <c:pt idx="1436">
                  <c:v>0.4</c:v>
                </c:pt>
                <c:pt idx="1437">
                  <c:v>0.38</c:v>
                </c:pt>
                <c:pt idx="1438">
                  <c:v>0.41</c:v>
                </c:pt>
                <c:pt idx="1439">
                  <c:v>0.43</c:v>
                </c:pt>
                <c:pt idx="1440">
                  <c:v>0.46</c:v>
                </c:pt>
                <c:pt idx="1441">
                  <c:v>0.45</c:v>
                </c:pt>
                <c:pt idx="1442">
                  <c:v>0.47</c:v>
                </c:pt>
                <c:pt idx="1443">
                  <c:v>0.46</c:v>
                </c:pt>
                <c:pt idx="1444">
                  <c:v>0.46</c:v>
                </c:pt>
                <c:pt idx="1445">
                  <c:v>0.47</c:v>
                </c:pt>
                <c:pt idx="1446">
                  <c:v>0.48</c:v>
                </c:pt>
                <c:pt idx="1447">
                  <c:v>0.46</c:v>
                </c:pt>
                <c:pt idx="1448">
                  <c:v>0.46</c:v>
                </c:pt>
                <c:pt idx="1449">
                  <c:v>0.47</c:v>
                </c:pt>
                <c:pt idx="1450">
                  <c:v>0.45</c:v>
                </c:pt>
                <c:pt idx="1451">
                  <c:v>0.46</c:v>
                </c:pt>
                <c:pt idx="1452">
                  <c:v>0.44</c:v>
                </c:pt>
                <c:pt idx="1453">
                  <c:v>0.44</c:v>
                </c:pt>
                <c:pt idx="1454">
                  <c:v>0.54</c:v>
                </c:pt>
                <c:pt idx="1455">
                  <c:v>0.6</c:v>
                </c:pt>
                <c:pt idx="1456">
                  <c:v>0.59</c:v>
                </c:pt>
                <c:pt idx="1457">
                  <c:v>0.62</c:v>
                </c:pt>
                <c:pt idx="1458">
                  <c:v>0.64</c:v>
                </c:pt>
                <c:pt idx="1459">
                  <c:v>0.63</c:v>
                </c:pt>
                <c:pt idx="1460">
                  <c:v>0.61</c:v>
                </c:pt>
                <c:pt idx="1461">
                  <c:v>0.6</c:v>
                </c:pt>
                <c:pt idx="1462">
                  <c:v>0.56000000000000005</c:v>
                </c:pt>
                <c:pt idx="1463">
                  <c:v>0.56000000000000005</c:v>
                </c:pt>
                <c:pt idx="1464">
                  <c:v>0.57999999999999996</c:v>
                </c:pt>
                <c:pt idx="1465">
                  <c:v>0.61</c:v>
                </c:pt>
                <c:pt idx="1466">
                  <c:v>0.62</c:v>
                </c:pt>
                <c:pt idx="1467">
                  <c:v>0.62</c:v>
                </c:pt>
                <c:pt idx="1468">
                  <c:v>0.64</c:v>
                </c:pt>
                <c:pt idx="1469">
                  <c:v>0.62</c:v>
                </c:pt>
                <c:pt idx="1470">
                  <c:v>0.64</c:v>
                </c:pt>
                <c:pt idx="1471">
                  <c:v>0.66</c:v>
                </c:pt>
                <c:pt idx="1472">
                  <c:v>0.67</c:v>
                </c:pt>
                <c:pt idx="1473">
                  <c:v>0.64</c:v>
                </c:pt>
                <c:pt idx="1474">
                  <c:v>0.65</c:v>
                </c:pt>
                <c:pt idx="1475">
                  <c:v>0.65</c:v>
                </c:pt>
                <c:pt idx="1476">
                  <c:v>0.63</c:v>
                </c:pt>
                <c:pt idx="1477">
                  <c:v>0.64</c:v>
                </c:pt>
                <c:pt idx="1478">
                  <c:v>0.64</c:v>
                </c:pt>
                <c:pt idx="1479">
                  <c:v>0.62</c:v>
                </c:pt>
                <c:pt idx="1480">
                  <c:v>0.63</c:v>
                </c:pt>
                <c:pt idx="1481">
                  <c:v>0.65</c:v>
                </c:pt>
                <c:pt idx="1482">
                  <c:v>0.64</c:v>
                </c:pt>
                <c:pt idx="1483">
                  <c:v>0.65</c:v>
                </c:pt>
                <c:pt idx="1484">
                  <c:v>0.64</c:v>
                </c:pt>
                <c:pt idx="1485">
                  <c:v>0.7</c:v>
                </c:pt>
                <c:pt idx="1486">
                  <c:v>0.7</c:v>
                </c:pt>
                <c:pt idx="1487">
                  <c:v>0.7</c:v>
                </c:pt>
                <c:pt idx="1488">
                  <c:v>0.7</c:v>
                </c:pt>
                <c:pt idx="1489">
                  <c:v>0.7</c:v>
                </c:pt>
                <c:pt idx="1490">
                  <c:v>0.7</c:v>
                </c:pt>
                <c:pt idx="1491">
                  <c:v>0.71</c:v>
                </c:pt>
                <c:pt idx="1492">
                  <c:v>0.71</c:v>
                </c:pt>
                <c:pt idx="1493">
                  <c:v>0.73</c:v>
                </c:pt>
                <c:pt idx="1494">
                  <c:v>0.73</c:v>
                </c:pt>
                <c:pt idx="1495">
                  <c:v>0.72</c:v>
                </c:pt>
                <c:pt idx="1496">
                  <c:v>0.75</c:v>
                </c:pt>
                <c:pt idx="1497">
                  <c:v>0.75</c:v>
                </c:pt>
                <c:pt idx="1498">
                  <c:v>0.77</c:v>
                </c:pt>
                <c:pt idx="1499">
                  <c:v>0.78</c:v>
                </c:pt>
                <c:pt idx="1500">
                  <c:v>0.78</c:v>
                </c:pt>
                <c:pt idx="1501">
                  <c:v>0.76</c:v>
                </c:pt>
                <c:pt idx="1502">
                  <c:v>0.81</c:v>
                </c:pt>
                <c:pt idx="1503">
                  <c:v>0.8</c:v>
                </c:pt>
                <c:pt idx="1504">
                  <c:v>0.8</c:v>
                </c:pt>
                <c:pt idx="1505">
                  <c:v>0.8</c:v>
                </c:pt>
                <c:pt idx="1506">
                  <c:v>0.77</c:v>
                </c:pt>
                <c:pt idx="1507">
                  <c:v>0.77</c:v>
                </c:pt>
                <c:pt idx="1508">
                  <c:v>0.75</c:v>
                </c:pt>
                <c:pt idx="1509">
                  <c:v>0.76</c:v>
                </c:pt>
                <c:pt idx="1510">
                  <c:v>0.75</c:v>
                </c:pt>
                <c:pt idx="1511">
                  <c:v>0.78</c:v>
                </c:pt>
                <c:pt idx="1512">
                  <c:v>0.81</c:v>
                </c:pt>
                <c:pt idx="1513">
                  <c:v>0.84</c:v>
                </c:pt>
                <c:pt idx="1514">
                  <c:v>0.83</c:v>
                </c:pt>
                <c:pt idx="1515">
                  <c:v>0.86</c:v>
                </c:pt>
                <c:pt idx="1516">
                  <c:v>0.84</c:v>
                </c:pt>
                <c:pt idx="1517">
                  <c:v>0.85</c:v>
                </c:pt>
                <c:pt idx="1518">
                  <c:v>0.88</c:v>
                </c:pt>
                <c:pt idx="1519">
                  <c:v>0.87</c:v>
                </c:pt>
                <c:pt idx="1520">
                  <c:v>0.89</c:v>
                </c:pt>
                <c:pt idx="1521">
                  <c:v>0.94</c:v>
                </c:pt>
                <c:pt idx="1522">
                  <c:v>0.95</c:v>
                </c:pt>
                <c:pt idx="1523">
                  <c:v>0.95</c:v>
                </c:pt>
                <c:pt idx="1524">
                  <c:v>0.91</c:v>
                </c:pt>
                <c:pt idx="1525">
                  <c:v>0.87</c:v>
                </c:pt>
                <c:pt idx="1526">
                  <c:v>0.87</c:v>
                </c:pt>
                <c:pt idx="1527">
                  <c:v>0.84</c:v>
                </c:pt>
                <c:pt idx="1528">
                  <c:v>0.83</c:v>
                </c:pt>
                <c:pt idx="1529">
                  <c:v>0.85</c:v>
                </c:pt>
                <c:pt idx="1530">
                  <c:v>0.87</c:v>
                </c:pt>
                <c:pt idx="1531">
                  <c:v>0.85</c:v>
                </c:pt>
                <c:pt idx="1532">
                  <c:v>0.8</c:v>
                </c:pt>
                <c:pt idx="1533">
                  <c:v>0.79</c:v>
                </c:pt>
                <c:pt idx="1534">
                  <c:v>0.75</c:v>
                </c:pt>
                <c:pt idx="1535">
                  <c:v>0.74</c:v>
                </c:pt>
                <c:pt idx="1536">
                  <c:v>0.7</c:v>
                </c:pt>
                <c:pt idx="1537">
                  <c:v>0.7</c:v>
                </c:pt>
                <c:pt idx="1538">
                  <c:v>0.73</c:v>
                </c:pt>
                <c:pt idx="1539">
                  <c:v>0.77</c:v>
                </c:pt>
                <c:pt idx="1540">
                  <c:v>0.77</c:v>
                </c:pt>
                <c:pt idx="1541">
                  <c:v>0.75</c:v>
                </c:pt>
                <c:pt idx="1542">
                  <c:v>0.68</c:v>
                </c:pt>
                <c:pt idx="1543">
                  <c:v>0.67</c:v>
                </c:pt>
                <c:pt idx="1544">
                  <c:v>0.7</c:v>
                </c:pt>
                <c:pt idx="1545">
                  <c:v>0.69</c:v>
                </c:pt>
                <c:pt idx="1546">
                  <c:v>0.67</c:v>
                </c:pt>
                <c:pt idx="1547">
                  <c:v>0.65</c:v>
                </c:pt>
                <c:pt idx="1548">
                  <c:v>0.75</c:v>
                </c:pt>
                <c:pt idx="1549">
                  <c:v>0.77</c:v>
                </c:pt>
                <c:pt idx="1550">
                  <c:v>0.78</c:v>
                </c:pt>
                <c:pt idx="1551">
                  <c:v>0.74</c:v>
                </c:pt>
                <c:pt idx="1552">
                  <c:v>0.69</c:v>
                </c:pt>
                <c:pt idx="1553">
                  <c:v>0.67</c:v>
                </c:pt>
                <c:pt idx="1554">
                  <c:v>0.71</c:v>
                </c:pt>
                <c:pt idx="1555">
                  <c:v>0.67</c:v>
                </c:pt>
                <c:pt idx="1556">
                  <c:v>0.64</c:v>
                </c:pt>
                <c:pt idx="1557">
                  <c:v>0.56000000000000005</c:v>
                </c:pt>
                <c:pt idx="1558">
                  <c:v>0.59</c:v>
                </c:pt>
                <c:pt idx="1559">
                  <c:v>0.63</c:v>
                </c:pt>
                <c:pt idx="1560">
                  <c:v>0.62</c:v>
                </c:pt>
                <c:pt idx="1561">
                  <c:v>0.63</c:v>
                </c:pt>
                <c:pt idx="1562">
                  <c:v>0.6</c:v>
                </c:pt>
                <c:pt idx="1563">
                  <c:v>0.62</c:v>
                </c:pt>
                <c:pt idx="1564">
                  <c:v>0.62</c:v>
                </c:pt>
                <c:pt idx="1565">
                  <c:v>0.62</c:v>
                </c:pt>
                <c:pt idx="1566">
                  <c:v>0.62</c:v>
                </c:pt>
                <c:pt idx="1567">
                  <c:v>0.64</c:v>
                </c:pt>
                <c:pt idx="1568">
                  <c:v>0.64</c:v>
                </c:pt>
                <c:pt idx="1569">
                  <c:v>0.64</c:v>
                </c:pt>
                <c:pt idx="1570">
                  <c:v>0.63</c:v>
                </c:pt>
                <c:pt idx="1571">
                  <c:v>0.61</c:v>
                </c:pt>
                <c:pt idx="1572">
                  <c:v>0.62</c:v>
                </c:pt>
                <c:pt idx="1573">
                  <c:v>0.6</c:v>
                </c:pt>
                <c:pt idx="1574">
                  <c:v>0.59</c:v>
                </c:pt>
                <c:pt idx="1575">
                  <c:v>0.56000000000000005</c:v>
                </c:pt>
                <c:pt idx="1576">
                  <c:v>0.59</c:v>
                </c:pt>
                <c:pt idx="1577">
                  <c:v>0.61</c:v>
                </c:pt>
                <c:pt idx="1578">
                  <c:v>0.65</c:v>
                </c:pt>
                <c:pt idx="1579">
                  <c:v>0.66</c:v>
                </c:pt>
                <c:pt idx="1580">
                  <c:v>0.65</c:v>
                </c:pt>
                <c:pt idx="1581">
                  <c:v>0.63</c:v>
                </c:pt>
                <c:pt idx="1582">
                  <c:v>0.71</c:v>
                </c:pt>
                <c:pt idx="1583">
                  <c:v>0.74</c:v>
                </c:pt>
                <c:pt idx="1584">
                  <c:v>0.71</c:v>
                </c:pt>
                <c:pt idx="1585">
                  <c:v>0.72</c:v>
                </c:pt>
                <c:pt idx="1586">
                  <c:v>0.7</c:v>
                </c:pt>
                <c:pt idx="1587">
                  <c:v>0.73</c:v>
                </c:pt>
                <c:pt idx="1588">
                  <c:v>0.69</c:v>
                </c:pt>
                <c:pt idx="1589">
                  <c:v>0.65</c:v>
                </c:pt>
                <c:pt idx="1590">
                  <c:v>0.71</c:v>
                </c:pt>
                <c:pt idx="1591">
                  <c:v>0.71</c:v>
                </c:pt>
                <c:pt idx="1592">
                  <c:v>0.7</c:v>
                </c:pt>
                <c:pt idx="1593">
                  <c:v>0.69</c:v>
                </c:pt>
                <c:pt idx="1594">
                  <c:v>0.69</c:v>
                </c:pt>
                <c:pt idx="1595">
                  <c:v>0.72</c:v>
                </c:pt>
                <c:pt idx="1596">
                  <c:v>0.72</c:v>
                </c:pt>
                <c:pt idx="1597">
                  <c:v>0.75</c:v>
                </c:pt>
                <c:pt idx="1598">
                  <c:v>0.72</c:v>
                </c:pt>
                <c:pt idx="1599">
                  <c:v>0.72</c:v>
                </c:pt>
                <c:pt idx="1600">
                  <c:v>0.72</c:v>
                </c:pt>
                <c:pt idx="1601">
                  <c:v>0.73</c:v>
                </c:pt>
                <c:pt idx="1602">
                  <c:v>0.72</c:v>
                </c:pt>
                <c:pt idx="1603">
                  <c:v>0.72</c:v>
                </c:pt>
                <c:pt idx="1604">
                  <c:v>0.71</c:v>
                </c:pt>
                <c:pt idx="1605">
                  <c:v>0.68</c:v>
                </c:pt>
                <c:pt idx="1606">
                  <c:v>0.69</c:v>
                </c:pt>
                <c:pt idx="1607">
                  <c:v>0.69</c:v>
                </c:pt>
                <c:pt idx="1608">
                  <c:v>0.71</c:v>
                </c:pt>
                <c:pt idx="1609">
                  <c:v>0.71</c:v>
                </c:pt>
                <c:pt idx="1610">
                  <c:v>0.71</c:v>
                </c:pt>
                <c:pt idx="1611">
                  <c:v>0.7</c:v>
                </c:pt>
                <c:pt idx="1612">
                  <c:v>0.71</c:v>
                </c:pt>
                <c:pt idx="1613">
                  <c:v>0.72</c:v>
                </c:pt>
                <c:pt idx="1614">
                  <c:v>0.73</c:v>
                </c:pt>
                <c:pt idx="1615">
                  <c:v>0.76</c:v>
                </c:pt>
                <c:pt idx="1616">
                  <c:v>0.76</c:v>
                </c:pt>
                <c:pt idx="1617">
                  <c:v>0.75</c:v>
                </c:pt>
                <c:pt idx="1618">
                  <c:v>0.77</c:v>
                </c:pt>
                <c:pt idx="1619">
                  <c:v>0.78</c:v>
                </c:pt>
                <c:pt idx="1620">
                  <c:v>0.75</c:v>
                </c:pt>
                <c:pt idx="1621">
                  <c:v>0.75</c:v>
                </c:pt>
                <c:pt idx="1622">
                  <c:v>0.72</c:v>
                </c:pt>
                <c:pt idx="1623">
                  <c:v>0.74</c:v>
                </c:pt>
                <c:pt idx="1624">
                  <c:v>0.74</c:v>
                </c:pt>
                <c:pt idx="1625">
                  <c:v>0.73</c:v>
                </c:pt>
                <c:pt idx="1626">
                  <c:v>0.76</c:v>
                </c:pt>
                <c:pt idx="1627">
                  <c:v>0.74</c:v>
                </c:pt>
                <c:pt idx="1628">
                  <c:v>0.73</c:v>
                </c:pt>
                <c:pt idx="1629">
                  <c:v>0.74</c:v>
                </c:pt>
                <c:pt idx="1630">
                  <c:v>0.76</c:v>
                </c:pt>
                <c:pt idx="1631">
                  <c:v>0.77</c:v>
                </c:pt>
                <c:pt idx="1632">
                  <c:v>0.77</c:v>
                </c:pt>
                <c:pt idx="1633">
                  <c:v>0.78</c:v>
                </c:pt>
                <c:pt idx="1634">
                  <c:v>0.77</c:v>
                </c:pt>
                <c:pt idx="1635">
                  <c:v>0.79</c:v>
                </c:pt>
                <c:pt idx="1636">
                  <c:v>0.78</c:v>
                </c:pt>
                <c:pt idx="1637">
                  <c:v>0.8</c:v>
                </c:pt>
                <c:pt idx="1638">
                  <c:v>0.85</c:v>
                </c:pt>
                <c:pt idx="1639">
                  <c:v>0.86</c:v>
                </c:pt>
                <c:pt idx="1640">
                  <c:v>0.86</c:v>
                </c:pt>
                <c:pt idx="1641">
                  <c:v>0.86</c:v>
                </c:pt>
                <c:pt idx="1642">
                  <c:v>0.88</c:v>
                </c:pt>
                <c:pt idx="1643">
                  <c:v>0.86</c:v>
                </c:pt>
                <c:pt idx="1644">
                  <c:v>0.83</c:v>
                </c:pt>
                <c:pt idx="1645">
                  <c:v>0.88</c:v>
                </c:pt>
                <c:pt idx="1646">
                  <c:v>0.88</c:v>
                </c:pt>
                <c:pt idx="1647">
                  <c:v>0.88</c:v>
                </c:pt>
                <c:pt idx="1648">
                  <c:v>0.89</c:v>
                </c:pt>
                <c:pt idx="1649">
                  <c:v>0.89</c:v>
                </c:pt>
                <c:pt idx="1650">
                  <c:v>0.92</c:v>
                </c:pt>
                <c:pt idx="1651">
                  <c:v>0.87</c:v>
                </c:pt>
                <c:pt idx="1652">
                  <c:v>0.89</c:v>
                </c:pt>
                <c:pt idx="1653">
                  <c:v>0.89</c:v>
                </c:pt>
                <c:pt idx="1654">
                  <c:v>0.89</c:v>
                </c:pt>
                <c:pt idx="1655">
                  <c:v>0.9</c:v>
                </c:pt>
                <c:pt idx="1656">
                  <c:v>0.87</c:v>
                </c:pt>
                <c:pt idx="1657">
                  <c:v>0.87</c:v>
                </c:pt>
                <c:pt idx="1658">
                  <c:v>0.9</c:v>
                </c:pt>
                <c:pt idx="1659">
                  <c:v>0.9</c:v>
                </c:pt>
                <c:pt idx="1660">
                  <c:v>0.93</c:v>
                </c:pt>
                <c:pt idx="1661">
                  <c:v>0.95</c:v>
                </c:pt>
                <c:pt idx="1662">
                  <c:v>0.94</c:v>
                </c:pt>
                <c:pt idx="1663">
                  <c:v>0.92</c:v>
                </c:pt>
                <c:pt idx="1664">
                  <c:v>0.94</c:v>
                </c:pt>
                <c:pt idx="1665">
                  <c:v>0.97</c:v>
                </c:pt>
                <c:pt idx="1666">
                  <c:v>0.97</c:v>
                </c:pt>
                <c:pt idx="1667">
                  <c:v>0.99</c:v>
                </c:pt>
                <c:pt idx="1668">
                  <c:v>0.99</c:v>
                </c:pt>
                <c:pt idx="1669">
                  <c:v>1</c:v>
                </c:pt>
                <c:pt idx="1670">
                  <c:v>1.01</c:v>
                </c:pt>
                <c:pt idx="1671">
                  <c:v>1.02</c:v>
                </c:pt>
                <c:pt idx="1672">
                  <c:v>1.06</c:v>
                </c:pt>
                <c:pt idx="1673">
                  <c:v>1.04</c:v>
                </c:pt>
                <c:pt idx="1674">
                  <c:v>1.06</c:v>
                </c:pt>
                <c:pt idx="1675">
                  <c:v>1.05</c:v>
                </c:pt>
                <c:pt idx="1676">
                  <c:v>1.02</c:v>
                </c:pt>
                <c:pt idx="1677">
                  <c:v>0.99</c:v>
                </c:pt>
                <c:pt idx="1678">
                  <c:v>0.95</c:v>
                </c:pt>
                <c:pt idx="1679">
                  <c:v>0.96</c:v>
                </c:pt>
                <c:pt idx="1680">
                  <c:v>1.02</c:v>
                </c:pt>
                <c:pt idx="1681">
                  <c:v>1.01</c:v>
                </c:pt>
                <c:pt idx="1682">
                  <c:v>0.98</c:v>
                </c:pt>
                <c:pt idx="1683">
                  <c:v>0.96</c:v>
                </c:pt>
                <c:pt idx="1684">
                  <c:v>0.93</c:v>
                </c:pt>
                <c:pt idx="1685">
                  <c:v>0.92</c:v>
                </c:pt>
                <c:pt idx="1686">
                  <c:v>0.94</c:v>
                </c:pt>
                <c:pt idx="1687">
                  <c:v>0.93</c:v>
                </c:pt>
                <c:pt idx="1688">
                  <c:v>0.94</c:v>
                </c:pt>
                <c:pt idx="1689">
                  <c:v>0.97</c:v>
                </c:pt>
                <c:pt idx="1690">
                  <c:v>0.98</c:v>
                </c:pt>
                <c:pt idx="1691">
                  <c:v>1.02</c:v>
                </c:pt>
                <c:pt idx="1692">
                  <c:v>1.04</c:v>
                </c:pt>
                <c:pt idx="1693">
                  <c:v>1.0900000000000001</c:v>
                </c:pt>
                <c:pt idx="1694">
                  <c:v>1.06</c:v>
                </c:pt>
                <c:pt idx="1695">
                  <c:v>1.08</c:v>
                </c:pt>
                <c:pt idx="1696">
                  <c:v>1.1000000000000001</c:v>
                </c:pt>
                <c:pt idx="1697">
                  <c:v>1.1000000000000001</c:v>
                </c:pt>
                <c:pt idx="1698">
                  <c:v>1.08</c:v>
                </c:pt>
                <c:pt idx="1699">
                  <c:v>1.07</c:v>
                </c:pt>
                <c:pt idx="1700">
                  <c:v>1.0900000000000001</c:v>
                </c:pt>
                <c:pt idx="1701">
                  <c:v>1.07</c:v>
                </c:pt>
                <c:pt idx="1702">
                  <c:v>1.0900000000000001</c:v>
                </c:pt>
              </c:numCache>
            </c:numRef>
          </c:val>
          <c:smooth val="0"/>
          <c:extLst>
            <c:ext xmlns:c16="http://schemas.microsoft.com/office/drawing/2014/chart" uri="{C3380CC4-5D6E-409C-BE32-E72D297353CC}">
              <c16:uniqueId val="{00000005-B7C2-4DA8-9E62-F4E45D0D7C69}"/>
            </c:ext>
          </c:extLst>
        </c:ser>
        <c:dLbls>
          <c:showLegendKey val="0"/>
          <c:showVal val="0"/>
          <c:showCatName val="0"/>
          <c:showSerName val="0"/>
          <c:showPercent val="0"/>
          <c:showBubbleSize val="0"/>
        </c:dLbls>
        <c:smooth val="0"/>
        <c:axId val="771872592"/>
        <c:axId val="771870672"/>
      </c:lineChart>
      <c:dateAx>
        <c:axId val="771872592"/>
        <c:scaling>
          <c:orientation val="minMax"/>
        </c:scaling>
        <c:delete val="0"/>
        <c:axPos val="b"/>
        <c:numFmt formatCode="mmm\-yy" sourceLinked="0"/>
        <c:majorTickMark val="none"/>
        <c:minorTickMark val="none"/>
        <c:tickLblPos val="low"/>
        <c:spPr>
          <a:noFill/>
          <a:ln w="9525">
            <a:solidFill>
              <a:srgbClr val="435254"/>
            </a:solidFill>
          </a:ln>
          <a:extLst>
            <a:ext uri="{909E8E84-426E-40DD-AFC4-6F175D3DCCD1}">
              <a14:hiddenFill xmlns:a14="http://schemas.microsoft.com/office/drawing/2010/main">
                <a:noFill/>
              </a14:hiddenFill>
            </a:ext>
          </a:extLst>
        </c:spPr>
        <c:txPr>
          <a:bodyPr rot="-2700000" vert="horz"/>
          <a:lstStyle/>
          <a:p>
            <a:pPr>
              <a:defRPr lang="ja-JP"/>
            </a:pPr>
            <a:endParaRPr lang="en-US"/>
          </a:p>
        </c:txPr>
        <c:crossAx val="771870672"/>
        <c:crosses val="autoZero"/>
        <c:auto val="1"/>
        <c:lblOffset val="100"/>
        <c:baseTimeUnit val="days"/>
        <c:majorUnit val="2"/>
        <c:majorTimeUnit val="months"/>
      </c:dateAx>
      <c:valAx>
        <c:axId val="771870672"/>
        <c:scaling>
          <c:orientation val="minMax"/>
        </c:scaling>
        <c:delete val="0"/>
        <c:axPos val="l"/>
        <c:majorGridlines>
          <c:spPr>
            <a:ln w="12700">
              <a:solidFill>
                <a:srgbClr val="CAD1D3"/>
              </a:solidFill>
              <a:prstDash val="solid"/>
            </a:ln>
          </c:spPr>
        </c:majorGridlines>
        <c:title>
          <c:tx>
            <c:rich>
              <a:bodyPr rot="0" vert="horz"/>
              <a:lstStyle/>
              <a:p>
                <a:pPr>
                  <a:defRPr lang="ja-JP"/>
                </a:pPr>
                <a:r>
                  <a:rPr lang="en-US"/>
                  <a:t>%</a:t>
                </a:r>
              </a:p>
            </c:rich>
          </c:tx>
          <c:layout>
            <c:manualLayout>
              <c:xMode val="edge"/>
              <c:yMode val="edge"/>
              <c:x val="0"/>
              <c:y val="1.5264853256979239E-3"/>
            </c:manualLayout>
          </c:layout>
          <c:overlay val="0"/>
          <c:spPr>
            <a:noFill/>
            <a:ln>
              <a:noFill/>
            </a:ln>
            <a:effectLst/>
            <a:extLst>
              <a:ext uri="{91240B29-F687-4F45-9708-019B960494DF}">
                <a14:hiddenLine xmlns:a14="http://schemas.microsoft.com/office/drawing/2010/main">
                  <a:noFill/>
                </a14:hiddenLine>
              </a:ext>
            </a:extLst>
          </c:spPr>
        </c:title>
        <c:numFmt formatCode="#,##0" sourceLinked="0"/>
        <c:majorTickMark val="none"/>
        <c:minorTickMark val="none"/>
        <c:tickLblPos val="nextTo"/>
        <c:spPr>
          <a:noFill/>
          <a:ln w="9525" cap="flat" cmpd="sng" algn="ctr">
            <a:noFill/>
            <a:prstDash val="solid"/>
            <a:round/>
          </a:ln>
          <a:effectLst/>
          <a:extLst>
            <a:ext uri="{909E8E84-426E-40DD-AFC4-6F175D3DCCD1}">
              <a14:hiddenFill xmlns:a14="http://schemas.microsoft.com/office/drawing/2010/main">
                <a:noFill/>
              </a14:hiddenFill>
            </a:ext>
            <a:ext uri="{91240B29-F687-4F45-9708-019B960494DF}">
              <a14:hiddenLine xmlns:a14="http://schemas.microsoft.com/office/drawing/2010/main" w="9525" cap="flat" cmpd="sng" algn="ctr">
                <a:solidFill>
                  <a:srgbClr val="435254"/>
                </a:solidFill>
                <a:prstDash val="solid"/>
                <a:round/>
              </a14:hiddenLine>
            </a:ext>
          </a:extLst>
        </c:spPr>
        <c:txPr>
          <a:bodyPr rot="0" vert="horz"/>
          <a:lstStyle/>
          <a:p>
            <a:pPr>
              <a:defRPr lang="ja-JP"/>
            </a:pPr>
            <a:endParaRPr lang="en-US"/>
          </a:p>
        </c:txPr>
        <c:crossAx val="771872592"/>
        <c:crosses val="autoZero"/>
        <c:crossBetween val="between"/>
      </c:valAx>
      <c:spPr>
        <a:noFill/>
        <a:ln>
          <a:noFill/>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a:noFill/>
            </a14:hiddenLine>
          </a:ext>
        </a:extLst>
      </c:spPr>
    </c:plotArea>
    <c:legend>
      <c:legendPos val="b"/>
      <c:layout>
        <c:manualLayout>
          <c:xMode val="edge"/>
          <c:yMode val="edge"/>
          <c:x val="0.10849466316710411"/>
          <c:y val="4.6703054163684088E-2"/>
          <c:w val="0.78039423204127534"/>
          <c:h val="0.10477710172592063"/>
        </c:manualLayout>
      </c:layout>
      <c:overlay val="0"/>
      <c:spPr>
        <a:noFill/>
        <a:ln>
          <a:noFill/>
        </a:ln>
        <a:effectLst/>
        <a:extLst>
          <a:ext uri="{909E8E84-426E-40DD-AFC4-6F175D3DCCD1}">
            <a14:hiddenFill xmlns:a14="http://schemas.microsoft.com/office/drawing/2010/main">
              <a:solidFill>
                <a:srgbClr val="435254"/>
              </a:solidFill>
            </a14:hiddenFill>
          </a:ext>
          <a:ext uri="{91240B29-F687-4F45-9708-019B960494DF}">
            <a14:hiddenLine xmlns:a14="http://schemas.microsoft.com/office/drawing/2010/main">
              <a:solidFill>
                <a:srgbClr val="435254"/>
              </a:solidFill>
            </a14:hiddenLine>
          </a:ext>
        </a:extLst>
      </c:spPr>
      <c:txPr>
        <a:bodyPr/>
        <a:lstStyle/>
        <a:p>
          <a:pPr>
            <a:defRPr lang="ja-JP" sz="2000"/>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12700" cap="flat" cmpd="sng" algn="ctr">
      <a:noFill/>
      <a:prstDash val="solid"/>
      <a:round/>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w="12700" cap="flat" cmpd="sng" algn="ctr">
          <a:solidFill>
            <a:sysClr val="windowText" lastClr="000000">
              <a:tint val="75000"/>
            </a:sysClr>
          </a:solidFill>
          <a:prstDash val="solid"/>
          <a:round/>
        </a14:hiddenLine>
      </a:ext>
    </a:extLst>
  </c:spPr>
  <c:txPr>
    <a:bodyPr/>
    <a:lstStyle/>
    <a:p>
      <a:pPr>
        <a:defRPr sz="1200"/>
      </a:pPr>
      <a:endParaRPr lang="en-US"/>
    </a:p>
  </c:txPr>
  <c:externalData r:id="rId1">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3.1341557305336838E-2"/>
          <c:y val="5.940050107372942E-2"/>
          <c:w val="0.94661023622047258"/>
          <c:h val="0.83538415652588882"/>
        </c:manualLayout>
      </c:layout>
      <c:lineChart>
        <c:grouping val="standard"/>
        <c:varyColors val="0"/>
        <c:ser>
          <c:idx val="0"/>
          <c:order val="0"/>
          <c:tx>
            <c:strRef>
              <c:f>Global_CV!$B$1</c:f>
              <c:strCache>
                <c:ptCount val="1"/>
                <c:pt idx="0">
                  <c:v>Office</c:v>
                </c:pt>
              </c:strCache>
            </c:strRef>
          </c:tx>
          <c:spPr>
            <a:ln w="25400" cap="rnd" cmpd="sng" algn="ctr">
              <a:solidFill>
                <a:srgbClr val="80BBAD"/>
              </a:solidFill>
              <a:prstDash val="solid"/>
              <a:round/>
              <a:headEnd type="none" w="med" len="med"/>
              <a:tailEnd type="none" w="med" len="med"/>
            </a:ln>
          </c:spPr>
          <c:marker>
            <c:symbol val="none"/>
          </c:marker>
          <c:cat>
            <c:numRef>
              <c:f>Global_CV!$A$2:$A$87</c:f>
              <c:numCache>
                <c:formatCode>General</c:formatCode>
                <c:ptCount val="86"/>
                <c:pt idx="0">
                  <c:v>2003.1</c:v>
                </c:pt>
                <c:pt idx="1">
                  <c:v>2003.2</c:v>
                </c:pt>
                <c:pt idx="2">
                  <c:v>2003.3</c:v>
                </c:pt>
                <c:pt idx="3">
                  <c:v>2003.4</c:v>
                </c:pt>
                <c:pt idx="4">
                  <c:v>2004.1</c:v>
                </c:pt>
                <c:pt idx="5">
                  <c:v>2004.2</c:v>
                </c:pt>
                <c:pt idx="6">
                  <c:v>2004.3</c:v>
                </c:pt>
                <c:pt idx="7">
                  <c:v>2004.4</c:v>
                </c:pt>
                <c:pt idx="8">
                  <c:v>2005.1</c:v>
                </c:pt>
                <c:pt idx="9">
                  <c:v>2005.2</c:v>
                </c:pt>
                <c:pt idx="10">
                  <c:v>2005.3</c:v>
                </c:pt>
                <c:pt idx="11">
                  <c:v>2005.4</c:v>
                </c:pt>
                <c:pt idx="12">
                  <c:v>2006.1</c:v>
                </c:pt>
                <c:pt idx="13">
                  <c:v>2006.2</c:v>
                </c:pt>
                <c:pt idx="14">
                  <c:v>2006.3</c:v>
                </c:pt>
                <c:pt idx="15">
                  <c:v>2006.4</c:v>
                </c:pt>
                <c:pt idx="16">
                  <c:v>2007.1</c:v>
                </c:pt>
                <c:pt idx="17">
                  <c:v>2007.2</c:v>
                </c:pt>
                <c:pt idx="18">
                  <c:v>2007.3</c:v>
                </c:pt>
                <c:pt idx="19">
                  <c:v>2007.4</c:v>
                </c:pt>
                <c:pt idx="20">
                  <c:v>2008.1</c:v>
                </c:pt>
                <c:pt idx="21">
                  <c:v>2008.2</c:v>
                </c:pt>
                <c:pt idx="22">
                  <c:v>2008.3</c:v>
                </c:pt>
                <c:pt idx="23">
                  <c:v>2008.4</c:v>
                </c:pt>
                <c:pt idx="24">
                  <c:v>2009.1</c:v>
                </c:pt>
                <c:pt idx="25">
                  <c:v>2009.2</c:v>
                </c:pt>
                <c:pt idx="26">
                  <c:v>2009.3</c:v>
                </c:pt>
                <c:pt idx="27">
                  <c:v>2009.4</c:v>
                </c:pt>
                <c:pt idx="28">
                  <c:v>2010.1</c:v>
                </c:pt>
                <c:pt idx="29">
                  <c:v>2010.2</c:v>
                </c:pt>
                <c:pt idx="30">
                  <c:v>2010.3</c:v>
                </c:pt>
                <c:pt idx="31">
                  <c:v>2010.4</c:v>
                </c:pt>
                <c:pt idx="32">
                  <c:v>2011.1</c:v>
                </c:pt>
                <c:pt idx="33">
                  <c:v>2011.2</c:v>
                </c:pt>
                <c:pt idx="34">
                  <c:v>2011.3</c:v>
                </c:pt>
                <c:pt idx="35">
                  <c:v>2011.4</c:v>
                </c:pt>
                <c:pt idx="36">
                  <c:v>2012.1</c:v>
                </c:pt>
                <c:pt idx="37">
                  <c:v>2012.2</c:v>
                </c:pt>
                <c:pt idx="38">
                  <c:v>2012.3</c:v>
                </c:pt>
                <c:pt idx="39">
                  <c:v>2012.4</c:v>
                </c:pt>
                <c:pt idx="40">
                  <c:v>2013.1</c:v>
                </c:pt>
                <c:pt idx="41">
                  <c:v>2013.2</c:v>
                </c:pt>
                <c:pt idx="42">
                  <c:v>2013.3</c:v>
                </c:pt>
                <c:pt idx="43">
                  <c:v>2013.4</c:v>
                </c:pt>
                <c:pt idx="44">
                  <c:v>2014.1</c:v>
                </c:pt>
                <c:pt idx="45">
                  <c:v>2014.2</c:v>
                </c:pt>
                <c:pt idx="46">
                  <c:v>2014.3</c:v>
                </c:pt>
                <c:pt idx="47">
                  <c:v>2014.4</c:v>
                </c:pt>
                <c:pt idx="48">
                  <c:v>2015.1</c:v>
                </c:pt>
                <c:pt idx="49">
                  <c:v>2015.2</c:v>
                </c:pt>
                <c:pt idx="50">
                  <c:v>2015.3</c:v>
                </c:pt>
                <c:pt idx="51">
                  <c:v>2015.4</c:v>
                </c:pt>
                <c:pt idx="52">
                  <c:v>2016.1</c:v>
                </c:pt>
                <c:pt idx="53">
                  <c:v>2016.2</c:v>
                </c:pt>
                <c:pt idx="54">
                  <c:v>2016.3</c:v>
                </c:pt>
                <c:pt idx="55">
                  <c:v>2016.4</c:v>
                </c:pt>
                <c:pt idx="56">
                  <c:v>2017.1</c:v>
                </c:pt>
                <c:pt idx="57">
                  <c:v>2017.2</c:v>
                </c:pt>
                <c:pt idx="58">
                  <c:v>2017.3</c:v>
                </c:pt>
                <c:pt idx="59">
                  <c:v>2017.4</c:v>
                </c:pt>
                <c:pt idx="60">
                  <c:v>2018.1</c:v>
                </c:pt>
                <c:pt idx="61">
                  <c:v>2018.2</c:v>
                </c:pt>
                <c:pt idx="62">
                  <c:v>2018.3</c:v>
                </c:pt>
                <c:pt idx="63">
                  <c:v>2018.4</c:v>
                </c:pt>
                <c:pt idx="64">
                  <c:v>2019.1</c:v>
                </c:pt>
                <c:pt idx="65">
                  <c:v>2019.2</c:v>
                </c:pt>
                <c:pt idx="66">
                  <c:v>2019.3</c:v>
                </c:pt>
                <c:pt idx="67">
                  <c:v>2019.4</c:v>
                </c:pt>
                <c:pt idx="68">
                  <c:v>2020.1</c:v>
                </c:pt>
                <c:pt idx="69">
                  <c:v>2020.2</c:v>
                </c:pt>
                <c:pt idx="70">
                  <c:v>2020.3</c:v>
                </c:pt>
                <c:pt idx="71">
                  <c:v>2020.4</c:v>
                </c:pt>
                <c:pt idx="72">
                  <c:v>2021.1</c:v>
                </c:pt>
                <c:pt idx="73">
                  <c:v>2021.2</c:v>
                </c:pt>
                <c:pt idx="74">
                  <c:v>2021.3</c:v>
                </c:pt>
                <c:pt idx="75">
                  <c:v>2021.4</c:v>
                </c:pt>
                <c:pt idx="76">
                  <c:v>2022.1</c:v>
                </c:pt>
                <c:pt idx="77">
                  <c:v>2022.2</c:v>
                </c:pt>
                <c:pt idx="78">
                  <c:v>2022.3</c:v>
                </c:pt>
                <c:pt idx="79">
                  <c:v>2022.4</c:v>
                </c:pt>
                <c:pt idx="80">
                  <c:v>2023.1</c:v>
                </c:pt>
                <c:pt idx="81">
                  <c:v>2023.2</c:v>
                </c:pt>
                <c:pt idx="82">
                  <c:v>2023.3</c:v>
                </c:pt>
                <c:pt idx="83">
                  <c:v>2023.4</c:v>
                </c:pt>
                <c:pt idx="84">
                  <c:v>2024.1</c:v>
                </c:pt>
                <c:pt idx="85">
                  <c:v>2024.2</c:v>
                </c:pt>
              </c:numCache>
            </c:numRef>
          </c:cat>
          <c:val>
            <c:numRef>
              <c:f>Global_CV!$B$2:$B$87</c:f>
              <c:numCache>
                <c:formatCode>General</c:formatCode>
                <c:ptCount val="86"/>
                <c:pt idx="0">
                  <c:v>100</c:v>
                </c:pt>
                <c:pt idx="1">
                  <c:v>99.062159450114734</c:v>
                </c:pt>
                <c:pt idx="2">
                  <c:v>99.08822305097091</c:v>
                </c:pt>
                <c:pt idx="3">
                  <c:v>99.377576803509058</c:v>
                </c:pt>
                <c:pt idx="4">
                  <c:v>102.33579786255022</c:v>
                </c:pt>
                <c:pt idx="5">
                  <c:v>105.6679287094461</c:v>
                </c:pt>
                <c:pt idx="6">
                  <c:v>107.16743854602785</c:v>
                </c:pt>
                <c:pt idx="7">
                  <c:v>110.90434858368218</c:v>
                </c:pt>
                <c:pt idx="8">
                  <c:v>114.49526110271164</c:v>
                </c:pt>
                <c:pt idx="9">
                  <c:v>119.80899056306998</c:v>
                </c:pt>
                <c:pt idx="10">
                  <c:v>124.71147929177188</c:v>
                </c:pt>
                <c:pt idx="11">
                  <c:v>132.49998594133473</c:v>
                </c:pt>
                <c:pt idx="12">
                  <c:v>137.75342060565652</c:v>
                </c:pt>
                <c:pt idx="13">
                  <c:v>143.52103374577547</c:v>
                </c:pt>
                <c:pt idx="14">
                  <c:v>148.59189260954648</c:v>
                </c:pt>
                <c:pt idx="15">
                  <c:v>158.1258676771765</c:v>
                </c:pt>
                <c:pt idx="16">
                  <c:v>165.31250254536531</c:v>
                </c:pt>
                <c:pt idx="17">
                  <c:v>179.86130529288738</c:v>
                </c:pt>
                <c:pt idx="18">
                  <c:v>185.61370961024241</c:v>
                </c:pt>
                <c:pt idx="19">
                  <c:v>185.20275051738898</c:v>
                </c:pt>
                <c:pt idx="20">
                  <c:v>185.29672119365043</c:v>
                </c:pt>
                <c:pt idx="21">
                  <c:v>182.81757713113052</c:v>
                </c:pt>
                <c:pt idx="22">
                  <c:v>177.99479779956181</c:v>
                </c:pt>
                <c:pt idx="23">
                  <c:v>156.37146849108825</c:v>
                </c:pt>
                <c:pt idx="24">
                  <c:v>142.79951893758749</c:v>
                </c:pt>
                <c:pt idx="25">
                  <c:v>136.2827491911134</c:v>
                </c:pt>
                <c:pt idx="26">
                  <c:v>136.10326562785258</c:v>
                </c:pt>
                <c:pt idx="27">
                  <c:v>136.63693379826063</c:v>
                </c:pt>
                <c:pt idx="28">
                  <c:v>143.65299792578696</c:v>
                </c:pt>
                <c:pt idx="29">
                  <c:v>147.01950365369146</c:v>
                </c:pt>
                <c:pt idx="30">
                  <c:v>152.25359311572333</c:v>
                </c:pt>
                <c:pt idx="31">
                  <c:v>157.82819352537368</c:v>
                </c:pt>
                <c:pt idx="32">
                  <c:v>163.63619261706464</c:v>
                </c:pt>
                <c:pt idx="33">
                  <c:v>169.10891922224886</c:v>
                </c:pt>
                <c:pt idx="34">
                  <c:v>171.80241123874666</c:v>
                </c:pt>
                <c:pt idx="35">
                  <c:v>172.69394765329014</c:v>
                </c:pt>
                <c:pt idx="36">
                  <c:v>172.72338472096217</c:v>
                </c:pt>
                <c:pt idx="37">
                  <c:v>174.3026496935988</c:v>
                </c:pt>
                <c:pt idx="38">
                  <c:v>175.82534572847783</c:v>
                </c:pt>
                <c:pt idx="39">
                  <c:v>178.53104544374133</c:v>
                </c:pt>
                <c:pt idx="40">
                  <c:v>180.42104863530525</c:v>
                </c:pt>
                <c:pt idx="41">
                  <c:v>182.20550758291648</c:v>
                </c:pt>
                <c:pt idx="42">
                  <c:v>184.73992916695011</c:v>
                </c:pt>
                <c:pt idx="43">
                  <c:v>188.06086113350887</c:v>
                </c:pt>
                <c:pt idx="44">
                  <c:v>191.56053370819407</c:v>
                </c:pt>
                <c:pt idx="45">
                  <c:v>194.62568914317262</c:v>
                </c:pt>
                <c:pt idx="46">
                  <c:v>197.54663839929458</c:v>
                </c:pt>
                <c:pt idx="47">
                  <c:v>202.80593246273176</c:v>
                </c:pt>
                <c:pt idx="48">
                  <c:v>207.58465757805519</c:v>
                </c:pt>
                <c:pt idx="49">
                  <c:v>212.67432312041529</c:v>
                </c:pt>
                <c:pt idx="50">
                  <c:v>218.29266734768285</c:v>
                </c:pt>
                <c:pt idx="51">
                  <c:v>222.40079953688112</c:v>
                </c:pt>
                <c:pt idx="52">
                  <c:v>225.47671635218617</c:v>
                </c:pt>
                <c:pt idx="53">
                  <c:v>228.88017974482318</c:v>
                </c:pt>
                <c:pt idx="54">
                  <c:v>231.03777256099735</c:v>
                </c:pt>
                <c:pt idx="55">
                  <c:v>234.00179033619384</c:v>
                </c:pt>
                <c:pt idx="56">
                  <c:v>236.2748130872848</c:v>
                </c:pt>
                <c:pt idx="57">
                  <c:v>239.43237638834108</c:v>
                </c:pt>
                <c:pt idx="58">
                  <c:v>243.23113457019977</c:v>
                </c:pt>
                <c:pt idx="59">
                  <c:v>248.66178499429685</c:v>
                </c:pt>
                <c:pt idx="60">
                  <c:v>252.03662187212544</c:v>
                </c:pt>
                <c:pt idx="61">
                  <c:v>256.51306456678969</c:v>
                </c:pt>
                <c:pt idx="62">
                  <c:v>259.63008873846354</c:v>
                </c:pt>
                <c:pt idx="63">
                  <c:v>262.02221763747076</c:v>
                </c:pt>
                <c:pt idx="64">
                  <c:v>265.30974065181812</c:v>
                </c:pt>
                <c:pt idx="65">
                  <c:v>267.3940702928262</c:v>
                </c:pt>
                <c:pt idx="66">
                  <c:v>272.26309543082459</c:v>
                </c:pt>
                <c:pt idx="67">
                  <c:v>275.05698615077216</c:v>
                </c:pt>
                <c:pt idx="68">
                  <c:v>275.01231070769029</c:v>
                </c:pt>
                <c:pt idx="69">
                  <c:v>269.93179743350044</c:v>
                </c:pt>
                <c:pt idx="70">
                  <c:v>269.74768719970649</c:v>
                </c:pt>
                <c:pt idx="71">
                  <c:v>270.22507669852331</c:v>
                </c:pt>
                <c:pt idx="72">
                  <c:v>270.73639766976919</c:v>
                </c:pt>
                <c:pt idx="73">
                  <c:v>273.83709669260207</c:v>
                </c:pt>
                <c:pt idx="74">
                  <c:v>278.6916435946419</c:v>
                </c:pt>
                <c:pt idx="75">
                  <c:v>282.53489770990205</c:v>
                </c:pt>
                <c:pt idx="76">
                  <c:v>285.24899531822615</c:v>
                </c:pt>
                <c:pt idx="77">
                  <c:v>284.8408138674173</c:v>
                </c:pt>
                <c:pt idx="78">
                  <c:v>276.74202742425456</c:v>
                </c:pt>
                <c:pt idx="79">
                  <c:v>263.36972510155357</c:v>
                </c:pt>
                <c:pt idx="80">
                  <c:v>255.12737722347291</c:v>
                </c:pt>
                <c:pt idx="81">
                  <c:v>245.6948908465624</c:v>
                </c:pt>
                <c:pt idx="82">
                  <c:v>234.59011302867052</c:v>
                </c:pt>
                <c:pt idx="83">
                  <c:v>225.89698569611986</c:v>
                </c:pt>
                <c:pt idx="84">
                  <c:v>221.91446800340435</c:v>
                </c:pt>
                <c:pt idx="85">
                  <c:v>218.9658</c:v>
                </c:pt>
              </c:numCache>
            </c:numRef>
          </c:val>
          <c:smooth val="0"/>
          <c:extLst>
            <c:ext xmlns:c16="http://schemas.microsoft.com/office/drawing/2014/chart" uri="{C3380CC4-5D6E-409C-BE32-E72D297353CC}">
              <c16:uniqueId val="{00000000-C261-415C-ADD3-68A574BD0E71}"/>
            </c:ext>
          </c:extLst>
        </c:ser>
        <c:ser>
          <c:idx val="1"/>
          <c:order val="1"/>
          <c:tx>
            <c:strRef>
              <c:f>Global_CV!$C$1</c:f>
              <c:strCache>
                <c:ptCount val="1"/>
                <c:pt idx="0">
                  <c:v>Industrial</c:v>
                </c:pt>
              </c:strCache>
            </c:strRef>
          </c:tx>
          <c:spPr>
            <a:ln w="25400" cap="rnd" cmpd="sng" algn="ctr">
              <a:solidFill>
                <a:srgbClr val="435254"/>
              </a:solidFill>
              <a:prstDash val="solid"/>
              <a:round/>
              <a:headEnd type="none" w="med" len="med"/>
              <a:tailEnd type="none" w="med" len="med"/>
            </a:ln>
          </c:spPr>
          <c:marker>
            <c:symbol val="none"/>
          </c:marker>
          <c:cat>
            <c:numRef>
              <c:f>Global_CV!$A$2:$A$87</c:f>
              <c:numCache>
                <c:formatCode>General</c:formatCode>
                <c:ptCount val="86"/>
                <c:pt idx="0">
                  <c:v>2003.1</c:v>
                </c:pt>
                <c:pt idx="1">
                  <c:v>2003.2</c:v>
                </c:pt>
                <c:pt idx="2">
                  <c:v>2003.3</c:v>
                </c:pt>
                <c:pt idx="3">
                  <c:v>2003.4</c:v>
                </c:pt>
                <c:pt idx="4">
                  <c:v>2004.1</c:v>
                </c:pt>
                <c:pt idx="5">
                  <c:v>2004.2</c:v>
                </c:pt>
                <c:pt idx="6">
                  <c:v>2004.3</c:v>
                </c:pt>
                <c:pt idx="7">
                  <c:v>2004.4</c:v>
                </c:pt>
                <c:pt idx="8">
                  <c:v>2005.1</c:v>
                </c:pt>
                <c:pt idx="9">
                  <c:v>2005.2</c:v>
                </c:pt>
                <c:pt idx="10">
                  <c:v>2005.3</c:v>
                </c:pt>
                <c:pt idx="11">
                  <c:v>2005.4</c:v>
                </c:pt>
                <c:pt idx="12">
                  <c:v>2006.1</c:v>
                </c:pt>
                <c:pt idx="13">
                  <c:v>2006.2</c:v>
                </c:pt>
                <c:pt idx="14">
                  <c:v>2006.3</c:v>
                </c:pt>
                <c:pt idx="15">
                  <c:v>2006.4</c:v>
                </c:pt>
                <c:pt idx="16">
                  <c:v>2007.1</c:v>
                </c:pt>
                <c:pt idx="17">
                  <c:v>2007.2</c:v>
                </c:pt>
                <c:pt idx="18">
                  <c:v>2007.3</c:v>
                </c:pt>
                <c:pt idx="19">
                  <c:v>2007.4</c:v>
                </c:pt>
                <c:pt idx="20">
                  <c:v>2008.1</c:v>
                </c:pt>
                <c:pt idx="21">
                  <c:v>2008.2</c:v>
                </c:pt>
                <c:pt idx="22">
                  <c:v>2008.3</c:v>
                </c:pt>
                <c:pt idx="23">
                  <c:v>2008.4</c:v>
                </c:pt>
                <c:pt idx="24">
                  <c:v>2009.1</c:v>
                </c:pt>
                <c:pt idx="25">
                  <c:v>2009.2</c:v>
                </c:pt>
                <c:pt idx="26">
                  <c:v>2009.3</c:v>
                </c:pt>
                <c:pt idx="27">
                  <c:v>2009.4</c:v>
                </c:pt>
                <c:pt idx="28">
                  <c:v>2010.1</c:v>
                </c:pt>
                <c:pt idx="29">
                  <c:v>2010.2</c:v>
                </c:pt>
                <c:pt idx="30">
                  <c:v>2010.3</c:v>
                </c:pt>
                <c:pt idx="31">
                  <c:v>2010.4</c:v>
                </c:pt>
                <c:pt idx="32">
                  <c:v>2011.1</c:v>
                </c:pt>
                <c:pt idx="33">
                  <c:v>2011.2</c:v>
                </c:pt>
                <c:pt idx="34">
                  <c:v>2011.3</c:v>
                </c:pt>
                <c:pt idx="35">
                  <c:v>2011.4</c:v>
                </c:pt>
                <c:pt idx="36">
                  <c:v>2012.1</c:v>
                </c:pt>
                <c:pt idx="37">
                  <c:v>2012.2</c:v>
                </c:pt>
                <c:pt idx="38">
                  <c:v>2012.3</c:v>
                </c:pt>
                <c:pt idx="39">
                  <c:v>2012.4</c:v>
                </c:pt>
                <c:pt idx="40">
                  <c:v>2013.1</c:v>
                </c:pt>
                <c:pt idx="41">
                  <c:v>2013.2</c:v>
                </c:pt>
                <c:pt idx="42">
                  <c:v>2013.3</c:v>
                </c:pt>
                <c:pt idx="43">
                  <c:v>2013.4</c:v>
                </c:pt>
                <c:pt idx="44">
                  <c:v>2014.1</c:v>
                </c:pt>
                <c:pt idx="45">
                  <c:v>2014.2</c:v>
                </c:pt>
                <c:pt idx="46">
                  <c:v>2014.3</c:v>
                </c:pt>
                <c:pt idx="47">
                  <c:v>2014.4</c:v>
                </c:pt>
                <c:pt idx="48">
                  <c:v>2015.1</c:v>
                </c:pt>
                <c:pt idx="49">
                  <c:v>2015.2</c:v>
                </c:pt>
                <c:pt idx="50">
                  <c:v>2015.3</c:v>
                </c:pt>
                <c:pt idx="51">
                  <c:v>2015.4</c:v>
                </c:pt>
                <c:pt idx="52">
                  <c:v>2016.1</c:v>
                </c:pt>
                <c:pt idx="53">
                  <c:v>2016.2</c:v>
                </c:pt>
                <c:pt idx="54">
                  <c:v>2016.3</c:v>
                </c:pt>
                <c:pt idx="55">
                  <c:v>2016.4</c:v>
                </c:pt>
                <c:pt idx="56">
                  <c:v>2017.1</c:v>
                </c:pt>
                <c:pt idx="57">
                  <c:v>2017.2</c:v>
                </c:pt>
                <c:pt idx="58">
                  <c:v>2017.3</c:v>
                </c:pt>
                <c:pt idx="59">
                  <c:v>2017.4</c:v>
                </c:pt>
                <c:pt idx="60">
                  <c:v>2018.1</c:v>
                </c:pt>
                <c:pt idx="61">
                  <c:v>2018.2</c:v>
                </c:pt>
                <c:pt idx="62">
                  <c:v>2018.3</c:v>
                </c:pt>
                <c:pt idx="63">
                  <c:v>2018.4</c:v>
                </c:pt>
                <c:pt idx="64">
                  <c:v>2019.1</c:v>
                </c:pt>
                <c:pt idx="65">
                  <c:v>2019.2</c:v>
                </c:pt>
                <c:pt idx="66">
                  <c:v>2019.3</c:v>
                </c:pt>
                <c:pt idx="67">
                  <c:v>2019.4</c:v>
                </c:pt>
                <c:pt idx="68">
                  <c:v>2020.1</c:v>
                </c:pt>
                <c:pt idx="69">
                  <c:v>2020.2</c:v>
                </c:pt>
                <c:pt idx="70">
                  <c:v>2020.3</c:v>
                </c:pt>
                <c:pt idx="71">
                  <c:v>2020.4</c:v>
                </c:pt>
                <c:pt idx="72">
                  <c:v>2021.1</c:v>
                </c:pt>
                <c:pt idx="73">
                  <c:v>2021.2</c:v>
                </c:pt>
                <c:pt idx="74">
                  <c:v>2021.3</c:v>
                </c:pt>
                <c:pt idx="75">
                  <c:v>2021.4</c:v>
                </c:pt>
                <c:pt idx="76">
                  <c:v>2022.1</c:v>
                </c:pt>
                <c:pt idx="77">
                  <c:v>2022.2</c:v>
                </c:pt>
                <c:pt idx="78">
                  <c:v>2022.3</c:v>
                </c:pt>
                <c:pt idx="79">
                  <c:v>2022.4</c:v>
                </c:pt>
                <c:pt idx="80">
                  <c:v>2023.1</c:v>
                </c:pt>
                <c:pt idx="81">
                  <c:v>2023.2</c:v>
                </c:pt>
                <c:pt idx="82">
                  <c:v>2023.3</c:v>
                </c:pt>
                <c:pt idx="83">
                  <c:v>2023.4</c:v>
                </c:pt>
                <c:pt idx="84">
                  <c:v>2024.1</c:v>
                </c:pt>
                <c:pt idx="85">
                  <c:v>2024.2</c:v>
                </c:pt>
              </c:numCache>
            </c:numRef>
          </c:cat>
          <c:val>
            <c:numRef>
              <c:f>Global_CV!$C$2:$C$87</c:f>
              <c:numCache>
                <c:formatCode>General</c:formatCode>
                <c:ptCount val="86"/>
                <c:pt idx="0">
                  <c:v>100</c:v>
                </c:pt>
                <c:pt idx="1">
                  <c:v>99.912986696224991</c:v>
                </c:pt>
                <c:pt idx="2">
                  <c:v>100.60798539818916</c:v>
                </c:pt>
                <c:pt idx="3">
                  <c:v>101.01771337757901</c:v>
                </c:pt>
                <c:pt idx="4">
                  <c:v>102.30174027727885</c:v>
                </c:pt>
                <c:pt idx="5">
                  <c:v>103.13555575517749</c:v>
                </c:pt>
                <c:pt idx="6">
                  <c:v>104.96977534881113</c:v>
                </c:pt>
                <c:pt idx="7">
                  <c:v>108.48660868100822</c:v>
                </c:pt>
                <c:pt idx="8">
                  <c:v>112.38119503222626</c:v>
                </c:pt>
                <c:pt idx="9">
                  <c:v>116.90255923389223</c:v>
                </c:pt>
                <c:pt idx="10">
                  <c:v>120.26554320264715</c:v>
                </c:pt>
                <c:pt idx="11">
                  <c:v>125.08083557011969</c:v>
                </c:pt>
                <c:pt idx="12">
                  <c:v>127.81777192009733</c:v>
                </c:pt>
                <c:pt idx="13">
                  <c:v>133.85652853092145</c:v>
                </c:pt>
                <c:pt idx="14">
                  <c:v>137.44090101971824</c:v>
                </c:pt>
                <c:pt idx="15">
                  <c:v>141.97254865872409</c:v>
                </c:pt>
                <c:pt idx="16">
                  <c:v>145.26683804991481</c:v>
                </c:pt>
                <c:pt idx="17">
                  <c:v>150.18634483026142</c:v>
                </c:pt>
                <c:pt idx="18">
                  <c:v>153.78513757486951</c:v>
                </c:pt>
                <c:pt idx="19">
                  <c:v>156.21763410374629</c:v>
                </c:pt>
                <c:pt idx="20">
                  <c:v>155.42647236861507</c:v>
                </c:pt>
                <c:pt idx="21">
                  <c:v>152.41623242225367</c:v>
                </c:pt>
                <c:pt idx="22">
                  <c:v>147.79023648027888</c:v>
                </c:pt>
                <c:pt idx="23">
                  <c:v>137.93494333547213</c:v>
                </c:pt>
                <c:pt idx="24">
                  <c:v>127.39323631642362</c:v>
                </c:pt>
                <c:pt idx="25">
                  <c:v>121.62105926205629</c:v>
                </c:pt>
                <c:pt idx="26">
                  <c:v>119.59037582318913</c:v>
                </c:pt>
                <c:pt idx="27">
                  <c:v>119.80792261995228</c:v>
                </c:pt>
                <c:pt idx="28">
                  <c:v>122.19986882183015</c:v>
                </c:pt>
                <c:pt idx="29">
                  <c:v>123.1841007145652</c:v>
                </c:pt>
                <c:pt idx="30">
                  <c:v>124.77710309285658</c:v>
                </c:pt>
                <c:pt idx="31">
                  <c:v>126.88963861409849</c:v>
                </c:pt>
                <c:pt idx="32">
                  <c:v>129.77295118226166</c:v>
                </c:pt>
                <c:pt idx="33">
                  <c:v>133.64688696835415</c:v>
                </c:pt>
                <c:pt idx="34">
                  <c:v>135.16600857015106</c:v>
                </c:pt>
                <c:pt idx="35">
                  <c:v>136.71965109496784</c:v>
                </c:pt>
                <c:pt idx="36">
                  <c:v>137.90646857992138</c:v>
                </c:pt>
                <c:pt idx="37">
                  <c:v>138.61657164515685</c:v>
                </c:pt>
                <c:pt idx="38">
                  <c:v>141.09209551047169</c:v>
                </c:pt>
                <c:pt idx="39">
                  <c:v>142.89132369885215</c:v>
                </c:pt>
                <c:pt idx="40">
                  <c:v>146.83889400800419</c:v>
                </c:pt>
                <c:pt idx="41">
                  <c:v>149.47222257025049</c:v>
                </c:pt>
                <c:pt idx="42">
                  <c:v>152.79076256780849</c:v>
                </c:pt>
                <c:pt idx="43">
                  <c:v>156.54615220834614</c:v>
                </c:pt>
                <c:pt idx="44">
                  <c:v>160.15470788202805</c:v>
                </c:pt>
                <c:pt idx="45">
                  <c:v>163.47019158495871</c:v>
                </c:pt>
                <c:pt idx="46">
                  <c:v>167.17235250411252</c:v>
                </c:pt>
                <c:pt idx="47">
                  <c:v>170.34406227835674</c:v>
                </c:pt>
                <c:pt idx="48">
                  <c:v>174.70454722229073</c:v>
                </c:pt>
                <c:pt idx="49">
                  <c:v>180.51415716007833</c:v>
                </c:pt>
                <c:pt idx="50">
                  <c:v>184.24516252071064</c:v>
                </c:pt>
                <c:pt idx="51">
                  <c:v>186.93818282804557</c:v>
                </c:pt>
                <c:pt idx="52">
                  <c:v>189.51206098758954</c:v>
                </c:pt>
                <c:pt idx="53">
                  <c:v>194.14833753629543</c:v>
                </c:pt>
                <c:pt idx="54">
                  <c:v>196.74623246566526</c:v>
                </c:pt>
                <c:pt idx="55">
                  <c:v>201.44176815496553</c:v>
                </c:pt>
                <c:pt idx="56">
                  <c:v>205.29384101675214</c:v>
                </c:pt>
                <c:pt idx="57">
                  <c:v>211.41674200297902</c:v>
                </c:pt>
                <c:pt idx="58">
                  <c:v>214.40378347705374</c:v>
                </c:pt>
                <c:pt idx="59">
                  <c:v>219.66528557039419</c:v>
                </c:pt>
                <c:pt idx="60">
                  <c:v>227.69041831751136</c:v>
                </c:pt>
                <c:pt idx="61">
                  <c:v>232.90213662374848</c:v>
                </c:pt>
                <c:pt idx="62">
                  <c:v>238.28314670521812</c:v>
                </c:pt>
                <c:pt idx="63">
                  <c:v>242.9253093353195</c:v>
                </c:pt>
                <c:pt idx="64">
                  <c:v>247.1353046328218</c:v>
                </c:pt>
                <c:pt idx="65">
                  <c:v>250.77930443928048</c:v>
                </c:pt>
                <c:pt idx="66">
                  <c:v>254.90502274747777</c:v>
                </c:pt>
                <c:pt idx="67">
                  <c:v>259.82680431376747</c:v>
                </c:pt>
                <c:pt idx="68">
                  <c:v>261.58128983708946</c:v>
                </c:pt>
                <c:pt idx="69">
                  <c:v>262.27305149168939</c:v>
                </c:pt>
                <c:pt idx="70">
                  <c:v>269.61836659784683</c:v>
                </c:pt>
                <c:pt idx="71">
                  <c:v>277.5622168837906</c:v>
                </c:pt>
                <c:pt idx="72">
                  <c:v>288.43104184720545</c:v>
                </c:pt>
                <c:pt idx="73">
                  <c:v>302.7595611064462</c:v>
                </c:pt>
                <c:pt idx="74">
                  <c:v>321.49561623119899</c:v>
                </c:pt>
                <c:pt idx="75">
                  <c:v>346.28413076059172</c:v>
                </c:pt>
                <c:pt idx="76">
                  <c:v>367.17834533568481</c:v>
                </c:pt>
                <c:pt idx="77">
                  <c:v>379.70750156772596</c:v>
                </c:pt>
                <c:pt idx="78">
                  <c:v>372.34333990861023</c:v>
                </c:pt>
                <c:pt idx="79">
                  <c:v>356.37728828439856</c:v>
                </c:pt>
                <c:pt idx="80">
                  <c:v>354.83209949049575</c:v>
                </c:pt>
                <c:pt idx="81">
                  <c:v>352.00265830885337</c:v>
                </c:pt>
                <c:pt idx="82">
                  <c:v>352.10077877340188</c:v>
                </c:pt>
                <c:pt idx="83">
                  <c:v>345.90975501148694</c:v>
                </c:pt>
                <c:pt idx="84">
                  <c:v>343.78851412715858</c:v>
                </c:pt>
                <c:pt idx="85">
                  <c:v>340.7543</c:v>
                </c:pt>
              </c:numCache>
            </c:numRef>
          </c:val>
          <c:smooth val="0"/>
          <c:extLst>
            <c:ext xmlns:c16="http://schemas.microsoft.com/office/drawing/2014/chart" uri="{C3380CC4-5D6E-409C-BE32-E72D297353CC}">
              <c16:uniqueId val="{00000001-C261-415C-ADD3-68A574BD0E71}"/>
            </c:ext>
          </c:extLst>
        </c:ser>
        <c:ser>
          <c:idx val="2"/>
          <c:order val="2"/>
          <c:tx>
            <c:strRef>
              <c:f>Global_CV!$D$1</c:f>
              <c:strCache>
                <c:ptCount val="1"/>
                <c:pt idx="0">
                  <c:v>Retail</c:v>
                </c:pt>
              </c:strCache>
            </c:strRef>
          </c:tx>
          <c:spPr>
            <a:ln w="25400" cap="rnd" cmpd="sng" algn="ctr">
              <a:solidFill>
                <a:srgbClr val="17E88F"/>
              </a:solidFill>
              <a:prstDash val="solid"/>
              <a:round/>
              <a:headEnd type="none" w="med" len="med"/>
              <a:tailEnd type="none" w="med" len="med"/>
            </a:ln>
          </c:spPr>
          <c:marker>
            <c:symbol val="none"/>
          </c:marker>
          <c:cat>
            <c:numRef>
              <c:f>Global_CV!$A$2:$A$87</c:f>
              <c:numCache>
                <c:formatCode>General</c:formatCode>
                <c:ptCount val="86"/>
                <c:pt idx="0">
                  <c:v>2003.1</c:v>
                </c:pt>
                <c:pt idx="1">
                  <c:v>2003.2</c:v>
                </c:pt>
                <c:pt idx="2">
                  <c:v>2003.3</c:v>
                </c:pt>
                <c:pt idx="3">
                  <c:v>2003.4</c:v>
                </c:pt>
                <c:pt idx="4">
                  <c:v>2004.1</c:v>
                </c:pt>
                <c:pt idx="5">
                  <c:v>2004.2</c:v>
                </c:pt>
                <c:pt idx="6">
                  <c:v>2004.3</c:v>
                </c:pt>
                <c:pt idx="7">
                  <c:v>2004.4</c:v>
                </c:pt>
                <c:pt idx="8">
                  <c:v>2005.1</c:v>
                </c:pt>
                <c:pt idx="9">
                  <c:v>2005.2</c:v>
                </c:pt>
                <c:pt idx="10">
                  <c:v>2005.3</c:v>
                </c:pt>
                <c:pt idx="11">
                  <c:v>2005.4</c:v>
                </c:pt>
                <c:pt idx="12">
                  <c:v>2006.1</c:v>
                </c:pt>
                <c:pt idx="13">
                  <c:v>2006.2</c:v>
                </c:pt>
                <c:pt idx="14">
                  <c:v>2006.3</c:v>
                </c:pt>
                <c:pt idx="15">
                  <c:v>2006.4</c:v>
                </c:pt>
                <c:pt idx="16">
                  <c:v>2007.1</c:v>
                </c:pt>
                <c:pt idx="17">
                  <c:v>2007.2</c:v>
                </c:pt>
                <c:pt idx="18">
                  <c:v>2007.3</c:v>
                </c:pt>
                <c:pt idx="19">
                  <c:v>2007.4</c:v>
                </c:pt>
                <c:pt idx="20">
                  <c:v>2008.1</c:v>
                </c:pt>
                <c:pt idx="21">
                  <c:v>2008.2</c:v>
                </c:pt>
                <c:pt idx="22">
                  <c:v>2008.3</c:v>
                </c:pt>
                <c:pt idx="23">
                  <c:v>2008.4</c:v>
                </c:pt>
                <c:pt idx="24">
                  <c:v>2009.1</c:v>
                </c:pt>
                <c:pt idx="25">
                  <c:v>2009.2</c:v>
                </c:pt>
                <c:pt idx="26">
                  <c:v>2009.3</c:v>
                </c:pt>
                <c:pt idx="27">
                  <c:v>2009.4</c:v>
                </c:pt>
                <c:pt idx="28">
                  <c:v>2010.1</c:v>
                </c:pt>
                <c:pt idx="29">
                  <c:v>2010.2</c:v>
                </c:pt>
                <c:pt idx="30">
                  <c:v>2010.3</c:v>
                </c:pt>
                <c:pt idx="31">
                  <c:v>2010.4</c:v>
                </c:pt>
                <c:pt idx="32">
                  <c:v>2011.1</c:v>
                </c:pt>
                <c:pt idx="33">
                  <c:v>2011.2</c:v>
                </c:pt>
                <c:pt idx="34">
                  <c:v>2011.3</c:v>
                </c:pt>
                <c:pt idx="35">
                  <c:v>2011.4</c:v>
                </c:pt>
                <c:pt idx="36">
                  <c:v>2012.1</c:v>
                </c:pt>
                <c:pt idx="37">
                  <c:v>2012.2</c:v>
                </c:pt>
                <c:pt idx="38">
                  <c:v>2012.3</c:v>
                </c:pt>
                <c:pt idx="39">
                  <c:v>2012.4</c:v>
                </c:pt>
                <c:pt idx="40">
                  <c:v>2013.1</c:v>
                </c:pt>
                <c:pt idx="41">
                  <c:v>2013.2</c:v>
                </c:pt>
                <c:pt idx="42">
                  <c:v>2013.3</c:v>
                </c:pt>
                <c:pt idx="43">
                  <c:v>2013.4</c:v>
                </c:pt>
                <c:pt idx="44">
                  <c:v>2014.1</c:v>
                </c:pt>
                <c:pt idx="45">
                  <c:v>2014.2</c:v>
                </c:pt>
                <c:pt idx="46">
                  <c:v>2014.3</c:v>
                </c:pt>
                <c:pt idx="47">
                  <c:v>2014.4</c:v>
                </c:pt>
                <c:pt idx="48">
                  <c:v>2015.1</c:v>
                </c:pt>
                <c:pt idx="49">
                  <c:v>2015.2</c:v>
                </c:pt>
                <c:pt idx="50">
                  <c:v>2015.3</c:v>
                </c:pt>
                <c:pt idx="51">
                  <c:v>2015.4</c:v>
                </c:pt>
                <c:pt idx="52">
                  <c:v>2016.1</c:v>
                </c:pt>
                <c:pt idx="53">
                  <c:v>2016.2</c:v>
                </c:pt>
                <c:pt idx="54">
                  <c:v>2016.3</c:v>
                </c:pt>
                <c:pt idx="55">
                  <c:v>2016.4</c:v>
                </c:pt>
                <c:pt idx="56">
                  <c:v>2017.1</c:v>
                </c:pt>
                <c:pt idx="57">
                  <c:v>2017.2</c:v>
                </c:pt>
                <c:pt idx="58">
                  <c:v>2017.3</c:v>
                </c:pt>
                <c:pt idx="59">
                  <c:v>2017.4</c:v>
                </c:pt>
                <c:pt idx="60">
                  <c:v>2018.1</c:v>
                </c:pt>
                <c:pt idx="61">
                  <c:v>2018.2</c:v>
                </c:pt>
                <c:pt idx="62">
                  <c:v>2018.3</c:v>
                </c:pt>
                <c:pt idx="63">
                  <c:v>2018.4</c:v>
                </c:pt>
                <c:pt idx="64">
                  <c:v>2019.1</c:v>
                </c:pt>
                <c:pt idx="65">
                  <c:v>2019.2</c:v>
                </c:pt>
                <c:pt idx="66">
                  <c:v>2019.3</c:v>
                </c:pt>
                <c:pt idx="67">
                  <c:v>2019.4</c:v>
                </c:pt>
                <c:pt idx="68">
                  <c:v>2020.1</c:v>
                </c:pt>
                <c:pt idx="69">
                  <c:v>2020.2</c:v>
                </c:pt>
                <c:pt idx="70">
                  <c:v>2020.3</c:v>
                </c:pt>
                <c:pt idx="71">
                  <c:v>2020.4</c:v>
                </c:pt>
                <c:pt idx="72">
                  <c:v>2021.1</c:v>
                </c:pt>
                <c:pt idx="73">
                  <c:v>2021.2</c:v>
                </c:pt>
                <c:pt idx="74">
                  <c:v>2021.3</c:v>
                </c:pt>
                <c:pt idx="75">
                  <c:v>2021.4</c:v>
                </c:pt>
                <c:pt idx="76">
                  <c:v>2022.1</c:v>
                </c:pt>
                <c:pt idx="77">
                  <c:v>2022.2</c:v>
                </c:pt>
                <c:pt idx="78">
                  <c:v>2022.3</c:v>
                </c:pt>
                <c:pt idx="79">
                  <c:v>2022.4</c:v>
                </c:pt>
                <c:pt idx="80">
                  <c:v>2023.1</c:v>
                </c:pt>
                <c:pt idx="81">
                  <c:v>2023.2</c:v>
                </c:pt>
                <c:pt idx="82">
                  <c:v>2023.3</c:v>
                </c:pt>
                <c:pt idx="83">
                  <c:v>2023.4</c:v>
                </c:pt>
                <c:pt idx="84">
                  <c:v>2024.1</c:v>
                </c:pt>
                <c:pt idx="85">
                  <c:v>2024.2</c:v>
                </c:pt>
              </c:numCache>
            </c:numRef>
          </c:cat>
          <c:val>
            <c:numRef>
              <c:f>Global_CV!$D$2:$D$87</c:f>
              <c:numCache>
                <c:formatCode>General</c:formatCode>
                <c:ptCount val="86"/>
                <c:pt idx="0">
                  <c:v>100</c:v>
                </c:pt>
                <c:pt idx="1">
                  <c:v>101.17574552740432</c:v>
                </c:pt>
                <c:pt idx="2">
                  <c:v>102.25323860272083</c:v>
                </c:pt>
                <c:pt idx="3">
                  <c:v>106.69216999528132</c:v>
                </c:pt>
                <c:pt idx="4">
                  <c:v>112.81266378799751</c:v>
                </c:pt>
                <c:pt idx="5">
                  <c:v>116.74202384886323</c:v>
                </c:pt>
                <c:pt idx="6">
                  <c:v>121.38029551013496</c:v>
                </c:pt>
                <c:pt idx="7">
                  <c:v>125.28676072220713</c:v>
                </c:pt>
                <c:pt idx="8">
                  <c:v>129.9810145765901</c:v>
                </c:pt>
                <c:pt idx="9">
                  <c:v>134.00140653111438</c:v>
                </c:pt>
                <c:pt idx="10">
                  <c:v>139.22758585482961</c:v>
                </c:pt>
                <c:pt idx="11">
                  <c:v>143.67888201444509</c:v>
                </c:pt>
                <c:pt idx="12">
                  <c:v>147.21044428569977</c:v>
                </c:pt>
                <c:pt idx="13">
                  <c:v>152.17223455680758</c:v>
                </c:pt>
                <c:pt idx="14">
                  <c:v>155.94381791136598</c:v>
                </c:pt>
                <c:pt idx="15">
                  <c:v>157.38598316917512</c:v>
                </c:pt>
                <c:pt idx="16">
                  <c:v>162.92971427752812</c:v>
                </c:pt>
                <c:pt idx="17">
                  <c:v>167.79481328398975</c:v>
                </c:pt>
                <c:pt idx="18">
                  <c:v>173.63003876952595</c:v>
                </c:pt>
                <c:pt idx="19">
                  <c:v>177.13688538575482</c:v>
                </c:pt>
                <c:pt idx="20">
                  <c:v>176.82950087197565</c:v>
                </c:pt>
                <c:pt idx="21">
                  <c:v>175.12525825022999</c:v>
                </c:pt>
                <c:pt idx="22">
                  <c:v>170.84503768930671</c:v>
                </c:pt>
                <c:pt idx="23">
                  <c:v>159.09917315500121</c:v>
                </c:pt>
                <c:pt idx="24">
                  <c:v>150.22568455439907</c:v>
                </c:pt>
                <c:pt idx="25">
                  <c:v>147.44065997093148</c:v>
                </c:pt>
                <c:pt idx="26">
                  <c:v>147.20940897032148</c:v>
                </c:pt>
                <c:pt idx="27">
                  <c:v>150.63191172569503</c:v>
                </c:pt>
                <c:pt idx="28">
                  <c:v>152.31955369419344</c:v>
                </c:pt>
                <c:pt idx="29">
                  <c:v>154.89592138727267</c:v>
                </c:pt>
                <c:pt idx="30">
                  <c:v>159.2924767167824</c:v>
                </c:pt>
                <c:pt idx="31">
                  <c:v>163.81762228541467</c:v>
                </c:pt>
                <c:pt idx="32">
                  <c:v>168.05762005307079</c:v>
                </c:pt>
                <c:pt idx="33">
                  <c:v>171.13377240787307</c:v>
                </c:pt>
                <c:pt idx="34">
                  <c:v>175.37521331020289</c:v>
                </c:pt>
                <c:pt idx="35">
                  <c:v>177.79229352230766</c:v>
                </c:pt>
                <c:pt idx="36">
                  <c:v>182.29234853439911</c:v>
                </c:pt>
                <c:pt idx="37">
                  <c:v>186.9948682874747</c:v>
                </c:pt>
                <c:pt idx="38">
                  <c:v>190.33549486986959</c:v>
                </c:pt>
                <c:pt idx="39">
                  <c:v>198.49250903052584</c:v>
                </c:pt>
                <c:pt idx="40">
                  <c:v>203.91741095947563</c:v>
                </c:pt>
                <c:pt idx="41">
                  <c:v>208.22612674446148</c:v>
                </c:pt>
                <c:pt idx="42">
                  <c:v>214.46718387739816</c:v>
                </c:pt>
                <c:pt idx="43">
                  <c:v>219.0569113014364</c:v>
                </c:pt>
                <c:pt idx="44">
                  <c:v>224.40809040887586</c:v>
                </c:pt>
                <c:pt idx="45">
                  <c:v>230.94023034088002</c:v>
                </c:pt>
                <c:pt idx="46">
                  <c:v>235.60228316375199</c:v>
                </c:pt>
                <c:pt idx="47">
                  <c:v>243.20345865513036</c:v>
                </c:pt>
                <c:pt idx="48">
                  <c:v>252.35266199202366</c:v>
                </c:pt>
                <c:pt idx="49">
                  <c:v>257.8809897513724</c:v>
                </c:pt>
                <c:pt idx="50">
                  <c:v>264.86312377627172</c:v>
                </c:pt>
                <c:pt idx="51">
                  <c:v>272.09012225969309</c:v>
                </c:pt>
                <c:pt idx="52">
                  <c:v>275.65177582526263</c:v>
                </c:pt>
                <c:pt idx="53">
                  <c:v>283.67809979628237</c:v>
                </c:pt>
                <c:pt idx="54">
                  <c:v>289.37024673542595</c:v>
                </c:pt>
                <c:pt idx="55">
                  <c:v>292.76559694511434</c:v>
                </c:pt>
                <c:pt idx="56">
                  <c:v>296.47257045023247</c:v>
                </c:pt>
                <c:pt idx="57">
                  <c:v>299.20465943716187</c:v>
                </c:pt>
                <c:pt idx="58">
                  <c:v>300.32932015687658</c:v>
                </c:pt>
                <c:pt idx="59">
                  <c:v>303.98115702644014</c:v>
                </c:pt>
                <c:pt idx="60">
                  <c:v>305.43741698121943</c:v>
                </c:pt>
                <c:pt idx="61">
                  <c:v>307.42661459390888</c:v>
                </c:pt>
                <c:pt idx="62">
                  <c:v>308.02067313681277</c:v>
                </c:pt>
                <c:pt idx="63">
                  <c:v>307.10913556130845</c:v>
                </c:pt>
                <c:pt idx="64">
                  <c:v>308.11894979732892</c:v>
                </c:pt>
                <c:pt idx="65">
                  <c:v>306.43182795691911</c:v>
                </c:pt>
                <c:pt idx="66">
                  <c:v>304.05543154037571</c:v>
                </c:pt>
                <c:pt idx="67">
                  <c:v>299.79005707887791</c:v>
                </c:pt>
                <c:pt idx="68">
                  <c:v>286.31666922598504</c:v>
                </c:pt>
                <c:pt idx="69">
                  <c:v>270.01370258165099</c:v>
                </c:pt>
                <c:pt idx="70">
                  <c:v>257.25347601718948</c:v>
                </c:pt>
                <c:pt idx="71">
                  <c:v>250.55081516350512</c:v>
                </c:pt>
                <c:pt idx="72">
                  <c:v>248.43366137395745</c:v>
                </c:pt>
                <c:pt idx="73">
                  <c:v>247.26704465391998</c:v>
                </c:pt>
                <c:pt idx="74">
                  <c:v>248.06346164639257</c:v>
                </c:pt>
                <c:pt idx="75">
                  <c:v>251.23968839904094</c:v>
                </c:pt>
                <c:pt idx="76">
                  <c:v>252.79800492222856</c:v>
                </c:pt>
                <c:pt idx="77">
                  <c:v>253.078605957539</c:v>
                </c:pt>
                <c:pt idx="78">
                  <c:v>248.2870535966623</c:v>
                </c:pt>
                <c:pt idx="79">
                  <c:v>244.04792234515782</c:v>
                </c:pt>
                <c:pt idx="80">
                  <c:v>241.77171724203137</c:v>
                </c:pt>
                <c:pt idx="81">
                  <c:v>240.10855045238176</c:v>
                </c:pt>
                <c:pt idx="82">
                  <c:v>235.22632702453805</c:v>
                </c:pt>
                <c:pt idx="83">
                  <c:v>229.08841455821843</c:v>
                </c:pt>
                <c:pt idx="84">
                  <c:v>227.94993765341258</c:v>
                </c:pt>
                <c:pt idx="85">
                  <c:v>227.38339999999999</c:v>
                </c:pt>
              </c:numCache>
            </c:numRef>
          </c:val>
          <c:smooth val="0"/>
          <c:extLst>
            <c:ext xmlns:c16="http://schemas.microsoft.com/office/drawing/2014/chart" uri="{C3380CC4-5D6E-409C-BE32-E72D297353CC}">
              <c16:uniqueId val="{00000002-C261-415C-ADD3-68A574BD0E71}"/>
            </c:ext>
          </c:extLst>
        </c:ser>
        <c:dLbls>
          <c:showLegendKey val="0"/>
          <c:showVal val="0"/>
          <c:showCatName val="0"/>
          <c:showSerName val="0"/>
          <c:showPercent val="0"/>
          <c:showBubbleSize val="0"/>
        </c:dLbls>
        <c:smooth val="0"/>
        <c:axId val="1416610815"/>
        <c:axId val="1416621375"/>
      </c:lineChart>
      <c:catAx>
        <c:axId val="1416610815"/>
        <c:scaling>
          <c:orientation val="minMax"/>
        </c:scaling>
        <c:delete val="0"/>
        <c:axPos val="b"/>
        <c:numFmt formatCode="@" sourceLinked="0"/>
        <c:majorTickMark val="none"/>
        <c:minorTickMark val="none"/>
        <c:tickLblPos val="nextTo"/>
        <c:spPr>
          <a:noFill/>
          <a:ln w="9525">
            <a:solidFill>
              <a:srgbClr val="435254"/>
            </a:solidFill>
          </a:ln>
          <a:extLst>
            <a:ext uri="{909E8E84-426E-40DD-AFC4-6F175D3DCCD1}">
              <a14:hiddenFill xmlns:a14="http://schemas.microsoft.com/office/drawing/2010/main">
                <a:noFill/>
              </a14:hiddenFill>
            </a:ext>
          </a:extLst>
        </c:spPr>
        <c:txPr>
          <a:bodyPr rot="-2700000" vert="horz"/>
          <a:lstStyle/>
          <a:p>
            <a:pPr>
              <a:defRPr lang="ja-JP"/>
            </a:pPr>
            <a:endParaRPr lang="en-US"/>
          </a:p>
        </c:txPr>
        <c:crossAx val="1416621375"/>
        <c:crosses val="autoZero"/>
        <c:auto val="1"/>
        <c:lblAlgn val="ctr"/>
        <c:lblOffset val="100"/>
        <c:tickLblSkip val="5"/>
        <c:noMultiLvlLbl val="0"/>
      </c:catAx>
      <c:valAx>
        <c:axId val="1416621375"/>
        <c:scaling>
          <c:orientation val="minMax"/>
        </c:scaling>
        <c:delete val="0"/>
        <c:axPos val="l"/>
        <c:majorGridlines>
          <c:spPr>
            <a:ln w="12700">
              <a:solidFill>
                <a:srgbClr val="CAD1D3"/>
              </a:solidFill>
              <a:prstDash val="solid"/>
            </a:ln>
          </c:spPr>
        </c:majorGridlines>
        <c:title>
          <c:tx>
            <c:rich>
              <a:bodyPr rot="0" vert="horz"/>
              <a:lstStyle/>
              <a:p>
                <a:pPr>
                  <a:defRPr lang="ja-JP" b="0"/>
                </a:pPr>
                <a:r>
                  <a:rPr lang="en-US" b="0"/>
                  <a:t>2003 Q1 = 100</a:t>
                </a:r>
              </a:p>
            </c:rich>
          </c:tx>
          <c:layout>
            <c:manualLayout>
              <c:xMode val="edge"/>
              <c:yMode val="edge"/>
              <c:x val="3.1076377952755904E-2"/>
              <c:y val="1.6395251729897399E-2"/>
            </c:manualLayout>
          </c:layout>
          <c:overlay val="0"/>
          <c:spPr>
            <a:noFill/>
            <a:ln>
              <a:noFill/>
            </a:ln>
            <a:effectLst/>
            <a:extLst>
              <a:ext uri="{91240B29-F687-4F45-9708-019B960494DF}">
                <a14:hiddenLine xmlns:a14="http://schemas.microsoft.com/office/drawing/2010/main">
                  <a:noFill/>
                </a14:hiddenLine>
              </a:ext>
            </a:extLst>
          </c:spPr>
        </c:title>
        <c:numFmt formatCode="#,##0;\(#,##0\);0" sourceLinked="0"/>
        <c:majorTickMark val="none"/>
        <c:minorTickMark val="none"/>
        <c:tickLblPos val="nextTo"/>
        <c:spPr>
          <a:noFill/>
          <a:ln w="9525" cap="flat" cmpd="sng" algn="ctr">
            <a:noFill/>
            <a:prstDash val="solid"/>
            <a:round/>
          </a:ln>
          <a:effectLst/>
          <a:extLst>
            <a:ext uri="{909E8E84-426E-40DD-AFC4-6F175D3DCCD1}">
              <a14:hiddenFill xmlns:a14="http://schemas.microsoft.com/office/drawing/2010/main">
                <a:noFill/>
              </a14:hiddenFill>
            </a:ext>
            <a:ext uri="{91240B29-F687-4F45-9708-019B960494DF}">
              <a14:hiddenLine xmlns:a14="http://schemas.microsoft.com/office/drawing/2010/main" w="9525" cap="flat" cmpd="sng" algn="ctr">
                <a:solidFill>
                  <a:srgbClr val="435254"/>
                </a:solidFill>
                <a:prstDash val="solid"/>
                <a:round/>
              </a14:hiddenLine>
            </a:ext>
          </a:extLst>
        </c:spPr>
        <c:txPr>
          <a:bodyPr rot="0" vert="horz"/>
          <a:lstStyle/>
          <a:p>
            <a:pPr>
              <a:defRPr lang="ja-JP"/>
            </a:pPr>
            <a:endParaRPr lang="en-US"/>
          </a:p>
        </c:txPr>
        <c:crossAx val="1416610815"/>
        <c:crosses val="autoZero"/>
        <c:crossBetween val="between"/>
      </c:valAx>
      <c:spPr>
        <a:noFill/>
        <a:ln>
          <a:noFill/>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a:noFill/>
            </a14:hiddenLine>
          </a:ext>
        </a:extLst>
      </c:spPr>
    </c:plotArea>
    <c:legend>
      <c:legendPos val="b"/>
      <c:layout>
        <c:manualLayout>
          <c:xMode val="edge"/>
          <c:yMode val="edge"/>
          <c:x val="9.068643919510061E-2"/>
          <c:y val="6.0606060606060608E-2"/>
          <c:w val="0.8182024496937883"/>
          <c:h val="9.7498806967310891E-2"/>
        </c:manualLayout>
      </c:layout>
      <c:overlay val="0"/>
      <c:spPr>
        <a:noFill/>
        <a:ln>
          <a:noFill/>
        </a:ln>
        <a:effectLst/>
        <a:extLst>
          <a:ext uri="{909E8E84-426E-40DD-AFC4-6F175D3DCCD1}">
            <a14:hiddenFill xmlns:a14="http://schemas.microsoft.com/office/drawing/2010/main">
              <a:solidFill>
                <a:srgbClr val="435254"/>
              </a:solidFill>
            </a14:hiddenFill>
          </a:ext>
          <a:ext uri="{91240B29-F687-4F45-9708-019B960494DF}">
            <a14:hiddenLine xmlns:a14="http://schemas.microsoft.com/office/drawing/2010/main">
              <a:solidFill>
                <a:srgbClr val="435254"/>
              </a:solidFill>
            </a14:hiddenLine>
          </a:ext>
        </a:extLst>
      </c:spPr>
      <c:txPr>
        <a:bodyPr/>
        <a:lstStyle/>
        <a:p>
          <a:pPr>
            <a:defRPr lang="ja-JP" sz="2000"/>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12700" cap="flat" cmpd="sng" algn="ctr">
      <a:noFill/>
      <a:prstDash val="solid"/>
      <a:round/>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w="12700" cap="flat" cmpd="sng" algn="ctr">
          <a:solidFill>
            <a:sysClr val="windowText" lastClr="000000">
              <a:tint val="75000"/>
            </a:sysClr>
          </a:solidFill>
          <a:prstDash val="solid"/>
          <a:round/>
        </a14:hiddenLine>
      </a:ext>
    </a:extLst>
  </c:spPr>
  <c:txPr>
    <a:bodyPr/>
    <a:lstStyle/>
    <a:p>
      <a:pPr>
        <a:defRPr sz="1200"/>
      </a:pPr>
      <a:endParaRPr lang="en-US"/>
    </a:p>
  </c:txPr>
  <c:externalData r:id="rId1">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9.1620977006915669E-2"/>
          <c:y val="3.329080844092281E-2"/>
          <c:w val="0.86984696734024913"/>
          <c:h val="0.78434906017281247"/>
        </c:manualLayout>
      </c:layout>
      <c:lineChart>
        <c:grouping val="standard"/>
        <c:varyColors val="0"/>
        <c:ser>
          <c:idx val="1"/>
          <c:order val="0"/>
          <c:tx>
            <c:strRef>
              <c:f>Office!$B$1</c:f>
              <c:strCache>
                <c:ptCount val="1"/>
                <c:pt idx="0">
                  <c:v>Q3 2007</c:v>
                </c:pt>
              </c:strCache>
            </c:strRef>
          </c:tx>
          <c:spPr>
            <a:ln w="38100" cap="rnd" cmpd="sng" algn="ctr">
              <a:solidFill>
                <a:srgbClr val="80BBAD"/>
              </a:solidFill>
              <a:prstDash val="solid"/>
              <a:round/>
              <a:headEnd type="none" w="med" len="med"/>
              <a:tailEnd type="none" w="med" len="med"/>
            </a:ln>
          </c:spPr>
          <c:marker>
            <c:symbol val="none"/>
          </c:marker>
          <c:cat>
            <c:numRef>
              <c:f>Office!$A$2:$A$34</c:f>
              <c:numCache>
                <c:formatCode>General</c:formatCode>
                <c:ptCount val="33"/>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numCache>
            </c:numRef>
          </c:cat>
          <c:val>
            <c:numRef>
              <c:f>Office!$B$2:$B$34</c:f>
              <c:numCache>
                <c:formatCode>_(* #,##0.00_);_(* \(#,##0.00\);_(* "-"??_);_(@_)</c:formatCode>
                <c:ptCount val="33"/>
                <c:pt idx="0">
                  <c:v>100</c:v>
                </c:pt>
                <c:pt idx="1">
                  <c:v>88.976006403909764</c:v>
                </c:pt>
                <c:pt idx="2">
                  <c:v>64.457879547513215</c:v>
                </c:pt>
                <c:pt idx="3">
                  <c:v>47.037559773335296</c:v>
                </c:pt>
                <c:pt idx="4">
                  <c:v>35.350782261169975</c:v>
                </c:pt>
                <c:pt idx="5">
                  <c:v>26.379886485643866</c:v>
                </c:pt>
                <c:pt idx="6">
                  <c:v>20.286806011248974</c:v>
                </c:pt>
                <c:pt idx="7">
                  <c:v>14.002034519601441</c:v>
                </c:pt>
                <c:pt idx="8">
                  <c:v>9.4741651016410025</c:v>
                </c:pt>
                <c:pt idx="9">
                  <c:v>8.0407865770681042</c:v>
                </c:pt>
                <c:pt idx="10">
                  <c:v>8.466424838743654</c:v>
                </c:pt>
                <c:pt idx="11">
                  <c:v>11.663430185586989</c:v>
                </c:pt>
                <c:pt idx="12">
                  <c:v>14.035988692886184</c:v>
                </c:pt>
                <c:pt idx="13">
                  <c:v>20.478235970592571</c:v>
                </c:pt>
                <c:pt idx="14">
                  <c:v>22.952765115544228</c:v>
                </c:pt>
                <c:pt idx="15">
                  <c:v>25.109217987402836</c:v>
                </c:pt>
                <c:pt idx="16">
                  <c:v>28.019264573318448</c:v>
                </c:pt>
                <c:pt idx="17">
                  <c:v>29.044070073097259</c:v>
                </c:pt>
                <c:pt idx="18">
                  <c:v>30.840155325567189</c:v>
                </c:pt>
                <c:pt idx="19">
                  <c:v>30.972423576920644</c:v>
                </c:pt>
                <c:pt idx="20">
                  <c:v>31.250027013545111</c:v>
                </c:pt>
                <c:pt idx="21">
                  <c:v>34.885932179225208</c:v>
                </c:pt>
                <c:pt idx="22">
                  <c:v>35.708317165848626</c:v>
                </c:pt>
                <c:pt idx="23">
                  <c:v>38.67460372774957</c:v>
                </c:pt>
                <c:pt idx="24">
                  <c:v>41.789750490615326</c:v>
                </c:pt>
                <c:pt idx="25">
                  <c:v>44.964715299867287</c:v>
                </c:pt>
                <c:pt idx="26">
                  <c:v>48.155294811569163</c:v>
                </c:pt>
                <c:pt idx="27">
                  <c:v>50.415622169324422</c:v>
                </c:pt>
                <c:pt idx="28">
                  <c:v>53.615049187925258</c:v>
                </c:pt>
                <c:pt idx="29">
                  <c:v>53.95631016831328</c:v>
                </c:pt>
                <c:pt idx="30">
                  <c:v>58.884792820880115</c:v>
                </c:pt>
                <c:pt idx="31">
                  <c:v>61.891259927113396</c:v>
                </c:pt>
                <c:pt idx="32">
                  <c:v>62.5704114090708</c:v>
                </c:pt>
              </c:numCache>
            </c:numRef>
          </c:val>
          <c:smooth val="0"/>
          <c:extLst>
            <c:ext xmlns:c16="http://schemas.microsoft.com/office/drawing/2014/chart" uri="{C3380CC4-5D6E-409C-BE32-E72D297353CC}">
              <c16:uniqueId val="{00000000-B98D-4109-93ED-29934E00530B}"/>
            </c:ext>
          </c:extLst>
        </c:ser>
        <c:ser>
          <c:idx val="2"/>
          <c:order val="1"/>
          <c:tx>
            <c:strRef>
              <c:f>Office!$C$1</c:f>
              <c:strCache>
                <c:ptCount val="1"/>
                <c:pt idx="0">
                  <c:v>Q2 2022</c:v>
                </c:pt>
              </c:strCache>
            </c:strRef>
          </c:tx>
          <c:spPr>
            <a:ln w="38100" cap="rnd" cmpd="sng" algn="ctr">
              <a:solidFill>
                <a:srgbClr val="435254"/>
              </a:solidFill>
              <a:prstDash val="solid"/>
              <a:round/>
              <a:headEnd type="none" w="med" len="med"/>
              <a:tailEnd type="none" w="med" len="med"/>
            </a:ln>
          </c:spPr>
          <c:marker>
            <c:symbol val="none"/>
          </c:marker>
          <c:cat>
            <c:numRef>
              <c:f>Office!$A$2:$A$34</c:f>
              <c:numCache>
                <c:formatCode>General</c:formatCode>
                <c:ptCount val="33"/>
                <c:pt idx="0">
                  <c:v>0</c:v>
                </c:pt>
                <c:pt idx="1">
                  <c:v>1</c:v>
                </c:pt>
                <c:pt idx="2">
                  <c:v>2</c:v>
                </c:pt>
                <c:pt idx="3">
                  <c:v>3</c:v>
                </c:pt>
                <c:pt idx="4">
                  <c:v>4</c:v>
                </c:pt>
                <c:pt idx="5">
                  <c:v>5</c:v>
                </c:pt>
                <c:pt idx="6">
                  <c:v>6</c:v>
                </c:pt>
                <c:pt idx="7">
                  <c:v>7</c:v>
                </c:pt>
                <c:pt idx="8">
                  <c:v>8</c:v>
                </c:pt>
                <c:pt idx="9">
                  <c:v>9</c:v>
                </c:pt>
                <c:pt idx="10">
                  <c:v>10</c:v>
                </c:pt>
                <c:pt idx="11">
                  <c:v>11</c:v>
                </c:pt>
                <c:pt idx="12">
                  <c:v>12</c:v>
                </c:pt>
                <c:pt idx="13">
                  <c:v>13</c:v>
                </c:pt>
                <c:pt idx="14">
                  <c:v>14</c:v>
                </c:pt>
                <c:pt idx="15">
                  <c:v>15</c:v>
                </c:pt>
                <c:pt idx="16">
                  <c:v>16</c:v>
                </c:pt>
                <c:pt idx="17">
                  <c:v>17</c:v>
                </c:pt>
                <c:pt idx="18">
                  <c:v>18</c:v>
                </c:pt>
                <c:pt idx="19">
                  <c:v>19</c:v>
                </c:pt>
                <c:pt idx="20">
                  <c:v>20</c:v>
                </c:pt>
                <c:pt idx="21">
                  <c:v>21</c:v>
                </c:pt>
                <c:pt idx="22">
                  <c:v>22</c:v>
                </c:pt>
                <c:pt idx="23">
                  <c:v>23</c:v>
                </c:pt>
                <c:pt idx="24">
                  <c:v>24</c:v>
                </c:pt>
                <c:pt idx="25">
                  <c:v>25</c:v>
                </c:pt>
                <c:pt idx="26">
                  <c:v>26</c:v>
                </c:pt>
                <c:pt idx="27">
                  <c:v>27</c:v>
                </c:pt>
                <c:pt idx="28">
                  <c:v>28</c:v>
                </c:pt>
                <c:pt idx="29">
                  <c:v>29</c:v>
                </c:pt>
                <c:pt idx="30">
                  <c:v>30</c:v>
                </c:pt>
                <c:pt idx="31">
                  <c:v>31</c:v>
                </c:pt>
                <c:pt idx="32">
                  <c:v>32</c:v>
                </c:pt>
              </c:numCache>
            </c:numRef>
          </c:cat>
          <c:val>
            <c:numRef>
              <c:f>Office!$C$2:$C$34</c:f>
              <c:numCache>
                <c:formatCode>_(* #,##0.00_);_(* \(#,##0.00\);_(* "-"??_);_(@_)</c:formatCode>
                <c:ptCount val="33"/>
                <c:pt idx="0">
                  <c:v>100</c:v>
                </c:pt>
                <c:pt idx="1">
                  <c:v>93.982004681006103</c:v>
                </c:pt>
                <c:pt idx="2">
                  <c:v>71.988686539328484</c:v>
                </c:pt>
                <c:pt idx="3">
                  <c:v>57.80359669118328</c:v>
                </c:pt>
                <c:pt idx="4">
                  <c:v>47.566771497119142</c:v>
                </c:pt>
                <c:pt idx="5">
                  <c:v>35.916337638253331</c:v>
                </c:pt>
                <c:pt idx="6">
                  <c:v>32.222188282046055</c:v>
                </c:pt>
                <c:pt idx="7">
                  <c:v>34.322561473096563</c:v>
                </c:pt>
                <c:pt idx="8">
                  <c:v>31.5531875780425</c:v>
                </c:pt>
              </c:numCache>
            </c:numRef>
          </c:val>
          <c:smooth val="0"/>
          <c:extLst>
            <c:ext xmlns:c16="http://schemas.microsoft.com/office/drawing/2014/chart" uri="{C3380CC4-5D6E-409C-BE32-E72D297353CC}">
              <c16:uniqueId val="{00000001-B98D-4109-93ED-29934E00530B}"/>
            </c:ext>
          </c:extLst>
        </c:ser>
        <c:dLbls>
          <c:showLegendKey val="0"/>
          <c:showVal val="0"/>
          <c:showCatName val="0"/>
          <c:showSerName val="0"/>
          <c:showPercent val="0"/>
          <c:showBubbleSize val="0"/>
        </c:dLbls>
        <c:smooth val="0"/>
        <c:axId val="1098621984"/>
        <c:axId val="1"/>
      </c:lineChart>
      <c:catAx>
        <c:axId val="1098621984"/>
        <c:scaling>
          <c:orientation val="minMax"/>
        </c:scaling>
        <c:delete val="0"/>
        <c:axPos val="b"/>
        <c:numFmt formatCode="General" sourceLinked="0"/>
        <c:majorTickMark val="none"/>
        <c:minorTickMark val="none"/>
        <c:tickLblPos val="nextTo"/>
        <c:spPr>
          <a:noFill/>
          <a:ln w="12700">
            <a:solidFill>
              <a:srgbClr val="435254"/>
            </a:solidFill>
            <a:prstDash val="solid"/>
          </a:ln>
          <a:extLst>
            <a:ext uri="{909E8E84-426E-40DD-AFC4-6F175D3DCCD1}">
              <a14:hiddenFill xmlns:a14="http://schemas.microsoft.com/office/drawing/2010/main">
                <a:noFill/>
              </a14:hiddenFill>
            </a:ext>
          </a:extLst>
        </c:spPr>
        <c:txPr>
          <a:bodyPr rot="0" vert="horz"/>
          <a:lstStyle/>
          <a:p>
            <a:pPr>
              <a:defRPr lang="ja-JP"/>
            </a:pPr>
            <a:endParaRPr lang="en-US"/>
          </a:p>
        </c:txPr>
        <c:crossAx val="1"/>
        <c:crosses val="autoZero"/>
        <c:auto val="1"/>
        <c:lblAlgn val="ctr"/>
        <c:lblOffset val="100"/>
        <c:noMultiLvlLbl val="0"/>
      </c:catAx>
      <c:valAx>
        <c:axId val="1"/>
        <c:scaling>
          <c:orientation val="minMax"/>
        </c:scaling>
        <c:delete val="0"/>
        <c:axPos val="l"/>
        <c:majorGridlines>
          <c:spPr>
            <a:ln w="6350">
              <a:solidFill>
                <a:srgbClr val="CAD1D3"/>
              </a:solidFill>
              <a:prstDash val="solid"/>
            </a:ln>
          </c:spPr>
        </c:majorGridlines>
        <c:numFmt formatCode="#,##0" sourceLinked="0"/>
        <c:majorTickMark val="none"/>
        <c:minorTickMark val="none"/>
        <c:tickLblPos val="nextTo"/>
        <c:spPr>
          <a:ln w="6350">
            <a:noFill/>
          </a:ln>
        </c:spPr>
        <c:txPr>
          <a:bodyPr rot="0" vert="horz"/>
          <a:lstStyle/>
          <a:p>
            <a:pPr>
              <a:defRPr lang="ja-JP"/>
            </a:pPr>
            <a:endParaRPr lang="en-US"/>
          </a:p>
        </c:txPr>
        <c:crossAx val="1098621984"/>
        <c:crosses val="autoZero"/>
        <c:crossBetween val="between"/>
      </c:valAx>
      <c:spPr>
        <a:solidFill>
          <a:schemeClr val="bg1"/>
        </a:solidFill>
        <a:ln w="25400">
          <a:noFill/>
        </a:ln>
        <a:effectLst>
          <a:outerShdw blurRad="63500" dist="37357" dir="2700000" sx="0" sy="0" rotWithShape="0">
            <a:scrgbClr r="0" g="0" b="0">
              <a:alpha val="0"/>
            </a:scrgbClr>
          </a:outerShdw>
        </a:effectLst>
      </c:spPr>
    </c:plotArea>
    <c:legend>
      <c:legendPos val="b"/>
      <c:layout>
        <c:manualLayout>
          <c:xMode val="edge"/>
          <c:yMode val="edge"/>
          <c:x val="0"/>
          <c:y val="0.92237435580995353"/>
          <c:w val="1"/>
          <c:h val="7.7625644190046472E-2"/>
        </c:manualLayout>
      </c:layout>
      <c:overlay val="0"/>
      <c:spPr>
        <a:noFill/>
        <a:ln w="25400">
          <a:noFill/>
        </a:ln>
        <a:effectLst>
          <a:outerShdw blurRad="63500" dist="37357" dir="2700000" sx="0" sy="0" rotWithShape="0">
            <a:scrgbClr r="0" g="0" b="0">
              <a:alpha val="0"/>
            </a:scrgbClr>
          </a:outerShdw>
        </a:effectLst>
      </c:spPr>
      <c:txPr>
        <a:bodyPr/>
        <a:lstStyle/>
        <a:p>
          <a:pPr>
            <a:defRPr lang="ja-JP"/>
          </a:pPr>
          <a:endParaRPr lang="en-US"/>
        </a:p>
      </c:txPr>
    </c:legend>
    <c:plotVisOnly val="1"/>
    <c:dispBlanksAs val="gap"/>
    <c:showDLblsOverMax val="0"/>
  </c:chart>
  <c:spPr>
    <a:solidFill>
      <a:schemeClr val="bg1"/>
    </a:solidFill>
    <a:ln w="6350">
      <a:noFill/>
    </a:ln>
    <a:effectLst>
      <a:outerShdw blurRad="63500" dist="37357" dir="2700000" sx="0" sy="0" rotWithShape="0">
        <a:scrgbClr r="0" g="0" b="0">
          <a:alpha val="0"/>
        </a:scrgbClr>
      </a:outerShdw>
    </a:effectLst>
  </c:spPr>
  <c:txPr>
    <a:bodyPr/>
    <a:lstStyle/>
    <a:p>
      <a:pPr>
        <a:defRPr sz="1000">
          <a:solidFill>
            <a:srgbClr val="435254"/>
          </a:solidFill>
          <a:latin typeface="+mn-lt"/>
        </a:defRPr>
      </a:pPr>
      <a:endParaRPr lang="en-US"/>
    </a:p>
  </c:txPr>
  <c:externalData r:id="rId1">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0"/>
    <c:plotArea>
      <c:layout>
        <c:manualLayout>
          <c:layoutTarget val="inner"/>
          <c:xMode val="edge"/>
          <c:yMode val="edge"/>
          <c:x val="8.1414652128630138E-2"/>
          <c:y val="4.6105412530259453E-2"/>
          <c:w val="0.90314447903314399"/>
          <c:h val="0.76141223214641718"/>
        </c:manualLayout>
      </c:layout>
      <c:lineChart>
        <c:grouping val="standard"/>
        <c:varyColors val="0"/>
        <c:ser>
          <c:idx val="5"/>
          <c:order val="5"/>
          <c:tx>
            <c:strRef>
              <c:f>total!$AV$1</c:f>
              <c:strCache>
                <c:ptCount val="1"/>
                <c:pt idx="0">
                  <c:v>2019</c:v>
                </c:pt>
              </c:strCache>
            </c:strRef>
          </c:tx>
          <c:spPr>
            <a:ln w="25400" cap="rnd" cmpd="sng" algn="ctr">
              <a:solidFill>
                <a:srgbClr val="D2785A"/>
              </a:solidFill>
              <a:prstDash val="solid"/>
              <a:round/>
              <a:headEnd type="none" w="med" len="med"/>
              <a:tailEnd type="none" w="med" len="med"/>
            </a:ln>
          </c:spPr>
          <c:marker>
            <c:symbol val="none"/>
          </c:marker>
          <c:cat>
            <c:numRef>
              <c:f>total!$A$2:$A$195</c:f>
              <c:numCache>
                <c:formatCode>m/d/yyyy</c:formatCode>
                <c:ptCount val="194"/>
                <c:pt idx="0">
                  <c:v>1</c:v>
                </c:pt>
                <c:pt idx="1">
                  <c:v>2</c:v>
                </c:pt>
                <c:pt idx="2">
                  <c:v>3</c:v>
                </c:pt>
                <c:pt idx="3">
                  <c:v>4</c:v>
                </c:pt>
                <c:pt idx="4">
                  <c:v>5</c:v>
                </c:pt>
                <c:pt idx="5">
                  <c:v>6</c:v>
                </c:pt>
                <c:pt idx="6">
                  <c:v>7</c:v>
                </c:pt>
                <c:pt idx="7">
                  <c:v>8</c:v>
                </c:pt>
                <c:pt idx="8">
                  <c:v>9</c:v>
                </c:pt>
                <c:pt idx="9">
                  <c:v>10</c:v>
                </c:pt>
                <c:pt idx="10">
                  <c:v>11</c:v>
                </c:pt>
                <c:pt idx="11">
                  <c:v>12</c:v>
                </c:pt>
                <c:pt idx="12">
                  <c:v>13</c:v>
                </c:pt>
                <c:pt idx="13">
                  <c:v>14</c:v>
                </c:pt>
                <c:pt idx="14">
                  <c:v>15</c:v>
                </c:pt>
                <c:pt idx="15">
                  <c:v>16</c:v>
                </c:pt>
                <c:pt idx="16">
                  <c:v>17</c:v>
                </c:pt>
                <c:pt idx="17">
                  <c:v>18</c:v>
                </c:pt>
                <c:pt idx="18">
                  <c:v>19</c:v>
                </c:pt>
                <c:pt idx="19">
                  <c:v>20</c:v>
                </c:pt>
                <c:pt idx="20">
                  <c:v>21</c:v>
                </c:pt>
                <c:pt idx="21">
                  <c:v>22</c:v>
                </c:pt>
                <c:pt idx="22">
                  <c:v>23</c:v>
                </c:pt>
                <c:pt idx="23">
                  <c:v>24</c:v>
                </c:pt>
                <c:pt idx="24">
                  <c:v>25</c:v>
                </c:pt>
                <c:pt idx="25">
                  <c:v>26</c:v>
                </c:pt>
                <c:pt idx="26">
                  <c:v>27</c:v>
                </c:pt>
                <c:pt idx="27">
                  <c:v>28</c:v>
                </c:pt>
                <c:pt idx="28">
                  <c:v>29</c:v>
                </c:pt>
                <c:pt idx="29">
                  <c:v>30</c:v>
                </c:pt>
                <c:pt idx="30">
                  <c:v>31</c:v>
                </c:pt>
                <c:pt idx="31">
                  <c:v>32</c:v>
                </c:pt>
                <c:pt idx="32">
                  <c:v>33</c:v>
                </c:pt>
                <c:pt idx="33">
                  <c:v>34</c:v>
                </c:pt>
                <c:pt idx="34">
                  <c:v>35</c:v>
                </c:pt>
                <c:pt idx="35">
                  <c:v>36</c:v>
                </c:pt>
                <c:pt idx="36">
                  <c:v>37</c:v>
                </c:pt>
                <c:pt idx="37">
                  <c:v>38</c:v>
                </c:pt>
                <c:pt idx="38">
                  <c:v>39</c:v>
                </c:pt>
                <c:pt idx="39">
                  <c:v>40</c:v>
                </c:pt>
                <c:pt idx="40">
                  <c:v>41</c:v>
                </c:pt>
                <c:pt idx="41">
                  <c:v>42</c:v>
                </c:pt>
                <c:pt idx="42">
                  <c:v>43</c:v>
                </c:pt>
                <c:pt idx="43">
                  <c:v>44</c:v>
                </c:pt>
                <c:pt idx="44">
                  <c:v>45</c:v>
                </c:pt>
                <c:pt idx="45">
                  <c:v>46</c:v>
                </c:pt>
                <c:pt idx="46">
                  <c:v>47</c:v>
                </c:pt>
                <c:pt idx="47">
                  <c:v>48</c:v>
                </c:pt>
                <c:pt idx="48">
                  <c:v>49</c:v>
                </c:pt>
                <c:pt idx="49">
                  <c:v>50</c:v>
                </c:pt>
                <c:pt idx="50">
                  <c:v>51</c:v>
                </c:pt>
                <c:pt idx="51">
                  <c:v>52</c:v>
                </c:pt>
                <c:pt idx="52">
                  <c:v>53</c:v>
                </c:pt>
                <c:pt idx="53">
                  <c:v>54</c:v>
                </c:pt>
                <c:pt idx="54">
                  <c:v>55</c:v>
                </c:pt>
                <c:pt idx="55">
                  <c:v>56</c:v>
                </c:pt>
                <c:pt idx="56">
                  <c:v>57</c:v>
                </c:pt>
                <c:pt idx="57">
                  <c:v>58</c:v>
                </c:pt>
                <c:pt idx="58">
                  <c:v>59</c:v>
                </c:pt>
                <c:pt idx="59">
                  <c:v>60</c:v>
                </c:pt>
                <c:pt idx="60">
                  <c:v>61</c:v>
                </c:pt>
                <c:pt idx="61">
                  <c:v>62</c:v>
                </c:pt>
                <c:pt idx="62">
                  <c:v>63</c:v>
                </c:pt>
                <c:pt idx="63">
                  <c:v>64</c:v>
                </c:pt>
                <c:pt idx="64">
                  <c:v>65</c:v>
                </c:pt>
                <c:pt idx="65">
                  <c:v>66</c:v>
                </c:pt>
                <c:pt idx="66">
                  <c:v>67</c:v>
                </c:pt>
                <c:pt idx="67">
                  <c:v>68</c:v>
                </c:pt>
                <c:pt idx="68">
                  <c:v>69</c:v>
                </c:pt>
                <c:pt idx="69">
                  <c:v>70</c:v>
                </c:pt>
                <c:pt idx="70">
                  <c:v>71</c:v>
                </c:pt>
                <c:pt idx="71">
                  <c:v>72</c:v>
                </c:pt>
                <c:pt idx="72">
                  <c:v>73</c:v>
                </c:pt>
                <c:pt idx="73">
                  <c:v>74</c:v>
                </c:pt>
                <c:pt idx="74">
                  <c:v>75</c:v>
                </c:pt>
                <c:pt idx="75">
                  <c:v>76</c:v>
                </c:pt>
                <c:pt idx="76">
                  <c:v>77</c:v>
                </c:pt>
                <c:pt idx="77">
                  <c:v>78</c:v>
                </c:pt>
                <c:pt idx="78">
                  <c:v>79</c:v>
                </c:pt>
                <c:pt idx="79">
                  <c:v>80</c:v>
                </c:pt>
                <c:pt idx="80">
                  <c:v>81</c:v>
                </c:pt>
                <c:pt idx="81">
                  <c:v>82</c:v>
                </c:pt>
                <c:pt idx="82">
                  <c:v>83</c:v>
                </c:pt>
                <c:pt idx="83">
                  <c:v>84</c:v>
                </c:pt>
                <c:pt idx="84">
                  <c:v>85</c:v>
                </c:pt>
                <c:pt idx="85">
                  <c:v>86</c:v>
                </c:pt>
                <c:pt idx="86">
                  <c:v>87</c:v>
                </c:pt>
                <c:pt idx="87">
                  <c:v>88</c:v>
                </c:pt>
                <c:pt idx="88">
                  <c:v>89</c:v>
                </c:pt>
                <c:pt idx="89">
                  <c:v>90</c:v>
                </c:pt>
                <c:pt idx="90">
                  <c:v>91</c:v>
                </c:pt>
                <c:pt idx="91">
                  <c:v>92</c:v>
                </c:pt>
                <c:pt idx="92">
                  <c:v>93</c:v>
                </c:pt>
                <c:pt idx="93">
                  <c:v>94</c:v>
                </c:pt>
                <c:pt idx="94">
                  <c:v>95</c:v>
                </c:pt>
                <c:pt idx="95">
                  <c:v>96</c:v>
                </c:pt>
                <c:pt idx="96">
                  <c:v>97</c:v>
                </c:pt>
                <c:pt idx="97">
                  <c:v>98</c:v>
                </c:pt>
                <c:pt idx="98">
                  <c:v>99</c:v>
                </c:pt>
                <c:pt idx="99">
                  <c:v>100</c:v>
                </c:pt>
                <c:pt idx="100">
                  <c:v>101</c:v>
                </c:pt>
                <c:pt idx="101">
                  <c:v>102</c:v>
                </c:pt>
                <c:pt idx="102">
                  <c:v>103</c:v>
                </c:pt>
                <c:pt idx="103">
                  <c:v>104</c:v>
                </c:pt>
                <c:pt idx="104">
                  <c:v>105</c:v>
                </c:pt>
                <c:pt idx="105">
                  <c:v>106</c:v>
                </c:pt>
                <c:pt idx="106">
                  <c:v>107</c:v>
                </c:pt>
                <c:pt idx="107">
                  <c:v>108</c:v>
                </c:pt>
                <c:pt idx="108">
                  <c:v>109</c:v>
                </c:pt>
                <c:pt idx="109">
                  <c:v>110</c:v>
                </c:pt>
                <c:pt idx="110">
                  <c:v>111</c:v>
                </c:pt>
                <c:pt idx="111">
                  <c:v>112</c:v>
                </c:pt>
                <c:pt idx="112">
                  <c:v>113</c:v>
                </c:pt>
                <c:pt idx="113">
                  <c:v>114</c:v>
                </c:pt>
                <c:pt idx="114">
                  <c:v>115</c:v>
                </c:pt>
                <c:pt idx="115">
                  <c:v>116</c:v>
                </c:pt>
                <c:pt idx="116">
                  <c:v>117</c:v>
                </c:pt>
                <c:pt idx="117">
                  <c:v>118</c:v>
                </c:pt>
                <c:pt idx="118">
                  <c:v>119</c:v>
                </c:pt>
                <c:pt idx="119">
                  <c:v>120</c:v>
                </c:pt>
                <c:pt idx="120">
                  <c:v>121</c:v>
                </c:pt>
                <c:pt idx="121">
                  <c:v>122</c:v>
                </c:pt>
                <c:pt idx="122">
                  <c:v>123</c:v>
                </c:pt>
                <c:pt idx="123">
                  <c:v>124</c:v>
                </c:pt>
                <c:pt idx="124">
                  <c:v>125</c:v>
                </c:pt>
                <c:pt idx="125">
                  <c:v>126</c:v>
                </c:pt>
                <c:pt idx="126">
                  <c:v>127</c:v>
                </c:pt>
                <c:pt idx="127">
                  <c:v>128</c:v>
                </c:pt>
                <c:pt idx="128">
                  <c:v>129</c:v>
                </c:pt>
                <c:pt idx="129">
                  <c:v>130</c:v>
                </c:pt>
                <c:pt idx="130">
                  <c:v>131</c:v>
                </c:pt>
                <c:pt idx="131">
                  <c:v>132</c:v>
                </c:pt>
                <c:pt idx="132">
                  <c:v>133</c:v>
                </c:pt>
                <c:pt idx="133">
                  <c:v>134</c:v>
                </c:pt>
                <c:pt idx="134">
                  <c:v>135</c:v>
                </c:pt>
                <c:pt idx="135">
                  <c:v>136</c:v>
                </c:pt>
                <c:pt idx="136">
                  <c:v>137</c:v>
                </c:pt>
                <c:pt idx="137">
                  <c:v>138</c:v>
                </c:pt>
                <c:pt idx="138">
                  <c:v>139</c:v>
                </c:pt>
                <c:pt idx="139">
                  <c:v>140</c:v>
                </c:pt>
                <c:pt idx="140">
                  <c:v>141</c:v>
                </c:pt>
                <c:pt idx="141">
                  <c:v>142</c:v>
                </c:pt>
                <c:pt idx="142">
                  <c:v>143</c:v>
                </c:pt>
                <c:pt idx="143">
                  <c:v>144</c:v>
                </c:pt>
                <c:pt idx="144">
                  <c:v>145</c:v>
                </c:pt>
                <c:pt idx="145">
                  <c:v>146</c:v>
                </c:pt>
                <c:pt idx="146">
                  <c:v>147</c:v>
                </c:pt>
                <c:pt idx="147">
                  <c:v>148</c:v>
                </c:pt>
                <c:pt idx="148">
                  <c:v>149</c:v>
                </c:pt>
                <c:pt idx="149">
                  <c:v>150</c:v>
                </c:pt>
                <c:pt idx="150">
                  <c:v>151</c:v>
                </c:pt>
                <c:pt idx="151">
                  <c:v>152</c:v>
                </c:pt>
                <c:pt idx="152">
                  <c:v>153</c:v>
                </c:pt>
                <c:pt idx="153">
                  <c:v>154</c:v>
                </c:pt>
                <c:pt idx="154">
                  <c:v>155</c:v>
                </c:pt>
                <c:pt idx="155">
                  <c:v>156</c:v>
                </c:pt>
                <c:pt idx="156">
                  <c:v>157</c:v>
                </c:pt>
                <c:pt idx="157">
                  <c:v>158</c:v>
                </c:pt>
                <c:pt idx="158">
                  <c:v>159</c:v>
                </c:pt>
                <c:pt idx="159">
                  <c:v>160</c:v>
                </c:pt>
                <c:pt idx="160">
                  <c:v>161</c:v>
                </c:pt>
                <c:pt idx="161">
                  <c:v>162</c:v>
                </c:pt>
                <c:pt idx="162">
                  <c:v>163</c:v>
                </c:pt>
                <c:pt idx="163">
                  <c:v>164</c:v>
                </c:pt>
                <c:pt idx="164">
                  <c:v>165</c:v>
                </c:pt>
                <c:pt idx="165">
                  <c:v>166</c:v>
                </c:pt>
                <c:pt idx="166">
                  <c:v>167</c:v>
                </c:pt>
                <c:pt idx="167">
                  <c:v>168</c:v>
                </c:pt>
                <c:pt idx="168">
                  <c:v>169</c:v>
                </c:pt>
                <c:pt idx="169">
                  <c:v>170</c:v>
                </c:pt>
                <c:pt idx="170">
                  <c:v>171</c:v>
                </c:pt>
                <c:pt idx="171">
                  <c:v>172</c:v>
                </c:pt>
                <c:pt idx="172">
                  <c:v>173</c:v>
                </c:pt>
                <c:pt idx="173">
                  <c:v>174</c:v>
                </c:pt>
                <c:pt idx="174">
                  <c:v>175</c:v>
                </c:pt>
                <c:pt idx="175">
                  <c:v>176</c:v>
                </c:pt>
                <c:pt idx="176">
                  <c:v>177</c:v>
                </c:pt>
                <c:pt idx="177">
                  <c:v>178</c:v>
                </c:pt>
                <c:pt idx="178">
                  <c:v>179</c:v>
                </c:pt>
                <c:pt idx="179">
                  <c:v>180</c:v>
                </c:pt>
                <c:pt idx="180">
                  <c:v>181</c:v>
                </c:pt>
                <c:pt idx="181">
                  <c:v>182</c:v>
                </c:pt>
                <c:pt idx="182">
                  <c:v>183</c:v>
                </c:pt>
                <c:pt idx="183">
                  <c:v>184</c:v>
                </c:pt>
                <c:pt idx="184">
                  <c:v>185</c:v>
                </c:pt>
                <c:pt idx="185">
                  <c:v>186</c:v>
                </c:pt>
                <c:pt idx="186">
                  <c:v>187</c:v>
                </c:pt>
                <c:pt idx="187">
                  <c:v>188</c:v>
                </c:pt>
                <c:pt idx="188">
                  <c:v>189</c:v>
                </c:pt>
                <c:pt idx="189">
                  <c:v>190</c:v>
                </c:pt>
                <c:pt idx="190">
                  <c:v>191</c:v>
                </c:pt>
                <c:pt idx="191">
                  <c:v>192</c:v>
                </c:pt>
                <c:pt idx="192">
                  <c:v>193</c:v>
                </c:pt>
                <c:pt idx="193">
                  <c:v>194</c:v>
                </c:pt>
              </c:numCache>
            </c:numRef>
          </c:cat>
          <c:val>
            <c:numRef>
              <c:f>total!$AV$2:$AV$195</c:f>
              <c:numCache>
                <c:formatCode>0</c:formatCode>
                <c:ptCount val="194"/>
                <c:pt idx="0">
                  <c:v>8725021696</c:v>
                </c:pt>
                <c:pt idx="1">
                  <c:v>10372482048</c:v>
                </c:pt>
                <c:pt idx="2">
                  <c:v>12706591744</c:v>
                </c:pt>
                <c:pt idx="3">
                  <c:v>15212886016</c:v>
                </c:pt>
                <c:pt idx="4">
                  <c:v>15263282176</c:v>
                </c:pt>
                <c:pt idx="5">
                  <c:v>15424766976</c:v>
                </c:pt>
                <c:pt idx="6">
                  <c:v>17166015488</c:v>
                </c:pt>
                <c:pt idx="7">
                  <c:v>21029443584</c:v>
                </c:pt>
                <c:pt idx="8">
                  <c:v>23897063424</c:v>
                </c:pt>
                <c:pt idx="9">
                  <c:v>27967735808</c:v>
                </c:pt>
                <c:pt idx="10">
                  <c:v>30473265152</c:v>
                </c:pt>
                <c:pt idx="11">
                  <c:v>30708869120</c:v>
                </c:pt>
                <c:pt idx="12">
                  <c:v>30861950976</c:v>
                </c:pt>
                <c:pt idx="13">
                  <c:v>32925210624</c:v>
                </c:pt>
                <c:pt idx="14">
                  <c:v>36102234112</c:v>
                </c:pt>
                <c:pt idx="15">
                  <c:v>39822630912</c:v>
                </c:pt>
                <c:pt idx="16">
                  <c:v>42810060800</c:v>
                </c:pt>
                <c:pt idx="17">
                  <c:v>46005178368</c:v>
                </c:pt>
                <c:pt idx="18">
                  <c:v>46202048512</c:v>
                </c:pt>
                <c:pt idx="19">
                  <c:v>46232719360</c:v>
                </c:pt>
                <c:pt idx="20">
                  <c:v>47469699072</c:v>
                </c:pt>
                <c:pt idx="21">
                  <c:v>49588260864</c:v>
                </c:pt>
                <c:pt idx="22">
                  <c:v>52443435008</c:v>
                </c:pt>
                <c:pt idx="23">
                  <c:v>55655505920</c:v>
                </c:pt>
                <c:pt idx="24">
                  <c:v>58566483968</c:v>
                </c:pt>
                <c:pt idx="25">
                  <c:v>58771992576</c:v>
                </c:pt>
                <c:pt idx="26">
                  <c:v>58826682368</c:v>
                </c:pt>
                <c:pt idx="27">
                  <c:v>60832305152</c:v>
                </c:pt>
                <c:pt idx="28">
                  <c:v>63472054272</c:v>
                </c:pt>
                <c:pt idx="29">
                  <c:v>66355343360</c:v>
                </c:pt>
                <c:pt idx="30">
                  <c:v>76534095872</c:v>
                </c:pt>
                <c:pt idx="31">
                  <c:v>85840470016</c:v>
                </c:pt>
                <c:pt idx="32">
                  <c:v>86392438784</c:v>
                </c:pt>
                <c:pt idx="33">
                  <c:v>86421659648</c:v>
                </c:pt>
                <c:pt idx="34">
                  <c:v>87849033728</c:v>
                </c:pt>
                <c:pt idx="35">
                  <c:v>89047728128</c:v>
                </c:pt>
                <c:pt idx="36">
                  <c:v>91356454912</c:v>
                </c:pt>
                <c:pt idx="37">
                  <c:v>92655935488</c:v>
                </c:pt>
                <c:pt idx="38">
                  <c:v>95406030848</c:v>
                </c:pt>
                <c:pt idx="39">
                  <c:v>95406030848</c:v>
                </c:pt>
                <c:pt idx="40">
                  <c:v>95409004544</c:v>
                </c:pt>
                <c:pt idx="41">
                  <c:v>97836572672</c:v>
                </c:pt>
                <c:pt idx="42">
                  <c:v>100794728448</c:v>
                </c:pt>
                <c:pt idx="43">
                  <c:v>102477873152</c:v>
                </c:pt>
                <c:pt idx="44">
                  <c:v>106087489536</c:v>
                </c:pt>
                <c:pt idx="45">
                  <c:v>110660321280</c:v>
                </c:pt>
                <c:pt idx="46">
                  <c:v>110739570688</c:v>
                </c:pt>
                <c:pt idx="47">
                  <c:v>110739570688</c:v>
                </c:pt>
                <c:pt idx="48">
                  <c:v>111701303296</c:v>
                </c:pt>
                <c:pt idx="49">
                  <c:v>113816748032</c:v>
                </c:pt>
                <c:pt idx="50">
                  <c:v>116584161280</c:v>
                </c:pt>
                <c:pt idx="51">
                  <c:v>119528947712</c:v>
                </c:pt>
                <c:pt idx="52">
                  <c:v>122091520000</c:v>
                </c:pt>
                <c:pt idx="53">
                  <c:v>122105176064</c:v>
                </c:pt>
                <c:pt idx="54">
                  <c:v>122123886592</c:v>
                </c:pt>
                <c:pt idx="55">
                  <c:v>123782569984</c:v>
                </c:pt>
                <c:pt idx="56">
                  <c:v>126152114176</c:v>
                </c:pt>
                <c:pt idx="57">
                  <c:v>129555136512</c:v>
                </c:pt>
                <c:pt idx="58">
                  <c:v>138813407232</c:v>
                </c:pt>
                <c:pt idx="59">
                  <c:v>138813407232</c:v>
                </c:pt>
                <c:pt idx="60">
                  <c:v>149880750080</c:v>
                </c:pt>
                <c:pt idx="61">
                  <c:v>149968781312</c:v>
                </c:pt>
                <c:pt idx="62">
                  <c:v>150329065472</c:v>
                </c:pt>
                <c:pt idx="63">
                  <c:v>151989993472</c:v>
                </c:pt>
                <c:pt idx="64">
                  <c:v>153936674816</c:v>
                </c:pt>
                <c:pt idx="65">
                  <c:v>156837068800</c:v>
                </c:pt>
                <c:pt idx="66">
                  <c:v>159186878464</c:v>
                </c:pt>
                <c:pt idx="67">
                  <c:v>161641218048</c:v>
                </c:pt>
                <c:pt idx="68">
                  <c:v>161857388544</c:v>
                </c:pt>
                <c:pt idx="69">
                  <c:v>162022391808</c:v>
                </c:pt>
                <c:pt idx="70">
                  <c:v>164554588160</c:v>
                </c:pt>
                <c:pt idx="71">
                  <c:v>167078723584</c:v>
                </c:pt>
                <c:pt idx="72">
                  <c:v>171289985024</c:v>
                </c:pt>
                <c:pt idx="73">
                  <c:v>174837465088</c:v>
                </c:pt>
                <c:pt idx="74">
                  <c:v>177482760192</c:v>
                </c:pt>
                <c:pt idx="75">
                  <c:v>177503092736</c:v>
                </c:pt>
                <c:pt idx="76">
                  <c:v>177535991808</c:v>
                </c:pt>
                <c:pt idx="77">
                  <c:v>178710872064</c:v>
                </c:pt>
                <c:pt idx="78">
                  <c:v>181377449984</c:v>
                </c:pt>
                <c:pt idx="79">
                  <c:v>187291877376</c:v>
                </c:pt>
                <c:pt idx="80">
                  <c:v>189892886528</c:v>
                </c:pt>
                <c:pt idx="81">
                  <c:v>194213019648</c:v>
                </c:pt>
                <c:pt idx="82">
                  <c:v>194427240448</c:v>
                </c:pt>
                <c:pt idx="83">
                  <c:v>194431238144</c:v>
                </c:pt>
                <c:pt idx="84">
                  <c:v>198290931712</c:v>
                </c:pt>
                <c:pt idx="85">
                  <c:v>201923198976</c:v>
                </c:pt>
                <c:pt idx="86">
                  <c:v>204694110208</c:v>
                </c:pt>
                <c:pt idx="87">
                  <c:v>210185404416</c:v>
                </c:pt>
                <c:pt idx="88">
                  <c:v>217454968832</c:v>
                </c:pt>
                <c:pt idx="89">
                  <c:v>220273754112</c:v>
                </c:pt>
                <c:pt idx="90">
                  <c:v>227430006784</c:v>
                </c:pt>
                <c:pt idx="91">
                  <c:v>236939132928</c:v>
                </c:pt>
                <c:pt idx="92">
                  <c:v>243005046784</c:v>
                </c:pt>
                <c:pt idx="93">
                  <c:v>245535834112</c:v>
                </c:pt>
                <c:pt idx="94">
                  <c:v>248092262400</c:v>
                </c:pt>
                <c:pt idx="95">
                  <c:v>251345141760</c:v>
                </c:pt>
                <c:pt idx="96">
                  <c:v>251410317312</c:v>
                </c:pt>
                <c:pt idx="97">
                  <c:v>251423129600</c:v>
                </c:pt>
                <c:pt idx="98">
                  <c:v>254383407104</c:v>
                </c:pt>
                <c:pt idx="99">
                  <c:v>263777714176</c:v>
                </c:pt>
                <c:pt idx="100">
                  <c:v>268289753088</c:v>
                </c:pt>
                <c:pt idx="101">
                  <c:v>272409264128</c:v>
                </c:pt>
                <c:pt idx="102">
                  <c:v>274799886336</c:v>
                </c:pt>
                <c:pt idx="103">
                  <c:v>275007537152</c:v>
                </c:pt>
                <c:pt idx="104">
                  <c:v>275089555456</c:v>
                </c:pt>
                <c:pt idx="105">
                  <c:v>278450765824</c:v>
                </c:pt>
                <c:pt idx="106">
                  <c:v>282097025024</c:v>
                </c:pt>
                <c:pt idx="107">
                  <c:v>287269355520</c:v>
                </c:pt>
                <c:pt idx="108">
                  <c:v>293072928768</c:v>
                </c:pt>
                <c:pt idx="109">
                  <c:v>294732857344</c:v>
                </c:pt>
                <c:pt idx="110">
                  <c:v>294749143040</c:v>
                </c:pt>
                <c:pt idx="111">
                  <c:v>295126695936</c:v>
                </c:pt>
                <c:pt idx="112">
                  <c:v>296382824448</c:v>
                </c:pt>
                <c:pt idx="113">
                  <c:v>298298572800</c:v>
                </c:pt>
                <c:pt idx="114">
                  <c:v>300267667456</c:v>
                </c:pt>
                <c:pt idx="115">
                  <c:v>302464073728</c:v>
                </c:pt>
                <c:pt idx="116">
                  <c:v>305012473856</c:v>
                </c:pt>
                <c:pt idx="117">
                  <c:v>305041801216</c:v>
                </c:pt>
                <c:pt idx="118">
                  <c:v>305124540416</c:v>
                </c:pt>
                <c:pt idx="119">
                  <c:v>307749715968</c:v>
                </c:pt>
                <c:pt idx="120">
                  <c:v>317487611904</c:v>
                </c:pt>
                <c:pt idx="121">
                  <c:v>325396594688</c:v>
                </c:pt>
                <c:pt idx="122">
                  <c:v>327703429120</c:v>
                </c:pt>
                <c:pt idx="123">
                  <c:v>329769713664</c:v>
                </c:pt>
                <c:pt idx="124">
                  <c:v>329851535360</c:v>
                </c:pt>
                <c:pt idx="125">
                  <c:v>329876766720</c:v>
                </c:pt>
                <c:pt idx="126">
                  <c:v>332248973312</c:v>
                </c:pt>
                <c:pt idx="127">
                  <c:v>334540963840</c:v>
                </c:pt>
                <c:pt idx="128">
                  <c:v>336438132736</c:v>
                </c:pt>
                <c:pt idx="129">
                  <c:v>340296368128</c:v>
                </c:pt>
                <c:pt idx="130">
                  <c:v>342955950080</c:v>
                </c:pt>
                <c:pt idx="131">
                  <c:v>342963912704</c:v>
                </c:pt>
                <c:pt idx="132">
                  <c:v>343366172672</c:v>
                </c:pt>
                <c:pt idx="133">
                  <c:v>346074415104</c:v>
                </c:pt>
                <c:pt idx="134">
                  <c:v>347890253824</c:v>
                </c:pt>
                <c:pt idx="135">
                  <c:v>352918765568</c:v>
                </c:pt>
                <c:pt idx="136">
                  <c:v>356170006528</c:v>
                </c:pt>
                <c:pt idx="137">
                  <c:v>358859046912</c:v>
                </c:pt>
                <c:pt idx="138">
                  <c:v>359024558080</c:v>
                </c:pt>
                <c:pt idx="139">
                  <c:v>359122894848</c:v>
                </c:pt>
                <c:pt idx="140">
                  <c:v>361100410880</c:v>
                </c:pt>
                <c:pt idx="141">
                  <c:v>365325484032</c:v>
                </c:pt>
                <c:pt idx="142">
                  <c:v>368654483456</c:v>
                </c:pt>
                <c:pt idx="143">
                  <c:v>372836990976</c:v>
                </c:pt>
                <c:pt idx="144">
                  <c:v>375530258432</c:v>
                </c:pt>
                <c:pt idx="145">
                  <c:v>375530258432</c:v>
                </c:pt>
                <c:pt idx="146">
                  <c:v>375582195712</c:v>
                </c:pt>
                <c:pt idx="147">
                  <c:v>376546459648</c:v>
                </c:pt>
                <c:pt idx="148">
                  <c:v>380354134016</c:v>
                </c:pt>
                <c:pt idx="149">
                  <c:v>383655444480</c:v>
                </c:pt>
                <c:pt idx="150">
                  <c:v>388761911296</c:v>
                </c:pt>
                <c:pt idx="151">
                  <c:v>396128419840</c:v>
                </c:pt>
                <c:pt idx="152">
                  <c:v>404039434240</c:v>
                </c:pt>
                <c:pt idx="153">
                  <c:v>404367867904</c:v>
                </c:pt>
                <c:pt idx="154">
                  <c:v>407577657344</c:v>
                </c:pt>
                <c:pt idx="155">
                  <c:v>411295809536</c:v>
                </c:pt>
                <c:pt idx="156">
                  <c:v>415712575488</c:v>
                </c:pt>
                <c:pt idx="157">
                  <c:v>419387670528</c:v>
                </c:pt>
                <c:pt idx="158">
                  <c:v>421588205568</c:v>
                </c:pt>
                <c:pt idx="159">
                  <c:v>421631557632</c:v>
                </c:pt>
                <c:pt idx="160">
                  <c:v>421652856832</c:v>
                </c:pt>
                <c:pt idx="161">
                  <c:v>424610234368</c:v>
                </c:pt>
                <c:pt idx="162">
                  <c:v>428231032832</c:v>
                </c:pt>
                <c:pt idx="163">
                  <c:v>431122153472</c:v>
                </c:pt>
                <c:pt idx="164">
                  <c:v>433871585280</c:v>
                </c:pt>
                <c:pt idx="165">
                  <c:v>438378135552</c:v>
                </c:pt>
                <c:pt idx="166">
                  <c:v>438996041728</c:v>
                </c:pt>
                <c:pt idx="167">
                  <c:v>438996041728</c:v>
                </c:pt>
                <c:pt idx="168">
                  <c:v>442404044800</c:v>
                </c:pt>
                <c:pt idx="169">
                  <c:v>447578832896</c:v>
                </c:pt>
                <c:pt idx="170">
                  <c:v>450830893056</c:v>
                </c:pt>
                <c:pt idx="171">
                  <c:v>454637420544</c:v>
                </c:pt>
                <c:pt idx="172">
                  <c:v>458076848128</c:v>
                </c:pt>
                <c:pt idx="173">
                  <c:v>458107387904</c:v>
                </c:pt>
                <c:pt idx="174">
                  <c:v>458128359424</c:v>
                </c:pt>
                <c:pt idx="175">
                  <c:v>463698952192</c:v>
                </c:pt>
                <c:pt idx="176">
                  <c:v>467884998656</c:v>
                </c:pt>
                <c:pt idx="177">
                  <c:v>474342522880</c:v>
                </c:pt>
                <c:pt idx="178">
                  <c:v>483001499648</c:v>
                </c:pt>
                <c:pt idx="179">
                  <c:v>491691180032</c:v>
                </c:pt>
                <c:pt idx="180">
                  <c:v>491739971584</c:v>
                </c:pt>
                <c:pt idx="181">
                  <c:v>502124085248</c:v>
                </c:pt>
                <c:pt idx="182">
                  <c:v>515473211392</c:v>
                </c:pt>
                <c:pt idx="183">
                  <c:v>517951881216</c:v>
                </c:pt>
                <c:pt idx="184">
                  <c:v>520551792640</c:v>
                </c:pt>
                <c:pt idx="185">
                  <c:v>521761751040</c:v>
                </c:pt>
                <c:pt idx="186">
                  <c:v>522812784640</c:v>
                </c:pt>
                <c:pt idx="187">
                  <c:v>522862133248</c:v>
                </c:pt>
                <c:pt idx="188">
                  <c:v>523038949376</c:v>
                </c:pt>
                <c:pt idx="189">
                  <c:v>525304823808</c:v>
                </c:pt>
                <c:pt idx="190">
                  <c:v>528059793408</c:v>
                </c:pt>
                <c:pt idx="191">
                  <c:v>532282474496</c:v>
                </c:pt>
                <c:pt idx="192">
                  <c:v>537082822656</c:v>
                </c:pt>
                <c:pt idx="193">
                  <c:v>540569698304</c:v>
                </c:pt>
              </c:numCache>
            </c:numRef>
          </c:val>
          <c:smooth val="0"/>
          <c:extLst>
            <c:ext xmlns:c16="http://schemas.microsoft.com/office/drawing/2014/chart" uri="{C3380CC4-5D6E-409C-BE32-E72D297353CC}">
              <c16:uniqueId val="{00000000-5AA1-4895-9EDB-2BD504E12067}"/>
            </c:ext>
          </c:extLst>
        </c:ser>
        <c:ser>
          <c:idx val="6"/>
          <c:order val="6"/>
          <c:tx>
            <c:strRef>
              <c:f>total!$AW$1</c:f>
              <c:strCache>
                <c:ptCount val="1"/>
                <c:pt idx="0">
                  <c:v>2020</c:v>
                </c:pt>
              </c:strCache>
            </c:strRef>
          </c:tx>
          <c:marker>
            <c:symbol val="none"/>
          </c:marker>
          <c:cat>
            <c:numRef>
              <c:f>total!$A$2:$A$195</c:f>
              <c:numCache>
                <c:formatCode>m/d/yyyy</c:formatCode>
                <c:ptCount val="194"/>
                <c:pt idx="0">
                  <c:v>1</c:v>
                </c:pt>
                <c:pt idx="1">
                  <c:v>2</c:v>
                </c:pt>
                <c:pt idx="2">
                  <c:v>3</c:v>
                </c:pt>
                <c:pt idx="3">
                  <c:v>4</c:v>
                </c:pt>
                <c:pt idx="4">
                  <c:v>5</c:v>
                </c:pt>
                <c:pt idx="5">
                  <c:v>6</c:v>
                </c:pt>
                <c:pt idx="6">
                  <c:v>7</c:v>
                </c:pt>
                <c:pt idx="7">
                  <c:v>8</c:v>
                </c:pt>
                <c:pt idx="8">
                  <c:v>9</c:v>
                </c:pt>
                <c:pt idx="9">
                  <c:v>10</c:v>
                </c:pt>
                <c:pt idx="10">
                  <c:v>11</c:v>
                </c:pt>
                <c:pt idx="11">
                  <c:v>12</c:v>
                </c:pt>
                <c:pt idx="12">
                  <c:v>13</c:v>
                </c:pt>
                <c:pt idx="13">
                  <c:v>14</c:v>
                </c:pt>
                <c:pt idx="14">
                  <c:v>15</c:v>
                </c:pt>
                <c:pt idx="15">
                  <c:v>16</c:v>
                </c:pt>
                <c:pt idx="16">
                  <c:v>17</c:v>
                </c:pt>
                <c:pt idx="17">
                  <c:v>18</c:v>
                </c:pt>
                <c:pt idx="18">
                  <c:v>19</c:v>
                </c:pt>
                <c:pt idx="19">
                  <c:v>20</c:v>
                </c:pt>
                <c:pt idx="20">
                  <c:v>21</c:v>
                </c:pt>
                <c:pt idx="21">
                  <c:v>22</c:v>
                </c:pt>
                <c:pt idx="22">
                  <c:v>23</c:v>
                </c:pt>
                <c:pt idx="23">
                  <c:v>24</c:v>
                </c:pt>
                <c:pt idx="24">
                  <c:v>25</c:v>
                </c:pt>
                <c:pt idx="25">
                  <c:v>26</c:v>
                </c:pt>
                <c:pt idx="26">
                  <c:v>27</c:v>
                </c:pt>
                <c:pt idx="27">
                  <c:v>28</c:v>
                </c:pt>
                <c:pt idx="28">
                  <c:v>29</c:v>
                </c:pt>
                <c:pt idx="29">
                  <c:v>30</c:v>
                </c:pt>
                <c:pt idx="30">
                  <c:v>31</c:v>
                </c:pt>
                <c:pt idx="31">
                  <c:v>32</c:v>
                </c:pt>
                <c:pt idx="32">
                  <c:v>33</c:v>
                </c:pt>
                <c:pt idx="33">
                  <c:v>34</c:v>
                </c:pt>
                <c:pt idx="34">
                  <c:v>35</c:v>
                </c:pt>
                <c:pt idx="35">
                  <c:v>36</c:v>
                </c:pt>
                <c:pt idx="36">
                  <c:v>37</c:v>
                </c:pt>
                <c:pt idx="37">
                  <c:v>38</c:v>
                </c:pt>
                <c:pt idx="38">
                  <c:v>39</c:v>
                </c:pt>
                <c:pt idx="39">
                  <c:v>40</c:v>
                </c:pt>
                <c:pt idx="40">
                  <c:v>41</c:v>
                </c:pt>
                <c:pt idx="41">
                  <c:v>42</c:v>
                </c:pt>
                <c:pt idx="42">
                  <c:v>43</c:v>
                </c:pt>
                <c:pt idx="43">
                  <c:v>44</c:v>
                </c:pt>
                <c:pt idx="44">
                  <c:v>45</c:v>
                </c:pt>
                <c:pt idx="45">
                  <c:v>46</c:v>
                </c:pt>
                <c:pt idx="46">
                  <c:v>47</c:v>
                </c:pt>
                <c:pt idx="47">
                  <c:v>48</c:v>
                </c:pt>
                <c:pt idx="48">
                  <c:v>49</c:v>
                </c:pt>
                <c:pt idx="49">
                  <c:v>50</c:v>
                </c:pt>
                <c:pt idx="50">
                  <c:v>51</c:v>
                </c:pt>
                <c:pt idx="51">
                  <c:v>52</c:v>
                </c:pt>
                <c:pt idx="52">
                  <c:v>53</c:v>
                </c:pt>
                <c:pt idx="53">
                  <c:v>54</c:v>
                </c:pt>
                <c:pt idx="54">
                  <c:v>55</c:v>
                </c:pt>
                <c:pt idx="55">
                  <c:v>56</c:v>
                </c:pt>
                <c:pt idx="56">
                  <c:v>57</c:v>
                </c:pt>
                <c:pt idx="57">
                  <c:v>58</c:v>
                </c:pt>
                <c:pt idx="58">
                  <c:v>59</c:v>
                </c:pt>
                <c:pt idx="59">
                  <c:v>60</c:v>
                </c:pt>
                <c:pt idx="60">
                  <c:v>61</c:v>
                </c:pt>
                <c:pt idx="61">
                  <c:v>62</c:v>
                </c:pt>
                <c:pt idx="62">
                  <c:v>63</c:v>
                </c:pt>
                <c:pt idx="63">
                  <c:v>64</c:v>
                </c:pt>
                <c:pt idx="64">
                  <c:v>65</c:v>
                </c:pt>
                <c:pt idx="65">
                  <c:v>66</c:v>
                </c:pt>
                <c:pt idx="66">
                  <c:v>67</c:v>
                </c:pt>
                <c:pt idx="67">
                  <c:v>68</c:v>
                </c:pt>
                <c:pt idx="68">
                  <c:v>69</c:v>
                </c:pt>
                <c:pt idx="69">
                  <c:v>70</c:v>
                </c:pt>
                <c:pt idx="70">
                  <c:v>71</c:v>
                </c:pt>
                <c:pt idx="71">
                  <c:v>72</c:v>
                </c:pt>
                <c:pt idx="72">
                  <c:v>73</c:v>
                </c:pt>
                <c:pt idx="73">
                  <c:v>74</c:v>
                </c:pt>
                <c:pt idx="74">
                  <c:v>75</c:v>
                </c:pt>
                <c:pt idx="75">
                  <c:v>76</c:v>
                </c:pt>
                <c:pt idx="76">
                  <c:v>77</c:v>
                </c:pt>
                <c:pt idx="77">
                  <c:v>78</c:v>
                </c:pt>
                <c:pt idx="78">
                  <c:v>79</c:v>
                </c:pt>
                <c:pt idx="79">
                  <c:v>80</c:v>
                </c:pt>
                <c:pt idx="80">
                  <c:v>81</c:v>
                </c:pt>
                <c:pt idx="81">
                  <c:v>82</c:v>
                </c:pt>
                <c:pt idx="82">
                  <c:v>83</c:v>
                </c:pt>
                <c:pt idx="83">
                  <c:v>84</c:v>
                </c:pt>
                <c:pt idx="84">
                  <c:v>85</c:v>
                </c:pt>
                <c:pt idx="85">
                  <c:v>86</c:v>
                </c:pt>
                <c:pt idx="86">
                  <c:v>87</c:v>
                </c:pt>
                <c:pt idx="87">
                  <c:v>88</c:v>
                </c:pt>
                <c:pt idx="88">
                  <c:v>89</c:v>
                </c:pt>
                <c:pt idx="89">
                  <c:v>90</c:v>
                </c:pt>
                <c:pt idx="90">
                  <c:v>91</c:v>
                </c:pt>
                <c:pt idx="91">
                  <c:v>92</c:v>
                </c:pt>
                <c:pt idx="92">
                  <c:v>93</c:v>
                </c:pt>
                <c:pt idx="93">
                  <c:v>94</c:v>
                </c:pt>
                <c:pt idx="94">
                  <c:v>95</c:v>
                </c:pt>
                <c:pt idx="95">
                  <c:v>96</c:v>
                </c:pt>
                <c:pt idx="96">
                  <c:v>97</c:v>
                </c:pt>
                <c:pt idx="97">
                  <c:v>98</c:v>
                </c:pt>
                <c:pt idx="98">
                  <c:v>99</c:v>
                </c:pt>
                <c:pt idx="99">
                  <c:v>100</c:v>
                </c:pt>
                <c:pt idx="100">
                  <c:v>101</c:v>
                </c:pt>
                <c:pt idx="101">
                  <c:v>102</c:v>
                </c:pt>
                <c:pt idx="102">
                  <c:v>103</c:v>
                </c:pt>
                <c:pt idx="103">
                  <c:v>104</c:v>
                </c:pt>
                <c:pt idx="104">
                  <c:v>105</c:v>
                </c:pt>
                <c:pt idx="105">
                  <c:v>106</c:v>
                </c:pt>
                <c:pt idx="106">
                  <c:v>107</c:v>
                </c:pt>
                <c:pt idx="107">
                  <c:v>108</c:v>
                </c:pt>
                <c:pt idx="108">
                  <c:v>109</c:v>
                </c:pt>
                <c:pt idx="109">
                  <c:v>110</c:v>
                </c:pt>
                <c:pt idx="110">
                  <c:v>111</c:v>
                </c:pt>
                <c:pt idx="111">
                  <c:v>112</c:v>
                </c:pt>
                <c:pt idx="112">
                  <c:v>113</c:v>
                </c:pt>
                <c:pt idx="113">
                  <c:v>114</c:v>
                </c:pt>
                <c:pt idx="114">
                  <c:v>115</c:v>
                </c:pt>
                <c:pt idx="115">
                  <c:v>116</c:v>
                </c:pt>
                <c:pt idx="116">
                  <c:v>117</c:v>
                </c:pt>
                <c:pt idx="117">
                  <c:v>118</c:v>
                </c:pt>
                <c:pt idx="118">
                  <c:v>119</c:v>
                </c:pt>
                <c:pt idx="119">
                  <c:v>120</c:v>
                </c:pt>
                <c:pt idx="120">
                  <c:v>121</c:v>
                </c:pt>
                <c:pt idx="121">
                  <c:v>122</c:v>
                </c:pt>
                <c:pt idx="122">
                  <c:v>123</c:v>
                </c:pt>
                <c:pt idx="123">
                  <c:v>124</c:v>
                </c:pt>
                <c:pt idx="124">
                  <c:v>125</c:v>
                </c:pt>
                <c:pt idx="125">
                  <c:v>126</c:v>
                </c:pt>
                <c:pt idx="126">
                  <c:v>127</c:v>
                </c:pt>
                <c:pt idx="127">
                  <c:v>128</c:v>
                </c:pt>
                <c:pt idx="128">
                  <c:v>129</c:v>
                </c:pt>
                <c:pt idx="129">
                  <c:v>130</c:v>
                </c:pt>
                <c:pt idx="130">
                  <c:v>131</c:v>
                </c:pt>
                <c:pt idx="131">
                  <c:v>132</c:v>
                </c:pt>
                <c:pt idx="132">
                  <c:v>133</c:v>
                </c:pt>
                <c:pt idx="133">
                  <c:v>134</c:v>
                </c:pt>
                <c:pt idx="134">
                  <c:v>135</c:v>
                </c:pt>
                <c:pt idx="135">
                  <c:v>136</c:v>
                </c:pt>
                <c:pt idx="136">
                  <c:v>137</c:v>
                </c:pt>
                <c:pt idx="137">
                  <c:v>138</c:v>
                </c:pt>
                <c:pt idx="138">
                  <c:v>139</c:v>
                </c:pt>
                <c:pt idx="139">
                  <c:v>140</c:v>
                </c:pt>
                <c:pt idx="140">
                  <c:v>141</c:v>
                </c:pt>
                <c:pt idx="141">
                  <c:v>142</c:v>
                </c:pt>
                <c:pt idx="142">
                  <c:v>143</c:v>
                </c:pt>
                <c:pt idx="143">
                  <c:v>144</c:v>
                </c:pt>
                <c:pt idx="144">
                  <c:v>145</c:v>
                </c:pt>
                <c:pt idx="145">
                  <c:v>146</c:v>
                </c:pt>
                <c:pt idx="146">
                  <c:v>147</c:v>
                </c:pt>
                <c:pt idx="147">
                  <c:v>148</c:v>
                </c:pt>
                <c:pt idx="148">
                  <c:v>149</c:v>
                </c:pt>
                <c:pt idx="149">
                  <c:v>150</c:v>
                </c:pt>
                <c:pt idx="150">
                  <c:v>151</c:v>
                </c:pt>
                <c:pt idx="151">
                  <c:v>152</c:v>
                </c:pt>
                <c:pt idx="152">
                  <c:v>153</c:v>
                </c:pt>
                <c:pt idx="153">
                  <c:v>154</c:v>
                </c:pt>
                <c:pt idx="154">
                  <c:v>155</c:v>
                </c:pt>
                <c:pt idx="155">
                  <c:v>156</c:v>
                </c:pt>
                <c:pt idx="156">
                  <c:v>157</c:v>
                </c:pt>
                <c:pt idx="157">
                  <c:v>158</c:v>
                </c:pt>
                <c:pt idx="158">
                  <c:v>159</c:v>
                </c:pt>
                <c:pt idx="159">
                  <c:v>160</c:v>
                </c:pt>
                <c:pt idx="160">
                  <c:v>161</c:v>
                </c:pt>
                <c:pt idx="161">
                  <c:v>162</c:v>
                </c:pt>
                <c:pt idx="162">
                  <c:v>163</c:v>
                </c:pt>
                <c:pt idx="163">
                  <c:v>164</c:v>
                </c:pt>
                <c:pt idx="164">
                  <c:v>165</c:v>
                </c:pt>
                <c:pt idx="165">
                  <c:v>166</c:v>
                </c:pt>
                <c:pt idx="166">
                  <c:v>167</c:v>
                </c:pt>
                <c:pt idx="167">
                  <c:v>168</c:v>
                </c:pt>
                <c:pt idx="168">
                  <c:v>169</c:v>
                </c:pt>
                <c:pt idx="169">
                  <c:v>170</c:v>
                </c:pt>
                <c:pt idx="170">
                  <c:v>171</c:v>
                </c:pt>
                <c:pt idx="171">
                  <c:v>172</c:v>
                </c:pt>
                <c:pt idx="172">
                  <c:v>173</c:v>
                </c:pt>
                <c:pt idx="173">
                  <c:v>174</c:v>
                </c:pt>
                <c:pt idx="174">
                  <c:v>175</c:v>
                </c:pt>
                <c:pt idx="175">
                  <c:v>176</c:v>
                </c:pt>
                <c:pt idx="176">
                  <c:v>177</c:v>
                </c:pt>
                <c:pt idx="177">
                  <c:v>178</c:v>
                </c:pt>
                <c:pt idx="178">
                  <c:v>179</c:v>
                </c:pt>
                <c:pt idx="179">
                  <c:v>180</c:v>
                </c:pt>
                <c:pt idx="180">
                  <c:v>181</c:v>
                </c:pt>
                <c:pt idx="181">
                  <c:v>182</c:v>
                </c:pt>
                <c:pt idx="182">
                  <c:v>183</c:v>
                </c:pt>
                <c:pt idx="183">
                  <c:v>184</c:v>
                </c:pt>
                <c:pt idx="184">
                  <c:v>185</c:v>
                </c:pt>
                <c:pt idx="185">
                  <c:v>186</c:v>
                </c:pt>
                <c:pt idx="186">
                  <c:v>187</c:v>
                </c:pt>
                <c:pt idx="187">
                  <c:v>188</c:v>
                </c:pt>
                <c:pt idx="188">
                  <c:v>189</c:v>
                </c:pt>
                <c:pt idx="189">
                  <c:v>190</c:v>
                </c:pt>
                <c:pt idx="190">
                  <c:v>191</c:v>
                </c:pt>
                <c:pt idx="191">
                  <c:v>192</c:v>
                </c:pt>
                <c:pt idx="192">
                  <c:v>193</c:v>
                </c:pt>
                <c:pt idx="193">
                  <c:v>194</c:v>
                </c:pt>
              </c:numCache>
            </c:numRef>
          </c:cat>
          <c:val>
            <c:numRef>
              <c:f>total!$AW$2:$AW$195</c:f>
              <c:numCache>
                <c:formatCode>0</c:formatCode>
                <c:ptCount val="194"/>
                <c:pt idx="0">
                  <c:v>6384944640</c:v>
                </c:pt>
                <c:pt idx="1">
                  <c:v>7863967232</c:v>
                </c:pt>
                <c:pt idx="2">
                  <c:v>8565480960</c:v>
                </c:pt>
                <c:pt idx="3">
                  <c:v>8861714432</c:v>
                </c:pt>
                <c:pt idx="4">
                  <c:v>9018820608</c:v>
                </c:pt>
                <c:pt idx="5">
                  <c:v>11947762688</c:v>
                </c:pt>
                <c:pt idx="6">
                  <c:v>16512793600</c:v>
                </c:pt>
                <c:pt idx="7">
                  <c:v>23134523392</c:v>
                </c:pt>
                <c:pt idx="8">
                  <c:v>25838422016</c:v>
                </c:pt>
                <c:pt idx="9">
                  <c:v>32361062400</c:v>
                </c:pt>
                <c:pt idx="10">
                  <c:v>32510283776</c:v>
                </c:pt>
                <c:pt idx="11">
                  <c:v>32930365440</c:v>
                </c:pt>
                <c:pt idx="12">
                  <c:v>35259105280</c:v>
                </c:pt>
                <c:pt idx="13">
                  <c:v>38828781568</c:v>
                </c:pt>
                <c:pt idx="14">
                  <c:v>45377564672</c:v>
                </c:pt>
                <c:pt idx="15">
                  <c:v>48871022592</c:v>
                </c:pt>
                <c:pt idx="16">
                  <c:v>53491273728</c:v>
                </c:pt>
                <c:pt idx="17">
                  <c:v>53582368768</c:v>
                </c:pt>
                <c:pt idx="18">
                  <c:v>53803278336</c:v>
                </c:pt>
                <c:pt idx="19">
                  <c:v>54849421312</c:v>
                </c:pt>
                <c:pt idx="20">
                  <c:v>57105944576</c:v>
                </c:pt>
                <c:pt idx="21">
                  <c:v>59243225088</c:v>
                </c:pt>
                <c:pt idx="22">
                  <c:v>62570577920</c:v>
                </c:pt>
                <c:pt idx="23">
                  <c:v>64994541568</c:v>
                </c:pt>
                <c:pt idx="24">
                  <c:v>65032564736</c:v>
                </c:pt>
                <c:pt idx="25">
                  <c:v>65134342144</c:v>
                </c:pt>
                <c:pt idx="26">
                  <c:v>66884259840</c:v>
                </c:pt>
                <c:pt idx="27">
                  <c:v>69976326144</c:v>
                </c:pt>
                <c:pt idx="28">
                  <c:v>72528035840</c:v>
                </c:pt>
                <c:pt idx="29">
                  <c:v>76313870336</c:v>
                </c:pt>
                <c:pt idx="30">
                  <c:v>86386573312</c:v>
                </c:pt>
                <c:pt idx="31">
                  <c:v>92068487168</c:v>
                </c:pt>
                <c:pt idx="32">
                  <c:v>92309135360</c:v>
                </c:pt>
                <c:pt idx="33">
                  <c:v>106567827456</c:v>
                </c:pt>
                <c:pt idx="34">
                  <c:v>108185280512</c:v>
                </c:pt>
                <c:pt idx="35">
                  <c:v>109941637120</c:v>
                </c:pt>
                <c:pt idx="36">
                  <c:v>113426948096</c:v>
                </c:pt>
                <c:pt idx="37">
                  <c:v>115028967424</c:v>
                </c:pt>
                <c:pt idx="38">
                  <c:v>115054542848</c:v>
                </c:pt>
                <c:pt idx="39">
                  <c:v>115180847104</c:v>
                </c:pt>
                <c:pt idx="40">
                  <c:v>117901557760</c:v>
                </c:pt>
                <c:pt idx="41">
                  <c:v>119124262912</c:v>
                </c:pt>
                <c:pt idx="42">
                  <c:v>122335952896</c:v>
                </c:pt>
                <c:pt idx="43">
                  <c:v>129979965440</c:v>
                </c:pt>
                <c:pt idx="44">
                  <c:v>132821966848</c:v>
                </c:pt>
                <c:pt idx="45">
                  <c:v>133272600576</c:v>
                </c:pt>
                <c:pt idx="46">
                  <c:v>133472600064</c:v>
                </c:pt>
                <c:pt idx="47">
                  <c:v>134593404928</c:v>
                </c:pt>
                <c:pt idx="48">
                  <c:v>137222512640</c:v>
                </c:pt>
                <c:pt idx="49">
                  <c:v>140680658944</c:v>
                </c:pt>
                <c:pt idx="50">
                  <c:v>143129952256</c:v>
                </c:pt>
                <c:pt idx="51">
                  <c:v>145614159872</c:v>
                </c:pt>
                <c:pt idx="52">
                  <c:v>145819090944</c:v>
                </c:pt>
                <c:pt idx="53">
                  <c:v>146564497408</c:v>
                </c:pt>
                <c:pt idx="54">
                  <c:v>148870365184</c:v>
                </c:pt>
                <c:pt idx="55">
                  <c:v>152408899584</c:v>
                </c:pt>
                <c:pt idx="56">
                  <c:v>155031683072</c:v>
                </c:pt>
                <c:pt idx="57">
                  <c:v>159099355136</c:v>
                </c:pt>
                <c:pt idx="58">
                  <c:v>168944500736</c:v>
                </c:pt>
                <c:pt idx="59">
                  <c:v>170109943808</c:v>
                </c:pt>
                <c:pt idx="60">
                  <c:v>177837129728</c:v>
                </c:pt>
                <c:pt idx="61">
                  <c:v>181351563264</c:v>
                </c:pt>
                <c:pt idx="62">
                  <c:v>184551604224</c:v>
                </c:pt>
                <c:pt idx="63">
                  <c:v>189736861696</c:v>
                </c:pt>
                <c:pt idx="64">
                  <c:v>191951339520</c:v>
                </c:pt>
                <c:pt idx="65">
                  <c:v>194723708928</c:v>
                </c:pt>
                <c:pt idx="66">
                  <c:v>194752315392</c:v>
                </c:pt>
                <c:pt idx="67">
                  <c:v>194794651648</c:v>
                </c:pt>
                <c:pt idx="68">
                  <c:v>196570005504</c:v>
                </c:pt>
                <c:pt idx="69">
                  <c:v>199762690048</c:v>
                </c:pt>
                <c:pt idx="70">
                  <c:v>201806200832</c:v>
                </c:pt>
                <c:pt idx="71">
                  <c:v>205957955584</c:v>
                </c:pt>
                <c:pt idx="72">
                  <c:v>208398532608</c:v>
                </c:pt>
                <c:pt idx="73">
                  <c:v>208423501824</c:v>
                </c:pt>
                <c:pt idx="74">
                  <c:v>208802250752</c:v>
                </c:pt>
                <c:pt idx="75">
                  <c:v>210842173440</c:v>
                </c:pt>
                <c:pt idx="76">
                  <c:v>213550743552</c:v>
                </c:pt>
                <c:pt idx="77">
                  <c:v>215084875776</c:v>
                </c:pt>
                <c:pt idx="78">
                  <c:v>217192824832</c:v>
                </c:pt>
                <c:pt idx="79">
                  <c:v>219706884096</c:v>
                </c:pt>
                <c:pt idx="80">
                  <c:v>219726544896</c:v>
                </c:pt>
                <c:pt idx="81">
                  <c:v>219745320960</c:v>
                </c:pt>
                <c:pt idx="82">
                  <c:v>222136877056</c:v>
                </c:pt>
                <c:pt idx="83">
                  <c:v>224508821504</c:v>
                </c:pt>
                <c:pt idx="84">
                  <c:v>226622521344</c:v>
                </c:pt>
                <c:pt idx="85">
                  <c:v>229598642176</c:v>
                </c:pt>
                <c:pt idx="86">
                  <c:v>232290353152</c:v>
                </c:pt>
                <c:pt idx="87">
                  <c:v>232302264320</c:v>
                </c:pt>
                <c:pt idx="88">
                  <c:v>232331657216</c:v>
                </c:pt>
                <c:pt idx="89">
                  <c:v>235345707008</c:v>
                </c:pt>
                <c:pt idx="90">
                  <c:v>249610633216</c:v>
                </c:pt>
                <c:pt idx="91">
                  <c:v>254487248896</c:v>
                </c:pt>
                <c:pt idx="92">
                  <c:v>255695749120</c:v>
                </c:pt>
                <c:pt idx="93">
                  <c:v>257037385728</c:v>
                </c:pt>
                <c:pt idx="94">
                  <c:v>257101725696</c:v>
                </c:pt>
                <c:pt idx="95">
                  <c:v>257204109312</c:v>
                </c:pt>
                <c:pt idx="96">
                  <c:v>258825486336</c:v>
                </c:pt>
                <c:pt idx="97">
                  <c:v>261073125376</c:v>
                </c:pt>
                <c:pt idx="98">
                  <c:v>264732672000</c:v>
                </c:pt>
                <c:pt idx="99">
                  <c:v>271785033728</c:v>
                </c:pt>
                <c:pt idx="100">
                  <c:v>272405676032</c:v>
                </c:pt>
                <c:pt idx="101">
                  <c:v>272414425088</c:v>
                </c:pt>
                <c:pt idx="102">
                  <c:v>272435265536</c:v>
                </c:pt>
                <c:pt idx="103">
                  <c:v>273117003776</c:v>
                </c:pt>
                <c:pt idx="104">
                  <c:v>274436128768</c:v>
                </c:pt>
                <c:pt idx="105">
                  <c:v>276102610944</c:v>
                </c:pt>
                <c:pt idx="106">
                  <c:v>277284651008</c:v>
                </c:pt>
                <c:pt idx="107">
                  <c:v>278945464320</c:v>
                </c:pt>
                <c:pt idx="108">
                  <c:v>278966206464</c:v>
                </c:pt>
                <c:pt idx="109">
                  <c:v>279081254912</c:v>
                </c:pt>
                <c:pt idx="110">
                  <c:v>280232001536</c:v>
                </c:pt>
                <c:pt idx="111">
                  <c:v>281151242240</c:v>
                </c:pt>
                <c:pt idx="112">
                  <c:v>283342569472</c:v>
                </c:pt>
                <c:pt idx="113">
                  <c:v>284127264768</c:v>
                </c:pt>
                <c:pt idx="114">
                  <c:v>285685874688</c:v>
                </c:pt>
                <c:pt idx="115">
                  <c:v>285882056704</c:v>
                </c:pt>
                <c:pt idx="116">
                  <c:v>285946281984</c:v>
                </c:pt>
                <c:pt idx="117">
                  <c:v>286672125952</c:v>
                </c:pt>
                <c:pt idx="118">
                  <c:v>288982040576</c:v>
                </c:pt>
                <c:pt idx="119">
                  <c:v>290509258752</c:v>
                </c:pt>
                <c:pt idx="120">
                  <c:v>296208924672</c:v>
                </c:pt>
                <c:pt idx="121">
                  <c:v>302885732352</c:v>
                </c:pt>
                <c:pt idx="122">
                  <c:v>302936064000</c:v>
                </c:pt>
                <c:pt idx="123">
                  <c:v>303254994944</c:v>
                </c:pt>
                <c:pt idx="124">
                  <c:v>304645701632</c:v>
                </c:pt>
                <c:pt idx="125">
                  <c:v>305404510208</c:v>
                </c:pt>
                <c:pt idx="126">
                  <c:v>306583339008</c:v>
                </c:pt>
                <c:pt idx="127">
                  <c:v>308239663104</c:v>
                </c:pt>
                <c:pt idx="128">
                  <c:v>309226012672</c:v>
                </c:pt>
                <c:pt idx="129">
                  <c:v>309229879296</c:v>
                </c:pt>
                <c:pt idx="130">
                  <c:v>309324152832</c:v>
                </c:pt>
                <c:pt idx="131">
                  <c:v>310705422336</c:v>
                </c:pt>
                <c:pt idx="132">
                  <c:v>312450940928</c:v>
                </c:pt>
                <c:pt idx="133">
                  <c:v>313276071936</c:v>
                </c:pt>
                <c:pt idx="134">
                  <c:v>314483081216</c:v>
                </c:pt>
                <c:pt idx="135">
                  <c:v>322930016256</c:v>
                </c:pt>
                <c:pt idx="136">
                  <c:v>322978480128</c:v>
                </c:pt>
                <c:pt idx="137">
                  <c:v>323466330112</c:v>
                </c:pt>
                <c:pt idx="138">
                  <c:v>324316725248</c:v>
                </c:pt>
                <c:pt idx="139">
                  <c:v>325203034112</c:v>
                </c:pt>
                <c:pt idx="140">
                  <c:v>327646347264</c:v>
                </c:pt>
                <c:pt idx="141">
                  <c:v>329114910720</c:v>
                </c:pt>
                <c:pt idx="142">
                  <c:v>330222403584</c:v>
                </c:pt>
                <c:pt idx="143">
                  <c:v>330421633024</c:v>
                </c:pt>
                <c:pt idx="144">
                  <c:v>330429235200</c:v>
                </c:pt>
                <c:pt idx="145">
                  <c:v>330947919872</c:v>
                </c:pt>
                <c:pt idx="146">
                  <c:v>332191531008</c:v>
                </c:pt>
                <c:pt idx="147">
                  <c:v>334286651392</c:v>
                </c:pt>
                <c:pt idx="148">
                  <c:v>336089251840</c:v>
                </c:pt>
                <c:pt idx="149">
                  <c:v>341125070848</c:v>
                </c:pt>
                <c:pt idx="150">
                  <c:v>342351642624</c:v>
                </c:pt>
                <c:pt idx="151">
                  <c:v>343107502080</c:v>
                </c:pt>
                <c:pt idx="152">
                  <c:v>347855552512</c:v>
                </c:pt>
                <c:pt idx="153">
                  <c:v>348767715328</c:v>
                </c:pt>
                <c:pt idx="154">
                  <c:v>350025547776</c:v>
                </c:pt>
                <c:pt idx="155">
                  <c:v>352384024576</c:v>
                </c:pt>
                <c:pt idx="156">
                  <c:v>353731215360</c:v>
                </c:pt>
                <c:pt idx="157">
                  <c:v>353879064576</c:v>
                </c:pt>
                <c:pt idx="158">
                  <c:v>354274050048</c:v>
                </c:pt>
                <c:pt idx="159">
                  <c:v>355522084864</c:v>
                </c:pt>
                <c:pt idx="160">
                  <c:v>356276109312</c:v>
                </c:pt>
                <c:pt idx="161">
                  <c:v>358258933760</c:v>
                </c:pt>
                <c:pt idx="162">
                  <c:v>360819556352</c:v>
                </c:pt>
                <c:pt idx="163">
                  <c:v>361621159936</c:v>
                </c:pt>
                <c:pt idx="164">
                  <c:v>361654353920</c:v>
                </c:pt>
                <c:pt idx="165">
                  <c:v>361656975360</c:v>
                </c:pt>
                <c:pt idx="166">
                  <c:v>362898522112</c:v>
                </c:pt>
                <c:pt idx="167">
                  <c:v>364923551744</c:v>
                </c:pt>
                <c:pt idx="168">
                  <c:v>366281719808</c:v>
                </c:pt>
                <c:pt idx="169">
                  <c:v>368094707712</c:v>
                </c:pt>
                <c:pt idx="170">
                  <c:v>369816993792</c:v>
                </c:pt>
                <c:pt idx="171">
                  <c:v>369913036800</c:v>
                </c:pt>
                <c:pt idx="172">
                  <c:v>369999151104</c:v>
                </c:pt>
                <c:pt idx="173">
                  <c:v>371966148608</c:v>
                </c:pt>
                <c:pt idx="174">
                  <c:v>373162377216</c:v>
                </c:pt>
                <c:pt idx="175">
                  <c:v>374413623296</c:v>
                </c:pt>
                <c:pt idx="176">
                  <c:v>377255067648</c:v>
                </c:pt>
                <c:pt idx="177">
                  <c:v>378739064832</c:v>
                </c:pt>
                <c:pt idx="178">
                  <c:v>378861780992</c:v>
                </c:pt>
                <c:pt idx="179">
                  <c:v>378937737216</c:v>
                </c:pt>
                <c:pt idx="180">
                  <c:v>382490738688</c:v>
                </c:pt>
                <c:pt idx="181">
                  <c:v>396297175040</c:v>
                </c:pt>
                <c:pt idx="182">
                  <c:v>401569775616</c:v>
                </c:pt>
                <c:pt idx="183">
                  <c:v>403474808832</c:v>
                </c:pt>
                <c:pt idx="184">
                  <c:v>404229226496</c:v>
                </c:pt>
                <c:pt idx="185">
                  <c:v>404297973760</c:v>
                </c:pt>
                <c:pt idx="186">
                  <c:v>404318584832</c:v>
                </c:pt>
                <c:pt idx="187">
                  <c:v>406147203072</c:v>
                </c:pt>
                <c:pt idx="188">
                  <c:v>407150755840</c:v>
                </c:pt>
                <c:pt idx="189">
                  <c:v>408888901632</c:v>
                </c:pt>
                <c:pt idx="190">
                  <c:v>411965227008</c:v>
                </c:pt>
                <c:pt idx="191">
                  <c:v>415203557376</c:v>
                </c:pt>
                <c:pt idx="192">
                  <c:v>415268896768</c:v>
                </c:pt>
                <c:pt idx="193">
                  <c:v>415285280768</c:v>
                </c:pt>
              </c:numCache>
            </c:numRef>
          </c:val>
          <c:smooth val="0"/>
          <c:extLst>
            <c:ext xmlns:c16="http://schemas.microsoft.com/office/drawing/2014/chart" uri="{C3380CC4-5D6E-409C-BE32-E72D297353CC}">
              <c16:uniqueId val="{00000001-5AA1-4895-9EDB-2BD504E12067}"/>
            </c:ext>
          </c:extLst>
        </c:ser>
        <c:ser>
          <c:idx val="7"/>
          <c:order val="7"/>
          <c:tx>
            <c:strRef>
              <c:f>total!$AX$1</c:f>
              <c:strCache>
                <c:ptCount val="1"/>
                <c:pt idx="0">
                  <c:v>2021</c:v>
                </c:pt>
              </c:strCache>
            </c:strRef>
          </c:tx>
          <c:marker>
            <c:symbol val="none"/>
          </c:marker>
          <c:cat>
            <c:numRef>
              <c:f>total!$A$2:$A$195</c:f>
              <c:numCache>
                <c:formatCode>m/d/yyyy</c:formatCode>
                <c:ptCount val="194"/>
                <c:pt idx="0">
                  <c:v>1</c:v>
                </c:pt>
                <c:pt idx="1">
                  <c:v>2</c:v>
                </c:pt>
                <c:pt idx="2">
                  <c:v>3</c:v>
                </c:pt>
                <c:pt idx="3">
                  <c:v>4</c:v>
                </c:pt>
                <c:pt idx="4">
                  <c:v>5</c:v>
                </c:pt>
                <c:pt idx="5">
                  <c:v>6</c:v>
                </c:pt>
                <c:pt idx="6">
                  <c:v>7</c:v>
                </c:pt>
                <c:pt idx="7">
                  <c:v>8</c:v>
                </c:pt>
                <c:pt idx="8">
                  <c:v>9</c:v>
                </c:pt>
                <c:pt idx="9">
                  <c:v>10</c:v>
                </c:pt>
                <c:pt idx="10">
                  <c:v>11</c:v>
                </c:pt>
                <c:pt idx="11">
                  <c:v>12</c:v>
                </c:pt>
                <c:pt idx="12">
                  <c:v>13</c:v>
                </c:pt>
                <c:pt idx="13">
                  <c:v>14</c:v>
                </c:pt>
                <c:pt idx="14">
                  <c:v>15</c:v>
                </c:pt>
                <c:pt idx="15">
                  <c:v>16</c:v>
                </c:pt>
                <c:pt idx="16">
                  <c:v>17</c:v>
                </c:pt>
                <c:pt idx="17">
                  <c:v>18</c:v>
                </c:pt>
                <c:pt idx="18">
                  <c:v>19</c:v>
                </c:pt>
                <c:pt idx="19">
                  <c:v>20</c:v>
                </c:pt>
                <c:pt idx="20">
                  <c:v>21</c:v>
                </c:pt>
                <c:pt idx="21">
                  <c:v>22</c:v>
                </c:pt>
                <c:pt idx="22">
                  <c:v>23</c:v>
                </c:pt>
                <c:pt idx="23">
                  <c:v>24</c:v>
                </c:pt>
                <c:pt idx="24">
                  <c:v>25</c:v>
                </c:pt>
                <c:pt idx="25">
                  <c:v>26</c:v>
                </c:pt>
                <c:pt idx="26">
                  <c:v>27</c:v>
                </c:pt>
                <c:pt idx="27">
                  <c:v>28</c:v>
                </c:pt>
                <c:pt idx="28">
                  <c:v>29</c:v>
                </c:pt>
                <c:pt idx="29">
                  <c:v>30</c:v>
                </c:pt>
                <c:pt idx="30">
                  <c:v>31</c:v>
                </c:pt>
                <c:pt idx="31">
                  <c:v>32</c:v>
                </c:pt>
                <c:pt idx="32">
                  <c:v>33</c:v>
                </c:pt>
                <c:pt idx="33">
                  <c:v>34</c:v>
                </c:pt>
                <c:pt idx="34">
                  <c:v>35</c:v>
                </c:pt>
                <c:pt idx="35">
                  <c:v>36</c:v>
                </c:pt>
                <c:pt idx="36">
                  <c:v>37</c:v>
                </c:pt>
                <c:pt idx="37">
                  <c:v>38</c:v>
                </c:pt>
                <c:pt idx="38">
                  <c:v>39</c:v>
                </c:pt>
                <c:pt idx="39">
                  <c:v>40</c:v>
                </c:pt>
                <c:pt idx="40">
                  <c:v>41</c:v>
                </c:pt>
                <c:pt idx="41">
                  <c:v>42</c:v>
                </c:pt>
                <c:pt idx="42">
                  <c:v>43</c:v>
                </c:pt>
                <c:pt idx="43">
                  <c:v>44</c:v>
                </c:pt>
                <c:pt idx="44">
                  <c:v>45</c:v>
                </c:pt>
                <c:pt idx="45">
                  <c:v>46</c:v>
                </c:pt>
                <c:pt idx="46">
                  <c:v>47</c:v>
                </c:pt>
                <c:pt idx="47">
                  <c:v>48</c:v>
                </c:pt>
                <c:pt idx="48">
                  <c:v>49</c:v>
                </c:pt>
                <c:pt idx="49">
                  <c:v>50</c:v>
                </c:pt>
                <c:pt idx="50">
                  <c:v>51</c:v>
                </c:pt>
                <c:pt idx="51">
                  <c:v>52</c:v>
                </c:pt>
                <c:pt idx="52">
                  <c:v>53</c:v>
                </c:pt>
                <c:pt idx="53">
                  <c:v>54</c:v>
                </c:pt>
                <c:pt idx="54">
                  <c:v>55</c:v>
                </c:pt>
                <c:pt idx="55">
                  <c:v>56</c:v>
                </c:pt>
                <c:pt idx="56">
                  <c:v>57</c:v>
                </c:pt>
                <c:pt idx="57">
                  <c:v>58</c:v>
                </c:pt>
                <c:pt idx="58">
                  <c:v>59</c:v>
                </c:pt>
                <c:pt idx="59">
                  <c:v>60</c:v>
                </c:pt>
                <c:pt idx="60">
                  <c:v>61</c:v>
                </c:pt>
                <c:pt idx="61">
                  <c:v>62</c:v>
                </c:pt>
                <c:pt idx="62">
                  <c:v>63</c:v>
                </c:pt>
                <c:pt idx="63">
                  <c:v>64</c:v>
                </c:pt>
                <c:pt idx="64">
                  <c:v>65</c:v>
                </c:pt>
                <c:pt idx="65">
                  <c:v>66</c:v>
                </c:pt>
                <c:pt idx="66">
                  <c:v>67</c:v>
                </c:pt>
                <c:pt idx="67">
                  <c:v>68</c:v>
                </c:pt>
                <c:pt idx="68">
                  <c:v>69</c:v>
                </c:pt>
                <c:pt idx="69">
                  <c:v>70</c:v>
                </c:pt>
                <c:pt idx="70">
                  <c:v>71</c:v>
                </c:pt>
                <c:pt idx="71">
                  <c:v>72</c:v>
                </c:pt>
                <c:pt idx="72">
                  <c:v>73</c:v>
                </c:pt>
                <c:pt idx="73">
                  <c:v>74</c:v>
                </c:pt>
                <c:pt idx="74">
                  <c:v>75</c:v>
                </c:pt>
                <c:pt idx="75">
                  <c:v>76</c:v>
                </c:pt>
                <c:pt idx="76">
                  <c:v>77</c:v>
                </c:pt>
                <c:pt idx="77">
                  <c:v>78</c:v>
                </c:pt>
                <c:pt idx="78">
                  <c:v>79</c:v>
                </c:pt>
                <c:pt idx="79">
                  <c:v>80</c:v>
                </c:pt>
                <c:pt idx="80">
                  <c:v>81</c:v>
                </c:pt>
                <c:pt idx="81">
                  <c:v>82</c:v>
                </c:pt>
                <c:pt idx="82">
                  <c:v>83</c:v>
                </c:pt>
                <c:pt idx="83">
                  <c:v>84</c:v>
                </c:pt>
                <c:pt idx="84">
                  <c:v>85</c:v>
                </c:pt>
                <c:pt idx="85">
                  <c:v>86</c:v>
                </c:pt>
                <c:pt idx="86">
                  <c:v>87</c:v>
                </c:pt>
                <c:pt idx="87">
                  <c:v>88</c:v>
                </c:pt>
                <c:pt idx="88">
                  <c:v>89</c:v>
                </c:pt>
                <c:pt idx="89">
                  <c:v>90</c:v>
                </c:pt>
                <c:pt idx="90">
                  <c:v>91</c:v>
                </c:pt>
                <c:pt idx="91">
                  <c:v>92</c:v>
                </c:pt>
                <c:pt idx="92">
                  <c:v>93</c:v>
                </c:pt>
                <c:pt idx="93">
                  <c:v>94</c:v>
                </c:pt>
                <c:pt idx="94">
                  <c:v>95</c:v>
                </c:pt>
                <c:pt idx="95">
                  <c:v>96</c:v>
                </c:pt>
                <c:pt idx="96">
                  <c:v>97</c:v>
                </c:pt>
                <c:pt idx="97">
                  <c:v>98</c:v>
                </c:pt>
                <c:pt idx="98">
                  <c:v>99</c:v>
                </c:pt>
                <c:pt idx="99">
                  <c:v>100</c:v>
                </c:pt>
                <c:pt idx="100">
                  <c:v>101</c:v>
                </c:pt>
                <c:pt idx="101">
                  <c:v>102</c:v>
                </c:pt>
                <c:pt idx="102">
                  <c:v>103</c:v>
                </c:pt>
                <c:pt idx="103">
                  <c:v>104</c:v>
                </c:pt>
                <c:pt idx="104">
                  <c:v>105</c:v>
                </c:pt>
                <c:pt idx="105">
                  <c:v>106</c:v>
                </c:pt>
                <c:pt idx="106">
                  <c:v>107</c:v>
                </c:pt>
                <c:pt idx="107">
                  <c:v>108</c:v>
                </c:pt>
                <c:pt idx="108">
                  <c:v>109</c:v>
                </c:pt>
                <c:pt idx="109">
                  <c:v>110</c:v>
                </c:pt>
                <c:pt idx="110">
                  <c:v>111</c:v>
                </c:pt>
                <c:pt idx="111">
                  <c:v>112</c:v>
                </c:pt>
                <c:pt idx="112">
                  <c:v>113</c:v>
                </c:pt>
                <c:pt idx="113">
                  <c:v>114</c:v>
                </c:pt>
                <c:pt idx="114">
                  <c:v>115</c:v>
                </c:pt>
                <c:pt idx="115">
                  <c:v>116</c:v>
                </c:pt>
                <c:pt idx="116">
                  <c:v>117</c:v>
                </c:pt>
                <c:pt idx="117">
                  <c:v>118</c:v>
                </c:pt>
                <c:pt idx="118">
                  <c:v>119</c:v>
                </c:pt>
                <c:pt idx="119">
                  <c:v>120</c:v>
                </c:pt>
                <c:pt idx="120">
                  <c:v>121</c:v>
                </c:pt>
                <c:pt idx="121">
                  <c:v>122</c:v>
                </c:pt>
                <c:pt idx="122">
                  <c:v>123</c:v>
                </c:pt>
                <c:pt idx="123">
                  <c:v>124</c:v>
                </c:pt>
                <c:pt idx="124">
                  <c:v>125</c:v>
                </c:pt>
                <c:pt idx="125">
                  <c:v>126</c:v>
                </c:pt>
                <c:pt idx="126">
                  <c:v>127</c:v>
                </c:pt>
                <c:pt idx="127">
                  <c:v>128</c:v>
                </c:pt>
                <c:pt idx="128">
                  <c:v>129</c:v>
                </c:pt>
                <c:pt idx="129">
                  <c:v>130</c:v>
                </c:pt>
                <c:pt idx="130">
                  <c:v>131</c:v>
                </c:pt>
                <c:pt idx="131">
                  <c:v>132</c:v>
                </c:pt>
                <c:pt idx="132">
                  <c:v>133</c:v>
                </c:pt>
                <c:pt idx="133">
                  <c:v>134</c:v>
                </c:pt>
                <c:pt idx="134">
                  <c:v>135</c:v>
                </c:pt>
                <c:pt idx="135">
                  <c:v>136</c:v>
                </c:pt>
                <c:pt idx="136">
                  <c:v>137</c:v>
                </c:pt>
                <c:pt idx="137">
                  <c:v>138</c:v>
                </c:pt>
                <c:pt idx="138">
                  <c:v>139</c:v>
                </c:pt>
                <c:pt idx="139">
                  <c:v>140</c:v>
                </c:pt>
                <c:pt idx="140">
                  <c:v>141</c:v>
                </c:pt>
                <c:pt idx="141">
                  <c:v>142</c:v>
                </c:pt>
                <c:pt idx="142">
                  <c:v>143</c:v>
                </c:pt>
                <c:pt idx="143">
                  <c:v>144</c:v>
                </c:pt>
                <c:pt idx="144">
                  <c:v>145</c:v>
                </c:pt>
                <c:pt idx="145">
                  <c:v>146</c:v>
                </c:pt>
                <c:pt idx="146">
                  <c:v>147</c:v>
                </c:pt>
                <c:pt idx="147">
                  <c:v>148</c:v>
                </c:pt>
                <c:pt idx="148">
                  <c:v>149</c:v>
                </c:pt>
                <c:pt idx="149">
                  <c:v>150</c:v>
                </c:pt>
                <c:pt idx="150">
                  <c:v>151</c:v>
                </c:pt>
                <c:pt idx="151">
                  <c:v>152</c:v>
                </c:pt>
                <c:pt idx="152">
                  <c:v>153</c:v>
                </c:pt>
                <c:pt idx="153">
                  <c:v>154</c:v>
                </c:pt>
                <c:pt idx="154">
                  <c:v>155</c:v>
                </c:pt>
                <c:pt idx="155">
                  <c:v>156</c:v>
                </c:pt>
                <c:pt idx="156">
                  <c:v>157</c:v>
                </c:pt>
                <c:pt idx="157">
                  <c:v>158</c:v>
                </c:pt>
                <c:pt idx="158">
                  <c:v>159</c:v>
                </c:pt>
                <c:pt idx="159">
                  <c:v>160</c:v>
                </c:pt>
                <c:pt idx="160">
                  <c:v>161</c:v>
                </c:pt>
                <c:pt idx="161">
                  <c:v>162</c:v>
                </c:pt>
                <c:pt idx="162">
                  <c:v>163</c:v>
                </c:pt>
                <c:pt idx="163">
                  <c:v>164</c:v>
                </c:pt>
                <c:pt idx="164">
                  <c:v>165</c:v>
                </c:pt>
                <c:pt idx="165">
                  <c:v>166</c:v>
                </c:pt>
                <c:pt idx="166">
                  <c:v>167</c:v>
                </c:pt>
                <c:pt idx="167">
                  <c:v>168</c:v>
                </c:pt>
                <c:pt idx="168">
                  <c:v>169</c:v>
                </c:pt>
                <c:pt idx="169">
                  <c:v>170</c:v>
                </c:pt>
                <c:pt idx="170">
                  <c:v>171</c:v>
                </c:pt>
                <c:pt idx="171">
                  <c:v>172</c:v>
                </c:pt>
                <c:pt idx="172">
                  <c:v>173</c:v>
                </c:pt>
                <c:pt idx="173">
                  <c:v>174</c:v>
                </c:pt>
                <c:pt idx="174">
                  <c:v>175</c:v>
                </c:pt>
                <c:pt idx="175">
                  <c:v>176</c:v>
                </c:pt>
                <c:pt idx="176">
                  <c:v>177</c:v>
                </c:pt>
                <c:pt idx="177">
                  <c:v>178</c:v>
                </c:pt>
                <c:pt idx="178">
                  <c:v>179</c:v>
                </c:pt>
                <c:pt idx="179">
                  <c:v>180</c:v>
                </c:pt>
                <c:pt idx="180">
                  <c:v>181</c:v>
                </c:pt>
                <c:pt idx="181">
                  <c:v>182</c:v>
                </c:pt>
                <c:pt idx="182">
                  <c:v>183</c:v>
                </c:pt>
                <c:pt idx="183">
                  <c:v>184</c:v>
                </c:pt>
                <c:pt idx="184">
                  <c:v>185</c:v>
                </c:pt>
                <c:pt idx="185">
                  <c:v>186</c:v>
                </c:pt>
                <c:pt idx="186">
                  <c:v>187</c:v>
                </c:pt>
                <c:pt idx="187">
                  <c:v>188</c:v>
                </c:pt>
                <c:pt idx="188">
                  <c:v>189</c:v>
                </c:pt>
                <c:pt idx="189">
                  <c:v>190</c:v>
                </c:pt>
                <c:pt idx="190">
                  <c:v>191</c:v>
                </c:pt>
                <c:pt idx="191">
                  <c:v>192</c:v>
                </c:pt>
                <c:pt idx="192">
                  <c:v>193</c:v>
                </c:pt>
                <c:pt idx="193">
                  <c:v>194</c:v>
                </c:pt>
              </c:numCache>
            </c:numRef>
          </c:cat>
          <c:val>
            <c:numRef>
              <c:f>total!$AX$2:$AX$195</c:f>
              <c:numCache>
                <c:formatCode>0</c:formatCode>
                <c:ptCount val="194"/>
                <c:pt idx="0">
                  <c:v>4656180736</c:v>
                </c:pt>
                <c:pt idx="1">
                  <c:v>5210301952</c:v>
                </c:pt>
                <c:pt idx="2">
                  <c:v>5610816000</c:v>
                </c:pt>
                <c:pt idx="3">
                  <c:v>7174681600</c:v>
                </c:pt>
                <c:pt idx="4">
                  <c:v>8078052352</c:v>
                </c:pt>
                <c:pt idx="5">
                  <c:v>10330892288</c:v>
                </c:pt>
                <c:pt idx="6">
                  <c:v>12987406336</c:v>
                </c:pt>
                <c:pt idx="7">
                  <c:v>14733212672</c:v>
                </c:pt>
                <c:pt idx="8">
                  <c:v>15457170432</c:v>
                </c:pt>
                <c:pt idx="9">
                  <c:v>15705075712</c:v>
                </c:pt>
                <c:pt idx="10">
                  <c:v>17454546944</c:v>
                </c:pt>
                <c:pt idx="11">
                  <c:v>19836993536</c:v>
                </c:pt>
                <c:pt idx="12">
                  <c:v>22555277312</c:v>
                </c:pt>
                <c:pt idx="13">
                  <c:v>25248481280</c:v>
                </c:pt>
                <c:pt idx="14">
                  <c:v>31463393280</c:v>
                </c:pt>
                <c:pt idx="15">
                  <c:v>31832434688</c:v>
                </c:pt>
                <c:pt idx="16">
                  <c:v>33660297216</c:v>
                </c:pt>
                <c:pt idx="17">
                  <c:v>34495246336</c:v>
                </c:pt>
                <c:pt idx="18">
                  <c:v>37527277568</c:v>
                </c:pt>
                <c:pt idx="19">
                  <c:v>41619816448</c:v>
                </c:pt>
                <c:pt idx="20">
                  <c:v>46147248128</c:v>
                </c:pt>
                <c:pt idx="21">
                  <c:v>48036134912</c:v>
                </c:pt>
                <c:pt idx="22">
                  <c:v>48089985024</c:v>
                </c:pt>
                <c:pt idx="23">
                  <c:v>48285724672</c:v>
                </c:pt>
                <c:pt idx="24">
                  <c:v>50087174144</c:v>
                </c:pt>
                <c:pt idx="25">
                  <c:v>52266893312</c:v>
                </c:pt>
                <c:pt idx="26">
                  <c:v>54684164096</c:v>
                </c:pt>
                <c:pt idx="27">
                  <c:v>58668867584</c:v>
                </c:pt>
                <c:pt idx="28">
                  <c:v>65710964736</c:v>
                </c:pt>
                <c:pt idx="29">
                  <c:v>65926770688</c:v>
                </c:pt>
                <c:pt idx="30">
                  <c:v>69851480064</c:v>
                </c:pt>
                <c:pt idx="31">
                  <c:v>76632391680</c:v>
                </c:pt>
                <c:pt idx="32">
                  <c:v>78302765056</c:v>
                </c:pt>
                <c:pt idx="33">
                  <c:v>80345022464</c:v>
                </c:pt>
                <c:pt idx="34">
                  <c:v>82485297152</c:v>
                </c:pt>
                <c:pt idx="35">
                  <c:v>84418715648</c:v>
                </c:pt>
                <c:pt idx="36">
                  <c:v>84424949760</c:v>
                </c:pt>
                <c:pt idx="37">
                  <c:v>84684242944</c:v>
                </c:pt>
                <c:pt idx="38">
                  <c:v>86386343936</c:v>
                </c:pt>
                <c:pt idx="39">
                  <c:v>89209921536</c:v>
                </c:pt>
                <c:pt idx="40">
                  <c:v>92367077376</c:v>
                </c:pt>
                <c:pt idx="41">
                  <c:v>93913169920</c:v>
                </c:pt>
                <c:pt idx="42">
                  <c:v>95551946752</c:v>
                </c:pt>
                <c:pt idx="43">
                  <c:v>95818063872</c:v>
                </c:pt>
                <c:pt idx="44">
                  <c:v>96094846976</c:v>
                </c:pt>
                <c:pt idx="45">
                  <c:v>97363394560</c:v>
                </c:pt>
                <c:pt idx="46">
                  <c:v>99260137472</c:v>
                </c:pt>
                <c:pt idx="47">
                  <c:v>101470863360</c:v>
                </c:pt>
                <c:pt idx="48">
                  <c:v>103648444416</c:v>
                </c:pt>
                <c:pt idx="49">
                  <c:v>105860399104</c:v>
                </c:pt>
                <c:pt idx="50">
                  <c:v>105931030528</c:v>
                </c:pt>
                <c:pt idx="51">
                  <c:v>106617872384</c:v>
                </c:pt>
                <c:pt idx="52">
                  <c:v>108612583424</c:v>
                </c:pt>
                <c:pt idx="53">
                  <c:v>113944109056</c:v>
                </c:pt>
                <c:pt idx="54">
                  <c:v>116274790400</c:v>
                </c:pt>
                <c:pt idx="55">
                  <c:v>119376166912</c:v>
                </c:pt>
                <c:pt idx="56">
                  <c:v>122921623552</c:v>
                </c:pt>
                <c:pt idx="57">
                  <c:v>123164393472</c:v>
                </c:pt>
                <c:pt idx="58">
                  <c:v>127827206144</c:v>
                </c:pt>
                <c:pt idx="59">
                  <c:v>127827206144</c:v>
                </c:pt>
                <c:pt idx="60">
                  <c:v>135550377984</c:v>
                </c:pt>
                <c:pt idx="61">
                  <c:v>138251583488</c:v>
                </c:pt>
                <c:pt idx="62">
                  <c:v>139656593408</c:v>
                </c:pt>
                <c:pt idx="63">
                  <c:v>142699118592</c:v>
                </c:pt>
                <c:pt idx="64">
                  <c:v>144694099968</c:v>
                </c:pt>
                <c:pt idx="65">
                  <c:v>144976691200</c:v>
                </c:pt>
                <c:pt idx="66">
                  <c:v>145640996864</c:v>
                </c:pt>
                <c:pt idx="67">
                  <c:v>147493879808</c:v>
                </c:pt>
                <c:pt idx="68">
                  <c:v>149345910784</c:v>
                </c:pt>
                <c:pt idx="69">
                  <c:v>153425805312</c:v>
                </c:pt>
                <c:pt idx="70">
                  <c:v>156163391488</c:v>
                </c:pt>
                <c:pt idx="71">
                  <c:v>162031304704</c:v>
                </c:pt>
                <c:pt idx="72">
                  <c:v>162064564224</c:v>
                </c:pt>
                <c:pt idx="73">
                  <c:v>162324758528</c:v>
                </c:pt>
                <c:pt idx="74">
                  <c:v>165091573760</c:v>
                </c:pt>
                <c:pt idx="75">
                  <c:v>169816801280</c:v>
                </c:pt>
                <c:pt idx="76">
                  <c:v>172603981824</c:v>
                </c:pt>
                <c:pt idx="77">
                  <c:v>175669248000</c:v>
                </c:pt>
                <c:pt idx="78">
                  <c:v>178459213824</c:v>
                </c:pt>
                <c:pt idx="79">
                  <c:v>178582355968</c:v>
                </c:pt>
                <c:pt idx="80">
                  <c:v>178863570944</c:v>
                </c:pt>
                <c:pt idx="81">
                  <c:v>181797421056</c:v>
                </c:pt>
                <c:pt idx="82">
                  <c:v>184360501248</c:v>
                </c:pt>
                <c:pt idx="83">
                  <c:v>186632060928</c:v>
                </c:pt>
                <c:pt idx="84">
                  <c:v>190652121088</c:v>
                </c:pt>
                <c:pt idx="85">
                  <c:v>198298664960</c:v>
                </c:pt>
                <c:pt idx="86">
                  <c:v>198357041152</c:v>
                </c:pt>
                <c:pt idx="87">
                  <c:v>198362841088</c:v>
                </c:pt>
                <c:pt idx="88">
                  <c:v>203778883584</c:v>
                </c:pt>
                <c:pt idx="89">
                  <c:v>211167297536</c:v>
                </c:pt>
                <c:pt idx="90">
                  <c:v>231269793792</c:v>
                </c:pt>
                <c:pt idx="91">
                  <c:v>242406375424</c:v>
                </c:pt>
                <c:pt idx="92">
                  <c:v>244089307136</c:v>
                </c:pt>
                <c:pt idx="93">
                  <c:v>244099596288</c:v>
                </c:pt>
                <c:pt idx="94">
                  <c:v>244177043456</c:v>
                </c:pt>
                <c:pt idx="95">
                  <c:v>245097431040</c:v>
                </c:pt>
                <c:pt idx="96">
                  <c:v>247918739456</c:v>
                </c:pt>
                <c:pt idx="97">
                  <c:v>250480427008</c:v>
                </c:pt>
                <c:pt idx="98">
                  <c:v>253355491328</c:v>
                </c:pt>
                <c:pt idx="99">
                  <c:v>255539593216</c:v>
                </c:pt>
                <c:pt idx="100">
                  <c:v>255681904640</c:v>
                </c:pt>
                <c:pt idx="101">
                  <c:v>255790694400</c:v>
                </c:pt>
                <c:pt idx="102">
                  <c:v>258464956416</c:v>
                </c:pt>
                <c:pt idx="103">
                  <c:v>261270388736</c:v>
                </c:pt>
                <c:pt idx="104">
                  <c:v>265285730304</c:v>
                </c:pt>
                <c:pt idx="105">
                  <c:v>269635452928</c:v>
                </c:pt>
                <c:pt idx="106">
                  <c:v>272182165504</c:v>
                </c:pt>
                <c:pt idx="107">
                  <c:v>272262987776</c:v>
                </c:pt>
                <c:pt idx="108">
                  <c:v>272262987776</c:v>
                </c:pt>
                <c:pt idx="109">
                  <c:v>274389286912</c:v>
                </c:pt>
                <c:pt idx="110">
                  <c:v>277261975552</c:v>
                </c:pt>
                <c:pt idx="111">
                  <c:v>280338137088</c:v>
                </c:pt>
                <c:pt idx="112">
                  <c:v>283599437824</c:v>
                </c:pt>
                <c:pt idx="113">
                  <c:v>287252709376</c:v>
                </c:pt>
                <c:pt idx="114">
                  <c:v>287337709568</c:v>
                </c:pt>
                <c:pt idx="115">
                  <c:v>287362973696</c:v>
                </c:pt>
                <c:pt idx="116">
                  <c:v>289872805888</c:v>
                </c:pt>
                <c:pt idx="117">
                  <c:v>293087444992</c:v>
                </c:pt>
                <c:pt idx="118">
                  <c:v>297389785088</c:v>
                </c:pt>
                <c:pt idx="119">
                  <c:v>302182400000</c:v>
                </c:pt>
                <c:pt idx="120">
                  <c:v>315352743936</c:v>
                </c:pt>
                <c:pt idx="121">
                  <c:v>320073596928</c:v>
                </c:pt>
                <c:pt idx="122">
                  <c:v>320139427840</c:v>
                </c:pt>
                <c:pt idx="123">
                  <c:v>324133257216</c:v>
                </c:pt>
                <c:pt idx="124">
                  <c:v>326727172096</c:v>
                </c:pt>
                <c:pt idx="125">
                  <c:v>329291333632</c:v>
                </c:pt>
                <c:pt idx="126">
                  <c:v>332675317760</c:v>
                </c:pt>
                <c:pt idx="127">
                  <c:v>337008099328</c:v>
                </c:pt>
                <c:pt idx="128">
                  <c:v>337129373696</c:v>
                </c:pt>
                <c:pt idx="129">
                  <c:v>337496604672</c:v>
                </c:pt>
                <c:pt idx="130">
                  <c:v>340583350272</c:v>
                </c:pt>
                <c:pt idx="131">
                  <c:v>343117922304</c:v>
                </c:pt>
                <c:pt idx="132">
                  <c:v>347778777088</c:v>
                </c:pt>
                <c:pt idx="133">
                  <c:v>350245912576</c:v>
                </c:pt>
                <c:pt idx="134">
                  <c:v>354462040064</c:v>
                </c:pt>
                <c:pt idx="135">
                  <c:v>354655076352</c:v>
                </c:pt>
                <c:pt idx="136">
                  <c:v>354751741952</c:v>
                </c:pt>
                <c:pt idx="137">
                  <c:v>356832444416</c:v>
                </c:pt>
                <c:pt idx="138">
                  <c:v>360662204416</c:v>
                </c:pt>
                <c:pt idx="139">
                  <c:v>364746997760</c:v>
                </c:pt>
                <c:pt idx="140">
                  <c:v>367831154688</c:v>
                </c:pt>
                <c:pt idx="141">
                  <c:v>370694422528</c:v>
                </c:pt>
                <c:pt idx="142">
                  <c:v>370866454528</c:v>
                </c:pt>
                <c:pt idx="143">
                  <c:v>370969575424</c:v>
                </c:pt>
                <c:pt idx="144">
                  <c:v>374813720576</c:v>
                </c:pt>
                <c:pt idx="145">
                  <c:v>378829635584</c:v>
                </c:pt>
                <c:pt idx="146">
                  <c:v>385399291904</c:v>
                </c:pt>
                <c:pt idx="147">
                  <c:v>391448166400</c:v>
                </c:pt>
                <c:pt idx="148">
                  <c:v>395932860416</c:v>
                </c:pt>
                <c:pt idx="149">
                  <c:v>396051283968</c:v>
                </c:pt>
                <c:pt idx="150">
                  <c:v>396295110656</c:v>
                </c:pt>
                <c:pt idx="151">
                  <c:v>404441202688</c:v>
                </c:pt>
                <c:pt idx="152">
                  <c:v>416643547136</c:v>
                </c:pt>
                <c:pt idx="153">
                  <c:v>419822370816</c:v>
                </c:pt>
                <c:pt idx="154">
                  <c:v>422411108352</c:v>
                </c:pt>
                <c:pt idx="155">
                  <c:v>425900605440</c:v>
                </c:pt>
                <c:pt idx="156">
                  <c:v>425992552448</c:v>
                </c:pt>
                <c:pt idx="157">
                  <c:v>426118905856</c:v>
                </c:pt>
                <c:pt idx="158">
                  <c:v>431324758016</c:v>
                </c:pt>
                <c:pt idx="159">
                  <c:v>434253922304</c:v>
                </c:pt>
                <c:pt idx="160">
                  <c:v>437010563072</c:v>
                </c:pt>
                <c:pt idx="161">
                  <c:v>440920735744</c:v>
                </c:pt>
                <c:pt idx="162">
                  <c:v>445913563136</c:v>
                </c:pt>
                <c:pt idx="163">
                  <c:v>446159814656</c:v>
                </c:pt>
                <c:pt idx="164">
                  <c:v>446229118976</c:v>
                </c:pt>
                <c:pt idx="165">
                  <c:v>449852112896</c:v>
                </c:pt>
                <c:pt idx="166">
                  <c:v>454602719232</c:v>
                </c:pt>
                <c:pt idx="167">
                  <c:v>464407691264</c:v>
                </c:pt>
                <c:pt idx="168">
                  <c:v>470956507136</c:v>
                </c:pt>
                <c:pt idx="169">
                  <c:v>475031699456</c:v>
                </c:pt>
                <c:pt idx="170">
                  <c:v>475112374272</c:v>
                </c:pt>
                <c:pt idx="171">
                  <c:v>475347812352</c:v>
                </c:pt>
                <c:pt idx="172">
                  <c:v>479319425024</c:v>
                </c:pt>
                <c:pt idx="173">
                  <c:v>483153215488</c:v>
                </c:pt>
                <c:pt idx="174">
                  <c:v>487103299584</c:v>
                </c:pt>
                <c:pt idx="175">
                  <c:v>493559578624</c:v>
                </c:pt>
                <c:pt idx="176">
                  <c:v>498326274048</c:v>
                </c:pt>
                <c:pt idx="177">
                  <c:v>498861277184</c:v>
                </c:pt>
                <c:pt idx="178">
                  <c:v>498907611136</c:v>
                </c:pt>
                <c:pt idx="179">
                  <c:v>503488446464</c:v>
                </c:pt>
                <c:pt idx="180">
                  <c:v>510193631232</c:v>
                </c:pt>
                <c:pt idx="181">
                  <c:v>535583916032</c:v>
                </c:pt>
                <c:pt idx="182">
                  <c:v>550809960448</c:v>
                </c:pt>
                <c:pt idx="183">
                  <c:v>554607837184</c:v>
                </c:pt>
                <c:pt idx="184">
                  <c:v>555394465792</c:v>
                </c:pt>
                <c:pt idx="185">
                  <c:v>555400495104</c:v>
                </c:pt>
                <c:pt idx="186">
                  <c:v>556174344192</c:v>
                </c:pt>
                <c:pt idx="187">
                  <c:v>561377181696</c:v>
                </c:pt>
                <c:pt idx="188">
                  <c:v>565574696960</c:v>
                </c:pt>
                <c:pt idx="189">
                  <c:v>568339529728</c:v>
                </c:pt>
                <c:pt idx="190">
                  <c:v>573262528512</c:v>
                </c:pt>
                <c:pt idx="191">
                  <c:v>573550231552</c:v>
                </c:pt>
                <c:pt idx="192">
                  <c:v>573614391296</c:v>
                </c:pt>
                <c:pt idx="193">
                  <c:v>577181908992</c:v>
                </c:pt>
              </c:numCache>
            </c:numRef>
          </c:val>
          <c:smooth val="0"/>
          <c:extLst>
            <c:ext xmlns:c16="http://schemas.microsoft.com/office/drawing/2014/chart" uri="{C3380CC4-5D6E-409C-BE32-E72D297353CC}">
              <c16:uniqueId val="{00000002-5AA1-4895-9EDB-2BD504E12067}"/>
            </c:ext>
          </c:extLst>
        </c:ser>
        <c:ser>
          <c:idx val="8"/>
          <c:order val="8"/>
          <c:tx>
            <c:strRef>
              <c:f>total!$AY$1</c:f>
              <c:strCache>
                <c:ptCount val="1"/>
                <c:pt idx="0">
                  <c:v>2022</c:v>
                </c:pt>
              </c:strCache>
            </c:strRef>
          </c:tx>
          <c:marker>
            <c:symbol val="none"/>
          </c:marker>
          <c:cat>
            <c:numRef>
              <c:f>total!$A$2:$A$195</c:f>
              <c:numCache>
                <c:formatCode>m/d/yyyy</c:formatCode>
                <c:ptCount val="194"/>
                <c:pt idx="0">
                  <c:v>1</c:v>
                </c:pt>
                <c:pt idx="1">
                  <c:v>2</c:v>
                </c:pt>
                <c:pt idx="2">
                  <c:v>3</c:v>
                </c:pt>
                <c:pt idx="3">
                  <c:v>4</c:v>
                </c:pt>
                <c:pt idx="4">
                  <c:v>5</c:v>
                </c:pt>
                <c:pt idx="5">
                  <c:v>6</c:v>
                </c:pt>
                <c:pt idx="6">
                  <c:v>7</c:v>
                </c:pt>
                <c:pt idx="7">
                  <c:v>8</c:v>
                </c:pt>
                <c:pt idx="8">
                  <c:v>9</c:v>
                </c:pt>
                <c:pt idx="9">
                  <c:v>10</c:v>
                </c:pt>
                <c:pt idx="10">
                  <c:v>11</c:v>
                </c:pt>
                <c:pt idx="11">
                  <c:v>12</c:v>
                </c:pt>
                <c:pt idx="12">
                  <c:v>13</c:v>
                </c:pt>
                <c:pt idx="13">
                  <c:v>14</c:v>
                </c:pt>
                <c:pt idx="14">
                  <c:v>15</c:v>
                </c:pt>
                <c:pt idx="15">
                  <c:v>16</c:v>
                </c:pt>
                <c:pt idx="16">
                  <c:v>17</c:v>
                </c:pt>
                <c:pt idx="17">
                  <c:v>18</c:v>
                </c:pt>
                <c:pt idx="18">
                  <c:v>19</c:v>
                </c:pt>
                <c:pt idx="19">
                  <c:v>20</c:v>
                </c:pt>
                <c:pt idx="20">
                  <c:v>21</c:v>
                </c:pt>
                <c:pt idx="21">
                  <c:v>22</c:v>
                </c:pt>
                <c:pt idx="22">
                  <c:v>23</c:v>
                </c:pt>
                <c:pt idx="23">
                  <c:v>24</c:v>
                </c:pt>
                <c:pt idx="24">
                  <c:v>25</c:v>
                </c:pt>
                <c:pt idx="25">
                  <c:v>26</c:v>
                </c:pt>
                <c:pt idx="26">
                  <c:v>27</c:v>
                </c:pt>
                <c:pt idx="27">
                  <c:v>28</c:v>
                </c:pt>
                <c:pt idx="28">
                  <c:v>29</c:v>
                </c:pt>
                <c:pt idx="29">
                  <c:v>30</c:v>
                </c:pt>
                <c:pt idx="30">
                  <c:v>31</c:v>
                </c:pt>
                <c:pt idx="31">
                  <c:v>32</c:v>
                </c:pt>
                <c:pt idx="32">
                  <c:v>33</c:v>
                </c:pt>
                <c:pt idx="33">
                  <c:v>34</c:v>
                </c:pt>
                <c:pt idx="34">
                  <c:v>35</c:v>
                </c:pt>
                <c:pt idx="35">
                  <c:v>36</c:v>
                </c:pt>
                <c:pt idx="36">
                  <c:v>37</c:v>
                </c:pt>
                <c:pt idx="37">
                  <c:v>38</c:v>
                </c:pt>
                <c:pt idx="38">
                  <c:v>39</c:v>
                </c:pt>
                <c:pt idx="39">
                  <c:v>40</c:v>
                </c:pt>
                <c:pt idx="40">
                  <c:v>41</c:v>
                </c:pt>
                <c:pt idx="41">
                  <c:v>42</c:v>
                </c:pt>
                <c:pt idx="42">
                  <c:v>43</c:v>
                </c:pt>
                <c:pt idx="43">
                  <c:v>44</c:v>
                </c:pt>
                <c:pt idx="44">
                  <c:v>45</c:v>
                </c:pt>
                <c:pt idx="45">
                  <c:v>46</c:v>
                </c:pt>
                <c:pt idx="46">
                  <c:v>47</c:v>
                </c:pt>
                <c:pt idx="47">
                  <c:v>48</c:v>
                </c:pt>
                <c:pt idx="48">
                  <c:v>49</c:v>
                </c:pt>
                <c:pt idx="49">
                  <c:v>50</c:v>
                </c:pt>
                <c:pt idx="50">
                  <c:v>51</c:v>
                </c:pt>
                <c:pt idx="51">
                  <c:v>52</c:v>
                </c:pt>
                <c:pt idx="52">
                  <c:v>53</c:v>
                </c:pt>
                <c:pt idx="53">
                  <c:v>54</c:v>
                </c:pt>
                <c:pt idx="54">
                  <c:v>55</c:v>
                </c:pt>
                <c:pt idx="55">
                  <c:v>56</c:v>
                </c:pt>
                <c:pt idx="56">
                  <c:v>57</c:v>
                </c:pt>
                <c:pt idx="57">
                  <c:v>58</c:v>
                </c:pt>
                <c:pt idx="58">
                  <c:v>59</c:v>
                </c:pt>
                <c:pt idx="59">
                  <c:v>60</c:v>
                </c:pt>
                <c:pt idx="60">
                  <c:v>61</c:v>
                </c:pt>
                <c:pt idx="61">
                  <c:v>62</c:v>
                </c:pt>
                <c:pt idx="62">
                  <c:v>63</c:v>
                </c:pt>
                <c:pt idx="63">
                  <c:v>64</c:v>
                </c:pt>
                <c:pt idx="64">
                  <c:v>65</c:v>
                </c:pt>
                <c:pt idx="65">
                  <c:v>66</c:v>
                </c:pt>
                <c:pt idx="66">
                  <c:v>67</c:v>
                </c:pt>
                <c:pt idx="67">
                  <c:v>68</c:v>
                </c:pt>
                <c:pt idx="68">
                  <c:v>69</c:v>
                </c:pt>
                <c:pt idx="69">
                  <c:v>70</c:v>
                </c:pt>
                <c:pt idx="70">
                  <c:v>71</c:v>
                </c:pt>
                <c:pt idx="71">
                  <c:v>72</c:v>
                </c:pt>
                <c:pt idx="72">
                  <c:v>73</c:v>
                </c:pt>
                <c:pt idx="73">
                  <c:v>74</c:v>
                </c:pt>
                <c:pt idx="74">
                  <c:v>75</c:v>
                </c:pt>
                <c:pt idx="75">
                  <c:v>76</c:v>
                </c:pt>
                <c:pt idx="76">
                  <c:v>77</c:v>
                </c:pt>
                <c:pt idx="77">
                  <c:v>78</c:v>
                </c:pt>
                <c:pt idx="78">
                  <c:v>79</c:v>
                </c:pt>
                <c:pt idx="79">
                  <c:v>80</c:v>
                </c:pt>
                <c:pt idx="80">
                  <c:v>81</c:v>
                </c:pt>
                <c:pt idx="81">
                  <c:v>82</c:v>
                </c:pt>
                <c:pt idx="82">
                  <c:v>83</c:v>
                </c:pt>
                <c:pt idx="83">
                  <c:v>84</c:v>
                </c:pt>
                <c:pt idx="84">
                  <c:v>85</c:v>
                </c:pt>
                <c:pt idx="85">
                  <c:v>86</c:v>
                </c:pt>
                <c:pt idx="86">
                  <c:v>87</c:v>
                </c:pt>
                <c:pt idx="87">
                  <c:v>88</c:v>
                </c:pt>
                <c:pt idx="88">
                  <c:v>89</c:v>
                </c:pt>
                <c:pt idx="89">
                  <c:v>90</c:v>
                </c:pt>
                <c:pt idx="90">
                  <c:v>91</c:v>
                </c:pt>
                <c:pt idx="91">
                  <c:v>92</c:v>
                </c:pt>
                <c:pt idx="92">
                  <c:v>93</c:v>
                </c:pt>
                <c:pt idx="93">
                  <c:v>94</c:v>
                </c:pt>
                <c:pt idx="94">
                  <c:v>95</c:v>
                </c:pt>
                <c:pt idx="95">
                  <c:v>96</c:v>
                </c:pt>
                <c:pt idx="96">
                  <c:v>97</c:v>
                </c:pt>
                <c:pt idx="97">
                  <c:v>98</c:v>
                </c:pt>
                <c:pt idx="98">
                  <c:v>99</c:v>
                </c:pt>
                <c:pt idx="99">
                  <c:v>100</c:v>
                </c:pt>
                <c:pt idx="100">
                  <c:v>101</c:v>
                </c:pt>
                <c:pt idx="101">
                  <c:v>102</c:v>
                </c:pt>
                <c:pt idx="102">
                  <c:v>103</c:v>
                </c:pt>
                <c:pt idx="103">
                  <c:v>104</c:v>
                </c:pt>
                <c:pt idx="104">
                  <c:v>105</c:v>
                </c:pt>
                <c:pt idx="105">
                  <c:v>106</c:v>
                </c:pt>
                <c:pt idx="106">
                  <c:v>107</c:v>
                </c:pt>
                <c:pt idx="107">
                  <c:v>108</c:v>
                </c:pt>
                <c:pt idx="108">
                  <c:v>109</c:v>
                </c:pt>
                <c:pt idx="109">
                  <c:v>110</c:v>
                </c:pt>
                <c:pt idx="110">
                  <c:v>111</c:v>
                </c:pt>
                <c:pt idx="111">
                  <c:v>112</c:v>
                </c:pt>
                <c:pt idx="112">
                  <c:v>113</c:v>
                </c:pt>
                <c:pt idx="113">
                  <c:v>114</c:v>
                </c:pt>
                <c:pt idx="114">
                  <c:v>115</c:v>
                </c:pt>
                <c:pt idx="115">
                  <c:v>116</c:v>
                </c:pt>
                <c:pt idx="116">
                  <c:v>117</c:v>
                </c:pt>
                <c:pt idx="117">
                  <c:v>118</c:v>
                </c:pt>
                <c:pt idx="118">
                  <c:v>119</c:v>
                </c:pt>
                <c:pt idx="119">
                  <c:v>120</c:v>
                </c:pt>
                <c:pt idx="120">
                  <c:v>121</c:v>
                </c:pt>
                <c:pt idx="121">
                  <c:v>122</c:v>
                </c:pt>
                <c:pt idx="122">
                  <c:v>123</c:v>
                </c:pt>
                <c:pt idx="123">
                  <c:v>124</c:v>
                </c:pt>
                <c:pt idx="124">
                  <c:v>125</c:v>
                </c:pt>
                <c:pt idx="125">
                  <c:v>126</c:v>
                </c:pt>
                <c:pt idx="126">
                  <c:v>127</c:v>
                </c:pt>
                <c:pt idx="127">
                  <c:v>128</c:v>
                </c:pt>
                <c:pt idx="128">
                  <c:v>129</c:v>
                </c:pt>
                <c:pt idx="129">
                  <c:v>130</c:v>
                </c:pt>
                <c:pt idx="130">
                  <c:v>131</c:v>
                </c:pt>
                <c:pt idx="131">
                  <c:v>132</c:v>
                </c:pt>
                <c:pt idx="132">
                  <c:v>133</c:v>
                </c:pt>
                <c:pt idx="133">
                  <c:v>134</c:v>
                </c:pt>
                <c:pt idx="134">
                  <c:v>135</c:v>
                </c:pt>
                <c:pt idx="135">
                  <c:v>136</c:v>
                </c:pt>
                <c:pt idx="136">
                  <c:v>137</c:v>
                </c:pt>
                <c:pt idx="137">
                  <c:v>138</c:v>
                </c:pt>
                <c:pt idx="138">
                  <c:v>139</c:v>
                </c:pt>
                <c:pt idx="139">
                  <c:v>140</c:v>
                </c:pt>
                <c:pt idx="140">
                  <c:v>141</c:v>
                </c:pt>
                <c:pt idx="141">
                  <c:v>142</c:v>
                </c:pt>
                <c:pt idx="142">
                  <c:v>143</c:v>
                </c:pt>
                <c:pt idx="143">
                  <c:v>144</c:v>
                </c:pt>
                <c:pt idx="144">
                  <c:v>145</c:v>
                </c:pt>
                <c:pt idx="145">
                  <c:v>146</c:v>
                </c:pt>
                <c:pt idx="146">
                  <c:v>147</c:v>
                </c:pt>
                <c:pt idx="147">
                  <c:v>148</c:v>
                </c:pt>
                <c:pt idx="148">
                  <c:v>149</c:v>
                </c:pt>
                <c:pt idx="149">
                  <c:v>150</c:v>
                </c:pt>
                <c:pt idx="150">
                  <c:v>151</c:v>
                </c:pt>
                <c:pt idx="151">
                  <c:v>152</c:v>
                </c:pt>
                <c:pt idx="152">
                  <c:v>153</c:v>
                </c:pt>
                <c:pt idx="153">
                  <c:v>154</c:v>
                </c:pt>
                <c:pt idx="154">
                  <c:v>155</c:v>
                </c:pt>
                <c:pt idx="155">
                  <c:v>156</c:v>
                </c:pt>
                <c:pt idx="156">
                  <c:v>157</c:v>
                </c:pt>
                <c:pt idx="157">
                  <c:v>158</c:v>
                </c:pt>
                <c:pt idx="158">
                  <c:v>159</c:v>
                </c:pt>
                <c:pt idx="159">
                  <c:v>160</c:v>
                </c:pt>
                <c:pt idx="160">
                  <c:v>161</c:v>
                </c:pt>
                <c:pt idx="161">
                  <c:v>162</c:v>
                </c:pt>
                <c:pt idx="162">
                  <c:v>163</c:v>
                </c:pt>
                <c:pt idx="163">
                  <c:v>164</c:v>
                </c:pt>
                <c:pt idx="164">
                  <c:v>165</c:v>
                </c:pt>
                <c:pt idx="165">
                  <c:v>166</c:v>
                </c:pt>
                <c:pt idx="166">
                  <c:v>167</c:v>
                </c:pt>
                <c:pt idx="167">
                  <c:v>168</c:v>
                </c:pt>
                <c:pt idx="168">
                  <c:v>169</c:v>
                </c:pt>
                <c:pt idx="169">
                  <c:v>170</c:v>
                </c:pt>
                <c:pt idx="170">
                  <c:v>171</c:v>
                </c:pt>
                <c:pt idx="171">
                  <c:v>172</c:v>
                </c:pt>
                <c:pt idx="172">
                  <c:v>173</c:v>
                </c:pt>
                <c:pt idx="173">
                  <c:v>174</c:v>
                </c:pt>
                <c:pt idx="174">
                  <c:v>175</c:v>
                </c:pt>
                <c:pt idx="175">
                  <c:v>176</c:v>
                </c:pt>
                <c:pt idx="176">
                  <c:v>177</c:v>
                </c:pt>
                <c:pt idx="177">
                  <c:v>178</c:v>
                </c:pt>
                <c:pt idx="178">
                  <c:v>179</c:v>
                </c:pt>
                <c:pt idx="179">
                  <c:v>180</c:v>
                </c:pt>
                <c:pt idx="180">
                  <c:v>181</c:v>
                </c:pt>
                <c:pt idx="181">
                  <c:v>182</c:v>
                </c:pt>
                <c:pt idx="182">
                  <c:v>183</c:v>
                </c:pt>
                <c:pt idx="183">
                  <c:v>184</c:v>
                </c:pt>
                <c:pt idx="184">
                  <c:v>185</c:v>
                </c:pt>
                <c:pt idx="185">
                  <c:v>186</c:v>
                </c:pt>
                <c:pt idx="186">
                  <c:v>187</c:v>
                </c:pt>
                <c:pt idx="187">
                  <c:v>188</c:v>
                </c:pt>
                <c:pt idx="188">
                  <c:v>189</c:v>
                </c:pt>
                <c:pt idx="189">
                  <c:v>190</c:v>
                </c:pt>
                <c:pt idx="190">
                  <c:v>191</c:v>
                </c:pt>
                <c:pt idx="191">
                  <c:v>192</c:v>
                </c:pt>
                <c:pt idx="192">
                  <c:v>193</c:v>
                </c:pt>
                <c:pt idx="193">
                  <c:v>194</c:v>
                </c:pt>
              </c:numCache>
            </c:numRef>
          </c:cat>
          <c:val>
            <c:numRef>
              <c:f>total!$AY$2:$AY$195</c:f>
              <c:numCache>
                <c:formatCode>0</c:formatCode>
                <c:ptCount val="194"/>
                <c:pt idx="0">
                  <c:v>8168606208</c:v>
                </c:pt>
                <c:pt idx="1">
                  <c:v>10548826112</c:v>
                </c:pt>
                <c:pt idx="2">
                  <c:v>12115793920</c:v>
                </c:pt>
                <c:pt idx="3">
                  <c:v>15603334144</c:v>
                </c:pt>
                <c:pt idx="4">
                  <c:v>19415433216</c:v>
                </c:pt>
                <c:pt idx="5">
                  <c:v>22408267776</c:v>
                </c:pt>
                <c:pt idx="6">
                  <c:v>25042696192</c:v>
                </c:pt>
                <c:pt idx="7">
                  <c:v>25266724864</c:v>
                </c:pt>
                <c:pt idx="8">
                  <c:v>25542498304</c:v>
                </c:pt>
                <c:pt idx="9">
                  <c:v>29432215552</c:v>
                </c:pt>
                <c:pt idx="10">
                  <c:v>34031941632</c:v>
                </c:pt>
                <c:pt idx="11">
                  <c:v>39904038912</c:v>
                </c:pt>
                <c:pt idx="12">
                  <c:v>45120450560</c:v>
                </c:pt>
                <c:pt idx="13">
                  <c:v>49262825472</c:v>
                </c:pt>
                <c:pt idx="14">
                  <c:v>49844047872</c:v>
                </c:pt>
                <c:pt idx="15">
                  <c:v>49881649152</c:v>
                </c:pt>
                <c:pt idx="16">
                  <c:v>51932450816</c:v>
                </c:pt>
                <c:pt idx="17">
                  <c:v>55748804608</c:v>
                </c:pt>
                <c:pt idx="18">
                  <c:v>60981874688</c:v>
                </c:pt>
                <c:pt idx="19">
                  <c:v>67856764928</c:v>
                </c:pt>
                <c:pt idx="20">
                  <c:v>74424877056</c:v>
                </c:pt>
                <c:pt idx="21">
                  <c:v>75052302336</c:v>
                </c:pt>
                <c:pt idx="22">
                  <c:v>75082391552</c:v>
                </c:pt>
                <c:pt idx="23">
                  <c:v>79216705536</c:v>
                </c:pt>
                <c:pt idx="24">
                  <c:v>83858653184</c:v>
                </c:pt>
                <c:pt idx="25">
                  <c:v>91719622656</c:v>
                </c:pt>
                <c:pt idx="26">
                  <c:v>98228224000</c:v>
                </c:pt>
                <c:pt idx="27">
                  <c:v>103655030784</c:v>
                </c:pt>
                <c:pt idx="28">
                  <c:v>103848558592</c:v>
                </c:pt>
                <c:pt idx="29">
                  <c:v>104398020608</c:v>
                </c:pt>
                <c:pt idx="30">
                  <c:v>113668587520</c:v>
                </c:pt>
                <c:pt idx="31">
                  <c:v>124381822976</c:v>
                </c:pt>
                <c:pt idx="32">
                  <c:v>127630434304</c:v>
                </c:pt>
                <c:pt idx="33">
                  <c:v>129992482816</c:v>
                </c:pt>
                <c:pt idx="34">
                  <c:v>132155539456</c:v>
                </c:pt>
                <c:pt idx="35">
                  <c:v>132214439936</c:v>
                </c:pt>
                <c:pt idx="36">
                  <c:v>132348518400</c:v>
                </c:pt>
                <c:pt idx="37">
                  <c:v>135403134976</c:v>
                </c:pt>
                <c:pt idx="38">
                  <c:v>138549592064</c:v>
                </c:pt>
                <c:pt idx="39">
                  <c:v>141693272064</c:v>
                </c:pt>
                <c:pt idx="40">
                  <c:v>145703600128</c:v>
                </c:pt>
                <c:pt idx="41">
                  <c:v>152313020416</c:v>
                </c:pt>
                <c:pt idx="42">
                  <c:v>152706777088</c:v>
                </c:pt>
                <c:pt idx="43">
                  <c:v>152738054144</c:v>
                </c:pt>
                <c:pt idx="44">
                  <c:v>155679145984</c:v>
                </c:pt>
                <c:pt idx="45">
                  <c:v>160769736704</c:v>
                </c:pt>
                <c:pt idx="46">
                  <c:v>165419958272</c:v>
                </c:pt>
                <c:pt idx="47">
                  <c:v>170131554304</c:v>
                </c:pt>
                <c:pt idx="48">
                  <c:v>172926976000</c:v>
                </c:pt>
                <c:pt idx="49">
                  <c:v>173110444032</c:v>
                </c:pt>
                <c:pt idx="50">
                  <c:v>173202587648</c:v>
                </c:pt>
                <c:pt idx="51">
                  <c:v>176184541184</c:v>
                </c:pt>
                <c:pt idx="52">
                  <c:v>180431421440</c:v>
                </c:pt>
                <c:pt idx="53">
                  <c:v>186095566848</c:v>
                </c:pt>
                <c:pt idx="54">
                  <c:v>190887837696</c:v>
                </c:pt>
                <c:pt idx="55">
                  <c:v>198141919232</c:v>
                </c:pt>
                <c:pt idx="56">
                  <c:v>198163038208</c:v>
                </c:pt>
                <c:pt idx="57">
                  <c:v>198175473664</c:v>
                </c:pt>
                <c:pt idx="58">
                  <c:v>210308530176</c:v>
                </c:pt>
                <c:pt idx="59">
                  <c:v>210308530176</c:v>
                </c:pt>
                <c:pt idx="60">
                  <c:v>234795614208</c:v>
                </c:pt>
                <c:pt idx="61">
                  <c:v>240142172160</c:v>
                </c:pt>
                <c:pt idx="62">
                  <c:v>245554315264</c:v>
                </c:pt>
                <c:pt idx="63">
                  <c:v>249985794048</c:v>
                </c:pt>
                <c:pt idx="64">
                  <c:v>250023673856</c:v>
                </c:pt>
                <c:pt idx="65">
                  <c:v>250092847104</c:v>
                </c:pt>
                <c:pt idx="66">
                  <c:v>252540616704</c:v>
                </c:pt>
                <c:pt idx="67">
                  <c:v>255725879296</c:v>
                </c:pt>
                <c:pt idx="68">
                  <c:v>261852397568</c:v>
                </c:pt>
                <c:pt idx="69">
                  <c:v>266750492672</c:v>
                </c:pt>
                <c:pt idx="70">
                  <c:v>271981936640</c:v>
                </c:pt>
                <c:pt idx="71">
                  <c:v>271995273216</c:v>
                </c:pt>
                <c:pt idx="72">
                  <c:v>272295559168</c:v>
                </c:pt>
                <c:pt idx="73">
                  <c:v>275616235520</c:v>
                </c:pt>
                <c:pt idx="74">
                  <c:v>280435064832</c:v>
                </c:pt>
                <c:pt idx="75">
                  <c:v>283639087104</c:v>
                </c:pt>
                <c:pt idx="76">
                  <c:v>287418712064</c:v>
                </c:pt>
                <c:pt idx="77">
                  <c:v>292044177408</c:v>
                </c:pt>
                <c:pt idx="78">
                  <c:v>292163223552</c:v>
                </c:pt>
                <c:pt idx="79">
                  <c:v>292539531264</c:v>
                </c:pt>
                <c:pt idx="80">
                  <c:v>297577381888</c:v>
                </c:pt>
                <c:pt idx="81">
                  <c:v>302325792768</c:v>
                </c:pt>
                <c:pt idx="82">
                  <c:v>305284907008</c:v>
                </c:pt>
                <c:pt idx="83">
                  <c:v>311478976512</c:v>
                </c:pt>
                <c:pt idx="84">
                  <c:v>315366735872</c:v>
                </c:pt>
                <c:pt idx="85">
                  <c:v>315410186240</c:v>
                </c:pt>
                <c:pt idx="86">
                  <c:v>315607416832</c:v>
                </c:pt>
                <c:pt idx="87">
                  <c:v>328185872384</c:v>
                </c:pt>
                <c:pt idx="88">
                  <c:v>332802818048</c:v>
                </c:pt>
                <c:pt idx="89">
                  <c:v>338943639552</c:v>
                </c:pt>
                <c:pt idx="90">
                  <c:v>363987730432</c:v>
                </c:pt>
                <c:pt idx="91">
                  <c:v>378036879360</c:v>
                </c:pt>
                <c:pt idx="92">
                  <c:v>378258325504</c:v>
                </c:pt>
                <c:pt idx="93">
                  <c:v>378344079360</c:v>
                </c:pt>
                <c:pt idx="94">
                  <c:v>381260759040</c:v>
                </c:pt>
                <c:pt idx="95">
                  <c:v>385033142272</c:v>
                </c:pt>
                <c:pt idx="96">
                  <c:v>388045144064</c:v>
                </c:pt>
                <c:pt idx="97">
                  <c:v>392514666496</c:v>
                </c:pt>
                <c:pt idx="98">
                  <c:v>395663704064</c:v>
                </c:pt>
                <c:pt idx="99">
                  <c:v>395906777088</c:v>
                </c:pt>
                <c:pt idx="100">
                  <c:v>395986927616</c:v>
                </c:pt>
                <c:pt idx="101">
                  <c:v>399092875264</c:v>
                </c:pt>
                <c:pt idx="102">
                  <c:v>402829410304</c:v>
                </c:pt>
                <c:pt idx="103">
                  <c:v>407248633856</c:v>
                </c:pt>
                <c:pt idx="104">
                  <c:v>412095971328</c:v>
                </c:pt>
                <c:pt idx="105">
                  <c:v>415480938496</c:v>
                </c:pt>
                <c:pt idx="106">
                  <c:v>415566856192</c:v>
                </c:pt>
                <c:pt idx="107">
                  <c:v>415566856192</c:v>
                </c:pt>
                <c:pt idx="108">
                  <c:v>418400043008</c:v>
                </c:pt>
                <c:pt idx="109">
                  <c:v>422787121152</c:v>
                </c:pt>
                <c:pt idx="110">
                  <c:v>426303193088</c:v>
                </c:pt>
                <c:pt idx="111">
                  <c:v>430244134912</c:v>
                </c:pt>
                <c:pt idx="112">
                  <c:v>434006491136</c:v>
                </c:pt>
                <c:pt idx="113">
                  <c:v>434065440768</c:v>
                </c:pt>
                <c:pt idx="114">
                  <c:v>434399576064</c:v>
                </c:pt>
                <c:pt idx="115">
                  <c:v>439115415552</c:v>
                </c:pt>
                <c:pt idx="116">
                  <c:v>442767900672</c:v>
                </c:pt>
                <c:pt idx="117">
                  <c:v>448654639104</c:v>
                </c:pt>
                <c:pt idx="118">
                  <c:v>454804996096</c:v>
                </c:pt>
                <c:pt idx="119">
                  <c:v>461780713472</c:v>
                </c:pt>
                <c:pt idx="120">
                  <c:v>464515072000</c:v>
                </c:pt>
                <c:pt idx="121">
                  <c:v>471800283136</c:v>
                </c:pt>
                <c:pt idx="122">
                  <c:v>476625666048</c:v>
                </c:pt>
                <c:pt idx="123">
                  <c:v>479858491392</c:v>
                </c:pt>
                <c:pt idx="124">
                  <c:v>482452144128</c:v>
                </c:pt>
                <c:pt idx="125">
                  <c:v>489008562176</c:v>
                </c:pt>
                <c:pt idx="126">
                  <c:v>491573903360</c:v>
                </c:pt>
                <c:pt idx="127">
                  <c:v>492408700928</c:v>
                </c:pt>
                <c:pt idx="128">
                  <c:v>492507365376</c:v>
                </c:pt>
                <c:pt idx="129">
                  <c:v>497693032448</c:v>
                </c:pt>
                <c:pt idx="130">
                  <c:v>501799813120</c:v>
                </c:pt>
                <c:pt idx="131">
                  <c:v>504533123072</c:v>
                </c:pt>
                <c:pt idx="132">
                  <c:v>509318135808</c:v>
                </c:pt>
                <c:pt idx="133">
                  <c:v>514247131136</c:v>
                </c:pt>
                <c:pt idx="134">
                  <c:v>514385674240</c:v>
                </c:pt>
                <c:pt idx="135">
                  <c:v>514852618240</c:v>
                </c:pt>
                <c:pt idx="136">
                  <c:v>518363283456</c:v>
                </c:pt>
                <c:pt idx="137">
                  <c:v>522606968832</c:v>
                </c:pt>
                <c:pt idx="138">
                  <c:v>526887649280</c:v>
                </c:pt>
                <c:pt idx="139">
                  <c:v>532898414592</c:v>
                </c:pt>
                <c:pt idx="140">
                  <c:v>537921781760</c:v>
                </c:pt>
                <c:pt idx="141">
                  <c:v>538099253248</c:v>
                </c:pt>
                <c:pt idx="142">
                  <c:v>538631372800</c:v>
                </c:pt>
                <c:pt idx="143">
                  <c:v>541363535872</c:v>
                </c:pt>
                <c:pt idx="144">
                  <c:v>545079721984</c:v>
                </c:pt>
                <c:pt idx="145">
                  <c:v>548880547840</c:v>
                </c:pt>
                <c:pt idx="146">
                  <c:v>555039981568</c:v>
                </c:pt>
                <c:pt idx="147">
                  <c:v>559194767360</c:v>
                </c:pt>
                <c:pt idx="148">
                  <c:v>559225765888</c:v>
                </c:pt>
                <c:pt idx="149">
                  <c:v>559271247872</c:v>
                </c:pt>
                <c:pt idx="150">
                  <c:v>567878090752</c:v>
                </c:pt>
                <c:pt idx="151">
                  <c:v>579975512064</c:v>
                </c:pt>
                <c:pt idx="152">
                  <c:v>598058795008</c:v>
                </c:pt>
                <c:pt idx="153">
                  <c:v>602371129344</c:v>
                </c:pt>
                <c:pt idx="154">
                  <c:v>605462986752</c:v>
                </c:pt>
                <c:pt idx="155">
                  <c:v>605621190656</c:v>
                </c:pt>
                <c:pt idx="156">
                  <c:v>605782343680</c:v>
                </c:pt>
                <c:pt idx="157">
                  <c:v>607799476224</c:v>
                </c:pt>
                <c:pt idx="158">
                  <c:v>611570941952</c:v>
                </c:pt>
                <c:pt idx="159">
                  <c:v>617143468032</c:v>
                </c:pt>
                <c:pt idx="160">
                  <c:v>622622343168</c:v>
                </c:pt>
                <c:pt idx="161">
                  <c:v>626796462080</c:v>
                </c:pt>
                <c:pt idx="162">
                  <c:v>626880675840</c:v>
                </c:pt>
                <c:pt idx="163">
                  <c:v>627151405056</c:v>
                </c:pt>
                <c:pt idx="164">
                  <c:v>630288809984</c:v>
                </c:pt>
                <c:pt idx="165">
                  <c:v>635364638720</c:v>
                </c:pt>
                <c:pt idx="166">
                  <c:v>644285792256</c:v>
                </c:pt>
                <c:pt idx="167">
                  <c:v>647501643776</c:v>
                </c:pt>
                <c:pt idx="168">
                  <c:v>654001373184</c:v>
                </c:pt>
                <c:pt idx="169">
                  <c:v>654107279360</c:v>
                </c:pt>
                <c:pt idx="170">
                  <c:v>654139654144</c:v>
                </c:pt>
                <c:pt idx="171">
                  <c:v>656305029120</c:v>
                </c:pt>
                <c:pt idx="172">
                  <c:v>659888144384</c:v>
                </c:pt>
                <c:pt idx="173">
                  <c:v>664597692416</c:v>
                </c:pt>
                <c:pt idx="174">
                  <c:v>675490103296</c:v>
                </c:pt>
                <c:pt idx="175">
                  <c:v>679272185856</c:v>
                </c:pt>
                <c:pt idx="176">
                  <c:v>680019951616</c:v>
                </c:pt>
                <c:pt idx="177">
                  <c:v>680255291392</c:v>
                </c:pt>
                <c:pt idx="178">
                  <c:v>684861947904</c:v>
                </c:pt>
                <c:pt idx="179">
                  <c:v>692599455744</c:v>
                </c:pt>
                <c:pt idx="180">
                  <c:v>700253011968</c:v>
                </c:pt>
                <c:pt idx="181">
                  <c:v>722422857728</c:v>
                </c:pt>
                <c:pt idx="182">
                  <c:v>733468557312</c:v>
                </c:pt>
                <c:pt idx="183">
                  <c:v>734397071360</c:v>
                </c:pt>
                <c:pt idx="184">
                  <c:v>734428659712</c:v>
                </c:pt>
                <c:pt idx="185">
                  <c:v>736662454272</c:v>
                </c:pt>
                <c:pt idx="186">
                  <c:v>738926526464</c:v>
                </c:pt>
                <c:pt idx="187">
                  <c:v>741946359808</c:v>
                </c:pt>
                <c:pt idx="188">
                  <c:v>747535073280</c:v>
                </c:pt>
                <c:pt idx="189">
                  <c:v>752344170496</c:v>
                </c:pt>
                <c:pt idx="190">
                  <c:v>752785096704</c:v>
                </c:pt>
                <c:pt idx="191">
                  <c:v>753072078848</c:v>
                </c:pt>
                <c:pt idx="192">
                  <c:v>756203454464</c:v>
                </c:pt>
                <c:pt idx="193">
                  <c:v>760120606720</c:v>
                </c:pt>
              </c:numCache>
            </c:numRef>
          </c:val>
          <c:smooth val="0"/>
          <c:extLst>
            <c:ext xmlns:c16="http://schemas.microsoft.com/office/drawing/2014/chart" uri="{C3380CC4-5D6E-409C-BE32-E72D297353CC}">
              <c16:uniqueId val="{00000003-5AA1-4895-9EDB-2BD504E12067}"/>
            </c:ext>
          </c:extLst>
        </c:ser>
        <c:ser>
          <c:idx val="9"/>
          <c:order val="9"/>
          <c:tx>
            <c:strRef>
              <c:f>total!$AZ$1</c:f>
              <c:strCache>
                <c:ptCount val="1"/>
                <c:pt idx="0">
                  <c:v>2023</c:v>
                </c:pt>
              </c:strCache>
            </c:strRef>
          </c:tx>
          <c:marker>
            <c:symbol val="none"/>
          </c:marker>
          <c:cat>
            <c:numRef>
              <c:f>total!$A$2:$A$195</c:f>
              <c:numCache>
                <c:formatCode>m/d/yyyy</c:formatCode>
                <c:ptCount val="194"/>
                <c:pt idx="0">
                  <c:v>1</c:v>
                </c:pt>
                <c:pt idx="1">
                  <c:v>2</c:v>
                </c:pt>
                <c:pt idx="2">
                  <c:v>3</c:v>
                </c:pt>
                <c:pt idx="3">
                  <c:v>4</c:v>
                </c:pt>
                <c:pt idx="4">
                  <c:v>5</c:v>
                </c:pt>
                <c:pt idx="5">
                  <c:v>6</c:v>
                </c:pt>
                <c:pt idx="6">
                  <c:v>7</c:v>
                </c:pt>
                <c:pt idx="7">
                  <c:v>8</c:v>
                </c:pt>
                <c:pt idx="8">
                  <c:v>9</c:v>
                </c:pt>
                <c:pt idx="9">
                  <c:v>10</c:v>
                </c:pt>
                <c:pt idx="10">
                  <c:v>11</c:v>
                </c:pt>
                <c:pt idx="11">
                  <c:v>12</c:v>
                </c:pt>
                <c:pt idx="12">
                  <c:v>13</c:v>
                </c:pt>
                <c:pt idx="13">
                  <c:v>14</c:v>
                </c:pt>
                <c:pt idx="14">
                  <c:v>15</c:v>
                </c:pt>
                <c:pt idx="15">
                  <c:v>16</c:v>
                </c:pt>
                <c:pt idx="16">
                  <c:v>17</c:v>
                </c:pt>
                <c:pt idx="17">
                  <c:v>18</c:v>
                </c:pt>
                <c:pt idx="18">
                  <c:v>19</c:v>
                </c:pt>
                <c:pt idx="19">
                  <c:v>20</c:v>
                </c:pt>
                <c:pt idx="20">
                  <c:v>21</c:v>
                </c:pt>
                <c:pt idx="21">
                  <c:v>22</c:v>
                </c:pt>
                <c:pt idx="22">
                  <c:v>23</c:v>
                </c:pt>
                <c:pt idx="23">
                  <c:v>24</c:v>
                </c:pt>
                <c:pt idx="24">
                  <c:v>25</c:v>
                </c:pt>
                <c:pt idx="25">
                  <c:v>26</c:v>
                </c:pt>
                <c:pt idx="26">
                  <c:v>27</c:v>
                </c:pt>
                <c:pt idx="27">
                  <c:v>28</c:v>
                </c:pt>
                <c:pt idx="28">
                  <c:v>29</c:v>
                </c:pt>
                <c:pt idx="29">
                  <c:v>30</c:v>
                </c:pt>
                <c:pt idx="30">
                  <c:v>31</c:v>
                </c:pt>
                <c:pt idx="31">
                  <c:v>32</c:v>
                </c:pt>
                <c:pt idx="32">
                  <c:v>33</c:v>
                </c:pt>
                <c:pt idx="33">
                  <c:v>34</c:v>
                </c:pt>
                <c:pt idx="34">
                  <c:v>35</c:v>
                </c:pt>
                <c:pt idx="35">
                  <c:v>36</c:v>
                </c:pt>
                <c:pt idx="36">
                  <c:v>37</c:v>
                </c:pt>
                <c:pt idx="37">
                  <c:v>38</c:v>
                </c:pt>
                <c:pt idx="38">
                  <c:v>39</c:v>
                </c:pt>
                <c:pt idx="39">
                  <c:v>40</c:v>
                </c:pt>
                <c:pt idx="40">
                  <c:v>41</c:v>
                </c:pt>
                <c:pt idx="41">
                  <c:v>42</c:v>
                </c:pt>
                <c:pt idx="42">
                  <c:v>43</c:v>
                </c:pt>
                <c:pt idx="43">
                  <c:v>44</c:v>
                </c:pt>
                <c:pt idx="44">
                  <c:v>45</c:v>
                </c:pt>
                <c:pt idx="45">
                  <c:v>46</c:v>
                </c:pt>
                <c:pt idx="46">
                  <c:v>47</c:v>
                </c:pt>
                <c:pt idx="47">
                  <c:v>48</c:v>
                </c:pt>
                <c:pt idx="48">
                  <c:v>49</c:v>
                </c:pt>
                <c:pt idx="49">
                  <c:v>50</c:v>
                </c:pt>
                <c:pt idx="50">
                  <c:v>51</c:v>
                </c:pt>
                <c:pt idx="51">
                  <c:v>52</c:v>
                </c:pt>
                <c:pt idx="52">
                  <c:v>53</c:v>
                </c:pt>
                <c:pt idx="53">
                  <c:v>54</c:v>
                </c:pt>
                <c:pt idx="54">
                  <c:v>55</c:v>
                </c:pt>
                <c:pt idx="55">
                  <c:v>56</c:v>
                </c:pt>
                <c:pt idx="56">
                  <c:v>57</c:v>
                </c:pt>
                <c:pt idx="57">
                  <c:v>58</c:v>
                </c:pt>
                <c:pt idx="58">
                  <c:v>59</c:v>
                </c:pt>
                <c:pt idx="59">
                  <c:v>60</c:v>
                </c:pt>
                <c:pt idx="60">
                  <c:v>61</c:v>
                </c:pt>
                <c:pt idx="61">
                  <c:v>62</c:v>
                </c:pt>
                <c:pt idx="62">
                  <c:v>63</c:v>
                </c:pt>
                <c:pt idx="63">
                  <c:v>64</c:v>
                </c:pt>
                <c:pt idx="64">
                  <c:v>65</c:v>
                </c:pt>
                <c:pt idx="65">
                  <c:v>66</c:v>
                </c:pt>
                <c:pt idx="66">
                  <c:v>67</c:v>
                </c:pt>
                <c:pt idx="67">
                  <c:v>68</c:v>
                </c:pt>
                <c:pt idx="68">
                  <c:v>69</c:v>
                </c:pt>
                <c:pt idx="69">
                  <c:v>70</c:v>
                </c:pt>
                <c:pt idx="70">
                  <c:v>71</c:v>
                </c:pt>
                <c:pt idx="71">
                  <c:v>72</c:v>
                </c:pt>
                <c:pt idx="72">
                  <c:v>73</c:v>
                </c:pt>
                <c:pt idx="73">
                  <c:v>74</c:v>
                </c:pt>
                <c:pt idx="74">
                  <c:v>75</c:v>
                </c:pt>
                <c:pt idx="75">
                  <c:v>76</c:v>
                </c:pt>
                <c:pt idx="76">
                  <c:v>77</c:v>
                </c:pt>
                <c:pt idx="77">
                  <c:v>78</c:v>
                </c:pt>
                <c:pt idx="78">
                  <c:v>79</c:v>
                </c:pt>
                <c:pt idx="79">
                  <c:v>80</c:v>
                </c:pt>
                <c:pt idx="80">
                  <c:v>81</c:v>
                </c:pt>
                <c:pt idx="81">
                  <c:v>82</c:v>
                </c:pt>
                <c:pt idx="82">
                  <c:v>83</c:v>
                </c:pt>
                <c:pt idx="83">
                  <c:v>84</c:v>
                </c:pt>
                <c:pt idx="84">
                  <c:v>85</c:v>
                </c:pt>
                <c:pt idx="85">
                  <c:v>86</c:v>
                </c:pt>
                <c:pt idx="86">
                  <c:v>87</c:v>
                </c:pt>
                <c:pt idx="87">
                  <c:v>88</c:v>
                </c:pt>
                <c:pt idx="88">
                  <c:v>89</c:v>
                </c:pt>
                <c:pt idx="89">
                  <c:v>90</c:v>
                </c:pt>
                <c:pt idx="90">
                  <c:v>91</c:v>
                </c:pt>
                <c:pt idx="91">
                  <c:v>92</c:v>
                </c:pt>
                <c:pt idx="92">
                  <c:v>93</c:v>
                </c:pt>
                <c:pt idx="93">
                  <c:v>94</c:v>
                </c:pt>
                <c:pt idx="94">
                  <c:v>95</c:v>
                </c:pt>
                <c:pt idx="95">
                  <c:v>96</c:v>
                </c:pt>
                <c:pt idx="96">
                  <c:v>97</c:v>
                </c:pt>
                <c:pt idx="97">
                  <c:v>98</c:v>
                </c:pt>
                <c:pt idx="98">
                  <c:v>99</c:v>
                </c:pt>
                <c:pt idx="99">
                  <c:v>100</c:v>
                </c:pt>
                <c:pt idx="100">
                  <c:v>101</c:v>
                </c:pt>
                <c:pt idx="101">
                  <c:v>102</c:v>
                </c:pt>
                <c:pt idx="102">
                  <c:v>103</c:v>
                </c:pt>
                <c:pt idx="103">
                  <c:v>104</c:v>
                </c:pt>
                <c:pt idx="104">
                  <c:v>105</c:v>
                </c:pt>
                <c:pt idx="105">
                  <c:v>106</c:v>
                </c:pt>
                <c:pt idx="106">
                  <c:v>107</c:v>
                </c:pt>
                <c:pt idx="107">
                  <c:v>108</c:v>
                </c:pt>
                <c:pt idx="108">
                  <c:v>109</c:v>
                </c:pt>
                <c:pt idx="109">
                  <c:v>110</c:v>
                </c:pt>
                <c:pt idx="110">
                  <c:v>111</c:v>
                </c:pt>
                <c:pt idx="111">
                  <c:v>112</c:v>
                </c:pt>
                <c:pt idx="112">
                  <c:v>113</c:v>
                </c:pt>
                <c:pt idx="113">
                  <c:v>114</c:v>
                </c:pt>
                <c:pt idx="114">
                  <c:v>115</c:v>
                </c:pt>
                <c:pt idx="115">
                  <c:v>116</c:v>
                </c:pt>
                <c:pt idx="116">
                  <c:v>117</c:v>
                </c:pt>
                <c:pt idx="117">
                  <c:v>118</c:v>
                </c:pt>
                <c:pt idx="118">
                  <c:v>119</c:v>
                </c:pt>
                <c:pt idx="119">
                  <c:v>120</c:v>
                </c:pt>
                <c:pt idx="120">
                  <c:v>121</c:v>
                </c:pt>
                <c:pt idx="121">
                  <c:v>122</c:v>
                </c:pt>
                <c:pt idx="122">
                  <c:v>123</c:v>
                </c:pt>
                <c:pt idx="123">
                  <c:v>124</c:v>
                </c:pt>
                <c:pt idx="124">
                  <c:v>125</c:v>
                </c:pt>
                <c:pt idx="125">
                  <c:v>126</c:v>
                </c:pt>
                <c:pt idx="126">
                  <c:v>127</c:v>
                </c:pt>
                <c:pt idx="127">
                  <c:v>128</c:v>
                </c:pt>
                <c:pt idx="128">
                  <c:v>129</c:v>
                </c:pt>
                <c:pt idx="129">
                  <c:v>130</c:v>
                </c:pt>
                <c:pt idx="130">
                  <c:v>131</c:v>
                </c:pt>
                <c:pt idx="131">
                  <c:v>132</c:v>
                </c:pt>
                <c:pt idx="132">
                  <c:v>133</c:v>
                </c:pt>
                <c:pt idx="133">
                  <c:v>134</c:v>
                </c:pt>
                <c:pt idx="134">
                  <c:v>135</c:v>
                </c:pt>
                <c:pt idx="135">
                  <c:v>136</c:v>
                </c:pt>
                <c:pt idx="136">
                  <c:v>137</c:v>
                </c:pt>
                <c:pt idx="137">
                  <c:v>138</c:v>
                </c:pt>
                <c:pt idx="138">
                  <c:v>139</c:v>
                </c:pt>
                <c:pt idx="139">
                  <c:v>140</c:v>
                </c:pt>
                <c:pt idx="140">
                  <c:v>141</c:v>
                </c:pt>
                <c:pt idx="141">
                  <c:v>142</c:v>
                </c:pt>
                <c:pt idx="142">
                  <c:v>143</c:v>
                </c:pt>
                <c:pt idx="143">
                  <c:v>144</c:v>
                </c:pt>
                <c:pt idx="144">
                  <c:v>145</c:v>
                </c:pt>
                <c:pt idx="145">
                  <c:v>146</c:v>
                </c:pt>
                <c:pt idx="146">
                  <c:v>147</c:v>
                </c:pt>
                <c:pt idx="147">
                  <c:v>148</c:v>
                </c:pt>
                <c:pt idx="148">
                  <c:v>149</c:v>
                </c:pt>
                <c:pt idx="149">
                  <c:v>150</c:v>
                </c:pt>
                <c:pt idx="150">
                  <c:v>151</c:v>
                </c:pt>
                <c:pt idx="151">
                  <c:v>152</c:v>
                </c:pt>
                <c:pt idx="152">
                  <c:v>153</c:v>
                </c:pt>
                <c:pt idx="153">
                  <c:v>154</c:v>
                </c:pt>
                <c:pt idx="154">
                  <c:v>155</c:v>
                </c:pt>
                <c:pt idx="155">
                  <c:v>156</c:v>
                </c:pt>
                <c:pt idx="156">
                  <c:v>157</c:v>
                </c:pt>
                <c:pt idx="157">
                  <c:v>158</c:v>
                </c:pt>
                <c:pt idx="158">
                  <c:v>159</c:v>
                </c:pt>
                <c:pt idx="159">
                  <c:v>160</c:v>
                </c:pt>
                <c:pt idx="160">
                  <c:v>161</c:v>
                </c:pt>
                <c:pt idx="161">
                  <c:v>162</c:v>
                </c:pt>
                <c:pt idx="162">
                  <c:v>163</c:v>
                </c:pt>
                <c:pt idx="163">
                  <c:v>164</c:v>
                </c:pt>
                <c:pt idx="164">
                  <c:v>165</c:v>
                </c:pt>
                <c:pt idx="165">
                  <c:v>166</c:v>
                </c:pt>
                <c:pt idx="166">
                  <c:v>167</c:v>
                </c:pt>
                <c:pt idx="167">
                  <c:v>168</c:v>
                </c:pt>
                <c:pt idx="168">
                  <c:v>169</c:v>
                </c:pt>
                <c:pt idx="169">
                  <c:v>170</c:v>
                </c:pt>
                <c:pt idx="170">
                  <c:v>171</c:v>
                </c:pt>
                <c:pt idx="171">
                  <c:v>172</c:v>
                </c:pt>
                <c:pt idx="172">
                  <c:v>173</c:v>
                </c:pt>
                <c:pt idx="173">
                  <c:v>174</c:v>
                </c:pt>
                <c:pt idx="174">
                  <c:v>175</c:v>
                </c:pt>
                <c:pt idx="175">
                  <c:v>176</c:v>
                </c:pt>
                <c:pt idx="176">
                  <c:v>177</c:v>
                </c:pt>
                <c:pt idx="177">
                  <c:v>178</c:v>
                </c:pt>
                <c:pt idx="178">
                  <c:v>179</c:v>
                </c:pt>
                <c:pt idx="179">
                  <c:v>180</c:v>
                </c:pt>
                <c:pt idx="180">
                  <c:v>181</c:v>
                </c:pt>
                <c:pt idx="181">
                  <c:v>182</c:v>
                </c:pt>
                <c:pt idx="182">
                  <c:v>183</c:v>
                </c:pt>
                <c:pt idx="183">
                  <c:v>184</c:v>
                </c:pt>
                <c:pt idx="184">
                  <c:v>185</c:v>
                </c:pt>
                <c:pt idx="185">
                  <c:v>186</c:v>
                </c:pt>
                <c:pt idx="186">
                  <c:v>187</c:v>
                </c:pt>
                <c:pt idx="187">
                  <c:v>188</c:v>
                </c:pt>
                <c:pt idx="188">
                  <c:v>189</c:v>
                </c:pt>
                <c:pt idx="189">
                  <c:v>190</c:v>
                </c:pt>
                <c:pt idx="190">
                  <c:v>191</c:v>
                </c:pt>
                <c:pt idx="191">
                  <c:v>192</c:v>
                </c:pt>
                <c:pt idx="192">
                  <c:v>193</c:v>
                </c:pt>
                <c:pt idx="193">
                  <c:v>194</c:v>
                </c:pt>
              </c:numCache>
            </c:numRef>
          </c:cat>
          <c:val>
            <c:numRef>
              <c:f>total!$AZ$2:$AZ$195</c:f>
              <c:numCache>
                <c:formatCode>0</c:formatCode>
                <c:ptCount val="194"/>
                <c:pt idx="0">
                  <c:v>3407444480</c:v>
                </c:pt>
                <c:pt idx="1">
                  <c:v>3829158400</c:v>
                </c:pt>
                <c:pt idx="2">
                  <c:v>4646551040</c:v>
                </c:pt>
                <c:pt idx="3">
                  <c:v>5565685760</c:v>
                </c:pt>
                <c:pt idx="4">
                  <c:v>7641004032</c:v>
                </c:pt>
                <c:pt idx="5">
                  <c:v>9780580352</c:v>
                </c:pt>
                <c:pt idx="6">
                  <c:v>9988812800</c:v>
                </c:pt>
                <c:pt idx="7">
                  <c:v>10045327360</c:v>
                </c:pt>
                <c:pt idx="8">
                  <c:v>11883264000</c:v>
                </c:pt>
                <c:pt idx="9">
                  <c:v>13827106816</c:v>
                </c:pt>
                <c:pt idx="10">
                  <c:v>15388840960</c:v>
                </c:pt>
                <c:pt idx="11">
                  <c:v>17913174016</c:v>
                </c:pt>
                <c:pt idx="12">
                  <c:v>19714191360</c:v>
                </c:pt>
                <c:pt idx="13">
                  <c:v>19785238528</c:v>
                </c:pt>
                <c:pt idx="14">
                  <c:v>20198840320</c:v>
                </c:pt>
                <c:pt idx="15">
                  <c:v>21440382976</c:v>
                </c:pt>
                <c:pt idx="16">
                  <c:v>22943629312</c:v>
                </c:pt>
                <c:pt idx="17">
                  <c:v>24893020160</c:v>
                </c:pt>
                <c:pt idx="18">
                  <c:v>26805946368</c:v>
                </c:pt>
                <c:pt idx="19">
                  <c:v>28134115328</c:v>
                </c:pt>
                <c:pt idx="20">
                  <c:v>28336019456</c:v>
                </c:pt>
                <c:pt idx="21">
                  <c:v>28614471680</c:v>
                </c:pt>
                <c:pt idx="22">
                  <c:v>30329729024</c:v>
                </c:pt>
                <c:pt idx="23">
                  <c:v>32100626432</c:v>
                </c:pt>
                <c:pt idx="24">
                  <c:v>33569204224</c:v>
                </c:pt>
                <c:pt idx="25">
                  <c:v>35366477824</c:v>
                </c:pt>
                <c:pt idx="26">
                  <c:v>37636947968</c:v>
                </c:pt>
                <c:pt idx="27">
                  <c:v>37662003200</c:v>
                </c:pt>
                <c:pt idx="28">
                  <c:v>37699239936</c:v>
                </c:pt>
                <c:pt idx="29">
                  <c:v>40029425664</c:v>
                </c:pt>
                <c:pt idx="30">
                  <c:v>47186132992</c:v>
                </c:pt>
                <c:pt idx="31">
                  <c:v>52342464512</c:v>
                </c:pt>
                <c:pt idx="32">
                  <c:v>53871542272</c:v>
                </c:pt>
                <c:pt idx="33">
                  <c:v>64710148096</c:v>
                </c:pt>
                <c:pt idx="34">
                  <c:v>64767520768</c:v>
                </c:pt>
                <c:pt idx="35">
                  <c:v>65044422656</c:v>
                </c:pt>
                <c:pt idx="36">
                  <c:v>67654246400</c:v>
                </c:pt>
                <c:pt idx="37">
                  <c:v>69032804352</c:v>
                </c:pt>
                <c:pt idx="38">
                  <c:v>70605053952</c:v>
                </c:pt>
                <c:pt idx="39">
                  <c:v>71945633792</c:v>
                </c:pt>
                <c:pt idx="40">
                  <c:v>74165460992</c:v>
                </c:pt>
                <c:pt idx="41">
                  <c:v>74245619712</c:v>
                </c:pt>
                <c:pt idx="42">
                  <c:v>74294018048</c:v>
                </c:pt>
                <c:pt idx="43">
                  <c:v>75782881280</c:v>
                </c:pt>
                <c:pt idx="44">
                  <c:v>77879664640</c:v>
                </c:pt>
                <c:pt idx="45">
                  <c:v>81817452544</c:v>
                </c:pt>
                <c:pt idx="46">
                  <c:v>83402407936</c:v>
                </c:pt>
                <c:pt idx="47">
                  <c:v>90476339200</c:v>
                </c:pt>
                <c:pt idx="48">
                  <c:v>90485792768</c:v>
                </c:pt>
                <c:pt idx="49">
                  <c:v>90485792768</c:v>
                </c:pt>
                <c:pt idx="50">
                  <c:v>92749479936</c:v>
                </c:pt>
                <c:pt idx="51">
                  <c:v>94517854208</c:v>
                </c:pt>
                <c:pt idx="52">
                  <c:v>96895369216</c:v>
                </c:pt>
                <c:pt idx="53">
                  <c:v>99376422912</c:v>
                </c:pt>
                <c:pt idx="54">
                  <c:v>100688306176</c:v>
                </c:pt>
                <c:pt idx="55">
                  <c:v>100815855616</c:v>
                </c:pt>
                <c:pt idx="56">
                  <c:v>100874838016</c:v>
                </c:pt>
                <c:pt idx="57">
                  <c:v>102693765120</c:v>
                </c:pt>
                <c:pt idx="58">
                  <c:v>108595421184</c:v>
                </c:pt>
                <c:pt idx="59">
                  <c:v>108595421184</c:v>
                </c:pt>
                <c:pt idx="60">
                  <c:v>115711942656</c:v>
                </c:pt>
                <c:pt idx="61">
                  <c:v>117148647424</c:v>
                </c:pt>
                <c:pt idx="62">
                  <c:v>119314309120</c:v>
                </c:pt>
                <c:pt idx="63">
                  <c:v>119368286208</c:v>
                </c:pt>
                <c:pt idx="64">
                  <c:v>121435250688</c:v>
                </c:pt>
                <c:pt idx="65">
                  <c:v>123116470272</c:v>
                </c:pt>
                <c:pt idx="66">
                  <c:v>125000736768</c:v>
                </c:pt>
                <c:pt idx="67">
                  <c:v>126688378880</c:v>
                </c:pt>
                <c:pt idx="68">
                  <c:v>128880762880</c:v>
                </c:pt>
                <c:pt idx="69">
                  <c:v>131167191040</c:v>
                </c:pt>
                <c:pt idx="70">
                  <c:v>131216285696</c:v>
                </c:pt>
                <c:pt idx="71">
                  <c:v>131279142912</c:v>
                </c:pt>
                <c:pt idx="72">
                  <c:v>132846469120</c:v>
                </c:pt>
                <c:pt idx="73">
                  <c:v>135071096832</c:v>
                </c:pt>
                <c:pt idx="74">
                  <c:v>137350602752</c:v>
                </c:pt>
                <c:pt idx="75">
                  <c:v>140867502080</c:v>
                </c:pt>
                <c:pt idx="76">
                  <c:v>142942863360</c:v>
                </c:pt>
                <c:pt idx="77">
                  <c:v>143025553408</c:v>
                </c:pt>
                <c:pt idx="78">
                  <c:v>143025553408</c:v>
                </c:pt>
                <c:pt idx="79">
                  <c:v>144689627136</c:v>
                </c:pt>
                <c:pt idx="80">
                  <c:v>145679417344</c:v>
                </c:pt>
                <c:pt idx="81">
                  <c:v>147070304256</c:v>
                </c:pt>
                <c:pt idx="82">
                  <c:v>148958117888</c:v>
                </c:pt>
                <c:pt idx="83">
                  <c:v>150844686336</c:v>
                </c:pt>
                <c:pt idx="84">
                  <c:v>150938812416</c:v>
                </c:pt>
                <c:pt idx="85">
                  <c:v>151052173312</c:v>
                </c:pt>
                <c:pt idx="86">
                  <c:v>153047711744</c:v>
                </c:pt>
                <c:pt idx="87">
                  <c:v>155928313856</c:v>
                </c:pt>
                <c:pt idx="88">
                  <c:v>159474728960</c:v>
                </c:pt>
                <c:pt idx="89">
                  <c:v>164139663360</c:v>
                </c:pt>
                <c:pt idx="90">
                  <c:v>178124062720</c:v>
                </c:pt>
                <c:pt idx="91">
                  <c:v>181245181952</c:v>
                </c:pt>
                <c:pt idx="92">
                  <c:v>181260402688</c:v>
                </c:pt>
                <c:pt idx="93">
                  <c:v>184141316096</c:v>
                </c:pt>
                <c:pt idx="94">
                  <c:v>185866813440</c:v>
                </c:pt>
                <c:pt idx="95">
                  <c:v>188000714752</c:v>
                </c:pt>
                <c:pt idx="96">
                  <c:v>190046306304</c:v>
                </c:pt>
                <c:pt idx="97">
                  <c:v>190680760320</c:v>
                </c:pt>
                <c:pt idx="98">
                  <c:v>190719803392</c:v>
                </c:pt>
                <c:pt idx="99">
                  <c:v>190776442880</c:v>
                </c:pt>
                <c:pt idx="100">
                  <c:v>191827689472</c:v>
                </c:pt>
                <c:pt idx="101">
                  <c:v>193146568704</c:v>
                </c:pt>
                <c:pt idx="102">
                  <c:v>195167387648</c:v>
                </c:pt>
                <c:pt idx="103">
                  <c:v>197967839232</c:v>
                </c:pt>
                <c:pt idx="104">
                  <c:v>199298908160</c:v>
                </c:pt>
                <c:pt idx="105">
                  <c:v>200040873984</c:v>
                </c:pt>
                <c:pt idx="106">
                  <c:v>200063123456</c:v>
                </c:pt>
                <c:pt idx="107">
                  <c:v>201746530304</c:v>
                </c:pt>
                <c:pt idx="108">
                  <c:v>203136008192</c:v>
                </c:pt>
                <c:pt idx="109">
                  <c:v>205360381952</c:v>
                </c:pt>
                <c:pt idx="110">
                  <c:v>209386520576</c:v>
                </c:pt>
                <c:pt idx="111">
                  <c:v>210741313536</c:v>
                </c:pt>
                <c:pt idx="112">
                  <c:v>210741313536</c:v>
                </c:pt>
                <c:pt idx="113">
                  <c:v>210969870336</c:v>
                </c:pt>
                <c:pt idx="114">
                  <c:v>212293779456</c:v>
                </c:pt>
                <c:pt idx="115">
                  <c:v>214159671296</c:v>
                </c:pt>
                <c:pt idx="116">
                  <c:v>215862067200</c:v>
                </c:pt>
                <c:pt idx="117">
                  <c:v>218436206592</c:v>
                </c:pt>
                <c:pt idx="118">
                  <c:v>222835752960</c:v>
                </c:pt>
                <c:pt idx="119">
                  <c:v>222866096128</c:v>
                </c:pt>
                <c:pt idx="120">
                  <c:v>224092815360</c:v>
                </c:pt>
                <c:pt idx="121">
                  <c:v>227080339456</c:v>
                </c:pt>
                <c:pt idx="122">
                  <c:v>228656824320</c:v>
                </c:pt>
                <c:pt idx="123">
                  <c:v>230729547776</c:v>
                </c:pt>
                <c:pt idx="124">
                  <c:v>232198225920</c:v>
                </c:pt>
                <c:pt idx="125">
                  <c:v>233499705344</c:v>
                </c:pt>
                <c:pt idx="126">
                  <c:v>233799811072</c:v>
                </c:pt>
                <c:pt idx="127">
                  <c:v>233917382656</c:v>
                </c:pt>
                <c:pt idx="128">
                  <c:v>235056939008</c:v>
                </c:pt>
                <c:pt idx="129">
                  <c:v>240210395136</c:v>
                </c:pt>
                <c:pt idx="130">
                  <c:v>241908563968</c:v>
                </c:pt>
                <c:pt idx="131">
                  <c:v>244410728448</c:v>
                </c:pt>
                <c:pt idx="132">
                  <c:v>246120693760</c:v>
                </c:pt>
                <c:pt idx="133">
                  <c:v>246202777600</c:v>
                </c:pt>
                <c:pt idx="134">
                  <c:v>246227107840</c:v>
                </c:pt>
                <c:pt idx="135">
                  <c:v>250190659584</c:v>
                </c:pt>
                <c:pt idx="136">
                  <c:v>251950776320</c:v>
                </c:pt>
                <c:pt idx="137">
                  <c:v>254150492160</c:v>
                </c:pt>
                <c:pt idx="138">
                  <c:v>255337414656</c:v>
                </c:pt>
                <c:pt idx="139">
                  <c:v>257148043264</c:v>
                </c:pt>
                <c:pt idx="140">
                  <c:v>257263960064</c:v>
                </c:pt>
                <c:pt idx="141">
                  <c:v>257269792768</c:v>
                </c:pt>
                <c:pt idx="142">
                  <c:v>259135946752</c:v>
                </c:pt>
                <c:pt idx="143">
                  <c:v>261809422336</c:v>
                </c:pt>
                <c:pt idx="144">
                  <c:v>264095088640</c:v>
                </c:pt>
                <c:pt idx="145">
                  <c:v>266639048704</c:v>
                </c:pt>
                <c:pt idx="146">
                  <c:v>268716933120</c:v>
                </c:pt>
                <c:pt idx="147">
                  <c:v>268761923584</c:v>
                </c:pt>
                <c:pt idx="148">
                  <c:v>268818759680</c:v>
                </c:pt>
                <c:pt idx="149">
                  <c:v>269767458816</c:v>
                </c:pt>
                <c:pt idx="150">
                  <c:v>273170399232</c:v>
                </c:pt>
                <c:pt idx="151">
                  <c:v>280220270592</c:v>
                </c:pt>
                <c:pt idx="152">
                  <c:v>290947301376</c:v>
                </c:pt>
                <c:pt idx="153">
                  <c:v>292998512640</c:v>
                </c:pt>
                <c:pt idx="154">
                  <c:v>293091016704</c:v>
                </c:pt>
                <c:pt idx="155">
                  <c:v>293094129664</c:v>
                </c:pt>
                <c:pt idx="156">
                  <c:v>294768181248</c:v>
                </c:pt>
                <c:pt idx="157">
                  <c:v>296691924992</c:v>
                </c:pt>
                <c:pt idx="158">
                  <c:v>298818764800</c:v>
                </c:pt>
                <c:pt idx="159">
                  <c:v>300685197312</c:v>
                </c:pt>
                <c:pt idx="160">
                  <c:v>303069790208</c:v>
                </c:pt>
                <c:pt idx="161">
                  <c:v>303177170944</c:v>
                </c:pt>
                <c:pt idx="162">
                  <c:v>303297298432</c:v>
                </c:pt>
                <c:pt idx="163">
                  <c:v>306049286144</c:v>
                </c:pt>
                <c:pt idx="164">
                  <c:v>308663058432</c:v>
                </c:pt>
                <c:pt idx="165">
                  <c:v>310033383424</c:v>
                </c:pt>
                <c:pt idx="166">
                  <c:v>314069975040</c:v>
                </c:pt>
                <c:pt idx="167">
                  <c:v>317012443136</c:v>
                </c:pt>
                <c:pt idx="168">
                  <c:v>317021454336</c:v>
                </c:pt>
                <c:pt idx="169">
                  <c:v>317088399360</c:v>
                </c:pt>
                <c:pt idx="170">
                  <c:v>319021907968</c:v>
                </c:pt>
                <c:pt idx="171">
                  <c:v>321029210112</c:v>
                </c:pt>
                <c:pt idx="172">
                  <c:v>324477550592</c:v>
                </c:pt>
                <c:pt idx="173">
                  <c:v>326465978368</c:v>
                </c:pt>
                <c:pt idx="174">
                  <c:v>327730102272</c:v>
                </c:pt>
                <c:pt idx="175">
                  <c:v>327794425856</c:v>
                </c:pt>
                <c:pt idx="176">
                  <c:v>327840923648</c:v>
                </c:pt>
                <c:pt idx="177">
                  <c:v>330647535616</c:v>
                </c:pt>
                <c:pt idx="178">
                  <c:v>333739622400</c:v>
                </c:pt>
                <c:pt idx="179">
                  <c:v>336515497984</c:v>
                </c:pt>
                <c:pt idx="180">
                  <c:v>342273294336</c:v>
                </c:pt>
                <c:pt idx="181">
                  <c:v>356994154496</c:v>
                </c:pt>
                <c:pt idx="182">
                  <c:v>359438221312</c:v>
                </c:pt>
                <c:pt idx="183">
                  <c:v>360157478912</c:v>
                </c:pt>
                <c:pt idx="184">
                  <c:v>361662676992</c:v>
                </c:pt>
                <c:pt idx="185">
                  <c:v>362263838720</c:v>
                </c:pt>
                <c:pt idx="186">
                  <c:v>364201115648</c:v>
                </c:pt>
                <c:pt idx="187">
                  <c:v>366050246656</c:v>
                </c:pt>
                <c:pt idx="188">
                  <c:v>368049225728</c:v>
                </c:pt>
                <c:pt idx="189">
                  <c:v>368216670208</c:v>
                </c:pt>
                <c:pt idx="190">
                  <c:v>368273457152</c:v>
                </c:pt>
                <c:pt idx="191">
                  <c:v>370798460928</c:v>
                </c:pt>
                <c:pt idx="192">
                  <c:v>372370243584</c:v>
                </c:pt>
                <c:pt idx="193">
                  <c:v>375040835584</c:v>
                </c:pt>
              </c:numCache>
            </c:numRef>
          </c:val>
          <c:smooth val="0"/>
          <c:extLst>
            <c:ext xmlns:c16="http://schemas.microsoft.com/office/drawing/2014/chart" uri="{C3380CC4-5D6E-409C-BE32-E72D297353CC}">
              <c16:uniqueId val="{00000004-5AA1-4895-9EDB-2BD504E12067}"/>
            </c:ext>
          </c:extLst>
        </c:ser>
        <c:ser>
          <c:idx val="10"/>
          <c:order val="10"/>
          <c:tx>
            <c:strRef>
              <c:f>total!$BA$1</c:f>
              <c:strCache>
                <c:ptCount val="1"/>
                <c:pt idx="0">
                  <c:v>2024</c:v>
                </c:pt>
              </c:strCache>
            </c:strRef>
          </c:tx>
          <c:marker>
            <c:symbol val="none"/>
          </c:marker>
          <c:cat>
            <c:numRef>
              <c:f>total!$A$2:$A$195</c:f>
              <c:numCache>
                <c:formatCode>m/d/yyyy</c:formatCode>
                <c:ptCount val="194"/>
                <c:pt idx="0">
                  <c:v>1</c:v>
                </c:pt>
                <c:pt idx="1">
                  <c:v>2</c:v>
                </c:pt>
                <c:pt idx="2">
                  <c:v>3</c:v>
                </c:pt>
                <c:pt idx="3">
                  <c:v>4</c:v>
                </c:pt>
                <c:pt idx="4">
                  <c:v>5</c:v>
                </c:pt>
                <c:pt idx="5">
                  <c:v>6</c:v>
                </c:pt>
                <c:pt idx="6">
                  <c:v>7</c:v>
                </c:pt>
                <c:pt idx="7">
                  <c:v>8</c:v>
                </c:pt>
                <c:pt idx="8">
                  <c:v>9</c:v>
                </c:pt>
                <c:pt idx="9">
                  <c:v>10</c:v>
                </c:pt>
                <c:pt idx="10">
                  <c:v>11</c:v>
                </c:pt>
                <c:pt idx="11">
                  <c:v>12</c:v>
                </c:pt>
                <c:pt idx="12">
                  <c:v>13</c:v>
                </c:pt>
                <c:pt idx="13">
                  <c:v>14</c:v>
                </c:pt>
                <c:pt idx="14">
                  <c:v>15</c:v>
                </c:pt>
                <c:pt idx="15">
                  <c:v>16</c:v>
                </c:pt>
                <c:pt idx="16">
                  <c:v>17</c:v>
                </c:pt>
                <c:pt idx="17">
                  <c:v>18</c:v>
                </c:pt>
                <c:pt idx="18">
                  <c:v>19</c:v>
                </c:pt>
                <c:pt idx="19">
                  <c:v>20</c:v>
                </c:pt>
                <c:pt idx="20">
                  <c:v>21</c:v>
                </c:pt>
                <c:pt idx="21">
                  <c:v>22</c:v>
                </c:pt>
                <c:pt idx="22">
                  <c:v>23</c:v>
                </c:pt>
                <c:pt idx="23">
                  <c:v>24</c:v>
                </c:pt>
                <c:pt idx="24">
                  <c:v>25</c:v>
                </c:pt>
                <c:pt idx="25">
                  <c:v>26</c:v>
                </c:pt>
                <c:pt idx="26">
                  <c:v>27</c:v>
                </c:pt>
                <c:pt idx="27">
                  <c:v>28</c:v>
                </c:pt>
                <c:pt idx="28">
                  <c:v>29</c:v>
                </c:pt>
                <c:pt idx="29">
                  <c:v>30</c:v>
                </c:pt>
                <c:pt idx="30">
                  <c:v>31</c:v>
                </c:pt>
                <c:pt idx="31">
                  <c:v>32</c:v>
                </c:pt>
                <c:pt idx="32">
                  <c:v>33</c:v>
                </c:pt>
                <c:pt idx="33">
                  <c:v>34</c:v>
                </c:pt>
                <c:pt idx="34">
                  <c:v>35</c:v>
                </c:pt>
                <c:pt idx="35">
                  <c:v>36</c:v>
                </c:pt>
                <c:pt idx="36">
                  <c:v>37</c:v>
                </c:pt>
                <c:pt idx="37">
                  <c:v>38</c:v>
                </c:pt>
                <c:pt idx="38">
                  <c:v>39</c:v>
                </c:pt>
                <c:pt idx="39">
                  <c:v>40</c:v>
                </c:pt>
                <c:pt idx="40">
                  <c:v>41</c:v>
                </c:pt>
                <c:pt idx="41">
                  <c:v>42</c:v>
                </c:pt>
                <c:pt idx="42">
                  <c:v>43</c:v>
                </c:pt>
                <c:pt idx="43">
                  <c:v>44</c:v>
                </c:pt>
                <c:pt idx="44">
                  <c:v>45</c:v>
                </c:pt>
                <c:pt idx="45">
                  <c:v>46</c:v>
                </c:pt>
                <c:pt idx="46">
                  <c:v>47</c:v>
                </c:pt>
                <c:pt idx="47">
                  <c:v>48</c:v>
                </c:pt>
                <c:pt idx="48">
                  <c:v>49</c:v>
                </c:pt>
                <c:pt idx="49">
                  <c:v>50</c:v>
                </c:pt>
                <c:pt idx="50">
                  <c:v>51</c:v>
                </c:pt>
                <c:pt idx="51">
                  <c:v>52</c:v>
                </c:pt>
                <c:pt idx="52">
                  <c:v>53</c:v>
                </c:pt>
                <c:pt idx="53">
                  <c:v>54</c:v>
                </c:pt>
                <c:pt idx="54">
                  <c:v>55</c:v>
                </c:pt>
                <c:pt idx="55">
                  <c:v>56</c:v>
                </c:pt>
                <c:pt idx="56">
                  <c:v>57</c:v>
                </c:pt>
                <c:pt idx="57">
                  <c:v>58</c:v>
                </c:pt>
                <c:pt idx="58">
                  <c:v>59</c:v>
                </c:pt>
                <c:pt idx="59">
                  <c:v>60</c:v>
                </c:pt>
                <c:pt idx="60">
                  <c:v>61</c:v>
                </c:pt>
                <c:pt idx="61">
                  <c:v>62</c:v>
                </c:pt>
                <c:pt idx="62">
                  <c:v>63</c:v>
                </c:pt>
                <c:pt idx="63">
                  <c:v>64</c:v>
                </c:pt>
                <c:pt idx="64">
                  <c:v>65</c:v>
                </c:pt>
                <c:pt idx="65">
                  <c:v>66</c:v>
                </c:pt>
                <c:pt idx="66">
                  <c:v>67</c:v>
                </c:pt>
                <c:pt idx="67">
                  <c:v>68</c:v>
                </c:pt>
                <c:pt idx="68">
                  <c:v>69</c:v>
                </c:pt>
                <c:pt idx="69">
                  <c:v>70</c:v>
                </c:pt>
                <c:pt idx="70">
                  <c:v>71</c:v>
                </c:pt>
                <c:pt idx="71">
                  <c:v>72</c:v>
                </c:pt>
                <c:pt idx="72">
                  <c:v>73</c:v>
                </c:pt>
                <c:pt idx="73">
                  <c:v>74</c:v>
                </c:pt>
                <c:pt idx="74">
                  <c:v>75</c:v>
                </c:pt>
                <c:pt idx="75">
                  <c:v>76</c:v>
                </c:pt>
                <c:pt idx="76">
                  <c:v>77</c:v>
                </c:pt>
                <c:pt idx="77">
                  <c:v>78</c:v>
                </c:pt>
                <c:pt idx="78">
                  <c:v>79</c:v>
                </c:pt>
                <c:pt idx="79">
                  <c:v>80</c:v>
                </c:pt>
                <c:pt idx="80">
                  <c:v>81</c:v>
                </c:pt>
                <c:pt idx="81">
                  <c:v>82</c:v>
                </c:pt>
                <c:pt idx="82">
                  <c:v>83</c:v>
                </c:pt>
                <c:pt idx="83">
                  <c:v>84</c:v>
                </c:pt>
                <c:pt idx="84">
                  <c:v>85</c:v>
                </c:pt>
                <c:pt idx="85">
                  <c:v>86</c:v>
                </c:pt>
                <c:pt idx="86">
                  <c:v>87</c:v>
                </c:pt>
                <c:pt idx="87">
                  <c:v>88</c:v>
                </c:pt>
                <c:pt idx="88">
                  <c:v>89</c:v>
                </c:pt>
                <c:pt idx="89">
                  <c:v>90</c:v>
                </c:pt>
                <c:pt idx="90">
                  <c:v>91</c:v>
                </c:pt>
                <c:pt idx="91">
                  <c:v>92</c:v>
                </c:pt>
                <c:pt idx="92">
                  <c:v>93</c:v>
                </c:pt>
                <c:pt idx="93">
                  <c:v>94</c:v>
                </c:pt>
                <c:pt idx="94">
                  <c:v>95</c:v>
                </c:pt>
                <c:pt idx="95">
                  <c:v>96</c:v>
                </c:pt>
                <c:pt idx="96">
                  <c:v>97</c:v>
                </c:pt>
                <c:pt idx="97">
                  <c:v>98</c:v>
                </c:pt>
                <c:pt idx="98">
                  <c:v>99</c:v>
                </c:pt>
                <c:pt idx="99">
                  <c:v>100</c:v>
                </c:pt>
                <c:pt idx="100">
                  <c:v>101</c:v>
                </c:pt>
                <c:pt idx="101">
                  <c:v>102</c:v>
                </c:pt>
                <c:pt idx="102">
                  <c:v>103</c:v>
                </c:pt>
                <c:pt idx="103">
                  <c:v>104</c:v>
                </c:pt>
                <c:pt idx="104">
                  <c:v>105</c:v>
                </c:pt>
                <c:pt idx="105">
                  <c:v>106</c:v>
                </c:pt>
                <c:pt idx="106">
                  <c:v>107</c:v>
                </c:pt>
                <c:pt idx="107">
                  <c:v>108</c:v>
                </c:pt>
                <c:pt idx="108">
                  <c:v>109</c:v>
                </c:pt>
                <c:pt idx="109">
                  <c:v>110</c:v>
                </c:pt>
                <c:pt idx="110">
                  <c:v>111</c:v>
                </c:pt>
                <c:pt idx="111">
                  <c:v>112</c:v>
                </c:pt>
                <c:pt idx="112">
                  <c:v>113</c:v>
                </c:pt>
                <c:pt idx="113">
                  <c:v>114</c:v>
                </c:pt>
                <c:pt idx="114">
                  <c:v>115</c:v>
                </c:pt>
                <c:pt idx="115">
                  <c:v>116</c:v>
                </c:pt>
                <c:pt idx="116">
                  <c:v>117</c:v>
                </c:pt>
                <c:pt idx="117">
                  <c:v>118</c:v>
                </c:pt>
                <c:pt idx="118">
                  <c:v>119</c:v>
                </c:pt>
                <c:pt idx="119">
                  <c:v>120</c:v>
                </c:pt>
                <c:pt idx="120">
                  <c:v>121</c:v>
                </c:pt>
                <c:pt idx="121">
                  <c:v>122</c:v>
                </c:pt>
                <c:pt idx="122">
                  <c:v>123</c:v>
                </c:pt>
                <c:pt idx="123">
                  <c:v>124</c:v>
                </c:pt>
                <c:pt idx="124">
                  <c:v>125</c:v>
                </c:pt>
                <c:pt idx="125">
                  <c:v>126</c:v>
                </c:pt>
                <c:pt idx="126">
                  <c:v>127</c:v>
                </c:pt>
                <c:pt idx="127">
                  <c:v>128</c:v>
                </c:pt>
                <c:pt idx="128">
                  <c:v>129</c:v>
                </c:pt>
                <c:pt idx="129">
                  <c:v>130</c:v>
                </c:pt>
                <c:pt idx="130">
                  <c:v>131</c:v>
                </c:pt>
                <c:pt idx="131">
                  <c:v>132</c:v>
                </c:pt>
                <c:pt idx="132">
                  <c:v>133</c:v>
                </c:pt>
                <c:pt idx="133">
                  <c:v>134</c:v>
                </c:pt>
                <c:pt idx="134">
                  <c:v>135</c:v>
                </c:pt>
                <c:pt idx="135">
                  <c:v>136</c:v>
                </c:pt>
                <c:pt idx="136">
                  <c:v>137</c:v>
                </c:pt>
                <c:pt idx="137">
                  <c:v>138</c:v>
                </c:pt>
                <c:pt idx="138">
                  <c:v>139</c:v>
                </c:pt>
                <c:pt idx="139">
                  <c:v>140</c:v>
                </c:pt>
                <c:pt idx="140">
                  <c:v>141</c:v>
                </c:pt>
                <c:pt idx="141">
                  <c:v>142</c:v>
                </c:pt>
                <c:pt idx="142">
                  <c:v>143</c:v>
                </c:pt>
                <c:pt idx="143">
                  <c:v>144</c:v>
                </c:pt>
                <c:pt idx="144">
                  <c:v>145</c:v>
                </c:pt>
                <c:pt idx="145">
                  <c:v>146</c:v>
                </c:pt>
                <c:pt idx="146">
                  <c:v>147</c:v>
                </c:pt>
                <c:pt idx="147">
                  <c:v>148</c:v>
                </c:pt>
                <c:pt idx="148">
                  <c:v>149</c:v>
                </c:pt>
                <c:pt idx="149">
                  <c:v>150</c:v>
                </c:pt>
                <c:pt idx="150">
                  <c:v>151</c:v>
                </c:pt>
                <c:pt idx="151">
                  <c:v>152</c:v>
                </c:pt>
                <c:pt idx="152">
                  <c:v>153</c:v>
                </c:pt>
                <c:pt idx="153">
                  <c:v>154</c:v>
                </c:pt>
                <c:pt idx="154">
                  <c:v>155</c:v>
                </c:pt>
                <c:pt idx="155">
                  <c:v>156</c:v>
                </c:pt>
                <c:pt idx="156">
                  <c:v>157</c:v>
                </c:pt>
                <c:pt idx="157">
                  <c:v>158</c:v>
                </c:pt>
                <c:pt idx="158">
                  <c:v>159</c:v>
                </c:pt>
                <c:pt idx="159">
                  <c:v>160</c:v>
                </c:pt>
                <c:pt idx="160">
                  <c:v>161</c:v>
                </c:pt>
                <c:pt idx="161">
                  <c:v>162</c:v>
                </c:pt>
                <c:pt idx="162">
                  <c:v>163</c:v>
                </c:pt>
                <c:pt idx="163">
                  <c:v>164</c:v>
                </c:pt>
                <c:pt idx="164">
                  <c:v>165</c:v>
                </c:pt>
                <c:pt idx="165">
                  <c:v>166</c:v>
                </c:pt>
                <c:pt idx="166">
                  <c:v>167</c:v>
                </c:pt>
                <c:pt idx="167">
                  <c:v>168</c:v>
                </c:pt>
                <c:pt idx="168">
                  <c:v>169</c:v>
                </c:pt>
                <c:pt idx="169">
                  <c:v>170</c:v>
                </c:pt>
                <c:pt idx="170">
                  <c:v>171</c:v>
                </c:pt>
                <c:pt idx="171">
                  <c:v>172</c:v>
                </c:pt>
                <c:pt idx="172">
                  <c:v>173</c:v>
                </c:pt>
                <c:pt idx="173">
                  <c:v>174</c:v>
                </c:pt>
                <c:pt idx="174">
                  <c:v>175</c:v>
                </c:pt>
                <c:pt idx="175">
                  <c:v>176</c:v>
                </c:pt>
                <c:pt idx="176">
                  <c:v>177</c:v>
                </c:pt>
                <c:pt idx="177">
                  <c:v>178</c:v>
                </c:pt>
                <c:pt idx="178">
                  <c:v>179</c:v>
                </c:pt>
                <c:pt idx="179">
                  <c:v>180</c:v>
                </c:pt>
                <c:pt idx="180">
                  <c:v>181</c:v>
                </c:pt>
                <c:pt idx="181">
                  <c:v>182</c:v>
                </c:pt>
                <c:pt idx="182">
                  <c:v>183</c:v>
                </c:pt>
                <c:pt idx="183">
                  <c:v>184</c:v>
                </c:pt>
                <c:pt idx="184">
                  <c:v>185</c:v>
                </c:pt>
                <c:pt idx="185">
                  <c:v>186</c:v>
                </c:pt>
                <c:pt idx="186">
                  <c:v>187</c:v>
                </c:pt>
                <c:pt idx="187">
                  <c:v>188</c:v>
                </c:pt>
                <c:pt idx="188">
                  <c:v>189</c:v>
                </c:pt>
                <c:pt idx="189">
                  <c:v>190</c:v>
                </c:pt>
                <c:pt idx="190">
                  <c:v>191</c:v>
                </c:pt>
                <c:pt idx="191">
                  <c:v>192</c:v>
                </c:pt>
                <c:pt idx="192">
                  <c:v>193</c:v>
                </c:pt>
                <c:pt idx="193">
                  <c:v>194</c:v>
                </c:pt>
              </c:numCache>
            </c:numRef>
          </c:cat>
          <c:val>
            <c:numRef>
              <c:f>total!$BA$2:$BA$195</c:f>
              <c:numCache>
                <c:formatCode>0</c:formatCode>
                <c:ptCount val="194"/>
                <c:pt idx="0">
                  <c:v>1483416960</c:v>
                </c:pt>
                <c:pt idx="1">
                  <c:v>3806582272</c:v>
                </c:pt>
                <c:pt idx="2">
                  <c:v>4677754880</c:v>
                </c:pt>
                <c:pt idx="3">
                  <c:v>5724979712</c:v>
                </c:pt>
                <c:pt idx="4">
                  <c:v>7142624768</c:v>
                </c:pt>
                <c:pt idx="5">
                  <c:v>7246824960</c:v>
                </c:pt>
                <c:pt idx="6">
                  <c:v>7449629696</c:v>
                </c:pt>
                <c:pt idx="7">
                  <c:v>9614515200</c:v>
                </c:pt>
                <c:pt idx="8">
                  <c:v>11306774528</c:v>
                </c:pt>
                <c:pt idx="9">
                  <c:v>13165913088</c:v>
                </c:pt>
                <c:pt idx="10">
                  <c:v>14919884800</c:v>
                </c:pt>
                <c:pt idx="11">
                  <c:v>16949655552</c:v>
                </c:pt>
                <c:pt idx="12">
                  <c:v>16967514112</c:v>
                </c:pt>
                <c:pt idx="13">
                  <c:v>16967514112</c:v>
                </c:pt>
                <c:pt idx="14">
                  <c:v>18133800960</c:v>
                </c:pt>
                <c:pt idx="15">
                  <c:v>19939512320</c:v>
                </c:pt>
                <c:pt idx="16">
                  <c:v>21098622976</c:v>
                </c:pt>
                <c:pt idx="17">
                  <c:v>24024381440</c:v>
                </c:pt>
                <c:pt idx="18">
                  <c:v>25346822144</c:v>
                </c:pt>
                <c:pt idx="19">
                  <c:v>25530269696</c:v>
                </c:pt>
                <c:pt idx="20">
                  <c:v>25533468672</c:v>
                </c:pt>
                <c:pt idx="21">
                  <c:v>28068841472</c:v>
                </c:pt>
                <c:pt idx="22">
                  <c:v>33635225600</c:v>
                </c:pt>
                <c:pt idx="23">
                  <c:v>35434487808</c:v>
                </c:pt>
                <c:pt idx="24">
                  <c:v>37006036992</c:v>
                </c:pt>
                <c:pt idx="25">
                  <c:v>39611576320</c:v>
                </c:pt>
                <c:pt idx="26">
                  <c:v>39756091392</c:v>
                </c:pt>
                <c:pt idx="27">
                  <c:v>40325443584</c:v>
                </c:pt>
                <c:pt idx="28">
                  <c:v>42019913728</c:v>
                </c:pt>
                <c:pt idx="29">
                  <c:v>44465537024</c:v>
                </c:pt>
                <c:pt idx="30">
                  <c:v>50704969728</c:v>
                </c:pt>
                <c:pt idx="31">
                  <c:v>54761893888</c:v>
                </c:pt>
                <c:pt idx="32">
                  <c:v>56844152832</c:v>
                </c:pt>
                <c:pt idx="33">
                  <c:v>56874123264</c:v>
                </c:pt>
                <c:pt idx="34">
                  <c:v>56917508096</c:v>
                </c:pt>
                <c:pt idx="35">
                  <c:v>58392760320</c:v>
                </c:pt>
                <c:pt idx="36">
                  <c:v>59663519744</c:v>
                </c:pt>
                <c:pt idx="37">
                  <c:v>62864089088</c:v>
                </c:pt>
                <c:pt idx="38">
                  <c:v>64817815552</c:v>
                </c:pt>
                <c:pt idx="39">
                  <c:v>66238799872</c:v>
                </c:pt>
                <c:pt idx="40">
                  <c:v>66266193920</c:v>
                </c:pt>
                <c:pt idx="41">
                  <c:v>66266193920</c:v>
                </c:pt>
                <c:pt idx="42">
                  <c:v>67316830208</c:v>
                </c:pt>
                <c:pt idx="43">
                  <c:v>68783685632</c:v>
                </c:pt>
                <c:pt idx="44">
                  <c:v>71536771072</c:v>
                </c:pt>
                <c:pt idx="45">
                  <c:v>73340354560</c:v>
                </c:pt>
                <c:pt idx="46">
                  <c:v>74747895808</c:v>
                </c:pt>
                <c:pt idx="47">
                  <c:v>74795204608</c:v>
                </c:pt>
                <c:pt idx="48">
                  <c:v>74935418880</c:v>
                </c:pt>
                <c:pt idx="49">
                  <c:v>75264565248</c:v>
                </c:pt>
                <c:pt idx="50">
                  <c:v>77226967040</c:v>
                </c:pt>
                <c:pt idx="51">
                  <c:v>78968897536</c:v>
                </c:pt>
                <c:pt idx="52">
                  <c:v>80474931200</c:v>
                </c:pt>
                <c:pt idx="53">
                  <c:v>81511686144</c:v>
                </c:pt>
                <c:pt idx="54">
                  <c:v>81530388480</c:v>
                </c:pt>
                <c:pt idx="55">
                  <c:v>81541611520</c:v>
                </c:pt>
                <c:pt idx="56">
                  <c:v>82335465472</c:v>
                </c:pt>
                <c:pt idx="57">
                  <c:v>84509925376</c:v>
                </c:pt>
                <c:pt idx="58">
                  <c:v>88200814592</c:v>
                </c:pt>
                <c:pt idx="59">
                  <c:v>92946530304</c:v>
                </c:pt>
                <c:pt idx="60">
                  <c:v>103853514752</c:v>
                </c:pt>
                <c:pt idx="61">
                  <c:v>103915864064</c:v>
                </c:pt>
                <c:pt idx="62">
                  <c:v>103971872768</c:v>
                </c:pt>
                <c:pt idx="63">
                  <c:v>106651770880</c:v>
                </c:pt>
                <c:pt idx="64">
                  <c:v>108041986048</c:v>
                </c:pt>
                <c:pt idx="65">
                  <c:v>111515271168</c:v>
                </c:pt>
                <c:pt idx="66">
                  <c:v>112882974720</c:v>
                </c:pt>
                <c:pt idx="67">
                  <c:v>114701033472</c:v>
                </c:pt>
                <c:pt idx="68">
                  <c:v>114758918144</c:v>
                </c:pt>
                <c:pt idx="69">
                  <c:v>114836520960</c:v>
                </c:pt>
                <c:pt idx="70">
                  <c:v>116124893184</c:v>
                </c:pt>
                <c:pt idx="71">
                  <c:v>118292062208</c:v>
                </c:pt>
                <c:pt idx="72">
                  <c:v>120374091776</c:v>
                </c:pt>
                <c:pt idx="73">
                  <c:v>121769123840</c:v>
                </c:pt>
                <c:pt idx="74">
                  <c:v>125115834368</c:v>
                </c:pt>
                <c:pt idx="75">
                  <c:v>125118365696</c:v>
                </c:pt>
                <c:pt idx="76">
                  <c:v>125182664704</c:v>
                </c:pt>
                <c:pt idx="77">
                  <c:v>126853709824</c:v>
                </c:pt>
                <c:pt idx="78">
                  <c:v>128978501632</c:v>
                </c:pt>
                <c:pt idx="79">
                  <c:v>133288312832</c:v>
                </c:pt>
                <c:pt idx="80">
                  <c:v>134726606848</c:v>
                </c:pt>
                <c:pt idx="81">
                  <c:v>136793497600</c:v>
                </c:pt>
                <c:pt idx="82">
                  <c:v>136844173312</c:v>
                </c:pt>
                <c:pt idx="83">
                  <c:v>136890818560</c:v>
                </c:pt>
                <c:pt idx="84">
                  <c:v>140901761024</c:v>
                </c:pt>
                <c:pt idx="85">
                  <c:v>144193421312</c:v>
                </c:pt>
                <c:pt idx="86">
                  <c:v>148313718784</c:v>
                </c:pt>
                <c:pt idx="87">
                  <c:v>153759924224</c:v>
                </c:pt>
                <c:pt idx="88">
                  <c:v>158079090688</c:v>
                </c:pt>
                <c:pt idx="89">
                  <c:v>158479089664</c:v>
                </c:pt>
                <c:pt idx="90">
                  <c:v>162184413184</c:v>
                </c:pt>
                <c:pt idx="91">
                  <c:v>165774655488</c:v>
                </c:pt>
                <c:pt idx="92">
                  <c:v>167683047424</c:v>
                </c:pt>
                <c:pt idx="93">
                  <c:v>169117384704</c:v>
                </c:pt>
                <c:pt idx="94">
                  <c:v>172258115584</c:v>
                </c:pt>
                <c:pt idx="95">
                  <c:v>173524549632</c:v>
                </c:pt>
                <c:pt idx="96">
                  <c:v>173650034688</c:v>
                </c:pt>
                <c:pt idx="97">
                  <c:v>173654818816</c:v>
                </c:pt>
                <c:pt idx="98">
                  <c:v>185315180544</c:v>
                </c:pt>
                <c:pt idx="99">
                  <c:v>188844146688</c:v>
                </c:pt>
                <c:pt idx="100">
                  <c:v>191022661632</c:v>
                </c:pt>
                <c:pt idx="101">
                  <c:v>193669775360</c:v>
                </c:pt>
                <c:pt idx="102">
                  <c:v>196030939136</c:v>
                </c:pt>
                <c:pt idx="103">
                  <c:v>196360404992</c:v>
                </c:pt>
                <c:pt idx="104">
                  <c:v>196379148288</c:v>
                </c:pt>
                <c:pt idx="105">
                  <c:v>199518093312</c:v>
                </c:pt>
                <c:pt idx="106">
                  <c:v>200987246592</c:v>
                </c:pt>
                <c:pt idx="107">
                  <c:v>202916331520</c:v>
                </c:pt>
                <c:pt idx="108">
                  <c:v>205729464320</c:v>
                </c:pt>
                <c:pt idx="109">
                  <c:v>208835624960</c:v>
                </c:pt>
                <c:pt idx="110">
                  <c:v>208987881472</c:v>
                </c:pt>
                <c:pt idx="111">
                  <c:v>209008836608</c:v>
                </c:pt>
                <c:pt idx="112">
                  <c:v>209918099456</c:v>
                </c:pt>
                <c:pt idx="113">
                  <c:v>213045870592</c:v>
                </c:pt>
                <c:pt idx="114">
                  <c:v>214807707648</c:v>
                </c:pt>
                <c:pt idx="115">
                  <c:v>218946207744</c:v>
                </c:pt>
                <c:pt idx="116">
                  <c:v>220744744960</c:v>
                </c:pt>
                <c:pt idx="117">
                  <c:v>220755836928</c:v>
                </c:pt>
                <c:pt idx="118">
                  <c:v>220806676480</c:v>
                </c:pt>
                <c:pt idx="119">
                  <c:v>223566053376</c:v>
                </c:pt>
                <c:pt idx="120">
                  <c:v>227759374336</c:v>
                </c:pt>
                <c:pt idx="121">
                  <c:v>232016773120</c:v>
                </c:pt>
                <c:pt idx="122">
                  <c:v>235329437696</c:v>
                </c:pt>
                <c:pt idx="123">
                  <c:v>236410994688</c:v>
                </c:pt>
                <c:pt idx="124">
                  <c:v>236420300800</c:v>
                </c:pt>
                <c:pt idx="125">
                  <c:v>236548882432</c:v>
                </c:pt>
                <c:pt idx="126">
                  <c:v>238527217664</c:v>
                </c:pt>
                <c:pt idx="127">
                  <c:v>240509059072</c:v>
                </c:pt>
                <c:pt idx="128">
                  <c:v>242930466816</c:v>
                </c:pt>
                <c:pt idx="129">
                  <c:v>244150796288</c:v>
                </c:pt>
                <c:pt idx="130">
                  <c:v>246009085952</c:v>
                </c:pt>
                <c:pt idx="131">
                  <c:v>246064939008</c:v>
                </c:pt>
                <c:pt idx="132">
                  <c:v>246168109056</c:v>
                </c:pt>
                <c:pt idx="133">
                  <c:v>248496750592</c:v>
                </c:pt>
                <c:pt idx="134">
                  <c:v>249592266752</c:v>
                </c:pt>
                <c:pt idx="135">
                  <c:v>251224850432</c:v>
                </c:pt>
                <c:pt idx="136">
                  <c:v>254419795968</c:v>
                </c:pt>
                <c:pt idx="137">
                  <c:v>257433878528</c:v>
                </c:pt>
                <c:pt idx="138">
                  <c:v>257472987136</c:v>
                </c:pt>
                <c:pt idx="139">
                  <c:v>257990197248</c:v>
                </c:pt>
                <c:pt idx="140">
                  <c:v>258869313536</c:v>
                </c:pt>
                <c:pt idx="141">
                  <c:v>260852301824</c:v>
                </c:pt>
                <c:pt idx="142">
                  <c:v>263839858688</c:v>
                </c:pt>
                <c:pt idx="143">
                  <c:v>266016768000</c:v>
                </c:pt>
                <c:pt idx="144">
                  <c:v>267230068736</c:v>
                </c:pt>
                <c:pt idx="145">
                  <c:v>267240210432</c:v>
                </c:pt>
                <c:pt idx="146">
                  <c:v>267389894656</c:v>
                </c:pt>
                <c:pt idx="147">
                  <c:v>267721048064</c:v>
                </c:pt>
                <c:pt idx="148">
                  <c:v>268951060480</c:v>
                </c:pt>
                <c:pt idx="149">
                  <c:v>271401353216</c:v>
                </c:pt>
                <c:pt idx="150">
                  <c:v>274117443584</c:v>
                </c:pt>
                <c:pt idx="151">
                  <c:v>279024140288</c:v>
                </c:pt>
                <c:pt idx="152">
                  <c:v>280961613824</c:v>
                </c:pt>
                <c:pt idx="153">
                  <c:v>280973606912</c:v>
                </c:pt>
                <c:pt idx="154">
                  <c:v>282869006336</c:v>
                </c:pt>
                <c:pt idx="155">
                  <c:v>285826252800</c:v>
                </c:pt>
                <c:pt idx="156">
                  <c:v>288512638976</c:v>
                </c:pt>
                <c:pt idx="157">
                  <c:v>290093563904</c:v>
                </c:pt>
                <c:pt idx="158">
                  <c:v>293080858624</c:v>
                </c:pt>
                <c:pt idx="159">
                  <c:v>293098815488</c:v>
                </c:pt>
                <c:pt idx="160">
                  <c:v>293108121600</c:v>
                </c:pt>
                <c:pt idx="161">
                  <c:v>294359924736</c:v>
                </c:pt>
                <c:pt idx="162">
                  <c:v>295943897088</c:v>
                </c:pt>
                <c:pt idx="163">
                  <c:v>297385558016</c:v>
                </c:pt>
                <c:pt idx="164">
                  <c:v>299909677056</c:v>
                </c:pt>
                <c:pt idx="165">
                  <c:v>302307377152</c:v>
                </c:pt>
                <c:pt idx="166">
                  <c:v>302351613952</c:v>
                </c:pt>
                <c:pt idx="167">
                  <c:v>302365605888</c:v>
                </c:pt>
                <c:pt idx="168">
                  <c:v>304058302464</c:v>
                </c:pt>
                <c:pt idx="169">
                  <c:v>306160861184</c:v>
                </c:pt>
                <c:pt idx="170">
                  <c:v>307218415616</c:v>
                </c:pt>
                <c:pt idx="171">
                  <c:v>310806806528</c:v>
                </c:pt>
                <c:pt idx="172">
                  <c:v>313099386880</c:v>
                </c:pt>
                <c:pt idx="173">
                  <c:v>313116884992</c:v>
                </c:pt>
                <c:pt idx="174">
                  <c:v>313528745984</c:v>
                </c:pt>
                <c:pt idx="175">
                  <c:v>315368538112</c:v>
                </c:pt>
                <c:pt idx="176">
                  <c:v>319100190720</c:v>
                </c:pt>
                <c:pt idx="177">
                  <c:v>322452619264</c:v>
                </c:pt>
                <c:pt idx="178">
                  <c:v>325403475968</c:v>
                </c:pt>
                <c:pt idx="179">
                  <c:v>329517793280</c:v>
                </c:pt>
                <c:pt idx="180">
                  <c:v>329562390528</c:v>
                </c:pt>
                <c:pt idx="181">
                  <c:v>330783227904</c:v>
                </c:pt>
                <c:pt idx="182">
                  <c:v>333479641088</c:v>
                </c:pt>
                <c:pt idx="183">
                  <c:v>334585069568</c:v>
                </c:pt>
                <c:pt idx="184">
                  <c:v>335946153984</c:v>
                </c:pt>
                <c:pt idx="185">
                  <c:v>337107255296</c:v>
                </c:pt>
                <c:pt idx="186">
                  <c:v>338551635968</c:v>
                </c:pt>
                <c:pt idx="187">
                  <c:v>338580078592</c:v>
                </c:pt>
                <c:pt idx="188">
                  <c:v>338580078592</c:v>
                </c:pt>
                <c:pt idx="189">
                  <c:v>339267911680</c:v>
                </c:pt>
                <c:pt idx="190">
                  <c:v>339951747072</c:v>
                </c:pt>
                <c:pt idx="191">
                  <c:v>340635582464</c:v>
                </c:pt>
                <c:pt idx="192">
                  <c:v>341114322944</c:v>
                </c:pt>
                <c:pt idx="193">
                  <c:v>341425651712</c:v>
                </c:pt>
              </c:numCache>
            </c:numRef>
          </c:val>
          <c:smooth val="0"/>
          <c:extLst>
            <c:ext xmlns:c16="http://schemas.microsoft.com/office/drawing/2014/chart" uri="{C3380CC4-5D6E-409C-BE32-E72D297353CC}">
              <c16:uniqueId val="{00000005-5AA1-4895-9EDB-2BD504E12067}"/>
            </c:ext>
          </c:extLst>
        </c:ser>
        <c:dLbls>
          <c:showLegendKey val="0"/>
          <c:showVal val="0"/>
          <c:showCatName val="0"/>
          <c:showSerName val="0"/>
          <c:showPercent val="0"/>
          <c:showBubbleSize val="0"/>
        </c:dLbls>
        <c:smooth val="0"/>
        <c:axId val="863412712"/>
        <c:axId val="863419912"/>
        <c:extLst>
          <c:ext xmlns:c15="http://schemas.microsoft.com/office/drawing/2012/chart" uri="{02D57815-91ED-43cb-92C2-25804820EDAC}">
            <c15:filteredLineSeries>
              <c15:ser>
                <c:idx val="0"/>
                <c:order val="0"/>
                <c:tx>
                  <c:strRef>
                    <c:extLst>
                      <c:ext uri="{02D57815-91ED-43cb-92C2-25804820EDAC}">
                        <c15:formulaRef>
                          <c15:sqref>total!$AQ$1</c15:sqref>
                        </c15:formulaRef>
                      </c:ext>
                    </c:extLst>
                    <c:strCache>
                      <c:ptCount val="1"/>
                      <c:pt idx="0">
                        <c:v>2014</c:v>
                      </c:pt>
                    </c:strCache>
                  </c:strRef>
                </c:tx>
                <c:spPr>
                  <a:ln w="25400" cap="rnd" cmpd="sng" algn="ctr">
                    <a:solidFill>
                      <a:srgbClr val="80BBAD"/>
                    </a:solidFill>
                    <a:prstDash val="solid"/>
                    <a:round/>
                    <a:headEnd type="none" w="med" len="med"/>
                    <a:tailEnd type="none" w="med" len="med"/>
                  </a:ln>
                </c:spPr>
                <c:marker>
                  <c:symbol val="none"/>
                </c:marker>
                <c:cat>
                  <c:numRef>
                    <c:extLst>
                      <c:ext uri="{02D57815-91ED-43cb-92C2-25804820EDAC}">
                        <c15:formulaRef>
                          <c15:sqref>total!$A$2:$A$195</c15:sqref>
                        </c15:formulaRef>
                      </c:ext>
                    </c:extLst>
                    <c:numCache>
                      <c:formatCode>m/d/yyyy</c:formatCode>
                      <c:ptCount val="194"/>
                      <c:pt idx="0">
                        <c:v>1</c:v>
                      </c:pt>
                      <c:pt idx="1">
                        <c:v>2</c:v>
                      </c:pt>
                      <c:pt idx="2">
                        <c:v>3</c:v>
                      </c:pt>
                      <c:pt idx="3">
                        <c:v>4</c:v>
                      </c:pt>
                      <c:pt idx="4">
                        <c:v>5</c:v>
                      </c:pt>
                      <c:pt idx="5">
                        <c:v>6</c:v>
                      </c:pt>
                      <c:pt idx="6">
                        <c:v>7</c:v>
                      </c:pt>
                      <c:pt idx="7">
                        <c:v>8</c:v>
                      </c:pt>
                      <c:pt idx="8">
                        <c:v>9</c:v>
                      </c:pt>
                      <c:pt idx="9">
                        <c:v>10</c:v>
                      </c:pt>
                      <c:pt idx="10">
                        <c:v>11</c:v>
                      </c:pt>
                      <c:pt idx="11">
                        <c:v>12</c:v>
                      </c:pt>
                      <c:pt idx="12">
                        <c:v>13</c:v>
                      </c:pt>
                      <c:pt idx="13">
                        <c:v>14</c:v>
                      </c:pt>
                      <c:pt idx="14">
                        <c:v>15</c:v>
                      </c:pt>
                      <c:pt idx="15">
                        <c:v>16</c:v>
                      </c:pt>
                      <c:pt idx="16">
                        <c:v>17</c:v>
                      </c:pt>
                      <c:pt idx="17">
                        <c:v>18</c:v>
                      </c:pt>
                      <c:pt idx="18">
                        <c:v>19</c:v>
                      </c:pt>
                      <c:pt idx="19">
                        <c:v>20</c:v>
                      </c:pt>
                      <c:pt idx="20">
                        <c:v>21</c:v>
                      </c:pt>
                      <c:pt idx="21">
                        <c:v>22</c:v>
                      </c:pt>
                      <c:pt idx="22">
                        <c:v>23</c:v>
                      </c:pt>
                      <c:pt idx="23">
                        <c:v>24</c:v>
                      </c:pt>
                      <c:pt idx="24">
                        <c:v>25</c:v>
                      </c:pt>
                      <c:pt idx="25">
                        <c:v>26</c:v>
                      </c:pt>
                      <c:pt idx="26">
                        <c:v>27</c:v>
                      </c:pt>
                      <c:pt idx="27">
                        <c:v>28</c:v>
                      </c:pt>
                      <c:pt idx="28">
                        <c:v>29</c:v>
                      </c:pt>
                      <c:pt idx="29">
                        <c:v>30</c:v>
                      </c:pt>
                      <c:pt idx="30">
                        <c:v>31</c:v>
                      </c:pt>
                      <c:pt idx="31">
                        <c:v>32</c:v>
                      </c:pt>
                      <c:pt idx="32">
                        <c:v>33</c:v>
                      </c:pt>
                      <c:pt idx="33">
                        <c:v>34</c:v>
                      </c:pt>
                      <c:pt idx="34">
                        <c:v>35</c:v>
                      </c:pt>
                      <c:pt idx="35">
                        <c:v>36</c:v>
                      </c:pt>
                      <c:pt idx="36">
                        <c:v>37</c:v>
                      </c:pt>
                      <c:pt idx="37">
                        <c:v>38</c:v>
                      </c:pt>
                      <c:pt idx="38">
                        <c:v>39</c:v>
                      </c:pt>
                      <c:pt idx="39">
                        <c:v>40</c:v>
                      </c:pt>
                      <c:pt idx="40">
                        <c:v>41</c:v>
                      </c:pt>
                      <c:pt idx="41">
                        <c:v>42</c:v>
                      </c:pt>
                      <c:pt idx="42">
                        <c:v>43</c:v>
                      </c:pt>
                      <c:pt idx="43">
                        <c:v>44</c:v>
                      </c:pt>
                      <c:pt idx="44">
                        <c:v>45</c:v>
                      </c:pt>
                      <c:pt idx="45">
                        <c:v>46</c:v>
                      </c:pt>
                      <c:pt idx="46">
                        <c:v>47</c:v>
                      </c:pt>
                      <c:pt idx="47">
                        <c:v>48</c:v>
                      </c:pt>
                      <c:pt idx="48">
                        <c:v>49</c:v>
                      </c:pt>
                      <c:pt idx="49">
                        <c:v>50</c:v>
                      </c:pt>
                      <c:pt idx="50">
                        <c:v>51</c:v>
                      </c:pt>
                      <c:pt idx="51">
                        <c:v>52</c:v>
                      </c:pt>
                      <c:pt idx="52">
                        <c:v>53</c:v>
                      </c:pt>
                      <c:pt idx="53">
                        <c:v>54</c:v>
                      </c:pt>
                      <c:pt idx="54">
                        <c:v>55</c:v>
                      </c:pt>
                      <c:pt idx="55">
                        <c:v>56</c:v>
                      </c:pt>
                      <c:pt idx="56">
                        <c:v>57</c:v>
                      </c:pt>
                      <c:pt idx="57">
                        <c:v>58</c:v>
                      </c:pt>
                      <c:pt idx="58">
                        <c:v>59</c:v>
                      </c:pt>
                      <c:pt idx="59">
                        <c:v>60</c:v>
                      </c:pt>
                      <c:pt idx="60">
                        <c:v>61</c:v>
                      </c:pt>
                      <c:pt idx="61">
                        <c:v>62</c:v>
                      </c:pt>
                      <c:pt idx="62">
                        <c:v>63</c:v>
                      </c:pt>
                      <c:pt idx="63">
                        <c:v>64</c:v>
                      </c:pt>
                      <c:pt idx="64">
                        <c:v>65</c:v>
                      </c:pt>
                      <c:pt idx="65">
                        <c:v>66</c:v>
                      </c:pt>
                      <c:pt idx="66">
                        <c:v>67</c:v>
                      </c:pt>
                      <c:pt idx="67">
                        <c:v>68</c:v>
                      </c:pt>
                      <c:pt idx="68">
                        <c:v>69</c:v>
                      </c:pt>
                      <c:pt idx="69">
                        <c:v>70</c:v>
                      </c:pt>
                      <c:pt idx="70">
                        <c:v>71</c:v>
                      </c:pt>
                      <c:pt idx="71">
                        <c:v>72</c:v>
                      </c:pt>
                      <c:pt idx="72">
                        <c:v>73</c:v>
                      </c:pt>
                      <c:pt idx="73">
                        <c:v>74</c:v>
                      </c:pt>
                      <c:pt idx="74">
                        <c:v>75</c:v>
                      </c:pt>
                      <c:pt idx="75">
                        <c:v>76</c:v>
                      </c:pt>
                      <c:pt idx="76">
                        <c:v>77</c:v>
                      </c:pt>
                      <c:pt idx="77">
                        <c:v>78</c:v>
                      </c:pt>
                      <c:pt idx="78">
                        <c:v>79</c:v>
                      </c:pt>
                      <c:pt idx="79">
                        <c:v>80</c:v>
                      </c:pt>
                      <c:pt idx="80">
                        <c:v>81</c:v>
                      </c:pt>
                      <c:pt idx="81">
                        <c:v>82</c:v>
                      </c:pt>
                      <c:pt idx="82">
                        <c:v>83</c:v>
                      </c:pt>
                      <c:pt idx="83">
                        <c:v>84</c:v>
                      </c:pt>
                      <c:pt idx="84">
                        <c:v>85</c:v>
                      </c:pt>
                      <c:pt idx="85">
                        <c:v>86</c:v>
                      </c:pt>
                      <c:pt idx="86">
                        <c:v>87</c:v>
                      </c:pt>
                      <c:pt idx="87">
                        <c:v>88</c:v>
                      </c:pt>
                      <c:pt idx="88">
                        <c:v>89</c:v>
                      </c:pt>
                      <c:pt idx="89">
                        <c:v>90</c:v>
                      </c:pt>
                      <c:pt idx="90">
                        <c:v>91</c:v>
                      </c:pt>
                      <c:pt idx="91">
                        <c:v>92</c:v>
                      </c:pt>
                      <c:pt idx="92">
                        <c:v>93</c:v>
                      </c:pt>
                      <c:pt idx="93">
                        <c:v>94</c:v>
                      </c:pt>
                      <c:pt idx="94">
                        <c:v>95</c:v>
                      </c:pt>
                      <c:pt idx="95">
                        <c:v>96</c:v>
                      </c:pt>
                      <c:pt idx="96">
                        <c:v>97</c:v>
                      </c:pt>
                      <c:pt idx="97">
                        <c:v>98</c:v>
                      </c:pt>
                      <c:pt idx="98">
                        <c:v>99</c:v>
                      </c:pt>
                      <c:pt idx="99">
                        <c:v>100</c:v>
                      </c:pt>
                      <c:pt idx="100">
                        <c:v>101</c:v>
                      </c:pt>
                      <c:pt idx="101">
                        <c:v>102</c:v>
                      </c:pt>
                      <c:pt idx="102">
                        <c:v>103</c:v>
                      </c:pt>
                      <c:pt idx="103">
                        <c:v>104</c:v>
                      </c:pt>
                      <c:pt idx="104">
                        <c:v>105</c:v>
                      </c:pt>
                      <c:pt idx="105">
                        <c:v>106</c:v>
                      </c:pt>
                      <c:pt idx="106">
                        <c:v>107</c:v>
                      </c:pt>
                      <c:pt idx="107">
                        <c:v>108</c:v>
                      </c:pt>
                      <c:pt idx="108">
                        <c:v>109</c:v>
                      </c:pt>
                      <c:pt idx="109">
                        <c:v>110</c:v>
                      </c:pt>
                      <c:pt idx="110">
                        <c:v>111</c:v>
                      </c:pt>
                      <c:pt idx="111">
                        <c:v>112</c:v>
                      </c:pt>
                      <c:pt idx="112">
                        <c:v>113</c:v>
                      </c:pt>
                      <c:pt idx="113">
                        <c:v>114</c:v>
                      </c:pt>
                      <c:pt idx="114">
                        <c:v>115</c:v>
                      </c:pt>
                      <c:pt idx="115">
                        <c:v>116</c:v>
                      </c:pt>
                      <c:pt idx="116">
                        <c:v>117</c:v>
                      </c:pt>
                      <c:pt idx="117">
                        <c:v>118</c:v>
                      </c:pt>
                      <c:pt idx="118">
                        <c:v>119</c:v>
                      </c:pt>
                      <c:pt idx="119">
                        <c:v>120</c:v>
                      </c:pt>
                      <c:pt idx="120">
                        <c:v>121</c:v>
                      </c:pt>
                      <c:pt idx="121">
                        <c:v>122</c:v>
                      </c:pt>
                      <c:pt idx="122">
                        <c:v>123</c:v>
                      </c:pt>
                      <c:pt idx="123">
                        <c:v>124</c:v>
                      </c:pt>
                      <c:pt idx="124">
                        <c:v>125</c:v>
                      </c:pt>
                      <c:pt idx="125">
                        <c:v>126</c:v>
                      </c:pt>
                      <c:pt idx="126">
                        <c:v>127</c:v>
                      </c:pt>
                      <c:pt idx="127">
                        <c:v>128</c:v>
                      </c:pt>
                      <c:pt idx="128">
                        <c:v>129</c:v>
                      </c:pt>
                      <c:pt idx="129">
                        <c:v>130</c:v>
                      </c:pt>
                      <c:pt idx="130">
                        <c:v>131</c:v>
                      </c:pt>
                      <c:pt idx="131">
                        <c:v>132</c:v>
                      </c:pt>
                      <c:pt idx="132">
                        <c:v>133</c:v>
                      </c:pt>
                      <c:pt idx="133">
                        <c:v>134</c:v>
                      </c:pt>
                      <c:pt idx="134">
                        <c:v>135</c:v>
                      </c:pt>
                      <c:pt idx="135">
                        <c:v>136</c:v>
                      </c:pt>
                      <c:pt idx="136">
                        <c:v>137</c:v>
                      </c:pt>
                      <c:pt idx="137">
                        <c:v>138</c:v>
                      </c:pt>
                      <c:pt idx="138">
                        <c:v>139</c:v>
                      </c:pt>
                      <c:pt idx="139">
                        <c:v>140</c:v>
                      </c:pt>
                      <c:pt idx="140">
                        <c:v>141</c:v>
                      </c:pt>
                      <c:pt idx="141">
                        <c:v>142</c:v>
                      </c:pt>
                      <c:pt idx="142">
                        <c:v>143</c:v>
                      </c:pt>
                      <c:pt idx="143">
                        <c:v>144</c:v>
                      </c:pt>
                      <c:pt idx="144">
                        <c:v>145</c:v>
                      </c:pt>
                      <c:pt idx="145">
                        <c:v>146</c:v>
                      </c:pt>
                      <c:pt idx="146">
                        <c:v>147</c:v>
                      </c:pt>
                      <c:pt idx="147">
                        <c:v>148</c:v>
                      </c:pt>
                      <c:pt idx="148">
                        <c:v>149</c:v>
                      </c:pt>
                      <c:pt idx="149">
                        <c:v>150</c:v>
                      </c:pt>
                      <c:pt idx="150">
                        <c:v>151</c:v>
                      </c:pt>
                      <c:pt idx="151">
                        <c:v>152</c:v>
                      </c:pt>
                      <c:pt idx="152">
                        <c:v>153</c:v>
                      </c:pt>
                      <c:pt idx="153">
                        <c:v>154</c:v>
                      </c:pt>
                      <c:pt idx="154">
                        <c:v>155</c:v>
                      </c:pt>
                      <c:pt idx="155">
                        <c:v>156</c:v>
                      </c:pt>
                      <c:pt idx="156">
                        <c:v>157</c:v>
                      </c:pt>
                      <c:pt idx="157">
                        <c:v>158</c:v>
                      </c:pt>
                      <c:pt idx="158">
                        <c:v>159</c:v>
                      </c:pt>
                      <c:pt idx="159">
                        <c:v>160</c:v>
                      </c:pt>
                      <c:pt idx="160">
                        <c:v>161</c:v>
                      </c:pt>
                      <c:pt idx="161">
                        <c:v>162</c:v>
                      </c:pt>
                      <c:pt idx="162">
                        <c:v>163</c:v>
                      </c:pt>
                      <c:pt idx="163">
                        <c:v>164</c:v>
                      </c:pt>
                      <c:pt idx="164">
                        <c:v>165</c:v>
                      </c:pt>
                      <c:pt idx="165">
                        <c:v>166</c:v>
                      </c:pt>
                      <c:pt idx="166">
                        <c:v>167</c:v>
                      </c:pt>
                      <c:pt idx="167">
                        <c:v>168</c:v>
                      </c:pt>
                      <c:pt idx="168">
                        <c:v>169</c:v>
                      </c:pt>
                      <c:pt idx="169">
                        <c:v>170</c:v>
                      </c:pt>
                      <c:pt idx="170">
                        <c:v>171</c:v>
                      </c:pt>
                      <c:pt idx="171">
                        <c:v>172</c:v>
                      </c:pt>
                      <c:pt idx="172">
                        <c:v>173</c:v>
                      </c:pt>
                      <c:pt idx="173">
                        <c:v>174</c:v>
                      </c:pt>
                      <c:pt idx="174">
                        <c:v>175</c:v>
                      </c:pt>
                      <c:pt idx="175">
                        <c:v>176</c:v>
                      </c:pt>
                      <c:pt idx="176">
                        <c:v>177</c:v>
                      </c:pt>
                      <c:pt idx="177">
                        <c:v>178</c:v>
                      </c:pt>
                      <c:pt idx="178">
                        <c:v>179</c:v>
                      </c:pt>
                      <c:pt idx="179">
                        <c:v>180</c:v>
                      </c:pt>
                      <c:pt idx="180">
                        <c:v>181</c:v>
                      </c:pt>
                      <c:pt idx="181">
                        <c:v>182</c:v>
                      </c:pt>
                      <c:pt idx="182">
                        <c:v>183</c:v>
                      </c:pt>
                      <c:pt idx="183">
                        <c:v>184</c:v>
                      </c:pt>
                      <c:pt idx="184">
                        <c:v>185</c:v>
                      </c:pt>
                      <c:pt idx="185">
                        <c:v>186</c:v>
                      </c:pt>
                      <c:pt idx="186">
                        <c:v>187</c:v>
                      </c:pt>
                      <c:pt idx="187">
                        <c:v>188</c:v>
                      </c:pt>
                      <c:pt idx="188">
                        <c:v>189</c:v>
                      </c:pt>
                      <c:pt idx="189">
                        <c:v>190</c:v>
                      </c:pt>
                      <c:pt idx="190">
                        <c:v>191</c:v>
                      </c:pt>
                      <c:pt idx="191">
                        <c:v>192</c:v>
                      </c:pt>
                      <c:pt idx="192">
                        <c:v>193</c:v>
                      </c:pt>
                      <c:pt idx="193">
                        <c:v>194</c:v>
                      </c:pt>
                    </c:numCache>
                  </c:numRef>
                </c:cat>
                <c:val>
                  <c:numRef>
                    <c:extLst>
                      <c:ext uri="{02D57815-91ED-43cb-92C2-25804820EDAC}">
                        <c15:formulaRef>
                          <c15:sqref>total!$AQ$2:$AQ$195</c15:sqref>
                        </c15:formulaRef>
                      </c:ext>
                    </c:extLst>
                    <c:numCache>
                      <c:formatCode>0</c:formatCode>
                      <c:ptCount val="194"/>
                      <c:pt idx="0">
                        <c:v>10343733248</c:v>
                      </c:pt>
                      <c:pt idx="1">
                        <c:v>11361807360</c:v>
                      </c:pt>
                      <c:pt idx="2">
                        <c:v>12378297344</c:v>
                      </c:pt>
                      <c:pt idx="3">
                        <c:v>12525365248</c:v>
                      </c:pt>
                      <c:pt idx="4">
                        <c:v>13409729536</c:v>
                      </c:pt>
                      <c:pt idx="5">
                        <c:v>15477005312</c:v>
                      </c:pt>
                      <c:pt idx="6">
                        <c:v>17925369856</c:v>
                      </c:pt>
                      <c:pt idx="7">
                        <c:v>20723902464</c:v>
                      </c:pt>
                      <c:pt idx="8">
                        <c:v>23923331072</c:v>
                      </c:pt>
                      <c:pt idx="9">
                        <c:v>26652104704</c:v>
                      </c:pt>
                      <c:pt idx="10">
                        <c:v>26665404416</c:v>
                      </c:pt>
                      <c:pt idx="11">
                        <c:v>26733094912</c:v>
                      </c:pt>
                      <c:pt idx="12">
                        <c:v>29129793536</c:v>
                      </c:pt>
                      <c:pt idx="13">
                        <c:v>30456692736</c:v>
                      </c:pt>
                      <c:pt idx="14">
                        <c:v>34373877760</c:v>
                      </c:pt>
                      <c:pt idx="15">
                        <c:v>36785139712</c:v>
                      </c:pt>
                      <c:pt idx="16">
                        <c:v>39010934784</c:v>
                      </c:pt>
                      <c:pt idx="17">
                        <c:v>39075192832</c:v>
                      </c:pt>
                      <c:pt idx="18">
                        <c:v>39117627392</c:v>
                      </c:pt>
                      <c:pt idx="19">
                        <c:v>39937122304</c:v>
                      </c:pt>
                      <c:pt idx="20">
                        <c:v>44064059392</c:v>
                      </c:pt>
                      <c:pt idx="21">
                        <c:v>46061748224</c:v>
                      </c:pt>
                      <c:pt idx="22">
                        <c:v>47074975744</c:v>
                      </c:pt>
                      <c:pt idx="23">
                        <c:v>48591175680</c:v>
                      </c:pt>
                      <c:pt idx="24">
                        <c:v>48719192064</c:v>
                      </c:pt>
                      <c:pt idx="25">
                        <c:v>48734715904</c:v>
                      </c:pt>
                      <c:pt idx="26">
                        <c:v>50194837504</c:v>
                      </c:pt>
                      <c:pt idx="27">
                        <c:v>52141527040</c:v>
                      </c:pt>
                      <c:pt idx="28">
                        <c:v>54061625344</c:v>
                      </c:pt>
                      <c:pt idx="29">
                        <c:v>57252184064</c:v>
                      </c:pt>
                      <c:pt idx="30">
                        <c:v>62287597568</c:v>
                      </c:pt>
                      <c:pt idx="31">
                        <c:v>67390377984</c:v>
                      </c:pt>
                      <c:pt idx="32">
                        <c:v>67564019712</c:v>
                      </c:pt>
                      <c:pt idx="33">
                        <c:v>71326613504</c:v>
                      </c:pt>
                      <c:pt idx="34">
                        <c:v>73726345216</c:v>
                      </c:pt>
                      <c:pt idx="35">
                        <c:v>74420436992</c:v>
                      </c:pt>
                      <c:pt idx="36">
                        <c:v>75707899904</c:v>
                      </c:pt>
                      <c:pt idx="37">
                        <c:v>90436452352</c:v>
                      </c:pt>
                      <c:pt idx="38">
                        <c:v>90577960960</c:v>
                      </c:pt>
                      <c:pt idx="39">
                        <c:v>90847723520</c:v>
                      </c:pt>
                      <c:pt idx="40">
                        <c:v>92083429376</c:v>
                      </c:pt>
                      <c:pt idx="41">
                        <c:v>93767409664</c:v>
                      </c:pt>
                      <c:pt idx="42">
                        <c:v>95918194688</c:v>
                      </c:pt>
                      <c:pt idx="43">
                        <c:v>97386012672</c:v>
                      </c:pt>
                      <c:pt idx="44">
                        <c:v>98784927744</c:v>
                      </c:pt>
                      <c:pt idx="45">
                        <c:v>100620771328</c:v>
                      </c:pt>
                      <c:pt idx="46">
                        <c:v>100738088960</c:v>
                      </c:pt>
                      <c:pt idx="47">
                        <c:v>102698688512</c:v>
                      </c:pt>
                      <c:pt idx="48">
                        <c:v>104726167552</c:v>
                      </c:pt>
                      <c:pt idx="49">
                        <c:v>106161471488</c:v>
                      </c:pt>
                      <c:pt idx="50">
                        <c:v>107702829056</c:v>
                      </c:pt>
                      <c:pt idx="51">
                        <c:v>109572087808</c:v>
                      </c:pt>
                      <c:pt idx="52">
                        <c:v>109609820160</c:v>
                      </c:pt>
                      <c:pt idx="53">
                        <c:v>109609820160</c:v>
                      </c:pt>
                      <c:pt idx="54">
                        <c:v>110867775488</c:v>
                      </c:pt>
                      <c:pt idx="55">
                        <c:v>112393715712</c:v>
                      </c:pt>
                      <c:pt idx="56">
                        <c:v>113995268096</c:v>
                      </c:pt>
                      <c:pt idx="57">
                        <c:v>115782459392</c:v>
                      </c:pt>
                      <c:pt idx="58">
                        <c:v>122244055040</c:v>
                      </c:pt>
                      <c:pt idx="59">
                        <c:v>122244055040</c:v>
                      </c:pt>
                      <c:pt idx="60">
                        <c:v>127613829120</c:v>
                      </c:pt>
                      <c:pt idx="61">
                        <c:v>127636430848</c:v>
                      </c:pt>
                      <c:pt idx="62">
                        <c:v>129975468032</c:v>
                      </c:pt>
                      <c:pt idx="63">
                        <c:v>132010205184</c:v>
                      </c:pt>
                      <c:pt idx="64">
                        <c:v>134043271168</c:v>
                      </c:pt>
                      <c:pt idx="65">
                        <c:v>136306950144</c:v>
                      </c:pt>
                      <c:pt idx="66">
                        <c:v>137965699072</c:v>
                      </c:pt>
                      <c:pt idx="67">
                        <c:v>138030841856</c:v>
                      </c:pt>
                      <c:pt idx="68">
                        <c:v>138114056192</c:v>
                      </c:pt>
                      <c:pt idx="69">
                        <c:v>140309200896</c:v>
                      </c:pt>
                      <c:pt idx="70">
                        <c:v>143602089984</c:v>
                      </c:pt>
                      <c:pt idx="71">
                        <c:v>145452793856</c:v>
                      </c:pt>
                      <c:pt idx="72">
                        <c:v>147374358528</c:v>
                      </c:pt>
                      <c:pt idx="73">
                        <c:v>148956839936</c:v>
                      </c:pt>
                      <c:pt idx="74">
                        <c:v>153643040768</c:v>
                      </c:pt>
                      <c:pt idx="75">
                        <c:v>153664815104</c:v>
                      </c:pt>
                      <c:pt idx="76">
                        <c:v>155446919168</c:v>
                      </c:pt>
                      <c:pt idx="77">
                        <c:v>157519036416</c:v>
                      </c:pt>
                      <c:pt idx="78">
                        <c:v>158973181952</c:v>
                      </c:pt>
                      <c:pt idx="79">
                        <c:v>160402243584</c:v>
                      </c:pt>
                      <c:pt idx="80">
                        <c:v>163879534592</c:v>
                      </c:pt>
                      <c:pt idx="81">
                        <c:v>163999416320</c:v>
                      </c:pt>
                      <c:pt idx="82">
                        <c:v>164055105536</c:v>
                      </c:pt>
                      <c:pt idx="83">
                        <c:v>165372657664</c:v>
                      </c:pt>
                      <c:pt idx="84">
                        <c:v>168001077248</c:v>
                      </c:pt>
                      <c:pt idx="85">
                        <c:v>171242700800</c:v>
                      </c:pt>
                      <c:pt idx="86">
                        <c:v>174660927488</c:v>
                      </c:pt>
                      <c:pt idx="87">
                        <c:v>179521077248</c:v>
                      </c:pt>
                      <c:pt idx="88">
                        <c:v>179792035840</c:v>
                      </c:pt>
                      <c:pt idx="89">
                        <c:v>180651556864</c:v>
                      </c:pt>
                      <c:pt idx="90">
                        <c:v>193426751488</c:v>
                      </c:pt>
                      <c:pt idx="91">
                        <c:v>211805323264</c:v>
                      </c:pt>
                      <c:pt idx="92">
                        <c:v>213890072576</c:v>
                      </c:pt>
                      <c:pt idx="93">
                        <c:v>215468933120</c:v>
                      </c:pt>
                      <c:pt idx="94">
                        <c:v>216729190400</c:v>
                      </c:pt>
                      <c:pt idx="95">
                        <c:v>216758222848</c:v>
                      </c:pt>
                      <c:pt idx="96">
                        <c:v>216915935232</c:v>
                      </c:pt>
                      <c:pt idx="97">
                        <c:v>219979382784</c:v>
                      </c:pt>
                      <c:pt idx="98">
                        <c:v>221193797632</c:v>
                      </c:pt>
                      <c:pt idx="99">
                        <c:v>222257922048</c:v>
                      </c:pt>
                      <c:pt idx="100">
                        <c:v>225071874048</c:v>
                      </c:pt>
                      <c:pt idx="101">
                        <c:v>226049294336</c:v>
                      </c:pt>
                      <c:pt idx="102">
                        <c:v>226084290560</c:v>
                      </c:pt>
                      <c:pt idx="103">
                        <c:v>226178220032</c:v>
                      </c:pt>
                      <c:pt idx="104">
                        <c:v>227139305472</c:v>
                      </c:pt>
                      <c:pt idx="105">
                        <c:v>234634919936</c:v>
                      </c:pt>
                      <c:pt idx="106">
                        <c:v>238407516160</c:v>
                      </c:pt>
                      <c:pt idx="107">
                        <c:v>240272556032</c:v>
                      </c:pt>
                      <c:pt idx="108">
                        <c:v>241169678336</c:v>
                      </c:pt>
                      <c:pt idx="109">
                        <c:v>241214570496</c:v>
                      </c:pt>
                      <c:pt idx="110">
                        <c:v>241351671808</c:v>
                      </c:pt>
                      <c:pt idx="111">
                        <c:v>242781208576</c:v>
                      </c:pt>
                      <c:pt idx="112">
                        <c:v>244705804288</c:v>
                      </c:pt>
                      <c:pt idx="113">
                        <c:v>246216196096</c:v>
                      </c:pt>
                      <c:pt idx="114">
                        <c:v>248074993664</c:v>
                      </c:pt>
                      <c:pt idx="115">
                        <c:v>249167970304</c:v>
                      </c:pt>
                      <c:pt idx="116">
                        <c:v>249247825920</c:v>
                      </c:pt>
                      <c:pt idx="117">
                        <c:v>249274023936</c:v>
                      </c:pt>
                      <c:pt idx="118">
                        <c:v>250592870400</c:v>
                      </c:pt>
                      <c:pt idx="119">
                        <c:v>254247059456</c:v>
                      </c:pt>
                      <c:pt idx="120">
                        <c:v>261277745152</c:v>
                      </c:pt>
                      <c:pt idx="121">
                        <c:v>272197599232</c:v>
                      </c:pt>
                      <c:pt idx="122">
                        <c:v>275916259328</c:v>
                      </c:pt>
                      <c:pt idx="123">
                        <c:v>275965247488</c:v>
                      </c:pt>
                      <c:pt idx="124">
                        <c:v>275985137664</c:v>
                      </c:pt>
                      <c:pt idx="125">
                        <c:v>277480013824</c:v>
                      </c:pt>
                      <c:pt idx="126">
                        <c:v>278522724352</c:v>
                      </c:pt>
                      <c:pt idx="127">
                        <c:v>281394315264</c:v>
                      </c:pt>
                      <c:pt idx="128">
                        <c:v>284117139456</c:v>
                      </c:pt>
                      <c:pt idx="129">
                        <c:v>286547148800</c:v>
                      </c:pt>
                      <c:pt idx="130">
                        <c:v>286605180928</c:v>
                      </c:pt>
                      <c:pt idx="131">
                        <c:v>286605180928</c:v>
                      </c:pt>
                      <c:pt idx="132">
                        <c:v>287907610624</c:v>
                      </c:pt>
                      <c:pt idx="133">
                        <c:v>289481490432</c:v>
                      </c:pt>
                      <c:pt idx="134">
                        <c:v>291557900288</c:v>
                      </c:pt>
                      <c:pt idx="135">
                        <c:v>294556336128</c:v>
                      </c:pt>
                      <c:pt idx="136">
                        <c:v>296661712896</c:v>
                      </c:pt>
                      <c:pt idx="137">
                        <c:v>296673509376</c:v>
                      </c:pt>
                      <c:pt idx="138">
                        <c:v>296705720320</c:v>
                      </c:pt>
                      <c:pt idx="139">
                        <c:v>298094559232</c:v>
                      </c:pt>
                      <c:pt idx="140">
                        <c:v>300933611520</c:v>
                      </c:pt>
                      <c:pt idx="141">
                        <c:v>302661632000</c:v>
                      </c:pt>
                      <c:pt idx="142">
                        <c:v>304648781824</c:v>
                      </c:pt>
                      <c:pt idx="143">
                        <c:v>307672907776</c:v>
                      </c:pt>
                      <c:pt idx="144">
                        <c:v>307695681536</c:v>
                      </c:pt>
                      <c:pt idx="145">
                        <c:v>307711180800</c:v>
                      </c:pt>
                      <c:pt idx="146">
                        <c:v>308094173184</c:v>
                      </c:pt>
                      <c:pt idx="147">
                        <c:v>309990031360</c:v>
                      </c:pt>
                      <c:pt idx="148">
                        <c:v>311675715584</c:v>
                      </c:pt>
                      <c:pt idx="149">
                        <c:v>313681215488</c:v>
                      </c:pt>
                      <c:pt idx="150">
                        <c:v>319567298560</c:v>
                      </c:pt>
                      <c:pt idx="151">
                        <c:v>321056571392</c:v>
                      </c:pt>
                      <c:pt idx="152">
                        <c:v>331857330176</c:v>
                      </c:pt>
                      <c:pt idx="153">
                        <c:v>333541605376</c:v>
                      </c:pt>
                      <c:pt idx="154">
                        <c:v>335765209088</c:v>
                      </c:pt>
                      <c:pt idx="155">
                        <c:v>337656545280</c:v>
                      </c:pt>
                      <c:pt idx="156">
                        <c:v>341368963072</c:v>
                      </c:pt>
                      <c:pt idx="157">
                        <c:v>344367792128</c:v>
                      </c:pt>
                      <c:pt idx="158">
                        <c:v>344442503168</c:v>
                      </c:pt>
                      <c:pt idx="159">
                        <c:v>344442503168</c:v>
                      </c:pt>
                      <c:pt idx="160">
                        <c:v>347278475264</c:v>
                      </c:pt>
                      <c:pt idx="161">
                        <c:v>349213163520</c:v>
                      </c:pt>
                      <c:pt idx="162">
                        <c:v>350851235840</c:v>
                      </c:pt>
                      <c:pt idx="163">
                        <c:v>355629694976</c:v>
                      </c:pt>
                      <c:pt idx="164">
                        <c:v>357717835776</c:v>
                      </c:pt>
                      <c:pt idx="165">
                        <c:v>358563348480</c:v>
                      </c:pt>
                      <c:pt idx="166">
                        <c:v>360259387392</c:v>
                      </c:pt>
                      <c:pt idx="167">
                        <c:v>362119233536</c:v>
                      </c:pt>
                      <c:pt idx="168">
                        <c:v>365255557120</c:v>
                      </c:pt>
                      <c:pt idx="169">
                        <c:v>368932192256</c:v>
                      </c:pt>
                      <c:pt idx="170">
                        <c:v>371099107328</c:v>
                      </c:pt>
                      <c:pt idx="171">
                        <c:v>374995386368</c:v>
                      </c:pt>
                      <c:pt idx="172">
                        <c:v>375153983488</c:v>
                      </c:pt>
                      <c:pt idx="173">
                        <c:v>375354195968</c:v>
                      </c:pt>
                      <c:pt idx="174">
                        <c:v>376897011712</c:v>
                      </c:pt>
                      <c:pt idx="175">
                        <c:v>379364605952</c:v>
                      </c:pt>
                      <c:pt idx="176">
                        <c:v>385226309632</c:v>
                      </c:pt>
                      <c:pt idx="177">
                        <c:v>387995336704</c:v>
                      </c:pt>
                      <c:pt idx="178">
                        <c:v>394415013888</c:v>
                      </c:pt>
                      <c:pt idx="179">
                        <c:v>394529341440</c:v>
                      </c:pt>
                      <c:pt idx="180">
                        <c:v>394555031552</c:v>
                      </c:pt>
                      <c:pt idx="181">
                        <c:v>415414616064</c:v>
                      </c:pt>
                      <c:pt idx="182">
                        <c:v>433635262464</c:v>
                      </c:pt>
                      <c:pt idx="183">
                        <c:v>436347371520</c:v>
                      </c:pt>
                      <c:pt idx="184">
                        <c:v>439896899584</c:v>
                      </c:pt>
                      <c:pt idx="185">
                        <c:v>441258573824</c:v>
                      </c:pt>
                      <c:pt idx="186">
                        <c:v>441396756480</c:v>
                      </c:pt>
                      <c:pt idx="187">
                        <c:v>441833324544</c:v>
                      </c:pt>
                      <c:pt idx="188">
                        <c:v>443401240576</c:v>
                      </c:pt>
                      <c:pt idx="189">
                        <c:v>446002724864</c:v>
                      </c:pt>
                      <c:pt idx="190">
                        <c:v>448164560896</c:v>
                      </c:pt>
                      <c:pt idx="191">
                        <c:v>451715137536</c:v>
                      </c:pt>
                      <c:pt idx="192">
                        <c:v>454111854592</c:v>
                      </c:pt>
                      <c:pt idx="193">
                        <c:v>454194659328</c:v>
                      </c:pt>
                    </c:numCache>
                  </c:numRef>
                </c:val>
                <c:smooth val="0"/>
                <c:extLst>
                  <c:ext xmlns:c16="http://schemas.microsoft.com/office/drawing/2014/chart" uri="{C3380CC4-5D6E-409C-BE32-E72D297353CC}">
                    <c16:uniqueId val="{00000006-5AA1-4895-9EDB-2BD504E12067}"/>
                  </c:ext>
                </c:extLst>
              </c15:ser>
            </c15:filteredLineSeries>
            <c15:filteredLineSeries>
              <c15:ser>
                <c:idx val="1"/>
                <c:order val="1"/>
                <c:tx>
                  <c:strRef>
                    <c:extLst xmlns:c15="http://schemas.microsoft.com/office/drawing/2012/chart">
                      <c:ext xmlns:c15="http://schemas.microsoft.com/office/drawing/2012/chart" uri="{02D57815-91ED-43cb-92C2-25804820EDAC}">
                        <c15:formulaRef>
                          <c15:sqref>total!$AR$1</c15:sqref>
                        </c15:formulaRef>
                      </c:ext>
                    </c:extLst>
                    <c:strCache>
                      <c:ptCount val="1"/>
                      <c:pt idx="0">
                        <c:v>2015</c:v>
                      </c:pt>
                    </c:strCache>
                  </c:strRef>
                </c:tx>
                <c:spPr>
                  <a:ln w="25400" cap="rnd" cmpd="sng" algn="ctr">
                    <a:solidFill>
                      <a:srgbClr val="80BBAD"/>
                    </a:solidFill>
                    <a:prstDash val="solid"/>
                    <a:round/>
                    <a:headEnd type="none" w="med" len="med"/>
                    <a:tailEnd type="none" w="med" len="med"/>
                  </a:ln>
                </c:spPr>
                <c:marker>
                  <c:symbol val="none"/>
                </c:marker>
                <c:cat>
                  <c:numRef>
                    <c:extLst xmlns:c15="http://schemas.microsoft.com/office/drawing/2012/chart">
                      <c:ext xmlns:c15="http://schemas.microsoft.com/office/drawing/2012/chart" uri="{02D57815-91ED-43cb-92C2-25804820EDAC}">
                        <c15:formulaRef>
                          <c15:sqref>total!$A$2:$A$195</c15:sqref>
                        </c15:formulaRef>
                      </c:ext>
                    </c:extLst>
                    <c:numCache>
                      <c:formatCode>m/d/yyyy</c:formatCode>
                      <c:ptCount val="194"/>
                      <c:pt idx="0">
                        <c:v>1</c:v>
                      </c:pt>
                      <c:pt idx="1">
                        <c:v>2</c:v>
                      </c:pt>
                      <c:pt idx="2">
                        <c:v>3</c:v>
                      </c:pt>
                      <c:pt idx="3">
                        <c:v>4</c:v>
                      </c:pt>
                      <c:pt idx="4">
                        <c:v>5</c:v>
                      </c:pt>
                      <c:pt idx="5">
                        <c:v>6</c:v>
                      </c:pt>
                      <c:pt idx="6">
                        <c:v>7</c:v>
                      </c:pt>
                      <c:pt idx="7">
                        <c:v>8</c:v>
                      </c:pt>
                      <c:pt idx="8">
                        <c:v>9</c:v>
                      </c:pt>
                      <c:pt idx="9">
                        <c:v>10</c:v>
                      </c:pt>
                      <c:pt idx="10">
                        <c:v>11</c:v>
                      </c:pt>
                      <c:pt idx="11">
                        <c:v>12</c:v>
                      </c:pt>
                      <c:pt idx="12">
                        <c:v>13</c:v>
                      </c:pt>
                      <c:pt idx="13">
                        <c:v>14</c:v>
                      </c:pt>
                      <c:pt idx="14">
                        <c:v>15</c:v>
                      </c:pt>
                      <c:pt idx="15">
                        <c:v>16</c:v>
                      </c:pt>
                      <c:pt idx="16">
                        <c:v>17</c:v>
                      </c:pt>
                      <c:pt idx="17">
                        <c:v>18</c:v>
                      </c:pt>
                      <c:pt idx="18">
                        <c:v>19</c:v>
                      </c:pt>
                      <c:pt idx="19">
                        <c:v>20</c:v>
                      </c:pt>
                      <c:pt idx="20">
                        <c:v>21</c:v>
                      </c:pt>
                      <c:pt idx="21">
                        <c:v>22</c:v>
                      </c:pt>
                      <c:pt idx="22">
                        <c:v>23</c:v>
                      </c:pt>
                      <c:pt idx="23">
                        <c:v>24</c:v>
                      </c:pt>
                      <c:pt idx="24">
                        <c:v>25</c:v>
                      </c:pt>
                      <c:pt idx="25">
                        <c:v>26</c:v>
                      </c:pt>
                      <c:pt idx="26">
                        <c:v>27</c:v>
                      </c:pt>
                      <c:pt idx="27">
                        <c:v>28</c:v>
                      </c:pt>
                      <c:pt idx="28">
                        <c:v>29</c:v>
                      </c:pt>
                      <c:pt idx="29">
                        <c:v>30</c:v>
                      </c:pt>
                      <c:pt idx="30">
                        <c:v>31</c:v>
                      </c:pt>
                      <c:pt idx="31">
                        <c:v>32</c:v>
                      </c:pt>
                      <c:pt idx="32">
                        <c:v>33</c:v>
                      </c:pt>
                      <c:pt idx="33">
                        <c:v>34</c:v>
                      </c:pt>
                      <c:pt idx="34">
                        <c:v>35</c:v>
                      </c:pt>
                      <c:pt idx="35">
                        <c:v>36</c:v>
                      </c:pt>
                      <c:pt idx="36">
                        <c:v>37</c:v>
                      </c:pt>
                      <c:pt idx="37">
                        <c:v>38</c:v>
                      </c:pt>
                      <c:pt idx="38">
                        <c:v>39</c:v>
                      </c:pt>
                      <c:pt idx="39">
                        <c:v>40</c:v>
                      </c:pt>
                      <c:pt idx="40">
                        <c:v>41</c:v>
                      </c:pt>
                      <c:pt idx="41">
                        <c:v>42</c:v>
                      </c:pt>
                      <c:pt idx="42">
                        <c:v>43</c:v>
                      </c:pt>
                      <c:pt idx="43">
                        <c:v>44</c:v>
                      </c:pt>
                      <c:pt idx="44">
                        <c:v>45</c:v>
                      </c:pt>
                      <c:pt idx="45">
                        <c:v>46</c:v>
                      </c:pt>
                      <c:pt idx="46">
                        <c:v>47</c:v>
                      </c:pt>
                      <c:pt idx="47">
                        <c:v>48</c:v>
                      </c:pt>
                      <c:pt idx="48">
                        <c:v>49</c:v>
                      </c:pt>
                      <c:pt idx="49">
                        <c:v>50</c:v>
                      </c:pt>
                      <c:pt idx="50">
                        <c:v>51</c:v>
                      </c:pt>
                      <c:pt idx="51">
                        <c:v>52</c:v>
                      </c:pt>
                      <c:pt idx="52">
                        <c:v>53</c:v>
                      </c:pt>
                      <c:pt idx="53">
                        <c:v>54</c:v>
                      </c:pt>
                      <c:pt idx="54">
                        <c:v>55</c:v>
                      </c:pt>
                      <c:pt idx="55">
                        <c:v>56</c:v>
                      </c:pt>
                      <c:pt idx="56">
                        <c:v>57</c:v>
                      </c:pt>
                      <c:pt idx="57">
                        <c:v>58</c:v>
                      </c:pt>
                      <c:pt idx="58">
                        <c:v>59</c:v>
                      </c:pt>
                      <c:pt idx="59">
                        <c:v>60</c:v>
                      </c:pt>
                      <c:pt idx="60">
                        <c:v>61</c:v>
                      </c:pt>
                      <c:pt idx="61">
                        <c:v>62</c:v>
                      </c:pt>
                      <c:pt idx="62">
                        <c:v>63</c:v>
                      </c:pt>
                      <c:pt idx="63">
                        <c:v>64</c:v>
                      </c:pt>
                      <c:pt idx="64">
                        <c:v>65</c:v>
                      </c:pt>
                      <c:pt idx="65">
                        <c:v>66</c:v>
                      </c:pt>
                      <c:pt idx="66">
                        <c:v>67</c:v>
                      </c:pt>
                      <c:pt idx="67">
                        <c:v>68</c:v>
                      </c:pt>
                      <c:pt idx="68">
                        <c:v>69</c:v>
                      </c:pt>
                      <c:pt idx="69">
                        <c:v>70</c:v>
                      </c:pt>
                      <c:pt idx="70">
                        <c:v>71</c:v>
                      </c:pt>
                      <c:pt idx="71">
                        <c:v>72</c:v>
                      </c:pt>
                      <c:pt idx="72">
                        <c:v>73</c:v>
                      </c:pt>
                      <c:pt idx="73">
                        <c:v>74</c:v>
                      </c:pt>
                      <c:pt idx="74">
                        <c:v>75</c:v>
                      </c:pt>
                      <c:pt idx="75">
                        <c:v>76</c:v>
                      </c:pt>
                      <c:pt idx="76">
                        <c:v>77</c:v>
                      </c:pt>
                      <c:pt idx="77">
                        <c:v>78</c:v>
                      </c:pt>
                      <c:pt idx="78">
                        <c:v>79</c:v>
                      </c:pt>
                      <c:pt idx="79">
                        <c:v>80</c:v>
                      </c:pt>
                      <c:pt idx="80">
                        <c:v>81</c:v>
                      </c:pt>
                      <c:pt idx="81">
                        <c:v>82</c:v>
                      </c:pt>
                      <c:pt idx="82">
                        <c:v>83</c:v>
                      </c:pt>
                      <c:pt idx="83">
                        <c:v>84</c:v>
                      </c:pt>
                      <c:pt idx="84">
                        <c:v>85</c:v>
                      </c:pt>
                      <c:pt idx="85">
                        <c:v>86</c:v>
                      </c:pt>
                      <c:pt idx="86">
                        <c:v>87</c:v>
                      </c:pt>
                      <c:pt idx="87">
                        <c:v>88</c:v>
                      </c:pt>
                      <c:pt idx="88">
                        <c:v>89</c:v>
                      </c:pt>
                      <c:pt idx="89">
                        <c:v>90</c:v>
                      </c:pt>
                      <c:pt idx="90">
                        <c:v>91</c:v>
                      </c:pt>
                      <c:pt idx="91">
                        <c:v>92</c:v>
                      </c:pt>
                      <c:pt idx="92">
                        <c:v>93</c:v>
                      </c:pt>
                      <c:pt idx="93">
                        <c:v>94</c:v>
                      </c:pt>
                      <c:pt idx="94">
                        <c:v>95</c:v>
                      </c:pt>
                      <c:pt idx="95">
                        <c:v>96</c:v>
                      </c:pt>
                      <c:pt idx="96">
                        <c:v>97</c:v>
                      </c:pt>
                      <c:pt idx="97">
                        <c:v>98</c:v>
                      </c:pt>
                      <c:pt idx="98">
                        <c:v>99</c:v>
                      </c:pt>
                      <c:pt idx="99">
                        <c:v>100</c:v>
                      </c:pt>
                      <c:pt idx="100">
                        <c:v>101</c:v>
                      </c:pt>
                      <c:pt idx="101">
                        <c:v>102</c:v>
                      </c:pt>
                      <c:pt idx="102">
                        <c:v>103</c:v>
                      </c:pt>
                      <c:pt idx="103">
                        <c:v>104</c:v>
                      </c:pt>
                      <c:pt idx="104">
                        <c:v>105</c:v>
                      </c:pt>
                      <c:pt idx="105">
                        <c:v>106</c:v>
                      </c:pt>
                      <c:pt idx="106">
                        <c:v>107</c:v>
                      </c:pt>
                      <c:pt idx="107">
                        <c:v>108</c:v>
                      </c:pt>
                      <c:pt idx="108">
                        <c:v>109</c:v>
                      </c:pt>
                      <c:pt idx="109">
                        <c:v>110</c:v>
                      </c:pt>
                      <c:pt idx="110">
                        <c:v>111</c:v>
                      </c:pt>
                      <c:pt idx="111">
                        <c:v>112</c:v>
                      </c:pt>
                      <c:pt idx="112">
                        <c:v>113</c:v>
                      </c:pt>
                      <c:pt idx="113">
                        <c:v>114</c:v>
                      </c:pt>
                      <c:pt idx="114">
                        <c:v>115</c:v>
                      </c:pt>
                      <c:pt idx="115">
                        <c:v>116</c:v>
                      </c:pt>
                      <c:pt idx="116">
                        <c:v>117</c:v>
                      </c:pt>
                      <c:pt idx="117">
                        <c:v>118</c:v>
                      </c:pt>
                      <c:pt idx="118">
                        <c:v>119</c:v>
                      </c:pt>
                      <c:pt idx="119">
                        <c:v>120</c:v>
                      </c:pt>
                      <c:pt idx="120">
                        <c:v>121</c:v>
                      </c:pt>
                      <c:pt idx="121">
                        <c:v>122</c:v>
                      </c:pt>
                      <c:pt idx="122">
                        <c:v>123</c:v>
                      </c:pt>
                      <c:pt idx="123">
                        <c:v>124</c:v>
                      </c:pt>
                      <c:pt idx="124">
                        <c:v>125</c:v>
                      </c:pt>
                      <c:pt idx="125">
                        <c:v>126</c:v>
                      </c:pt>
                      <c:pt idx="126">
                        <c:v>127</c:v>
                      </c:pt>
                      <c:pt idx="127">
                        <c:v>128</c:v>
                      </c:pt>
                      <c:pt idx="128">
                        <c:v>129</c:v>
                      </c:pt>
                      <c:pt idx="129">
                        <c:v>130</c:v>
                      </c:pt>
                      <c:pt idx="130">
                        <c:v>131</c:v>
                      </c:pt>
                      <c:pt idx="131">
                        <c:v>132</c:v>
                      </c:pt>
                      <c:pt idx="132">
                        <c:v>133</c:v>
                      </c:pt>
                      <c:pt idx="133">
                        <c:v>134</c:v>
                      </c:pt>
                      <c:pt idx="134">
                        <c:v>135</c:v>
                      </c:pt>
                      <c:pt idx="135">
                        <c:v>136</c:v>
                      </c:pt>
                      <c:pt idx="136">
                        <c:v>137</c:v>
                      </c:pt>
                      <c:pt idx="137">
                        <c:v>138</c:v>
                      </c:pt>
                      <c:pt idx="138">
                        <c:v>139</c:v>
                      </c:pt>
                      <c:pt idx="139">
                        <c:v>140</c:v>
                      </c:pt>
                      <c:pt idx="140">
                        <c:v>141</c:v>
                      </c:pt>
                      <c:pt idx="141">
                        <c:v>142</c:v>
                      </c:pt>
                      <c:pt idx="142">
                        <c:v>143</c:v>
                      </c:pt>
                      <c:pt idx="143">
                        <c:v>144</c:v>
                      </c:pt>
                      <c:pt idx="144">
                        <c:v>145</c:v>
                      </c:pt>
                      <c:pt idx="145">
                        <c:v>146</c:v>
                      </c:pt>
                      <c:pt idx="146">
                        <c:v>147</c:v>
                      </c:pt>
                      <c:pt idx="147">
                        <c:v>148</c:v>
                      </c:pt>
                      <c:pt idx="148">
                        <c:v>149</c:v>
                      </c:pt>
                      <c:pt idx="149">
                        <c:v>150</c:v>
                      </c:pt>
                      <c:pt idx="150">
                        <c:v>151</c:v>
                      </c:pt>
                      <c:pt idx="151">
                        <c:v>152</c:v>
                      </c:pt>
                      <c:pt idx="152">
                        <c:v>153</c:v>
                      </c:pt>
                      <c:pt idx="153">
                        <c:v>154</c:v>
                      </c:pt>
                      <c:pt idx="154">
                        <c:v>155</c:v>
                      </c:pt>
                      <c:pt idx="155">
                        <c:v>156</c:v>
                      </c:pt>
                      <c:pt idx="156">
                        <c:v>157</c:v>
                      </c:pt>
                      <c:pt idx="157">
                        <c:v>158</c:v>
                      </c:pt>
                      <c:pt idx="158">
                        <c:v>159</c:v>
                      </c:pt>
                      <c:pt idx="159">
                        <c:v>160</c:v>
                      </c:pt>
                      <c:pt idx="160">
                        <c:v>161</c:v>
                      </c:pt>
                      <c:pt idx="161">
                        <c:v>162</c:v>
                      </c:pt>
                      <c:pt idx="162">
                        <c:v>163</c:v>
                      </c:pt>
                      <c:pt idx="163">
                        <c:v>164</c:v>
                      </c:pt>
                      <c:pt idx="164">
                        <c:v>165</c:v>
                      </c:pt>
                      <c:pt idx="165">
                        <c:v>166</c:v>
                      </c:pt>
                      <c:pt idx="166">
                        <c:v>167</c:v>
                      </c:pt>
                      <c:pt idx="167">
                        <c:v>168</c:v>
                      </c:pt>
                      <c:pt idx="168">
                        <c:v>169</c:v>
                      </c:pt>
                      <c:pt idx="169">
                        <c:v>170</c:v>
                      </c:pt>
                      <c:pt idx="170">
                        <c:v>171</c:v>
                      </c:pt>
                      <c:pt idx="171">
                        <c:v>172</c:v>
                      </c:pt>
                      <c:pt idx="172">
                        <c:v>173</c:v>
                      </c:pt>
                      <c:pt idx="173">
                        <c:v>174</c:v>
                      </c:pt>
                      <c:pt idx="174">
                        <c:v>175</c:v>
                      </c:pt>
                      <c:pt idx="175">
                        <c:v>176</c:v>
                      </c:pt>
                      <c:pt idx="176">
                        <c:v>177</c:v>
                      </c:pt>
                      <c:pt idx="177">
                        <c:v>178</c:v>
                      </c:pt>
                      <c:pt idx="178">
                        <c:v>179</c:v>
                      </c:pt>
                      <c:pt idx="179">
                        <c:v>180</c:v>
                      </c:pt>
                      <c:pt idx="180">
                        <c:v>181</c:v>
                      </c:pt>
                      <c:pt idx="181">
                        <c:v>182</c:v>
                      </c:pt>
                      <c:pt idx="182">
                        <c:v>183</c:v>
                      </c:pt>
                      <c:pt idx="183">
                        <c:v>184</c:v>
                      </c:pt>
                      <c:pt idx="184">
                        <c:v>185</c:v>
                      </c:pt>
                      <c:pt idx="185">
                        <c:v>186</c:v>
                      </c:pt>
                      <c:pt idx="186">
                        <c:v>187</c:v>
                      </c:pt>
                      <c:pt idx="187">
                        <c:v>188</c:v>
                      </c:pt>
                      <c:pt idx="188">
                        <c:v>189</c:v>
                      </c:pt>
                      <c:pt idx="189">
                        <c:v>190</c:v>
                      </c:pt>
                      <c:pt idx="190">
                        <c:v>191</c:v>
                      </c:pt>
                      <c:pt idx="191">
                        <c:v>192</c:v>
                      </c:pt>
                      <c:pt idx="192">
                        <c:v>193</c:v>
                      </c:pt>
                      <c:pt idx="193">
                        <c:v>194</c:v>
                      </c:pt>
                    </c:numCache>
                  </c:numRef>
                </c:cat>
                <c:val>
                  <c:numRef>
                    <c:extLst xmlns:c15="http://schemas.microsoft.com/office/drawing/2012/chart">
                      <c:ext xmlns:c15="http://schemas.microsoft.com/office/drawing/2012/chart" uri="{02D57815-91ED-43cb-92C2-25804820EDAC}">
                        <c15:formulaRef>
                          <c15:sqref>total!$AR$2:$AR$195</c15:sqref>
                        </c15:formulaRef>
                      </c:ext>
                    </c:extLst>
                    <c:numCache>
                      <c:formatCode>0</c:formatCode>
                      <c:ptCount val="194"/>
                      <c:pt idx="0">
                        <c:v>12384430080</c:v>
                      </c:pt>
                      <c:pt idx="1">
                        <c:v>13335343104</c:v>
                      </c:pt>
                      <c:pt idx="2">
                        <c:v>13346045952</c:v>
                      </c:pt>
                      <c:pt idx="3">
                        <c:v>13440086016</c:v>
                      </c:pt>
                      <c:pt idx="4">
                        <c:v>15388588032</c:v>
                      </c:pt>
                      <c:pt idx="5">
                        <c:v>17348849664</c:v>
                      </c:pt>
                      <c:pt idx="6">
                        <c:v>20906991616</c:v>
                      </c:pt>
                      <c:pt idx="7">
                        <c:v>23411152896</c:v>
                      </c:pt>
                      <c:pt idx="8">
                        <c:v>25743843328</c:v>
                      </c:pt>
                      <c:pt idx="9">
                        <c:v>25880643584</c:v>
                      </c:pt>
                      <c:pt idx="10">
                        <c:v>25880643584</c:v>
                      </c:pt>
                      <c:pt idx="11">
                        <c:v>27798722560</c:v>
                      </c:pt>
                      <c:pt idx="12">
                        <c:v>29249277952</c:v>
                      </c:pt>
                      <c:pt idx="13">
                        <c:v>31444842496</c:v>
                      </c:pt>
                      <c:pt idx="14">
                        <c:v>42018852864</c:v>
                      </c:pt>
                      <c:pt idx="15">
                        <c:v>46530281472</c:v>
                      </c:pt>
                      <c:pt idx="16">
                        <c:v>46546329600</c:v>
                      </c:pt>
                      <c:pt idx="17">
                        <c:v>46559129600</c:v>
                      </c:pt>
                      <c:pt idx="18">
                        <c:v>47155261440</c:v>
                      </c:pt>
                      <c:pt idx="19">
                        <c:v>49293488128</c:v>
                      </c:pt>
                      <c:pt idx="20">
                        <c:v>51142295552</c:v>
                      </c:pt>
                      <c:pt idx="21">
                        <c:v>55263797248</c:v>
                      </c:pt>
                      <c:pt idx="22">
                        <c:v>57706749952</c:v>
                      </c:pt>
                      <c:pt idx="23">
                        <c:v>57958211584</c:v>
                      </c:pt>
                      <c:pt idx="24">
                        <c:v>58020712448</c:v>
                      </c:pt>
                      <c:pt idx="25">
                        <c:v>61675753472</c:v>
                      </c:pt>
                      <c:pt idx="26">
                        <c:v>63442931712</c:v>
                      </c:pt>
                      <c:pt idx="27">
                        <c:v>64940486656</c:v>
                      </c:pt>
                      <c:pt idx="28">
                        <c:v>71677353984</c:v>
                      </c:pt>
                      <c:pt idx="29">
                        <c:v>81137442816</c:v>
                      </c:pt>
                      <c:pt idx="30">
                        <c:v>84144259072</c:v>
                      </c:pt>
                      <c:pt idx="31">
                        <c:v>93541982208</c:v>
                      </c:pt>
                      <c:pt idx="32">
                        <c:v>96870449152</c:v>
                      </c:pt>
                      <c:pt idx="33">
                        <c:v>99142475776</c:v>
                      </c:pt>
                      <c:pt idx="34">
                        <c:v>100905058304</c:v>
                      </c:pt>
                      <c:pt idx="35">
                        <c:v>102251544576</c:v>
                      </c:pt>
                      <c:pt idx="36">
                        <c:v>104890712064</c:v>
                      </c:pt>
                      <c:pt idx="37">
                        <c:v>106373865472</c:v>
                      </c:pt>
                      <c:pt idx="38">
                        <c:v>106400866304</c:v>
                      </c:pt>
                      <c:pt idx="39">
                        <c:v>108661227520</c:v>
                      </c:pt>
                      <c:pt idx="40">
                        <c:v>113187528704</c:v>
                      </c:pt>
                      <c:pt idx="41">
                        <c:v>114937085952</c:v>
                      </c:pt>
                      <c:pt idx="42">
                        <c:v>119853916160</c:v>
                      </c:pt>
                      <c:pt idx="43">
                        <c:v>121878634496</c:v>
                      </c:pt>
                      <c:pt idx="44">
                        <c:v>121938944000</c:v>
                      </c:pt>
                      <c:pt idx="45">
                        <c:v>124082987008</c:v>
                      </c:pt>
                      <c:pt idx="46">
                        <c:v>125406683136</c:v>
                      </c:pt>
                      <c:pt idx="47">
                        <c:v>126934605824</c:v>
                      </c:pt>
                      <c:pt idx="48">
                        <c:v>132223557632</c:v>
                      </c:pt>
                      <c:pt idx="49">
                        <c:v>135076126720</c:v>
                      </c:pt>
                      <c:pt idx="50">
                        <c:v>136736931840</c:v>
                      </c:pt>
                      <c:pt idx="51">
                        <c:v>136824381440</c:v>
                      </c:pt>
                      <c:pt idx="52">
                        <c:v>136976359424</c:v>
                      </c:pt>
                      <c:pt idx="53">
                        <c:v>138961960960</c:v>
                      </c:pt>
                      <c:pt idx="54">
                        <c:v>140176834560</c:v>
                      </c:pt>
                      <c:pt idx="55">
                        <c:v>141407731712</c:v>
                      </c:pt>
                      <c:pt idx="56">
                        <c:v>151605460992</c:v>
                      </c:pt>
                      <c:pt idx="57">
                        <c:v>158923030528</c:v>
                      </c:pt>
                      <c:pt idx="58">
                        <c:v>161136607232</c:v>
                      </c:pt>
                      <c:pt idx="59">
                        <c:v>161136607232</c:v>
                      </c:pt>
                      <c:pt idx="60">
                        <c:v>173474512896</c:v>
                      </c:pt>
                      <c:pt idx="61">
                        <c:v>176634724352</c:v>
                      </c:pt>
                      <c:pt idx="62">
                        <c:v>180124925952</c:v>
                      </c:pt>
                      <c:pt idx="63">
                        <c:v>182463004672</c:v>
                      </c:pt>
                      <c:pt idx="64">
                        <c:v>184343134208</c:v>
                      </c:pt>
                      <c:pt idx="65">
                        <c:v>188683894784</c:v>
                      </c:pt>
                      <c:pt idx="66">
                        <c:v>188802088960</c:v>
                      </c:pt>
                      <c:pt idx="67">
                        <c:v>188802088960</c:v>
                      </c:pt>
                      <c:pt idx="68">
                        <c:v>190821515264</c:v>
                      </c:pt>
                      <c:pt idx="69">
                        <c:v>193167687680</c:v>
                      </c:pt>
                      <c:pt idx="70">
                        <c:v>201156149248</c:v>
                      </c:pt>
                      <c:pt idx="71">
                        <c:v>203537481728</c:v>
                      </c:pt>
                      <c:pt idx="72">
                        <c:v>206644461568</c:v>
                      </c:pt>
                      <c:pt idx="73">
                        <c:v>206747942912</c:v>
                      </c:pt>
                      <c:pt idx="74">
                        <c:v>210485231616</c:v>
                      </c:pt>
                      <c:pt idx="75">
                        <c:v>213860270080</c:v>
                      </c:pt>
                      <c:pt idx="76">
                        <c:v>215039066112</c:v>
                      </c:pt>
                      <c:pt idx="77">
                        <c:v>217117507584</c:v>
                      </c:pt>
                      <c:pt idx="78">
                        <c:v>218912522240</c:v>
                      </c:pt>
                      <c:pt idx="79">
                        <c:v>222204051456</c:v>
                      </c:pt>
                      <c:pt idx="80">
                        <c:v>222204051456</c:v>
                      </c:pt>
                      <c:pt idx="81">
                        <c:v>222330339328</c:v>
                      </c:pt>
                      <c:pt idx="82">
                        <c:v>223993151488</c:v>
                      </c:pt>
                      <c:pt idx="83">
                        <c:v>226979119104</c:v>
                      </c:pt>
                      <c:pt idx="84">
                        <c:v>229781340160</c:v>
                      </c:pt>
                      <c:pt idx="85">
                        <c:v>232830304256</c:v>
                      </c:pt>
                      <c:pt idx="86">
                        <c:v>238065713152</c:v>
                      </c:pt>
                      <c:pt idx="87">
                        <c:v>238654160896</c:v>
                      </c:pt>
                      <c:pt idx="88">
                        <c:v>238665678848</c:v>
                      </c:pt>
                      <c:pt idx="89">
                        <c:v>243467878400</c:v>
                      </c:pt>
                      <c:pt idx="90">
                        <c:v>268211748864</c:v>
                      </c:pt>
                      <c:pt idx="91">
                        <c:v>283074166784</c:v>
                      </c:pt>
                      <c:pt idx="92">
                        <c:v>286369742848</c:v>
                      </c:pt>
                      <c:pt idx="93">
                        <c:v>287103418368</c:v>
                      </c:pt>
                      <c:pt idx="94">
                        <c:v>287141462016</c:v>
                      </c:pt>
                      <c:pt idx="95">
                        <c:v>287240093696</c:v>
                      </c:pt>
                      <c:pt idx="96">
                        <c:v>288146751488</c:v>
                      </c:pt>
                      <c:pt idx="97">
                        <c:v>289963540480</c:v>
                      </c:pt>
                      <c:pt idx="98">
                        <c:v>291199025152</c:v>
                      </c:pt>
                      <c:pt idx="99">
                        <c:v>294071238656</c:v>
                      </c:pt>
                      <c:pt idx="100">
                        <c:v>296130183168</c:v>
                      </c:pt>
                      <c:pt idx="101">
                        <c:v>296167276544</c:v>
                      </c:pt>
                      <c:pt idx="102">
                        <c:v>296192933888</c:v>
                      </c:pt>
                      <c:pt idx="103">
                        <c:v>298245619712</c:v>
                      </c:pt>
                      <c:pt idx="104">
                        <c:v>300335169536</c:v>
                      </c:pt>
                      <c:pt idx="105">
                        <c:v>303633170432</c:v>
                      </c:pt>
                      <c:pt idx="106">
                        <c:v>305822236672</c:v>
                      </c:pt>
                      <c:pt idx="107">
                        <c:v>307406110720</c:v>
                      </c:pt>
                      <c:pt idx="108">
                        <c:v>307542163456</c:v>
                      </c:pt>
                      <c:pt idx="109">
                        <c:v>307552714752</c:v>
                      </c:pt>
                      <c:pt idx="110">
                        <c:v>314058276864</c:v>
                      </c:pt>
                      <c:pt idx="111">
                        <c:v>315579793408</c:v>
                      </c:pt>
                      <c:pt idx="112">
                        <c:v>316813279232</c:v>
                      </c:pt>
                      <c:pt idx="113">
                        <c:v>319374229504</c:v>
                      </c:pt>
                      <c:pt idx="114">
                        <c:v>323523772416</c:v>
                      </c:pt>
                      <c:pt idx="115">
                        <c:v>323653337088</c:v>
                      </c:pt>
                      <c:pt idx="116">
                        <c:v>323686727680</c:v>
                      </c:pt>
                      <c:pt idx="117">
                        <c:v>325753700352</c:v>
                      </c:pt>
                      <c:pt idx="118">
                        <c:v>327958265856</c:v>
                      </c:pt>
                      <c:pt idx="119">
                        <c:v>330523934720</c:v>
                      </c:pt>
                      <c:pt idx="120">
                        <c:v>338495340544</c:v>
                      </c:pt>
                      <c:pt idx="121">
                        <c:v>353175011328</c:v>
                      </c:pt>
                      <c:pt idx="122">
                        <c:v>353212628992</c:v>
                      </c:pt>
                      <c:pt idx="123">
                        <c:v>353279868928</c:v>
                      </c:pt>
                      <c:pt idx="124">
                        <c:v>354973351936</c:v>
                      </c:pt>
                      <c:pt idx="125">
                        <c:v>357245190144</c:v>
                      </c:pt>
                      <c:pt idx="126">
                        <c:v>359356399616</c:v>
                      </c:pt>
                      <c:pt idx="127">
                        <c:v>361008463872</c:v>
                      </c:pt>
                      <c:pt idx="128">
                        <c:v>364725927936</c:v>
                      </c:pt>
                      <c:pt idx="129">
                        <c:v>364725927936</c:v>
                      </c:pt>
                      <c:pt idx="130">
                        <c:v>364817055744</c:v>
                      </c:pt>
                      <c:pt idx="131">
                        <c:v>366501462016</c:v>
                      </c:pt>
                      <c:pt idx="132">
                        <c:v>371344670720</c:v>
                      </c:pt>
                      <c:pt idx="133">
                        <c:v>373170995200</c:v>
                      </c:pt>
                      <c:pt idx="134">
                        <c:v>374949806080</c:v>
                      </c:pt>
                      <c:pt idx="135">
                        <c:v>379720663040</c:v>
                      </c:pt>
                      <c:pt idx="136">
                        <c:v>380523741184</c:v>
                      </c:pt>
                      <c:pt idx="137">
                        <c:v>380575678464</c:v>
                      </c:pt>
                      <c:pt idx="138">
                        <c:v>383219892224</c:v>
                      </c:pt>
                      <c:pt idx="139">
                        <c:v>385873543168</c:v>
                      </c:pt>
                      <c:pt idx="140">
                        <c:v>387834576896</c:v>
                      </c:pt>
                      <c:pt idx="141">
                        <c:v>391109836800</c:v>
                      </c:pt>
                      <c:pt idx="142">
                        <c:v>393403105280</c:v>
                      </c:pt>
                      <c:pt idx="143">
                        <c:v>393486893056</c:v>
                      </c:pt>
                      <c:pt idx="144">
                        <c:v>393600958464</c:v>
                      </c:pt>
                      <c:pt idx="145">
                        <c:v>394678960128</c:v>
                      </c:pt>
                      <c:pt idx="146">
                        <c:v>398016348160</c:v>
                      </c:pt>
                      <c:pt idx="147">
                        <c:v>400319709184</c:v>
                      </c:pt>
                      <c:pt idx="148">
                        <c:v>404301905920</c:v>
                      </c:pt>
                      <c:pt idx="149">
                        <c:v>408493228032</c:v>
                      </c:pt>
                      <c:pt idx="150">
                        <c:v>409218285568</c:v>
                      </c:pt>
                      <c:pt idx="151">
                        <c:v>416971128832</c:v>
                      </c:pt>
                      <c:pt idx="152">
                        <c:v>432626991104</c:v>
                      </c:pt>
                      <c:pt idx="153">
                        <c:v>435680870400</c:v>
                      </c:pt>
                      <c:pt idx="154">
                        <c:v>437485207552</c:v>
                      </c:pt>
                      <c:pt idx="155">
                        <c:v>439807180800</c:v>
                      </c:pt>
                      <c:pt idx="156">
                        <c:v>441792888832</c:v>
                      </c:pt>
                      <c:pt idx="157">
                        <c:v>442111918080</c:v>
                      </c:pt>
                      <c:pt idx="158">
                        <c:v>442534068224</c:v>
                      </c:pt>
                      <c:pt idx="159">
                        <c:v>444697935872</c:v>
                      </c:pt>
                      <c:pt idx="160">
                        <c:v>446061281280</c:v>
                      </c:pt>
                      <c:pt idx="161">
                        <c:v>449347911680</c:v>
                      </c:pt>
                      <c:pt idx="162">
                        <c:v>458528686080</c:v>
                      </c:pt>
                      <c:pt idx="163">
                        <c:v>460554469376</c:v>
                      </c:pt>
                      <c:pt idx="164">
                        <c:v>460566134784</c:v>
                      </c:pt>
                      <c:pt idx="165">
                        <c:v>460597035008</c:v>
                      </c:pt>
                      <c:pt idx="166">
                        <c:v>466615566336</c:v>
                      </c:pt>
                      <c:pt idx="167">
                        <c:v>469718204416</c:v>
                      </c:pt>
                      <c:pt idx="168">
                        <c:v>472529010688</c:v>
                      </c:pt>
                      <c:pt idx="169">
                        <c:v>474840530944</c:v>
                      </c:pt>
                      <c:pt idx="170">
                        <c:v>477706158080</c:v>
                      </c:pt>
                      <c:pt idx="171">
                        <c:v>477938352128</c:v>
                      </c:pt>
                      <c:pt idx="172">
                        <c:v>478017748992</c:v>
                      </c:pt>
                      <c:pt idx="173">
                        <c:v>480716062720</c:v>
                      </c:pt>
                      <c:pt idx="174">
                        <c:v>483637297152</c:v>
                      </c:pt>
                      <c:pt idx="175">
                        <c:v>485816991744</c:v>
                      </c:pt>
                      <c:pt idx="176">
                        <c:v>488519761920</c:v>
                      </c:pt>
                      <c:pt idx="177">
                        <c:v>492556779520</c:v>
                      </c:pt>
                      <c:pt idx="178">
                        <c:v>492681428992</c:v>
                      </c:pt>
                      <c:pt idx="179">
                        <c:v>493096271872</c:v>
                      </c:pt>
                      <c:pt idx="180">
                        <c:v>496897261568</c:v>
                      </c:pt>
                      <c:pt idx="181">
                        <c:v>518689161216</c:v>
                      </c:pt>
                      <c:pt idx="182">
                        <c:v>531413073920</c:v>
                      </c:pt>
                      <c:pt idx="183">
                        <c:v>535160651776</c:v>
                      </c:pt>
                      <c:pt idx="184">
                        <c:v>535488036864</c:v>
                      </c:pt>
                      <c:pt idx="185">
                        <c:v>535488036864</c:v>
                      </c:pt>
                      <c:pt idx="186">
                        <c:v>535787274240</c:v>
                      </c:pt>
                      <c:pt idx="187">
                        <c:v>537071583232</c:v>
                      </c:pt>
                      <c:pt idx="188">
                        <c:v>539301838848</c:v>
                      </c:pt>
                      <c:pt idx="189">
                        <c:v>542753816576</c:v>
                      </c:pt>
                      <c:pt idx="190">
                        <c:v>545001242624</c:v>
                      </c:pt>
                      <c:pt idx="191">
                        <c:v>548528095232</c:v>
                      </c:pt>
                      <c:pt idx="192">
                        <c:v>548562010112</c:v>
                      </c:pt>
                      <c:pt idx="193">
                        <c:v>548600840192</c:v>
                      </c:pt>
                    </c:numCache>
                  </c:numRef>
                </c:val>
                <c:smooth val="0"/>
                <c:extLst xmlns:c15="http://schemas.microsoft.com/office/drawing/2012/chart">
                  <c:ext xmlns:c16="http://schemas.microsoft.com/office/drawing/2014/chart" uri="{C3380CC4-5D6E-409C-BE32-E72D297353CC}">
                    <c16:uniqueId val="{00000007-5AA1-4895-9EDB-2BD504E12067}"/>
                  </c:ext>
                </c:extLst>
              </c15:ser>
            </c15:filteredLineSeries>
            <c15:filteredLineSeries>
              <c15:ser>
                <c:idx val="2"/>
                <c:order val="2"/>
                <c:tx>
                  <c:strRef>
                    <c:extLst xmlns:c15="http://schemas.microsoft.com/office/drawing/2012/chart">
                      <c:ext xmlns:c15="http://schemas.microsoft.com/office/drawing/2012/chart" uri="{02D57815-91ED-43cb-92C2-25804820EDAC}">
                        <c15:formulaRef>
                          <c15:sqref>total!$AS$1</c15:sqref>
                        </c15:formulaRef>
                      </c:ext>
                    </c:extLst>
                    <c:strCache>
                      <c:ptCount val="1"/>
                      <c:pt idx="0">
                        <c:v>2016</c:v>
                      </c:pt>
                    </c:strCache>
                  </c:strRef>
                </c:tx>
                <c:spPr>
                  <a:ln w="25400" cap="rnd" cmpd="sng" algn="ctr">
                    <a:solidFill>
                      <a:srgbClr val="435254"/>
                    </a:solidFill>
                    <a:prstDash val="solid"/>
                    <a:round/>
                    <a:headEnd type="none" w="med" len="med"/>
                    <a:tailEnd type="none" w="med" len="med"/>
                  </a:ln>
                </c:spPr>
                <c:marker>
                  <c:symbol val="none"/>
                </c:marker>
                <c:cat>
                  <c:numRef>
                    <c:extLst xmlns:c15="http://schemas.microsoft.com/office/drawing/2012/chart">
                      <c:ext xmlns:c15="http://schemas.microsoft.com/office/drawing/2012/chart" uri="{02D57815-91ED-43cb-92C2-25804820EDAC}">
                        <c15:formulaRef>
                          <c15:sqref>total!$A$2:$A$195</c15:sqref>
                        </c15:formulaRef>
                      </c:ext>
                    </c:extLst>
                    <c:numCache>
                      <c:formatCode>m/d/yyyy</c:formatCode>
                      <c:ptCount val="194"/>
                      <c:pt idx="0">
                        <c:v>1</c:v>
                      </c:pt>
                      <c:pt idx="1">
                        <c:v>2</c:v>
                      </c:pt>
                      <c:pt idx="2">
                        <c:v>3</c:v>
                      </c:pt>
                      <c:pt idx="3">
                        <c:v>4</c:v>
                      </c:pt>
                      <c:pt idx="4">
                        <c:v>5</c:v>
                      </c:pt>
                      <c:pt idx="5">
                        <c:v>6</c:v>
                      </c:pt>
                      <c:pt idx="6">
                        <c:v>7</c:v>
                      </c:pt>
                      <c:pt idx="7">
                        <c:v>8</c:v>
                      </c:pt>
                      <c:pt idx="8">
                        <c:v>9</c:v>
                      </c:pt>
                      <c:pt idx="9">
                        <c:v>10</c:v>
                      </c:pt>
                      <c:pt idx="10">
                        <c:v>11</c:v>
                      </c:pt>
                      <c:pt idx="11">
                        <c:v>12</c:v>
                      </c:pt>
                      <c:pt idx="12">
                        <c:v>13</c:v>
                      </c:pt>
                      <c:pt idx="13">
                        <c:v>14</c:v>
                      </c:pt>
                      <c:pt idx="14">
                        <c:v>15</c:v>
                      </c:pt>
                      <c:pt idx="15">
                        <c:v>16</c:v>
                      </c:pt>
                      <c:pt idx="16">
                        <c:v>17</c:v>
                      </c:pt>
                      <c:pt idx="17">
                        <c:v>18</c:v>
                      </c:pt>
                      <c:pt idx="18">
                        <c:v>19</c:v>
                      </c:pt>
                      <c:pt idx="19">
                        <c:v>20</c:v>
                      </c:pt>
                      <c:pt idx="20">
                        <c:v>21</c:v>
                      </c:pt>
                      <c:pt idx="21">
                        <c:v>22</c:v>
                      </c:pt>
                      <c:pt idx="22">
                        <c:v>23</c:v>
                      </c:pt>
                      <c:pt idx="23">
                        <c:v>24</c:v>
                      </c:pt>
                      <c:pt idx="24">
                        <c:v>25</c:v>
                      </c:pt>
                      <c:pt idx="25">
                        <c:v>26</c:v>
                      </c:pt>
                      <c:pt idx="26">
                        <c:v>27</c:v>
                      </c:pt>
                      <c:pt idx="27">
                        <c:v>28</c:v>
                      </c:pt>
                      <c:pt idx="28">
                        <c:v>29</c:v>
                      </c:pt>
                      <c:pt idx="29">
                        <c:v>30</c:v>
                      </c:pt>
                      <c:pt idx="30">
                        <c:v>31</c:v>
                      </c:pt>
                      <c:pt idx="31">
                        <c:v>32</c:v>
                      </c:pt>
                      <c:pt idx="32">
                        <c:v>33</c:v>
                      </c:pt>
                      <c:pt idx="33">
                        <c:v>34</c:v>
                      </c:pt>
                      <c:pt idx="34">
                        <c:v>35</c:v>
                      </c:pt>
                      <c:pt idx="35">
                        <c:v>36</c:v>
                      </c:pt>
                      <c:pt idx="36">
                        <c:v>37</c:v>
                      </c:pt>
                      <c:pt idx="37">
                        <c:v>38</c:v>
                      </c:pt>
                      <c:pt idx="38">
                        <c:v>39</c:v>
                      </c:pt>
                      <c:pt idx="39">
                        <c:v>40</c:v>
                      </c:pt>
                      <c:pt idx="40">
                        <c:v>41</c:v>
                      </c:pt>
                      <c:pt idx="41">
                        <c:v>42</c:v>
                      </c:pt>
                      <c:pt idx="42">
                        <c:v>43</c:v>
                      </c:pt>
                      <c:pt idx="43">
                        <c:v>44</c:v>
                      </c:pt>
                      <c:pt idx="44">
                        <c:v>45</c:v>
                      </c:pt>
                      <c:pt idx="45">
                        <c:v>46</c:v>
                      </c:pt>
                      <c:pt idx="46">
                        <c:v>47</c:v>
                      </c:pt>
                      <c:pt idx="47">
                        <c:v>48</c:v>
                      </c:pt>
                      <c:pt idx="48">
                        <c:v>49</c:v>
                      </c:pt>
                      <c:pt idx="49">
                        <c:v>50</c:v>
                      </c:pt>
                      <c:pt idx="50">
                        <c:v>51</c:v>
                      </c:pt>
                      <c:pt idx="51">
                        <c:v>52</c:v>
                      </c:pt>
                      <c:pt idx="52">
                        <c:v>53</c:v>
                      </c:pt>
                      <c:pt idx="53">
                        <c:v>54</c:v>
                      </c:pt>
                      <c:pt idx="54">
                        <c:v>55</c:v>
                      </c:pt>
                      <c:pt idx="55">
                        <c:v>56</c:v>
                      </c:pt>
                      <c:pt idx="56">
                        <c:v>57</c:v>
                      </c:pt>
                      <c:pt idx="57">
                        <c:v>58</c:v>
                      </c:pt>
                      <c:pt idx="58">
                        <c:v>59</c:v>
                      </c:pt>
                      <c:pt idx="59">
                        <c:v>60</c:v>
                      </c:pt>
                      <c:pt idx="60">
                        <c:v>61</c:v>
                      </c:pt>
                      <c:pt idx="61">
                        <c:v>62</c:v>
                      </c:pt>
                      <c:pt idx="62">
                        <c:v>63</c:v>
                      </c:pt>
                      <c:pt idx="63">
                        <c:v>64</c:v>
                      </c:pt>
                      <c:pt idx="64">
                        <c:v>65</c:v>
                      </c:pt>
                      <c:pt idx="65">
                        <c:v>66</c:v>
                      </c:pt>
                      <c:pt idx="66">
                        <c:v>67</c:v>
                      </c:pt>
                      <c:pt idx="67">
                        <c:v>68</c:v>
                      </c:pt>
                      <c:pt idx="68">
                        <c:v>69</c:v>
                      </c:pt>
                      <c:pt idx="69">
                        <c:v>70</c:v>
                      </c:pt>
                      <c:pt idx="70">
                        <c:v>71</c:v>
                      </c:pt>
                      <c:pt idx="71">
                        <c:v>72</c:v>
                      </c:pt>
                      <c:pt idx="72">
                        <c:v>73</c:v>
                      </c:pt>
                      <c:pt idx="73">
                        <c:v>74</c:v>
                      </c:pt>
                      <c:pt idx="74">
                        <c:v>75</c:v>
                      </c:pt>
                      <c:pt idx="75">
                        <c:v>76</c:v>
                      </c:pt>
                      <c:pt idx="76">
                        <c:v>77</c:v>
                      </c:pt>
                      <c:pt idx="77">
                        <c:v>78</c:v>
                      </c:pt>
                      <c:pt idx="78">
                        <c:v>79</c:v>
                      </c:pt>
                      <c:pt idx="79">
                        <c:v>80</c:v>
                      </c:pt>
                      <c:pt idx="80">
                        <c:v>81</c:v>
                      </c:pt>
                      <c:pt idx="81">
                        <c:v>82</c:v>
                      </c:pt>
                      <c:pt idx="82">
                        <c:v>83</c:v>
                      </c:pt>
                      <c:pt idx="83">
                        <c:v>84</c:v>
                      </c:pt>
                      <c:pt idx="84">
                        <c:v>85</c:v>
                      </c:pt>
                      <c:pt idx="85">
                        <c:v>86</c:v>
                      </c:pt>
                      <c:pt idx="86">
                        <c:v>87</c:v>
                      </c:pt>
                      <c:pt idx="87">
                        <c:v>88</c:v>
                      </c:pt>
                      <c:pt idx="88">
                        <c:v>89</c:v>
                      </c:pt>
                      <c:pt idx="89">
                        <c:v>90</c:v>
                      </c:pt>
                      <c:pt idx="90">
                        <c:v>91</c:v>
                      </c:pt>
                      <c:pt idx="91">
                        <c:v>92</c:v>
                      </c:pt>
                      <c:pt idx="92">
                        <c:v>93</c:v>
                      </c:pt>
                      <c:pt idx="93">
                        <c:v>94</c:v>
                      </c:pt>
                      <c:pt idx="94">
                        <c:v>95</c:v>
                      </c:pt>
                      <c:pt idx="95">
                        <c:v>96</c:v>
                      </c:pt>
                      <c:pt idx="96">
                        <c:v>97</c:v>
                      </c:pt>
                      <c:pt idx="97">
                        <c:v>98</c:v>
                      </c:pt>
                      <c:pt idx="98">
                        <c:v>99</c:v>
                      </c:pt>
                      <c:pt idx="99">
                        <c:v>100</c:v>
                      </c:pt>
                      <c:pt idx="100">
                        <c:v>101</c:v>
                      </c:pt>
                      <c:pt idx="101">
                        <c:v>102</c:v>
                      </c:pt>
                      <c:pt idx="102">
                        <c:v>103</c:v>
                      </c:pt>
                      <c:pt idx="103">
                        <c:v>104</c:v>
                      </c:pt>
                      <c:pt idx="104">
                        <c:v>105</c:v>
                      </c:pt>
                      <c:pt idx="105">
                        <c:v>106</c:v>
                      </c:pt>
                      <c:pt idx="106">
                        <c:v>107</c:v>
                      </c:pt>
                      <c:pt idx="107">
                        <c:v>108</c:v>
                      </c:pt>
                      <c:pt idx="108">
                        <c:v>109</c:v>
                      </c:pt>
                      <c:pt idx="109">
                        <c:v>110</c:v>
                      </c:pt>
                      <c:pt idx="110">
                        <c:v>111</c:v>
                      </c:pt>
                      <c:pt idx="111">
                        <c:v>112</c:v>
                      </c:pt>
                      <c:pt idx="112">
                        <c:v>113</c:v>
                      </c:pt>
                      <c:pt idx="113">
                        <c:v>114</c:v>
                      </c:pt>
                      <c:pt idx="114">
                        <c:v>115</c:v>
                      </c:pt>
                      <c:pt idx="115">
                        <c:v>116</c:v>
                      </c:pt>
                      <c:pt idx="116">
                        <c:v>117</c:v>
                      </c:pt>
                      <c:pt idx="117">
                        <c:v>118</c:v>
                      </c:pt>
                      <c:pt idx="118">
                        <c:v>119</c:v>
                      </c:pt>
                      <c:pt idx="119">
                        <c:v>120</c:v>
                      </c:pt>
                      <c:pt idx="120">
                        <c:v>121</c:v>
                      </c:pt>
                      <c:pt idx="121">
                        <c:v>122</c:v>
                      </c:pt>
                      <c:pt idx="122">
                        <c:v>123</c:v>
                      </c:pt>
                      <c:pt idx="123">
                        <c:v>124</c:v>
                      </c:pt>
                      <c:pt idx="124">
                        <c:v>125</c:v>
                      </c:pt>
                      <c:pt idx="125">
                        <c:v>126</c:v>
                      </c:pt>
                      <c:pt idx="126">
                        <c:v>127</c:v>
                      </c:pt>
                      <c:pt idx="127">
                        <c:v>128</c:v>
                      </c:pt>
                      <c:pt idx="128">
                        <c:v>129</c:v>
                      </c:pt>
                      <c:pt idx="129">
                        <c:v>130</c:v>
                      </c:pt>
                      <c:pt idx="130">
                        <c:v>131</c:v>
                      </c:pt>
                      <c:pt idx="131">
                        <c:v>132</c:v>
                      </c:pt>
                      <c:pt idx="132">
                        <c:v>133</c:v>
                      </c:pt>
                      <c:pt idx="133">
                        <c:v>134</c:v>
                      </c:pt>
                      <c:pt idx="134">
                        <c:v>135</c:v>
                      </c:pt>
                      <c:pt idx="135">
                        <c:v>136</c:v>
                      </c:pt>
                      <c:pt idx="136">
                        <c:v>137</c:v>
                      </c:pt>
                      <c:pt idx="137">
                        <c:v>138</c:v>
                      </c:pt>
                      <c:pt idx="138">
                        <c:v>139</c:v>
                      </c:pt>
                      <c:pt idx="139">
                        <c:v>140</c:v>
                      </c:pt>
                      <c:pt idx="140">
                        <c:v>141</c:v>
                      </c:pt>
                      <c:pt idx="141">
                        <c:v>142</c:v>
                      </c:pt>
                      <c:pt idx="142">
                        <c:v>143</c:v>
                      </c:pt>
                      <c:pt idx="143">
                        <c:v>144</c:v>
                      </c:pt>
                      <c:pt idx="144">
                        <c:v>145</c:v>
                      </c:pt>
                      <c:pt idx="145">
                        <c:v>146</c:v>
                      </c:pt>
                      <c:pt idx="146">
                        <c:v>147</c:v>
                      </c:pt>
                      <c:pt idx="147">
                        <c:v>148</c:v>
                      </c:pt>
                      <c:pt idx="148">
                        <c:v>149</c:v>
                      </c:pt>
                      <c:pt idx="149">
                        <c:v>150</c:v>
                      </c:pt>
                      <c:pt idx="150">
                        <c:v>151</c:v>
                      </c:pt>
                      <c:pt idx="151">
                        <c:v>152</c:v>
                      </c:pt>
                      <c:pt idx="152">
                        <c:v>153</c:v>
                      </c:pt>
                      <c:pt idx="153">
                        <c:v>154</c:v>
                      </c:pt>
                      <c:pt idx="154">
                        <c:v>155</c:v>
                      </c:pt>
                      <c:pt idx="155">
                        <c:v>156</c:v>
                      </c:pt>
                      <c:pt idx="156">
                        <c:v>157</c:v>
                      </c:pt>
                      <c:pt idx="157">
                        <c:v>158</c:v>
                      </c:pt>
                      <c:pt idx="158">
                        <c:v>159</c:v>
                      </c:pt>
                      <c:pt idx="159">
                        <c:v>160</c:v>
                      </c:pt>
                      <c:pt idx="160">
                        <c:v>161</c:v>
                      </c:pt>
                      <c:pt idx="161">
                        <c:v>162</c:v>
                      </c:pt>
                      <c:pt idx="162">
                        <c:v>163</c:v>
                      </c:pt>
                      <c:pt idx="163">
                        <c:v>164</c:v>
                      </c:pt>
                      <c:pt idx="164">
                        <c:v>165</c:v>
                      </c:pt>
                      <c:pt idx="165">
                        <c:v>166</c:v>
                      </c:pt>
                      <c:pt idx="166">
                        <c:v>167</c:v>
                      </c:pt>
                      <c:pt idx="167">
                        <c:v>168</c:v>
                      </c:pt>
                      <c:pt idx="168">
                        <c:v>169</c:v>
                      </c:pt>
                      <c:pt idx="169">
                        <c:v>170</c:v>
                      </c:pt>
                      <c:pt idx="170">
                        <c:v>171</c:v>
                      </c:pt>
                      <c:pt idx="171">
                        <c:v>172</c:v>
                      </c:pt>
                      <c:pt idx="172">
                        <c:v>173</c:v>
                      </c:pt>
                      <c:pt idx="173">
                        <c:v>174</c:v>
                      </c:pt>
                      <c:pt idx="174">
                        <c:v>175</c:v>
                      </c:pt>
                      <c:pt idx="175">
                        <c:v>176</c:v>
                      </c:pt>
                      <c:pt idx="176">
                        <c:v>177</c:v>
                      </c:pt>
                      <c:pt idx="177">
                        <c:v>178</c:v>
                      </c:pt>
                      <c:pt idx="178">
                        <c:v>179</c:v>
                      </c:pt>
                      <c:pt idx="179">
                        <c:v>180</c:v>
                      </c:pt>
                      <c:pt idx="180">
                        <c:v>181</c:v>
                      </c:pt>
                      <c:pt idx="181">
                        <c:v>182</c:v>
                      </c:pt>
                      <c:pt idx="182">
                        <c:v>183</c:v>
                      </c:pt>
                      <c:pt idx="183">
                        <c:v>184</c:v>
                      </c:pt>
                      <c:pt idx="184">
                        <c:v>185</c:v>
                      </c:pt>
                      <c:pt idx="185">
                        <c:v>186</c:v>
                      </c:pt>
                      <c:pt idx="186">
                        <c:v>187</c:v>
                      </c:pt>
                      <c:pt idx="187">
                        <c:v>188</c:v>
                      </c:pt>
                      <c:pt idx="188">
                        <c:v>189</c:v>
                      </c:pt>
                      <c:pt idx="189">
                        <c:v>190</c:v>
                      </c:pt>
                      <c:pt idx="190">
                        <c:v>191</c:v>
                      </c:pt>
                      <c:pt idx="191">
                        <c:v>192</c:v>
                      </c:pt>
                      <c:pt idx="192">
                        <c:v>193</c:v>
                      </c:pt>
                      <c:pt idx="193">
                        <c:v>194</c:v>
                      </c:pt>
                    </c:numCache>
                  </c:numRef>
                </c:cat>
                <c:val>
                  <c:numRef>
                    <c:extLst xmlns:c15="http://schemas.microsoft.com/office/drawing/2012/chart">
                      <c:ext xmlns:c15="http://schemas.microsoft.com/office/drawing/2012/chart" uri="{02D57815-91ED-43cb-92C2-25804820EDAC}">
                        <c15:formulaRef>
                          <c15:sqref>total!$AS$2:$AS$195</c15:sqref>
                        </c15:formulaRef>
                      </c:ext>
                    </c:extLst>
                    <c:numCache>
                      <c:formatCode>0</c:formatCode>
                      <c:ptCount val="194"/>
                      <c:pt idx="0">
                        <c:v>8178891264</c:v>
                      </c:pt>
                      <c:pt idx="1">
                        <c:v>8394578944</c:v>
                      </c:pt>
                      <c:pt idx="2">
                        <c:v>8474657280</c:v>
                      </c:pt>
                      <c:pt idx="3">
                        <c:v>10332640256</c:v>
                      </c:pt>
                      <c:pt idx="4">
                        <c:v>12868975616</c:v>
                      </c:pt>
                      <c:pt idx="5">
                        <c:v>15278480384</c:v>
                      </c:pt>
                      <c:pt idx="6">
                        <c:v>19839719424</c:v>
                      </c:pt>
                      <c:pt idx="7">
                        <c:v>22270265344</c:v>
                      </c:pt>
                      <c:pt idx="8">
                        <c:v>22380840960</c:v>
                      </c:pt>
                      <c:pt idx="9">
                        <c:v>22535399424</c:v>
                      </c:pt>
                      <c:pt idx="10">
                        <c:v>24693374976</c:v>
                      </c:pt>
                      <c:pt idx="11">
                        <c:v>27782645760</c:v>
                      </c:pt>
                      <c:pt idx="12">
                        <c:v>30440607744</c:v>
                      </c:pt>
                      <c:pt idx="13">
                        <c:v>33584031744</c:v>
                      </c:pt>
                      <c:pt idx="14">
                        <c:v>43607728128</c:v>
                      </c:pt>
                      <c:pt idx="15">
                        <c:v>43785900032</c:v>
                      </c:pt>
                      <c:pt idx="16">
                        <c:v>43816189952</c:v>
                      </c:pt>
                      <c:pt idx="17">
                        <c:v>44623212544</c:v>
                      </c:pt>
                      <c:pt idx="18">
                        <c:v>48208293888</c:v>
                      </c:pt>
                      <c:pt idx="19">
                        <c:v>50340003840</c:v>
                      </c:pt>
                      <c:pt idx="20">
                        <c:v>53314981888</c:v>
                      </c:pt>
                      <c:pt idx="21">
                        <c:v>56100728832</c:v>
                      </c:pt>
                      <c:pt idx="22">
                        <c:v>56177336320</c:v>
                      </c:pt>
                      <c:pt idx="23">
                        <c:v>56177336320</c:v>
                      </c:pt>
                      <c:pt idx="24">
                        <c:v>57483657216</c:v>
                      </c:pt>
                      <c:pt idx="25">
                        <c:v>63927586816</c:v>
                      </c:pt>
                      <c:pt idx="26">
                        <c:v>74485972992</c:v>
                      </c:pt>
                      <c:pt idx="27">
                        <c:v>76444794880</c:v>
                      </c:pt>
                      <c:pt idx="28">
                        <c:v>80694878208</c:v>
                      </c:pt>
                      <c:pt idx="29">
                        <c:v>81545240576</c:v>
                      </c:pt>
                      <c:pt idx="30">
                        <c:v>85557395456</c:v>
                      </c:pt>
                      <c:pt idx="31">
                        <c:v>93709058048</c:v>
                      </c:pt>
                      <c:pt idx="32">
                        <c:v>96843431936</c:v>
                      </c:pt>
                      <c:pt idx="33">
                        <c:v>98448277504</c:v>
                      </c:pt>
                      <c:pt idx="34">
                        <c:v>100520280064</c:v>
                      </c:pt>
                      <c:pt idx="35">
                        <c:v>103731970048</c:v>
                      </c:pt>
                      <c:pt idx="36">
                        <c:v>104707358720</c:v>
                      </c:pt>
                      <c:pt idx="37">
                        <c:v>104811470848</c:v>
                      </c:pt>
                      <c:pt idx="38">
                        <c:v>107150155776</c:v>
                      </c:pt>
                      <c:pt idx="39">
                        <c:v>108807512064</c:v>
                      </c:pt>
                      <c:pt idx="40">
                        <c:v>111321251840</c:v>
                      </c:pt>
                      <c:pt idx="41">
                        <c:v>114291720192</c:v>
                      </c:pt>
                      <c:pt idx="42">
                        <c:v>117060640768</c:v>
                      </c:pt>
                      <c:pt idx="43">
                        <c:v>117082341376</c:v>
                      </c:pt>
                      <c:pt idx="44">
                        <c:v>117193695232</c:v>
                      </c:pt>
                      <c:pt idx="45">
                        <c:v>118430457856</c:v>
                      </c:pt>
                      <c:pt idx="46">
                        <c:v>120191524864</c:v>
                      </c:pt>
                      <c:pt idx="47">
                        <c:v>122456645632</c:v>
                      </c:pt>
                      <c:pt idx="48">
                        <c:v>124584640512</c:v>
                      </c:pt>
                      <c:pt idx="49">
                        <c:v>127127633920</c:v>
                      </c:pt>
                      <c:pt idx="50">
                        <c:v>127166218240</c:v>
                      </c:pt>
                      <c:pt idx="51">
                        <c:v>127212019712</c:v>
                      </c:pt>
                      <c:pt idx="52">
                        <c:v>129778630656</c:v>
                      </c:pt>
                      <c:pt idx="53">
                        <c:v>131305914368</c:v>
                      </c:pt>
                      <c:pt idx="54">
                        <c:v>133156511744</c:v>
                      </c:pt>
                      <c:pt idx="55">
                        <c:v>136599568384</c:v>
                      </c:pt>
                      <c:pt idx="56">
                        <c:v>138472964096</c:v>
                      </c:pt>
                      <c:pt idx="57">
                        <c:v>138506780672</c:v>
                      </c:pt>
                      <c:pt idx="58">
                        <c:v>140443041792</c:v>
                      </c:pt>
                      <c:pt idx="59">
                        <c:v>145826627584</c:v>
                      </c:pt>
                      <c:pt idx="60">
                        <c:v>155800797184</c:v>
                      </c:pt>
                      <c:pt idx="61">
                        <c:v>160104497152</c:v>
                      </c:pt>
                      <c:pt idx="62">
                        <c:v>162827354112</c:v>
                      </c:pt>
                      <c:pt idx="63">
                        <c:v>165741756416</c:v>
                      </c:pt>
                      <c:pt idx="64">
                        <c:v>165881987072</c:v>
                      </c:pt>
                      <c:pt idx="65">
                        <c:v>165888131072</c:v>
                      </c:pt>
                      <c:pt idx="66">
                        <c:v>167162544128</c:v>
                      </c:pt>
                      <c:pt idx="67">
                        <c:v>169132474368</c:v>
                      </c:pt>
                      <c:pt idx="68">
                        <c:v>170993745920</c:v>
                      </c:pt>
                      <c:pt idx="69">
                        <c:v>173812203520</c:v>
                      </c:pt>
                      <c:pt idx="70">
                        <c:v>175978233856</c:v>
                      </c:pt>
                      <c:pt idx="71">
                        <c:v>176042164224</c:v>
                      </c:pt>
                      <c:pt idx="72">
                        <c:v>176088989696</c:v>
                      </c:pt>
                      <c:pt idx="73">
                        <c:v>177525981184</c:v>
                      </c:pt>
                      <c:pt idx="74">
                        <c:v>180565147648</c:v>
                      </c:pt>
                      <c:pt idx="75">
                        <c:v>182467756032</c:v>
                      </c:pt>
                      <c:pt idx="76">
                        <c:v>184861933568</c:v>
                      </c:pt>
                      <c:pt idx="77">
                        <c:v>186544930816</c:v>
                      </c:pt>
                      <c:pt idx="78">
                        <c:v>186560282624</c:v>
                      </c:pt>
                      <c:pt idx="79">
                        <c:v>186597654528</c:v>
                      </c:pt>
                      <c:pt idx="80">
                        <c:v>188102950912</c:v>
                      </c:pt>
                      <c:pt idx="81">
                        <c:v>190577770496</c:v>
                      </c:pt>
                      <c:pt idx="82">
                        <c:v>192534839296</c:v>
                      </c:pt>
                      <c:pt idx="83">
                        <c:v>195072212992</c:v>
                      </c:pt>
                      <c:pt idx="84">
                        <c:v>196556488704</c:v>
                      </c:pt>
                      <c:pt idx="85">
                        <c:v>196675321856</c:v>
                      </c:pt>
                      <c:pt idx="86">
                        <c:v>196690296832</c:v>
                      </c:pt>
                      <c:pt idx="87">
                        <c:v>198344409088</c:v>
                      </c:pt>
                      <c:pt idx="88">
                        <c:v>200085651456</c:v>
                      </c:pt>
                      <c:pt idx="89">
                        <c:v>206640431104</c:v>
                      </c:pt>
                      <c:pt idx="90">
                        <c:v>218986528768</c:v>
                      </c:pt>
                      <c:pt idx="91">
                        <c:v>231888666624</c:v>
                      </c:pt>
                      <c:pt idx="92">
                        <c:v>232157790208</c:v>
                      </c:pt>
                      <c:pt idx="93">
                        <c:v>232202616832</c:v>
                      </c:pt>
                      <c:pt idx="94">
                        <c:v>234253058048</c:v>
                      </c:pt>
                      <c:pt idx="95">
                        <c:v>236829982720</c:v>
                      </c:pt>
                      <c:pt idx="96">
                        <c:v>237952090112</c:v>
                      </c:pt>
                      <c:pt idx="97">
                        <c:v>240139911168</c:v>
                      </c:pt>
                      <c:pt idx="98">
                        <c:v>241503698944</c:v>
                      </c:pt>
                      <c:pt idx="99">
                        <c:v>241519116288</c:v>
                      </c:pt>
                      <c:pt idx="100">
                        <c:v>241627627520</c:v>
                      </c:pt>
                      <c:pt idx="101">
                        <c:v>243829620736</c:v>
                      </c:pt>
                      <c:pt idx="102">
                        <c:v>246763372544</c:v>
                      </c:pt>
                      <c:pt idx="103">
                        <c:v>248660180992</c:v>
                      </c:pt>
                      <c:pt idx="104">
                        <c:v>250906869760</c:v>
                      </c:pt>
                      <c:pt idx="105">
                        <c:v>253722394624</c:v>
                      </c:pt>
                      <c:pt idx="106">
                        <c:v>253983277056</c:v>
                      </c:pt>
                      <c:pt idx="107">
                        <c:v>254421516288</c:v>
                      </c:pt>
                      <c:pt idx="108">
                        <c:v>256452771840</c:v>
                      </c:pt>
                      <c:pt idx="109">
                        <c:v>257645740032</c:v>
                      </c:pt>
                      <c:pt idx="110">
                        <c:v>259292938240</c:v>
                      </c:pt>
                      <c:pt idx="111">
                        <c:v>261668880384</c:v>
                      </c:pt>
                      <c:pt idx="112">
                        <c:v>263717502976</c:v>
                      </c:pt>
                      <c:pt idx="113">
                        <c:v>263742996480</c:v>
                      </c:pt>
                      <c:pt idx="114">
                        <c:v>263867793408</c:v>
                      </c:pt>
                      <c:pt idx="115">
                        <c:v>265679028224</c:v>
                      </c:pt>
                      <c:pt idx="116">
                        <c:v>268642975744</c:v>
                      </c:pt>
                      <c:pt idx="117">
                        <c:v>270579089408</c:v>
                      </c:pt>
                      <c:pt idx="118">
                        <c:v>273038606336</c:v>
                      </c:pt>
                      <c:pt idx="119">
                        <c:v>277022736384</c:v>
                      </c:pt>
                      <c:pt idx="120">
                        <c:v>279572709376</c:v>
                      </c:pt>
                      <c:pt idx="121">
                        <c:v>286374002688</c:v>
                      </c:pt>
                      <c:pt idx="122">
                        <c:v>288792772608</c:v>
                      </c:pt>
                      <c:pt idx="123">
                        <c:v>290623782912</c:v>
                      </c:pt>
                      <c:pt idx="124">
                        <c:v>292495360000</c:v>
                      </c:pt>
                      <c:pt idx="125">
                        <c:v>294403833856</c:v>
                      </c:pt>
                      <c:pt idx="126">
                        <c:v>296132214784</c:v>
                      </c:pt>
                      <c:pt idx="127">
                        <c:v>296132214784</c:v>
                      </c:pt>
                      <c:pt idx="128">
                        <c:v>296132214784</c:v>
                      </c:pt>
                      <c:pt idx="129">
                        <c:v>298195058688</c:v>
                      </c:pt>
                      <c:pt idx="130">
                        <c:v>299904303104</c:v>
                      </c:pt>
                      <c:pt idx="131">
                        <c:v>301660307456</c:v>
                      </c:pt>
                      <c:pt idx="132">
                        <c:v>304204873728</c:v>
                      </c:pt>
                      <c:pt idx="133">
                        <c:v>306040242176</c:v>
                      </c:pt>
                      <c:pt idx="134">
                        <c:v>306073436160</c:v>
                      </c:pt>
                      <c:pt idx="135">
                        <c:v>306510495744</c:v>
                      </c:pt>
                      <c:pt idx="136">
                        <c:v>308506066944</c:v>
                      </c:pt>
                      <c:pt idx="137">
                        <c:v>310559309824</c:v>
                      </c:pt>
                      <c:pt idx="138">
                        <c:v>313191661568</c:v>
                      </c:pt>
                      <c:pt idx="139">
                        <c:v>315804418048</c:v>
                      </c:pt>
                      <c:pt idx="140">
                        <c:v>320312180736</c:v>
                      </c:pt>
                      <c:pt idx="141">
                        <c:v>320318832640</c:v>
                      </c:pt>
                      <c:pt idx="142">
                        <c:v>320348979200</c:v>
                      </c:pt>
                      <c:pt idx="143">
                        <c:v>321470660608</c:v>
                      </c:pt>
                      <c:pt idx="144">
                        <c:v>323336798208</c:v>
                      </c:pt>
                      <c:pt idx="145">
                        <c:v>327875788800</c:v>
                      </c:pt>
                      <c:pt idx="146">
                        <c:v>332165808128</c:v>
                      </c:pt>
                      <c:pt idx="147">
                        <c:v>333985284096</c:v>
                      </c:pt>
                      <c:pt idx="148">
                        <c:v>334146207744</c:v>
                      </c:pt>
                      <c:pt idx="149">
                        <c:v>334146207744</c:v>
                      </c:pt>
                      <c:pt idx="150">
                        <c:v>336225501184</c:v>
                      </c:pt>
                      <c:pt idx="151">
                        <c:v>341355397120</c:v>
                      </c:pt>
                      <c:pt idx="152">
                        <c:v>354882224128</c:v>
                      </c:pt>
                      <c:pt idx="153">
                        <c:v>358457933824</c:v>
                      </c:pt>
                      <c:pt idx="154">
                        <c:v>359679721472</c:v>
                      </c:pt>
                      <c:pt idx="155">
                        <c:v>359708622848</c:v>
                      </c:pt>
                      <c:pt idx="156">
                        <c:v>359783333888</c:v>
                      </c:pt>
                      <c:pt idx="157">
                        <c:v>364765085696</c:v>
                      </c:pt>
                      <c:pt idx="158">
                        <c:v>366877605888</c:v>
                      </c:pt>
                      <c:pt idx="159">
                        <c:v>368654745600</c:v>
                      </c:pt>
                      <c:pt idx="160">
                        <c:v>370794627072</c:v>
                      </c:pt>
                      <c:pt idx="161">
                        <c:v>375651434496</c:v>
                      </c:pt>
                      <c:pt idx="162">
                        <c:v>375659954176</c:v>
                      </c:pt>
                      <c:pt idx="163">
                        <c:v>375748034560</c:v>
                      </c:pt>
                      <c:pt idx="164">
                        <c:v>377358057472</c:v>
                      </c:pt>
                      <c:pt idx="165">
                        <c:v>379274952704</c:v>
                      </c:pt>
                      <c:pt idx="166">
                        <c:v>387358162944</c:v>
                      </c:pt>
                      <c:pt idx="167">
                        <c:v>389708644352</c:v>
                      </c:pt>
                      <c:pt idx="168">
                        <c:v>391971799040</c:v>
                      </c:pt>
                      <c:pt idx="169">
                        <c:v>392107163648</c:v>
                      </c:pt>
                      <c:pt idx="170">
                        <c:v>392125186048</c:v>
                      </c:pt>
                      <c:pt idx="171">
                        <c:v>394739908608</c:v>
                      </c:pt>
                      <c:pt idx="172">
                        <c:v>398833221632</c:v>
                      </c:pt>
                      <c:pt idx="173">
                        <c:v>400906747904</c:v>
                      </c:pt>
                      <c:pt idx="174">
                        <c:v>404292206592</c:v>
                      </c:pt>
                      <c:pt idx="175">
                        <c:v>407142301696</c:v>
                      </c:pt>
                      <c:pt idx="176">
                        <c:v>407204331520</c:v>
                      </c:pt>
                      <c:pt idx="177">
                        <c:v>407394975744</c:v>
                      </c:pt>
                      <c:pt idx="178">
                        <c:v>411091107840</c:v>
                      </c:pt>
                      <c:pt idx="179">
                        <c:v>413930291200</c:v>
                      </c:pt>
                      <c:pt idx="180">
                        <c:v>420295016448</c:v>
                      </c:pt>
                      <c:pt idx="181">
                        <c:v>442943995904</c:v>
                      </c:pt>
                      <c:pt idx="182">
                        <c:v>453392367616</c:v>
                      </c:pt>
                      <c:pt idx="183">
                        <c:v>453415960576</c:v>
                      </c:pt>
                      <c:pt idx="184">
                        <c:v>453482315776</c:v>
                      </c:pt>
                      <c:pt idx="185">
                        <c:v>454571065344</c:v>
                      </c:pt>
                      <c:pt idx="186">
                        <c:v>456997076992</c:v>
                      </c:pt>
                      <c:pt idx="187">
                        <c:v>461985021952</c:v>
                      </c:pt>
                      <c:pt idx="188">
                        <c:v>464166813696</c:v>
                      </c:pt>
                      <c:pt idx="189">
                        <c:v>467898204160</c:v>
                      </c:pt>
                      <c:pt idx="190">
                        <c:v>468392050688</c:v>
                      </c:pt>
                      <c:pt idx="191">
                        <c:v>468421967872</c:v>
                      </c:pt>
                      <c:pt idx="192">
                        <c:v>471113007104</c:v>
                      </c:pt>
                      <c:pt idx="193">
                        <c:v>473918898176</c:v>
                      </c:pt>
                    </c:numCache>
                  </c:numRef>
                </c:val>
                <c:smooth val="0"/>
                <c:extLst xmlns:c15="http://schemas.microsoft.com/office/drawing/2012/chart">
                  <c:ext xmlns:c16="http://schemas.microsoft.com/office/drawing/2014/chart" uri="{C3380CC4-5D6E-409C-BE32-E72D297353CC}">
                    <c16:uniqueId val="{00000008-5AA1-4895-9EDB-2BD504E12067}"/>
                  </c:ext>
                </c:extLst>
              </c15:ser>
            </c15:filteredLineSeries>
            <c15:filteredLineSeries>
              <c15:ser>
                <c:idx val="3"/>
                <c:order val="3"/>
                <c:tx>
                  <c:strRef>
                    <c:extLst xmlns:c15="http://schemas.microsoft.com/office/drawing/2012/chart">
                      <c:ext xmlns:c15="http://schemas.microsoft.com/office/drawing/2012/chart" uri="{02D57815-91ED-43cb-92C2-25804820EDAC}">
                        <c15:formulaRef>
                          <c15:sqref>total!$AT$1</c15:sqref>
                        </c15:formulaRef>
                      </c:ext>
                    </c:extLst>
                    <c:strCache>
                      <c:ptCount val="1"/>
                      <c:pt idx="0">
                        <c:v>2017</c:v>
                      </c:pt>
                    </c:strCache>
                  </c:strRef>
                </c:tx>
                <c:spPr>
                  <a:ln w="25400" cap="rnd" cmpd="sng" algn="ctr">
                    <a:solidFill>
                      <a:srgbClr val="17E88F"/>
                    </a:solidFill>
                    <a:prstDash val="solid"/>
                    <a:round/>
                    <a:headEnd type="none" w="med" len="med"/>
                    <a:tailEnd type="none" w="med" len="med"/>
                  </a:ln>
                </c:spPr>
                <c:marker>
                  <c:symbol val="none"/>
                </c:marker>
                <c:cat>
                  <c:numRef>
                    <c:extLst xmlns:c15="http://schemas.microsoft.com/office/drawing/2012/chart">
                      <c:ext xmlns:c15="http://schemas.microsoft.com/office/drawing/2012/chart" uri="{02D57815-91ED-43cb-92C2-25804820EDAC}">
                        <c15:formulaRef>
                          <c15:sqref>total!$A$2:$A$195</c15:sqref>
                        </c15:formulaRef>
                      </c:ext>
                    </c:extLst>
                    <c:numCache>
                      <c:formatCode>m/d/yyyy</c:formatCode>
                      <c:ptCount val="194"/>
                      <c:pt idx="0">
                        <c:v>1</c:v>
                      </c:pt>
                      <c:pt idx="1">
                        <c:v>2</c:v>
                      </c:pt>
                      <c:pt idx="2">
                        <c:v>3</c:v>
                      </c:pt>
                      <c:pt idx="3">
                        <c:v>4</c:v>
                      </c:pt>
                      <c:pt idx="4">
                        <c:v>5</c:v>
                      </c:pt>
                      <c:pt idx="5">
                        <c:v>6</c:v>
                      </c:pt>
                      <c:pt idx="6">
                        <c:v>7</c:v>
                      </c:pt>
                      <c:pt idx="7">
                        <c:v>8</c:v>
                      </c:pt>
                      <c:pt idx="8">
                        <c:v>9</c:v>
                      </c:pt>
                      <c:pt idx="9">
                        <c:v>10</c:v>
                      </c:pt>
                      <c:pt idx="10">
                        <c:v>11</c:v>
                      </c:pt>
                      <c:pt idx="11">
                        <c:v>12</c:v>
                      </c:pt>
                      <c:pt idx="12">
                        <c:v>13</c:v>
                      </c:pt>
                      <c:pt idx="13">
                        <c:v>14</c:v>
                      </c:pt>
                      <c:pt idx="14">
                        <c:v>15</c:v>
                      </c:pt>
                      <c:pt idx="15">
                        <c:v>16</c:v>
                      </c:pt>
                      <c:pt idx="16">
                        <c:v>17</c:v>
                      </c:pt>
                      <c:pt idx="17">
                        <c:v>18</c:v>
                      </c:pt>
                      <c:pt idx="18">
                        <c:v>19</c:v>
                      </c:pt>
                      <c:pt idx="19">
                        <c:v>20</c:v>
                      </c:pt>
                      <c:pt idx="20">
                        <c:v>21</c:v>
                      </c:pt>
                      <c:pt idx="21">
                        <c:v>22</c:v>
                      </c:pt>
                      <c:pt idx="22">
                        <c:v>23</c:v>
                      </c:pt>
                      <c:pt idx="23">
                        <c:v>24</c:v>
                      </c:pt>
                      <c:pt idx="24">
                        <c:v>25</c:v>
                      </c:pt>
                      <c:pt idx="25">
                        <c:v>26</c:v>
                      </c:pt>
                      <c:pt idx="26">
                        <c:v>27</c:v>
                      </c:pt>
                      <c:pt idx="27">
                        <c:v>28</c:v>
                      </c:pt>
                      <c:pt idx="28">
                        <c:v>29</c:v>
                      </c:pt>
                      <c:pt idx="29">
                        <c:v>30</c:v>
                      </c:pt>
                      <c:pt idx="30">
                        <c:v>31</c:v>
                      </c:pt>
                      <c:pt idx="31">
                        <c:v>32</c:v>
                      </c:pt>
                      <c:pt idx="32">
                        <c:v>33</c:v>
                      </c:pt>
                      <c:pt idx="33">
                        <c:v>34</c:v>
                      </c:pt>
                      <c:pt idx="34">
                        <c:v>35</c:v>
                      </c:pt>
                      <c:pt idx="35">
                        <c:v>36</c:v>
                      </c:pt>
                      <c:pt idx="36">
                        <c:v>37</c:v>
                      </c:pt>
                      <c:pt idx="37">
                        <c:v>38</c:v>
                      </c:pt>
                      <c:pt idx="38">
                        <c:v>39</c:v>
                      </c:pt>
                      <c:pt idx="39">
                        <c:v>40</c:v>
                      </c:pt>
                      <c:pt idx="40">
                        <c:v>41</c:v>
                      </c:pt>
                      <c:pt idx="41">
                        <c:v>42</c:v>
                      </c:pt>
                      <c:pt idx="42">
                        <c:v>43</c:v>
                      </c:pt>
                      <c:pt idx="43">
                        <c:v>44</c:v>
                      </c:pt>
                      <c:pt idx="44">
                        <c:v>45</c:v>
                      </c:pt>
                      <c:pt idx="45">
                        <c:v>46</c:v>
                      </c:pt>
                      <c:pt idx="46">
                        <c:v>47</c:v>
                      </c:pt>
                      <c:pt idx="47">
                        <c:v>48</c:v>
                      </c:pt>
                      <c:pt idx="48">
                        <c:v>49</c:v>
                      </c:pt>
                      <c:pt idx="49">
                        <c:v>50</c:v>
                      </c:pt>
                      <c:pt idx="50">
                        <c:v>51</c:v>
                      </c:pt>
                      <c:pt idx="51">
                        <c:v>52</c:v>
                      </c:pt>
                      <c:pt idx="52">
                        <c:v>53</c:v>
                      </c:pt>
                      <c:pt idx="53">
                        <c:v>54</c:v>
                      </c:pt>
                      <c:pt idx="54">
                        <c:v>55</c:v>
                      </c:pt>
                      <c:pt idx="55">
                        <c:v>56</c:v>
                      </c:pt>
                      <c:pt idx="56">
                        <c:v>57</c:v>
                      </c:pt>
                      <c:pt idx="57">
                        <c:v>58</c:v>
                      </c:pt>
                      <c:pt idx="58">
                        <c:v>59</c:v>
                      </c:pt>
                      <c:pt idx="59">
                        <c:v>60</c:v>
                      </c:pt>
                      <c:pt idx="60">
                        <c:v>61</c:v>
                      </c:pt>
                      <c:pt idx="61">
                        <c:v>62</c:v>
                      </c:pt>
                      <c:pt idx="62">
                        <c:v>63</c:v>
                      </c:pt>
                      <c:pt idx="63">
                        <c:v>64</c:v>
                      </c:pt>
                      <c:pt idx="64">
                        <c:v>65</c:v>
                      </c:pt>
                      <c:pt idx="65">
                        <c:v>66</c:v>
                      </c:pt>
                      <c:pt idx="66">
                        <c:v>67</c:v>
                      </c:pt>
                      <c:pt idx="67">
                        <c:v>68</c:v>
                      </c:pt>
                      <c:pt idx="68">
                        <c:v>69</c:v>
                      </c:pt>
                      <c:pt idx="69">
                        <c:v>70</c:v>
                      </c:pt>
                      <c:pt idx="70">
                        <c:v>71</c:v>
                      </c:pt>
                      <c:pt idx="71">
                        <c:v>72</c:v>
                      </c:pt>
                      <c:pt idx="72">
                        <c:v>73</c:v>
                      </c:pt>
                      <c:pt idx="73">
                        <c:v>74</c:v>
                      </c:pt>
                      <c:pt idx="74">
                        <c:v>75</c:v>
                      </c:pt>
                      <c:pt idx="75">
                        <c:v>76</c:v>
                      </c:pt>
                      <c:pt idx="76">
                        <c:v>77</c:v>
                      </c:pt>
                      <c:pt idx="77">
                        <c:v>78</c:v>
                      </c:pt>
                      <c:pt idx="78">
                        <c:v>79</c:v>
                      </c:pt>
                      <c:pt idx="79">
                        <c:v>80</c:v>
                      </c:pt>
                      <c:pt idx="80">
                        <c:v>81</c:v>
                      </c:pt>
                      <c:pt idx="81">
                        <c:v>82</c:v>
                      </c:pt>
                      <c:pt idx="82">
                        <c:v>83</c:v>
                      </c:pt>
                      <c:pt idx="83">
                        <c:v>84</c:v>
                      </c:pt>
                      <c:pt idx="84">
                        <c:v>85</c:v>
                      </c:pt>
                      <c:pt idx="85">
                        <c:v>86</c:v>
                      </c:pt>
                      <c:pt idx="86">
                        <c:v>87</c:v>
                      </c:pt>
                      <c:pt idx="87">
                        <c:v>88</c:v>
                      </c:pt>
                      <c:pt idx="88">
                        <c:v>89</c:v>
                      </c:pt>
                      <c:pt idx="89">
                        <c:v>90</c:v>
                      </c:pt>
                      <c:pt idx="90">
                        <c:v>91</c:v>
                      </c:pt>
                      <c:pt idx="91">
                        <c:v>92</c:v>
                      </c:pt>
                      <c:pt idx="92">
                        <c:v>93</c:v>
                      </c:pt>
                      <c:pt idx="93">
                        <c:v>94</c:v>
                      </c:pt>
                      <c:pt idx="94">
                        <c:v>95</c:v>
                      </c:pt>
                      <c:pt idx="95">
                        <c:v>96</c:v>
                      </c:pt>
                      <c:pt idx="96">
                        <c:v>97</c:v>
                      </c:pt>
                      <c:pt idx="97">
                        <c:v>98</c:v>
                      </c:pt>
                      <c:pt idx="98">
                        <c:v>99</c:v>
                      </c:pt>
                      <c:pt idx="99">
                        <c:v>100</c:v>
                      </c:pt>
                      <c:pt idx="100">
                        <c:v>101</c:v>
                      </c:pt>
                      <c:pt idx="101">
                        <c:v>102</c:v>
                      </c:pt>
                      <c:pt idx="102">
                        <c:v>103</c:v>
                      </c:pt>
                      <c:pt idx="103">
                        <c:v>104</c:v>
                      </c:pt>
                      <c:pt idx="104">
                        <c:v>105</c:v>
                      </c:pt>
                      <c:pt idx="105">
                        <c:v>106</c:v>
                      </c:pt>
                      <c:pt idx="106">
                        <c:v>107</c:v>
                      </c:pt>
                      <c:pt idx="107">
                        <c:v>108</c:v>
                      </c:pt>
                      <c:pt idx="108">
                        <c:v>109</c:v>
                      </c:pt>
                      <c:pt idx="109">
                        <c:v>110</c:v>
                      </c:pt>
                      <c:pt idx="110">
                        <c:v>111</c:v>
                      </c:pt>
                      <c:pt idx="111">
                        <c:v>112</c:v>
                      </c:pt>
                      <c:pt idx="112">
                        <c:v>113</c:v>
                      </c:pt>
                      <c:pt idx="113">
                        <c:v>114</c:v>
                      </c:pt>
                      <c:pt idx="114">
                        <c:v>115</c:v>
                      </c:pt>
                      <c:pt idx="115">
                        <c:v>116</c:v>
                      </c:pt>
                      <c:pt idx="116">
                        <c:v>117</c:v>
                      </c:pt>
                      <c:pt idx="117">
                        <c:v>118</c:v>
                      </c:pt>
                      <c:pt idx="118">
                        <c:v>119</c:v>
                      </c:pt>
                      <c:pt idx="119">
                        <c:v>120</c:v>
                      </c:pt>
                      <c:pt idx="120">
                        <c:v>121</c:v>
                      </c:pt>
                      <c:pt idx="121">
                        <c:v>122</c:v>
                      </c:pt>
                      <c:pt idx="122">
                        <c:v>123</c:v>
                      </c:pt>
                      <c:pt idx="123">
                        <c:v>124</c:v>
                      </c:pt>
                      <c:pt idx="124">
                        <c:v>125</c:v>
                      </c:pt>
                      <c:pt idx="125">
                        <c:v>126</c:v>
                      </c:pt>
                      <c:pt idx="126">
                        <c:v>127</c:v>
                      </c:pt>
                      <c:pt idx="127">
                        <c:v>128</c:v>
                      </c:pt>
                      <c:pt idx="128">
                        <c:v>129</c:v>
                      </c:pt>
                      <c:pt idx="129">
                        <c:v>130</c:v>
                      </c:pt>
                      <c:pt idx="130">
                        <c:v>131</c:v>
                      </c:pt>
                      <c:pt idx="131">
                        <c:v>132</c:v>
                      </c:pt>
                      <c:pt idx="132">
                        <c:v>133</c:v>
                      </c:pt>
                      <c:pt idx="133">
                        <c:v>134</c:v>
                      </c:pt>
                      <c:pt idx="134">
                        <c:v>135</c:v>
                      </c:pt>
                      <c:pt idx="135">
                        <c:v>136</c:v>
                      </c:pt>
                      <c:pt idx="136">
                        <c:v>137</c:v>
                      </c:pt>
                      <c:pt idx="137">
                        <c:v>138</c:v>
                      </c:pt>
                      <c:pt idx="138">
                        <c:v>139</c:v>
                      </c:pt>
                      <c:pt idx="139">
                        <c:v>140</c:v>
                      </c:pt>
                      <c:pt idx="140">
                        <c:v>141</c:v>
                      </c:pt>
                      <c:pt idx="141">
                        <c:v>142</c:v>
                      </c:pt>
                      <c:pt idx="142">
                        <c:v>143</c:v>
                      </c:pt>
                      <c:pt idx="143">
                        <c:v>144</c:v>
                      </c:pt>
                      <c:pt idx="144">
                        <c:v>145</c:v>
                      </c:pt>
                      <c:pt idx="145">
                        <c:v>146</c:v>
                      </c:pt>
                      <c:pt idx="146">
                        <c:v>147</c:v>
                      </c:pt>
                      <c:pt idx="147">
                        <c:v>148</c:v>
                      </c:pt>
                      <c:pt idx="148">
                        <c:v>149</c:v>
                      </c:pt>
                      <c:pt idx="149">
                        <c:v>150</c:v>
                      </c:pt>
                      <c:pt idx="150">
                        <c:v>151</c:v>
                      </c:pt>
                      <c:pt idx="151">
                        <c:v>152</c:v>
                      </c:pt>
                      <c:pt idx="152">
                        <c:v>153</c:v>
                      </c:pt>
                      <c:pt idx="153">
                        <c:v>154</c:v>
                      </c:pt>
                      <c:pt idx="154">
                        <c:v>155</c:v>
                      </c:pt>
                      <c:pt idx="155">
                        <c:v>156</c:v>
                      </c:pt>
                      <c:pt idx="156">
                        <c:v>157</c:v>
                      </c:pt>
                      <c:pt idx="157">
                        <c:v>158</c:v>
                      </c:pt>
                      <c:pt idx="158">
                        <c:v>159</c:v>
                      </c:pt>
                      <c:pt idx="159">
                        <c:v>160</c:v>
                      </c:pt>
                      <c:pt idx="160">
                        <c:v>161</c:v>
                      </c:pt>
                      <c:pt idx="161">
                        <c:v>162</c:v>
                      </c:pt>
                      <c:pt idx="162">
                        <c:v>163</c:v>
                      </c:pt>
                      <c:pt idx="163">
                        <c:v>164</c:v>
                      </c:pt>
                      <c:pt idx="164">
                        <c:v>165</c:v>
                      </c:pt>
                      <c:pt idx="165">
                        <c:v>166</c:v>
                      </c:pt>
                      <c:pt idx="166">
                        <c:v>167</c:v>
                      </c:pt>
                      <c:pt idx="167">
                        <c:v>168</c:v>
                      </c:pt>
                      <c:pt idx="168">
                        <c:v>169</c:v>
                      </c:pt>
                      <c:pt idx="169">
                        <c:v>170</c:v>
                      </c:pt>
                      <c:pt idx="170">
                        <c:v>171</c:v>
                      </c:pt>
                      <c:pt idx="171">
                        <c:v>172</c:v>
                      </c:pt>
                      <c:pt idx="172">
                        <c:v>173</c:v>
                      </c:pt>
                      <c:pt idx="173">
                        <c:v>174</c:v>
                      </c:pt>
                      <c:pt idx="174">
                        <c:v>175</c:v>
                      </c:pt>
                      <c:pt idx="175">
                        <c:v>176</c:v>
                      </c:pt>
                      <c:pt idx="176">
                        <c:v>177</c:v>
                      </c:pt>
                      <c:pt idx="177">
                        <c:v>178</c:v>
                      </c:pt>
                      <c:pt idx="178">
                        <c:v>179</c:v>
                      </c:pt>
                      <c:pt idx="179">
                        <c:v>180</c:v>
                      </c:pt>
                      <c:pt idx="180">
                        <c:v>181</c:v>
                      </c:pt>
                      <c:pt idx="181">
                        <c:v>182</c:v>
                      </c:pt>
                      <c:pt idx="182">
                        <c:v>183</c:v>
                      </c:pt>
                      <c:pt idx="183">
                        <c:v>184</c:v>
                      </c:pt>
                      <c:pt idx="184">
                        <c:v>185</c:v>
                      </c:pt>
                      <c:pt idx="185">
                        <c:v>186</c:v>
                      </c:pt>
                      <c:pt idx="186">
                        <c:v>187</c:v>
                      </c:pt>
                      <c:pt idx="187">
                        <c:v>188</c:v>
                      </c:pt>
                      <c:pt idx="188">
                        <c:v>189</c:v>
                      </c:pt>
                      <c:pt idx="189">
                        <c:v>190</c:v>
                      </c:pt>
                      <c:pt idx="190">
                        <c:v>191</c:v>
                      </c:pt>
                      <c:pt idx="191">
                        <c:v>192</c:v>
                      </c:pt>
                      <c:pt idx="192">
                        <c:v>193</c:v>
                      </c:pt>
                      <c:pt idx="193">
                        <c:v>194</c:v>
                      </c:pt>
                    </c:numCache>
                  </c:numRef>
                </c:cat>
                <c:val>
                  <c:numRef>
                    <c:extLst xmlns:c15="http://schemas.microsoft.com/office/drawing/2012/chart">
                      <c:ext xmlns:c15="http://schemas.microsoft.com/office/drawing/2012/chart" uri="{02D57815-91ED-43cb-92C2-25804820EDAC}">
                        <c15:formulaRef>
                          <c15:sqref>total!$AT$2:$AT$195</c15:sqref>
                        </c15:formulaRef>
                      </c:ext>
                    </c:extLst>
                    <c:numCache>
                      <c:formatCode>0</c:formatCode>
                      <c:ptCount val="194"/>
                      <c:pt idx="0">
                        <c:v>4659151360</c:v>
                      </c:pt>
                      <c:pt idx="1">
                        <c:v>5257687552</c:v>
                      </c:pt>
                      <c:pt idx="2">
                        <c:v>6958715904</c:v>
                      </c:pt>
                      <c:pt idx="3">
                        <c:v>7939912704</c:v>
                      </c:pt>
                      <c:pt idx="4">
                        <c:v>10562719744</c:v>
                      </c:pt>
                      <c:pt idx="5">
                        <c:v>14830041088</c:v>
                      </c:pt>
                      <c:pt idx="6">
                        <c:v>15247762432</c:v>
                      </c:pt>
                      <c:pt idx="7">
                        <c:v>15350220800</c:v>
                      </c:pt>
                      <c:pt idx="8">
                        <c:v>16622813184</c:v>
                      </c:pt>
                      <c:pt idx="9">
                        <c:v>18686390272</c:v>
                      </c:pt>
                      <c:pt idx="10">
                        <c:v>21251928064</c:v>
                      </c:pt>
                      <c:pt idx="11">
                        <c:v>23345719296</c:v>
                      </c:pt>
                      <c:pt idx="12">
                        <c:v>26155118592</c:v>
                      </c:pt>
                      <c:pt idx="13">
                        <c:v>26186088448</c:v>
                      </c:pt>
                      <c:pt idx="14">
                        <c:v>26600361984</c:v>
                      </c:pt>
                      <c:pt idx="15">
                        <c:v>28233398272</c:v>
                      </c:pt>
                      <c:pt idx="16">
                        <c:v>31153813504</c:v>
                      </c:pt>
                      <c:pt idx="17">
                        <c:v>35917557760</c:v>
                      </c:pt>
                      <c:pt idx="18">
                        <c:v>38349115392</c:v>
                      </c:pt>
                      <c:pt idx="19">
                        <c:v>40210296832</c:v>
                      </c:pt>
                      <c:pt idx="20">
                        <c:v>40268038144</c:v>
                      </c:pt>
                      <c:pt idx="21">
                        <c:v>40292290560</c:v>
                      </c:pt>
                      <c:pt idx="22">
                        <c:v>42878750720</c:v>
                      </c:pt>
                      <c:pt idx="23">
                        <c:v>45677834240</c:v>
                      </c:pt>
                      <c:pt idx="24">
                        <c:v>47455133696</c:v>
                      </c:pt>
                      <c:pt idx="25">
                        <c:v>49016455168</c:v>
                      </c:pt>
                      <c:pt idx="26">
                        <c:v>51350753280</c:v>
                      </c:pt>
                      <c:pt idx="27">
                        <c:v>51721740288</c:v>
                      </c:pt>
                      <c:pt idx="28">
                        <c:v>51768786944</c:v>
                      </c:pt>
                      <c:pt idx="29">
                        <c:v>55599161344</c:v>
                      </c:pt>
                      <c:pt idx="30">
                        <c:v>65360973824</c:v>
                      </c:pt>
                      <c:pt idx="31">
                        <c:v>75188338688</c:v>
                      </c:pt>
                      <c:pt idx="32">
                        <c:v>76643794944</c:v>
                      </c:pt>
                      <c:pt idx="33">
                        <c:v>77661937664</c:v>
                      </c:pt>
                      <c:pt idx="34">
                        <c:v>77699473408</c:v>
                      </c:pt>
                      <c:pt idx="35">
                        <c:v>77702725632</c:v>
                      </c:pt>
                      <c:pt idx="36">
                        <c:v>79029444608</c:v>
                      </c:pt>
                      <c:pt idx="37">
                        <c:v>81583513600</c:v>
                      </c:pt>
                      <c:pt idx="38">
                        <c:v>83103072256</c:v>
                      </c:pt>
                      <c:pt idx="39">
                        <c:v>84822499328</c:v>
                      </c:pt>
                      <c:pt idx="40">
                        <c:v>87978156032</c:v>
                      </c:pt>
                      <c:pt idx="41">
                        <c:v>88127004672</c:v>
                      </c:pt>
                      <c:pt idx="42">
                        <c:v>88144773120</c:v>
                      </c:pt>
                      <c:pt idx="43">
                        <c:v>90307534848</c:v>
                      </c:pt>
                      <c:pt idx="44">
                        <c:v>91934244864</c:v>
                      </c:pt>
                      <c:pt idx="45">
                        <c:v>94911471616</c:v>
                      </c:pt>
                      <c:pt idx="46">
                        <c:v>97280212992</c:v>
                      </c:pt>
                      <c:pt idx="47">
                        <c:v>99442966528</c:v>
                      </c:pt>
                      <c:pt idx="48">
                        <c:v>99469942784</c:v>
                      </c:pt>
                      <c:pt idx="49">
                        <c:v>99485974528</c:v>
                      </c:pt>
                      <c:pt idx="50">
                        <c:v>100759609344</c:v>
                      </c:pt>
                      <c:pt idx="51">
                        <c:v>103233994752</c:v>
                      </c:pt>
                      <c:pt idx="52">
                        <c:v>105506676736</c:v>
                      </c:pt>
                      <c:pt idx="53">
                        <c:v>108008816640</c:v>
                      </c:pt>
                      <c:pt idx="54">
                        <c:v>109820436480</c:v>
                      </c:pt>
                      <c:pt idx="55">
                        <c:v>109861265408</c:v>
                      </c:pt>
                      <c:pt idx="56">
                        <c:v>109987078144</c:v>
                      </c:pt>
                      <c:pt idx="57">
                        <c:v>111669370880</c:v>
                      </c:pt>
                      <c:pt idx="58">
                        <c:v>122444177408</c:v>
                      </c:pt>
                      <c:pt idx="59">
                        <c:v>122444177408</c:v>
                      </c:pt>
                      <c:pt idx="60">
                        <c:v>135586594816</c:v>
                      </c:pt>
                      <c:pt idx="61">
                        <c:v>138387914752</c:v>
                      </c:pt>
                      <c:pt idx="62">
                        <c:v>139628658688</c:v>
                      </c:pt>
                      <c:pt idx="63">
                        <c:v>139647877120</c:v>
                      </c:pt>
                      <c:pt idx="64">
                        <c:v>139820630016</c:v>
                      </c:pt>
                      <c:pt idx="65">
                        <c:v>141309329408</c:v>
                      </c:pt>
                      <c:pt idx="66">
                        <c:v>143779545088</c:v>
                      </c:pt>
                      <c:pt idx="67">
                        <c:v>146115592192</c:v>
                      </c:pt>
                      <c:pt idx="68">
                        <c:v>148591476736</c:v>
                      </c:pt>
                      <c:pt idx="69">
                        <c:v>152375296000</c:v>
                      </c:pt>
                      <c:pt idx="70">
                        <c:v>152405999616</c:v>
                      </c:pt>
                      <c:pt idx="71">
                        <c:v>152889606144</c:v>
                      </c:pt>
                      <c:pt idx="72">
                        <c:v>154740981760</c:v>
                      </c:pt>
                      <c:pt idx="73">
                        <c:v>157044457472</c:v>
                      </c:pt>
                      <c:pt idx="74">
                        <c:v>159895044096</c:v>
                      </c:pt>
                      <c:pt idx="75">
                        <c:v>163361341440</c:v>
                      </c:pt>
                      <c:pt idx="76">
                        <c:v>165431181312</c:v>
                      </c:pt>
                      <c:pt idx="77">
                        <c:v>165431181312</c:v>
                      </c:pt>
                      <c:pt idx="78">
                        <c:v>165469110272</c:v>
                      </c:pt>
                      <c:pt idx="79">
                        <c:v>166894403584</c:v>
                      </c:pt>
                      <c:pt idx="80">
                        <c:v>169124872192</c:v>
                      </c:pt>
                      <c:pt idx="81">
                        <c:v>171301830656</c:v>
                      </c:pt>
                      <c:pt idx="82">
                        <c:v>173420167168</c:v>
                      </c:pt>
                      <c:pt idx="83">
                        <c:v>176422928384</c:v>
                      </c:pt>
                      <c:pt idx="84">
                        <c:v>176643260416</c:v>
                      </c:pt>
                      <c:pt idx="85">
                        <c:v>176702259200</c:v>
                      </c:pt>
                      <c:pt idx="86">
                        <c:v>181352857600</c:v>
                      </c:pt>
                      <c:pt idx="87">
                        <c:v>187263483904</c:v>
                      </c:pt>
                      <c:pt idx="88">
                        <c:v>191278088192</c:v>
                      </c:pt>
                      <c:pt idx="89">
                        <c:v>197698125824</c:v>
                      </c:pt>
                      <c:pt idx="90">
                        <c:v>220316090368</c:v>
                      </c:pt>
                      <c:pt idx="91">
                        <c:v>224002211840</c:v>
                      </c:pt>
                      <c:pt idx="92">
                        <c:v>224256704512</c:v>
                      </c:pt>
                      <c:pt idx="93">
                        <c:v>228449320960</c:v>
                      </c:pt>
                      <c:pt idx="94">
                        <c:v>231302873088</c:v>
                      </c:pt>
                      <c:pt idx="95">
                        <c:v>233553412096</c:v>
                      </c:pt>
                      <c:pt idx="96">
                        <c:v>235821383680</c:v>
                      </c:pt>
                      <c:pt idx="97">
                        <c:v>237230080000</c:v>
                      </c:pt>
                      <c:pt idx="98">
                        <c:v>237256130560</c:v>
                      </c:pt>
                      <c:pt idx="99">
                        <c:v>237317767168</c:v>
                      </c:pt>
                      <c:pt idx="100">
                        <c:v>240285237248</c:v>
                      </c:pt>
                      <c:pt idx="101">
                        <c:v>243579568128</c:v>
                      </c:pt>
                      <c:pt idx="102">
                        <c:v>245444411392</c:v>
                      </c:pt>
                      <c:pt idx="103">
                        <c:v>247544397824</c:v>
                      </c:pt>
                      <c:pt idx="104">
                        <c:v>248798740480</c:v>
                      </c:pt>
                      <c:pt idx="105">
                        <c:v>248876007424</c:v>
                      </c:pt>
                      <c:pt idx="106">
                        <c:v>248938168320</c:v>
                      </c:pt>
                      <c:pt idx="107">
                        <c:v>250604371968</c:v>
                      </c:pt>
                      <c:pt idx="108">
                        <c:v>253705732096</c:v>
                      </c:pt>
                      <c:pt idx="109">
                        <c:v>255645089792</c:v>
                      </c:pt>
                      <c:pt idx="110">
                        <c:v>257916878848</c:v>
                      </c:pt>
                      <c:pt idx="111">
                        <c:v>259904454656</c:v>
                      </c:pt>
                      <c:pt idx="112">
                        <c:v>259965599744</c:v>
                      </c:pt>
                      <c:pt idx="113">
                        <c:v>259982393344</c:v>
                      </c:pt>
                      <c:pt idx="114">
                        <c:v>262637010944</c:v>
                      </c:pt>
                      <c:pt idx="115">
                        <c:v>265745678336</c:v>
                      </c:pt>
                      <c:pt idx="116">
                        <c:v>268116869120</c:v>
                      </c:pt>
                      <c:pt idx="117">
                        <c:v>271023702016</c:v>
                      </c:pt>
                      <c:pt idx="118">
                        <c:v>278274179072</c:v>
                      </c:pt>
                      <c:pt idx="119">
                        <c:v>278323036160</c:v>
                      </c:pt>
                      <c:pt idx="120">
                        <c:v>281739919360</c:v>
                      </c:pt>
                      <c:pt idx="121">
                        <c:v>290902376448</c:v>
                      </c:pt>
                      <c:pt idx="122">
                        <c:v>292667031552</c:v>
                      </c:pt>
                      <c:pt idx="123">
                        <c:v>294589497344</c:v>
                      </c:pt>
                      <c:pt idx="124">
                        <c:v>296416018432</c:v>
                      </c:pt>
                      <c:pt idx="125">
                        <c:v>301187399680</c:v>
                      </c:pt>
                      <c:pt idx="126">
                        <c:v>301341147136</c:v>
                      </c:pt>
                      <c:pt idx="127">
                        <c:v>301682884608</c:v>
                      </c:pt>
                      <c:pt idx="128">
                        <c:v>303049244672</c:v>
                      </c:pt>
                      <c:pt idx="129">
                        <c:v>304881401856</c:v>
                      </c:pt>
                      <c:pt idx="130">
                        <c:v>306800754688</c:v>
                      </c:pt>
                      <c:pt idx="131">
                        <c:v>309381300224</c:v>
                      </c:pt>
                      <c:pt idx="132">
                        <c:v>311156047872</c:v>
                      </c:pt>
                      <c:pt idx="133">
                        <c:v>311160700928</c:v>
                      </c:pt>
                      <c:pt idx="134">
                        <c:v>311365468160</c:v>
                      </c:pt>
                      <c:pt idx="135">
                        <c:v>314306166784</c:v>
                      </c:pt>
                      <c:pt idx="136">
                        <c:v>316465807360</c:v>
                      </c:pt>
                      <c:pt idx="137">
                        <c:v>318754717696</c:v>
                      </c:pt>
                      <c:pt idx="138">
                        <c:v>322395308032</c:v>
                      </c:pt>
                      <c:pt idx="139">
                        <c:v>324615340032</c:v>
                      </c:pt>
                      <c:pt idx="140">
                        <c:v>324766826496</c:v>
                      </c:pt>
                      <c:pt idx="141">
                        <c:v>324922572800</c:v>
                      </c:pt>
                      <c:pt idx="142">
                        <c:v>326951239680</c:v>
                      </c:pt>
                      <c:pt idx="143">
                        <c:v>328904376320</c:v>
                      </c:pt>
                      <c:pt idx="144">
                        <c:v>334432436224</c:v>
                      </c:pt>
                      <c:pt idx="145">
                        <c:v>337212342272</c:v>
                      </c:pt>
                      <c:pt idx="146">
                        <c:v>339902988288</c:v>
                      </c:pt>
                      <c:pt idx="147">
                        <c:v>339937656832</c:v>
                      </c:pt>
                      <c:pt idx="148">
                        <c:v>340332347392</c:v>
                      </c:pt>
                      <c:pt idx="149">
                        <c:v>341221343232</c:v>
                      </c:pt>
                      <c:pt idx="150">
                        <c:v>345539739648</c:v>
                      </c:pt>
                      <c:pt idx="151">
                        <c:v>352902610944</c:v>
                      </c:pt>
                      <c:pt idx="152">
                        <c:v>365472120832</c:v>
                      </c:pt>
                      <c:pt idx="153">
                        <c:v>368361766912</c:v>
                      </c:pt>
                      <c:pt idx="154">
                        <c:v>368548478976</c:v>
                      </c:pt>
                      <c:pt idx="155">
                        <c:v>368661004288</c:v>
                      </c:pt>
                      <c:pt idx="156">
                        <c:v>370489360384</c:v>
                      </c:pt>
                      <c:pt idx="157">
                        <c:v>372581629952</c:v>
                      </c:pt>
                      <c:pt idx="158">
                        <c:v>374457073664</c:v>
                      </c:pt>
                      <c:pt idx="159">
                        <c:v>377540149248</c:v>
                      </c:pt>
                      <c:pt idx="160">
                        <c:v>381934960640</c:v>
                      </c:pt>
                      <c:pt idx="161">
                        <c:v>382435753984</c:v>
                      </c:pt>
                      <c:pt idx="162">
                        <c:v>382435753984</c:v>
                      </c:pt>
                      <c:pt idx="163">
                        <c:v>384165871616</c:v>
                      </c:pt>
                      <c:pt idx="164">
                        <c:v>387432349696</c:v>
                      </c:pt>
                      <c:pt idx="165">
                        <c:v>392117649408</c:v>
                      </c:pt>
                      <c:pt idx="166">
                        <c:v>395816271872</c:v>
                      </c:pt>
                      <c:pt idx="167">
                        <c:v>399246360576</c:v>
                      </c:pt>
                      <c:pt idx="168">
                        <c:v>399487336448</c:v>
                      </c:pt>
                      <c:pt idx="169">
                        <c:v>399529148416</c:v>
                      </c:pt>
                      <c:pt idx="170">
                        <c:v>403038240768</c:v>
                      </c:pt>
                      <c:pt idx="171">
                        <c:v>406595796992</c:v>
                      </c:pt>
                      <c:pt idx="172">
                        <c:v>409764593664</c:v>
                      </c:pt>
                      <c:pt idx="173">
                        <c:v>414150950912</c:v>
                      </c:pt>
                      <c:pt idx="174">
                        <c:v>417466941440</c:v>
                      </c:pt>
                      <c:pt idx="175">
                        <c:v>417531232256</c:v>
                      </c:pt>
                      <c:pt idx="176">
                        <c:v>417659551744</c:v>
                      </c:pt>
                      <c:pt idx="177">
                        <c:v>419829678080</c:v>
                      </c:pt>
                      <c:pt idx="178">
                        <c:v>422914916352</c:v>
                      </c:pt>
                      <c:pt idx="179">
                        <c:v>426368794624</c:v>
                      </c:pt>
                      <c:pt idx="180">
                        <c:v>431647129600</c:v>
                      </c:pt>
                      <c:pt idx="181">
                        <c:v>459973918720</c:v>
                      </c:pt>
                      <c:pt idx="182">
                        <c:v>465308811264</c:v>
                      </c:pt>
                      <c:pt idx="183">
                        <c:v>465638621184</c:v>
                      </c:pt>
                      <c:pt idx="184">
                        <c:v>468450082816</c:v>
                      </c:pt>
                      <c:pt idx="185">
                        <c:v>469305753600</c:v>
                      </c:pt>
                      <c:pt idx="186">
                        <c:v>472919343104</c:v>
                      </c:pt>
                      <c:pt idx="187">
                        <c:v>477333028864</c:v>
                      </c:pt>
                      <c:pt idx="188">
                        <c:v>479922618368</c:v>
                      </c:pt>
                      <c:pt idx="189">
                        <c:v>480014532608</c:v>
                      </c:pt>
                      <c:pt idx="190">
                        <c:v>480137674752</c:v>
                      </c:pt>
                      <c:pt idx="191">
                        <c:v>481733509120</c:v>
                      </c:pt>
                      <c:pt idx="192">
                        <c:v>484224172032</c:v>
                      </c:pt>
                      <c:pt idx="193">
                        <c:v>488383873024</c:v>
                      </c:pt>
                    </c:numCache>
                  </c:numRef>
                </c:val>
                <c:smooth val="0"/>
                <c:extLst xmlns:c15="http://schemas.microsoft.com/office/drawing/2012/chart">
                  <c:ext xmlns:c16="http://schemas.microsoft.com/office/drawing/2014/chart" uri="{C3380CC4-5D6E-409C-BE32-E72D297353CC}">
                    <c16:uniqueId val="{00000009-5AA1-4895-9EDB-2BD504E12067}"/>
                  </c:ext>
                </c:extLst>
              </c15:ser>
            </c15:filteredLineSeries>
            <c15:filteredLineSeries>
              <c15:ser>
                <c:idx val="4"/>
                <c:order val="4"/>
                <c:tx>
                  <c:strRef>
                    <c:extLst xmlns:c15="http://schemas.microsoft.com/office/drawing/2012/chart">
                      <c:ext xmlns:c15="http://schemas.microsoft.com/office/drawing/2012/chart" uri="{02D57815-91ED-43cb-92C2-25804820EDAC}">
                        <c15:formulaRef>
                          <c15:sqref>total!$AU$1</c15:sqref>
                        </c15:formulaRef>
                      </c:ext>
                    </c:extLst>
                    <c:strCache>
                      <c:ptCount val="1"/>
                      <c:pt idx="0">
                        <c:v>2018</c:v>
                      </c:pt>
                    </c:strCache>
                  </c:strRef>
                </c:tx>
                <c:spPr>
                  <a:ln w="25400" cap="rnd" cmpd="sng" algn="ctr">
                    <a:solidFill>
                      <a:srgbClr val="DBD99A"/>
                    </a:solidFill>
                    <a:prstDash val="solid"/>
                    <a:round/>
                    <a:headEnd type="none" w="med" len="med"/>
                    <a:tailEnd type="none" w="med" len="med"/>
                  </a:ln>
                </c:spPr>
                <c:marker>
                  <c:symbol val="none"/>
                </c:marker>
                <c:cat>
                  <c:numRef>
                    <c:extLst xmlns:c15="http://schemas.microsoft.com/office/drawing/2012/chart">
                      <c:ext xmlns:c15="http://schemas.microsoft.com/office/drawing/2012/chart" uri="{02D57815-91ED-43cb-92C2-25804820EDAC}">
                        <c15:formulaRef>
                          <c15:sqref>total!$A$2:$A$195</c15:sqref>
                        </c15:formulaRef>
                      </c:ext>
                    </c:extLst>
                    <c:numCache>
                      <c:formatCode>m/d/yyyy</c:formatCode>
                      <c:ptCount val="194"/>
                      <c:pt idx="0">
                        <c:v>1</c:v>
                      </c:pt>
                      <c:pt idx="1">
                        <c:v>2</c:v>
                      </c:pt>
                      <c:pt idx="2">
                        <c:v>3</c:v>
                      </c:pt>
                      <c:pt idx="3">
                        <c:v>4</c:v>
                      </c:pt>
                      <c:pt idx="4">
                        <c:v>5</c:v>
                      </c:pt>
                      <c:pt idx="5">
                        <c:v>6</c:v>
                      </c:pt>
                      <c:pt idx="6">
                        <c:v>7</c:v>
                      </c:pt>
                      <c:pt idx="7">
                        <c:v>8</c:v>
                      </c:pt>
                      <c:pt idx="8">
                        <c:v>9</c:v>
                      </c:pt>
                      <c:pt idx="9">
                        <c:v>10</c:v>
                      </c:pt>
                      <c:pt idx="10">
                        <c:v>11</c:v>
                      </c:pt>
                      <c:pt idx="11">
                        <c:v>12</c:v>
                      </c:pt>
                      <c:pt idx="12">
                        <c:v>13</c:v>
                      </c:pt>
                      <c:pt idx="13">
                        <c:v>14</c:v>
                      </c:pt>
                      <c:pt idx="14">
                        <c:v>15</c:v>
                      </c:pt>
                      <c:pt idx="15">
                        <c:v>16</c:v>
                      </c:pt>
                      <c:pt idx="16">
                        <c:v>17</c:v>
                      </c:pt>
                      <c:pt idx="17">
                        <c:v>18</c:v>
                      </c:pt>
                      <c:pt idx="18">
                        <c:v>19</c:v>
                      </c:pt>
                      <c:pt idx="19">
                        <c:v>20</c:v>
                      </c:pt>
                      <c:pt idx="20">
                        <c:v>21</c:v>
                      </c:pt>
                      <c:pt idx="21">
                        <c:v>22</c:v>
                      </c:pt>
                      <c:pt idx="22">
                        <c:v>23</c:v>
                      </c:pt>
                      <c:pt idx="23">
                        <c:v>24</c:v>
                      </c:pt>
                      <c:pt idx="24">
                        <c:v>25</c:v>
                      </c:pt>
                      <c:pt idx="25">
                        <c:v>26</c:v>
                      </c:pt>
                      <c:pt idx="26">
                        <c:v>27</c:v>
                      </c:pt>
                      <c:pt idx="27">
                        <c:v>28</c:v>
                      </c:pt>
                      <c:pt idx="28">
                        <c:v>29</c:v>
                      </c:pt>
                      <c:pt idx="29">
                        <c:v>30</c:v>
                      </c:pt>
                      <c:pt idx="30">
                        <c:v>31</c:v>
                      </c:pt>
                      <c:pt idx="31">
                        <c:v>32</c:v>
                      </c:pt>
                      <c:pt idx="32">
                        <c:v>33</c:v>
                      </c:pt>
                      <c:pt idx="33">
                        <c:v>34</c:v>
                      </c:pt>
                      <c:pt idx="34">
                        <c:v>35</c:v>
                      </c:pt>
                      <c:pt idx="35">
                        <c:v>36</c:v>
                      </c:pt>
                      <c:pt idx="36">
                        <c:v>37</c:v>
                      </c:pt>
                      <c:pt idx="37">
                        <c:v>38</c:v>
                      </c:pt>
                      <c:pt idx="38">
                        <c:v>39</c:v>
                      </c:pt>
                      <c:pt idx="39">
                        <c:v>40</c:v>
                      </c:pt>
                      <c:pt idx="40">
                        <c:v>41</c:v>
                      </c:pt>
                      <c:pt idx="41">
                        <c:v>42</c:v>
                      </c:pt>
                      <c:pt idx="42">
                        <c:v>43</c:v>
                      </c:pt>
                      <c:pt idx="43">
                        <c:v>44</c:v>
                      </c:pt>
                      <c:pt idx="44">
                        <c:v>45</c:v>
                      </c:pt>
                      <c:pt idx="45">
                        <c:v>46</c:v>
                      </c:pt>
                      <c:pt idx="46">
                        <c:v>47</c:v>
                      </c:pt>
                      <c:pt idx="47">
                        <c:v>48</c:v>
                      </c:pt>
                      <c:pt idx="48">
                        <c:v>49</c:v>
                      </c:pt>
                      <c:pt idx="49">
                        <c:v>50</c:v>
                      </c:pt>
                      <c:pt idx="50">
                        <c:v>51</c:v>
                      </c:pt>
                      <c:pt idx="51">
                        <c:v>52</c:v>
                      </c:pt>
                      <c:pt idx="52">
                        <c:v>53</c:v>
                      </c:pt>
                      <c:pt idx="53">
                        <c:v>54</c:v>
                      </c:pt>
                      <c:pt idx="54">
                        <c:v>55</c:v>
                      </c:pt>
                      <c:pt idx="55">
                        <c:v>56</c:v>
                      </c:pt>
                      <c:pt idx="56">
                        <c:v>57</c:v>
                      </c:pt>
                      <c:pt idx="57">
                        <c:v>58</c:v>
                      </c:pt>
                      <c:pt idx="58">
                        <c:v>59</c:v>
                      </c:pt>
                      <c:pt idx="59">
                        <c:v>60</c:v>
                      </c:pt>
                      <c:pt idx="60">
                        <c:v>61</c:v>
                      </c:pt>
                      <c:pt idx="61">
                        <c:v>62</c:v>
                      </c:pt>
                      <c:pt idx="62">
                        <c:v>63</c:v>
                      </c:pt>
                      <c:pt idx="63">
                        <c:v>64</c:v>
                      </c:pt>
                      <c:pt idx="64">
                        <c:v>65</c:v>
                      </c:pt>
                      <c:pt idx="65">
                        <c:v>66</c:v>
                      </c:pt>
                      <c:pt idx="66">
                        <c:v>67</c:v>
                      </c:pt>
                      <c:pt idx="67">
                        <c:v>68</c:v>
                      </c:pt>
                      <c:pt idx="68">
                        <c:v>69</c:v>
                      </c:pt>
                      <c:pt idx="69">
                        <c:v>70</c:v>
                      </c:pt>
                      <c:pt idx="70">
                        <c:v>71</c:v>
                      </c:pt>
                      <c:pt idx="71">
                        <c:v>72</c:v>
                      </c:pt>
                      <c:pt idx="72">
                        <c:v>73</c:v>
                      </c:pt>
                      <c:pt idx="73">
                        <c:v>74</c:v>
                      </c:pt>
                      <c:pt idx="74">
                        <c:v>75</c:v>
                      </c:pt>
                      <c:pt idx="75">
                        <c:v>76</c:v>
                      </c:pt>
                      <c:pt idx="76">
                        <c:v>77</c:v>
                      </c:pt>
                      <c:pt idx="77">
                        <c:v>78</c:v>
                      </c:pt>
                      <c:pt idx="78">
                        <c:v>79</c:v>
                      </c:pt>
                      <c:pt idx="79">
                        <c:v>80</c:v>
                      </c:pt>
                      <c:pt idx="80">
                        <c:v>81</c:v>
                      </c:pt>
                      <c:pt idx="81">
                        <c:v>82</c:v>
                      </c:pt>
                      <c:pt idx="82">
                        <c:v>83</c:v>
                      </c:pt>
                      <c:pt idx="83">
                        <c:v>84</c:v>
                      </c:pt>
                      <c:pt idx="84">
                        <c:v>85</c:v>
                      </c:pt>
                      <c:pt idx="85">
                        <c:v>86</c:v>
                      </c:pt>
                      <c:pt idx="86">
                        <c:v>87</c:v>
                      </c:pt>
                      <c:pt idx="87">
                        <c:v>88</c:v>
                      </c:pt>
                      <c:pt idx="88">
                        <c:v>89</c:v>
                      </c:pt>
                      <c:pt idx="89">
                        <c:v>90</c:v>
                      </c:pt>
                      <c:pt idx="90">
                        <c:v>91</c:v>
                      </c:pt>
                      <c:pt idx="91">
                        <c:v>92</c:v>
                      </c:pt>
                      <c:pt idx="92">
                        <c:v>93</c:v>
                      </c:pt>
                      <c:pt idx="93">
                        <c:v>94</c:v>
                      </c:pt>
                      <c:pt idx="94">
                        <c:v>95</c:v>
                      </c:pt>
                      <c:pt idx="95">
                        <c:v>96</c:v>
                      </c:pt>
                      <c:pt idx="96">
                        <c:v>97</c:v>
                      </c:pt>
                      <c:pt idx="97">
                        <c:v>98</c:v>
                      </c:pt>
                      <c:pt idx="98">
                        <c:v>99</c:v>
                      </c:pt>
                      <c:pt idx="99">
                        <c:v>100</c:v>
                      </c:pt>
                      <c:pt idx="100">
                        <c:v>101</c:v>
                      </c:pt>
                      <c:pt idx="101">
                        <c:v>102</c:v>
                      </c:pt>
                      <c:pt idx="102">
                        <c:v>103</c:v>
                      </c:pt>
                      <c:pt idx="103">
                        <c:v>104</c:v>
                      </c:pt>
                      <c:pt idx="104">
                        <c:v>105</c:v>
                      </c:pt>
                      <c:pt idx="105">
                        <c:v>106</c:v>
                      </c:pt>
                      <c:pt idx="106">
                        <c:v>107</c:v>
                      </c:pt>
                      <c:pt idx="107">
                        <c:v>108</c:v>
                      </c:pt>
                      <c:pt idx="108">
                        <c:v>109</c:v>
                      </c:pt>
                      <c:pt idx="109">
                        <c:v>110</c:v>
                      </c:pt>
                      <c:pt idx="110">
                        <c:v>111</c:v>
                      </c:pt>
                      <c:pt idx="111">
                        <c:v>112</c:v>
                      </c:pt>
                      <c:pt idx="112">
                        <c:v>113</c:v>
                      </c:pt>
                      <c:pt idx="113">
                        <c:v>114</c:v>
                      </c:pt>
                      <c:pt idx="114">
                        <c:v>115</c:v>
                      </c:pt>
                      <c:pt idx="115">
                        <c:v>116</c:v>
                      </c:pt>
                      <c:pt idx="116">
                        <c:v>117</c:v>
                      </c:pt>
                      <c:pt idx="117">
                        <c:v>118</c:v>
                      </c:pt>
                      <c:pt idx="118">
                        <c:v>119</c:v>
                      </c:pt>
                      <c:pt idx="119">
                        <c:v>120</c:v>
                      </c:pt>
                      <c:pt idx="120">
                        <c:v>121</c:v>
                      </c:pt>
                      <c:pt idx="121">
                        <c:v>122</c:v>
                      </c:pt>
                      <c:pt idx="122">
                        <c:v>123</c:v>
                      </c:pt>
                      <c:pt idx="123">
                        <c:v>124</c:v>
                      </c:pt>
                      <c:pt idx="124">
                        <c:v>125</c:v>
                      </c:pt>
                      <c:pt idx="125">
                        <c:v>126</c:v>
                      </c:pt>
                      <c:pt idx="126">
                        <c:v>127</c:v>
                      </c:pt>
                      <c:pt idx="127">
                        <c:v>128</c:v>
                      </c:pt>
                      <c:pt idx="128">
                        <c:v>129</c:v>
                      </c:pt>
                      <c:pt idx="129">
                        <c:v>130</c:v>
                      </c:pt>
                      <c:pt idx="130">
                        <c:v>131</c:v>
                      </c:pt>
                      <c:pt idx="131">
                        <c:v>132</c:v>
                      </c:pt>
                      <c:pt idx="132">
                        <c:v>133</c:v>
                      </c:pt>
                      <c:pt idx="133">
                        <c:v>134</c:v>
                      </c:pt>
                      <c:pt idx="134">
                        <c:v>135</c:v>
                      </c:pt>
                      <c:pt idx="135">
                        <c:v>136</c:v>
                      </c:pt>
                      <c:pt idx="136">
                        <c:v>137</c:v>
                      </c:pt>
                      <c:pt idx="137">
                        <c:v>138</c:v>
                      </c:pt>
                      <c:pt idx="138">
                        <c:v>139</c:v>
                      </c:pt>
                      <c:pt idx="139">
                        <c:v>140</c:v>
                      </c:pt>
                      <c:pt idx="140">
                        <c:v>141</c:v>
                      </c:pt>
                      <c:pt idx="141">
                        <c:v>142</c:v>
                      </c:pt>
                      <c:pt idx="142">
                        <c:v>143</c:v>
                      </c:pt>
                      <c:pt idx="143">
                        <c:v>144</c:v>
                      </c:pt>
                      <c:pt idx="144">
                        <c:v>145</c:v>
                      </c:pt>
                      <c:pt idx="145">
                        <c:v>146</c:v>
                      </c:pt>
                      <c:pt idx="146">
                        <c:v>147</c:v>
                      </c:pt>
                      <c:pt idx="147">
                        <c:v>148</c:v>
                      </c:pt>
                      <c:pt idx="148">
                        <c:v>149</c:v>
                      </c:pt>
                      <c:pt idx="149">
                        <c:v>150</c:v>
                      </c:pt>
                      <c:pt idx="150">
                        <c:v>151</c:v>
                      </c:pt>
                      <c:pt idx="151">
                        <c:v>152</c:v>
                      </c:pt>
                      <c:pt idx="152">
                        <c:v>153</c:v>
                      </c:pt>
                      <c:pt idx="153">
                        <c:v>154</c:v>
                      </c:pt>
                      <c:pt idx="154">
                        <c:v>155</c:v>
                      </c:pt>
                      <c:pt idx="155">
                        <c:v>156</c:v>
                      </c:pt>
                      <c:pt idx="156">
                        <c:v>157</c:v>
                      </c:pt>
                      <c:pt idx="157">
                        <c:v>158</c:v>
                      </c:pt>
                      <c:pt idx="158">
                        <c:v>159</c:v>
                      </c:pt>
                      <c:pt idx="159">
                        <c:v>160</c:v>
                      </c:pt>
                      <c:pt idx="160">
                        <c:v>161</c:v>
                      </c:pt>
                      <c:pt idx="161">
                        <c:v>162</c:v>
                      </c:pt>
                      <c:pt idx="162">
                        <c:v>163</c:v>
                      </c:pt>
                      <c:pt idx="163">
                        <c:v>164</c:v>
                      </c:pt>
                      <c:pt idx="164">
                        <c:v>165</c:v>
                      </c:pt>
                      <c:pt idx="165">
                        <c:v>166</c:v>
                      </c:pt>
                      <c:pt idx="166">
                        <c:v>167</c:v>
                      </c:pt>
                      <c:pt idx="167">
                        <c:v>168</c:v>
                      </c:pt>
                      <c:pt idx="168">
                        <c:v>169</c:v>
                      </c:pt>
                      <c:pt idx="169">
                        <c:v>170</c:v>
                      </c:pt>
                      <c:pt idx="170">
                        <c:v>171</c:v>
                      </c:pt>
                      <c:pt idx="171">
                        <c:v>172</c:v>
                      </c:pt>
                      <c:pt idx="172">
                        <c:v>173</c:v>
                      </c:pt>
                      <c:pt idx="173">
                        <c:v>174</c:v>
                      </c:pt>
                      <c:pt idx="174">
                        <c:v>175</c:v>
                      </c:pt>
                      <c:pt idx="175">
                        <c:v>176</c:v>
                      </c:pt>
                      <c:pt idx="176">
                        <c:v>177</c:v>
                      </c:pt>
                      <c:pt idx="177">
                        <c:v>178</c:v>
                      </c:pt>
                      <c:pt idx="178">
                        <c:v>179</c:v>
                      </c:pt>
                      <c:pt idx="179">
                        <c:v>180</c:v>
                      </c:pt>
                      <c:pt idx="180">
                        <c:v>181</c:v>
                      </c:pt>
                      <c:pt idx="181">
                        <c:v>182</c:v>
                      </c:pt>
                      <c:pt idx="182">
                        <c:v>183</c:v>
                      </c:pt>
                      <c:pt idx="183">
                        <c:v>184</c:v>
                      </c:pt>
                      <c:pt idx="184">
                        <c:v>185</c:v>
                      </c:pt>
                      <c:pt idx="185">
                        <c:v>186</c:v>
                      </c:pt>
                      <c:pt idx="186">
                        <c:v>187</c:v>
                      </c:pt>
                      <c:pt idx="187">
                        <c:v>188</c:v>
                      </c:pt>
                      <c:pt idx="188">
                        <c:v>189</c:v>
                      </c:pt>
                      <c:pt idx="189">
                        <c:v>190</c:v>
                      </c:pt>
                      <c:pt idx="190">
                        <c:v>191</c:v>
                      </c:pt>
                      <c:pt idx="191">
                        <c:v>192</c:v>
                      </c:pt>
                      <c:pt idx="192">
                        <c:v>193</c:v>
                      </c:pt>
                      <c:pt idx="193">
                        <c:v>194</c:v>
                      </c:pt>
                    </c:numCache>
                  </c:numRef>
                </c:cat>
                <c:val>
                  <c:numRef>
                    <c:extLst xmlns:c15="http://schemas.microsoft.com/office/drawing/2012/chart">
                      <c:ext xmlns:c15="http://schemas.microsoft.com/office/drawing/2012/chart" uri="{02D57815-91ED-43cb-92C2-25804820EDAC}">
                        <c15:formulaRef>
                          <c15:sqref>total!$AU$2:$AU$195</c15:sqref>
                        </c15:formulaRef>
                      </c:ext>
                    </c:extLst>
                    <c:numCache>
                      <c:formatCode>0</c:formatCode>
                      <c:ptCount val="194"/>
                      <c:pt idx="0">
                        <c:v>6990749184</c:v>
                      </c:pt>
                      <c:pt idx="1">
                        <c:v>13055442944</c:v>
                      </c:pt>
                      <c:pt idx="2">
                        <c:v>14890274816</c:v>
                      </c:pt>
                      <c:pt idx="3">
                        <c:v>17806716928</c:v>
                      </c:pt>
                      <c:pt idx="4">
                        <c:v>21093640192</c:v>
                      </c:pt>
                      <c:pt idx="5">
                        <c:v>21982396416</c:v>
                      </c:pt>
                      <c:pt idx="6">
                        <c:v>22037325824</c:v>
                      </c:pt>
                      <c:pt idx="7">
                        <c:v>23639416832</c:v>
                      </c:pt>
                      <c:pt idx="8">
                        <c:v>27649910784</c:v>
                      </c:pt>
                      <c:pt idx="9">
                        <c:v>30528581632</c:v>
                      </c:pt>
                      <c:pt idx="10">
                        <c:v>34232889344</c:v>
                      </c:pt>
                      <c:pt idx="11">
                        <c:v>36831981568</c:v>
                      </c:pt>
                      <c:pt idx="12">
                        <c:v>36842635264</c:v>
                      </c:pt>
                      <c:pt idx="13">
                        <c:v>36882595840</c:v>
                      </c:pt>
                      <c:pt idx="14">
                        <c:v>38459748352</c:v>
                      </c:pt>
                      <c:pt idx="15">
                        <c:v>40889700352</c:v>
                      </c:pt>
                      <c:pt idx="16">
                        <c:v>43208536064</c:v>
                      </c:pt>
                      <c:pt idx="17">
                        <c:v>46213877760</c:v>
                      </c:pt>
                      <c:pt idx="18">
                        <c:v>49241399296</c:v>
                      </c:pt>
                      <c:pt idx="19">
                        <c:v>49458970624</c:v>
                      </c:pt>
                      <c:pt idx="20">
                        <c:v>49757577216</c:v>
                      </c:pt>
                      <c:pt idx="21">
                        <c:v>65765429248</c:v>
                      </c:pt>
                      <c:pt idx="22">
                        <c:v>68927455232</c:v>
                      </c:pt>
                      <c:pt idx="23">
                        <c:v>72137621504</c:v>
                      </c:pt>
                      <c:pt idx="24">
                        <c:v>75307311104</c:v>
                      </c:pt>
                      <c:pt idx="25">
                        <c:v>77170614272</c:v>
                      </c:pt>
                      <c:pt idx="26">
                        <c:v>77263241216</c:v>
                      </c:pt>
                      <c:pt idx="27">
                        <c:v>77321322496</c:v>
                      </c:pt>
                      <c:pt idx="28">
                        <c:v>79451455488</c:v>
                      </c:pt>
                      <c:pt idx="29">
                        <c:v>82695733248</c:v>
                      </c:pt>
                      <c:pt idx="30">
                        <c:v>91913428992</c:v>
                      </c:pt>
                      <c:pt idx="31">
                        <c:v>100811563008</c:v>
                      </c:pt>
                      <c:pt idx="32">
                        <c:v>103524450304</c:v>
                      </c:pt>
                      <c:pt idx="33">
                        <c:v>103640588288</c:v>
                      </c:pt>
                      <c:pt idx="34">
                        <c:v>103693672448</c:v>
                      </c:pt>
                      <c:pt idx="35">
                        <c:v>108196347904</c:v>
                      </c:pt>
                      <c:pt idx="36">
                        <c:v>110102962176</c:v>
                      </c:pt>
                      <c:pt idx="37">
                        <c:v>112424189952</c:v>
                      </c:pt>
                      <c:pt idx="38">
                        <c:v>116069842944</c:v>
                      </c:pt>
                      <c:pt idx="39">
                        <c:v>118362890240</c:v>
                      </c:pt>
                      <c:pt idx="40">
                        <c:v>118545588224</c:v>
                      </c:pt>
                      <c:pt idx="41">
                        <c:v>118773317632</c:v>
                      </c:pt>
                      <c:pt idx="42">
                        <c:v>120644534272</c:v>
                      </c:pt>
                      <c:pt idx="43">
                        <c:v>124038955008</c:v>
                      </c:pt>
                      <c:pt idx="44">
                        <c:v>125287194624</c:v>
                      </c:pt>
                      <c:pt idx="45">
                        <c:v>129168400384</c:v>
                      </c:pt>
                      <c:pt idx="46">
                        <c:v>132126007296</c:v>
                      </c:pt>
                      <c:pt idx="47">
                        <c:v>132190240768</c:v>
                      </c:pt>
                      <c:pt idx="48">
                        <c:v>132260610048</c:v>
                      </c:pt>
                      <c:pt idx="49">
                        <c:v>132715454464</c:v>
                      </c:pt>
                      <c:pt idx="50">
                        <c:v>134682435584</c:v>
                      </c:pt>
                      <c:pt idx="51">
                        <c:v>137479012352</c:v>
                      </c:pt>
                      <c:pt idx="52">
                        <c:v>139820482560</c:v>
                      </c:pt>
                      <c:pt idx="53">
                        <c:v>143099445248</c:v>
                      </c:pt>
                      <c:pt idx="54">
                        <c:v>143226257408</c:v>
                      </c:pt>
                      <c:pt idx="55">
                        <c:v>143257059328</c:v>
                      </c:pt>
                      <c:pt idx="56">
                        <c:v>145025581056</c:v>
                      </c:pt>
                      <c:pt idx="57">
                        <c:v>147875512320</c:v>
                      </c:pt>
                      <c:pt idx="58">
                        <c:v>160290586624</c:v>
                      </c:pt>
                      <c:pt idx="59">
                        <c:v>160290586624</c:v>
                      </c:pt>
                      <c:pt idx="60">
                        <c:v>169934503936</c:v>
                      </c:pt>
                      <c:pt idx="61">
                        <c:v>171652268032</c:v>
                      </c:pt>
                      <c:pt idx="62">
                        <c:v>172695519232</c:v>
                      </c:pt>
                      <c:pt idx="63">
                        <c:v>173150781440</c:v>
                      </c:pt>
                      <c:pt idx="64">
                        <c:v>175648833536</c:v>
                      </c:pt>
                      <c:pt idx="65">
                        <c:v>178277433344</c:v>
                      </c:pt>
                      <c:pt idx="66">
                        <c:v>180794687488</c:v>
                      </c:pt>
                      <c:pt idx="67">
                        <c:v>185546833920</c:v>
                      </c:pt>
                      <c:pt idx="68">
                        <c:v>189844111360</c:v>
                      </c:pt>
                      <c:pt idx="69">
                        <c:v>189916381184</c:v>
                      </c:pt>
                      <c:pt idx="70">
                        <c:v>189967581184</c:v>
                      </c:pt>
                      <c:pt idx="71">
                        <c:v>191837487104</c:v>
                      </c:pt>
                      <c:pt idx="72">
                        <c:v>194755461120</c:v>
                      </c:pt>
                      <c:pt idx="73">
                        <c:v>196885594112</c:v>
                      </c:pt>
                      <c:pt idx="74">
                        <c:v>200678211584</c:v>
                      </c:pt>
                      <c:pt idx="75">
                        <c:v>203355144192</c:v>
                      </c:pt>
                      <c:pt idx="76">
                        <c:v>203384766464</c:v>
                      </c:pt>
                      <c:pt idx="77">
                        <c:v>203476402176</c:v>
                      </c:pt>
                      <c:pt idx="78">
                        <c:v>204728664064</c:v>
                      </c:pt>
                      <c:pt idx="79">
                        <c:v>210928353280</c:v>
                      </c:pt>
                      <c:pt idx="80">
                        <c:v>212831043584</c:v>
                      </c:pt>
                      <c:pt idx="81">
                        <c:v>215148052480</c:v>
                      </c:pt>
                      <c:pt idx="82">
                        <c:v>216683855872</c:v>
                      </c:pt>
                      <c:pt idx="83">
                        <c:v>216705187840</c:v>
                      </c:pt>
                      <c:pt idx="84">
                        <c:v>217263177728</c:v>
                      </c:pt>
                      <c:pt idx="85">
                        <c:v>221012099072</c:v>
                      </c:pt>
                      <c:pt idx="86">
                        <c:v>225267548160</c:v>
                      </c:pt>
                      <c:pt idx="87">
                        <c:v>229557878784</c:v>
                      </c:pt>
                      <c:pt idx="88">
                        <c:v>236637585408</c:v>
                      </c:pt>
                      <c:pt idx="89">
                        <c:v>243130433536</c:v>
                      </c:pt>
                      <c:pt idx="90">
                        <c:v>250586218496</c:v>
                      </c:pt>
                      <c:pt idx="91">
                        <c:v>260888199168</c:v>
                      </c:pt>
                      <c:pt idx="92">
                        <c:v>263802585088</c:v>
                      </c:pt>
                      <c:pt idx="93">
                        <c:v>266780540928</c:v>
                      </c:pt>
                      <c:pt idx="94">
                        <c:v>269343801344</c:v>
                      </c:pt>
                      <c:pt idx="95">
                        <c:v>271504474112</c:v>
                      </c:pt>
                      <c:pt idx="96">
                        <c:v>273574313984</c:v>
                      </c:pt>
                      <c:pt idx="97">
                        <c:v>273609637888</c:v>
                      </c:pt>
                      <c:pt idx="98">
                        <c:v>273615962112</c:v>
                      </c:pt>
                      <c:pt idx="99">
                        <c:v>275241140224</c:v>
                      </c:pt>
                      <c:pt idx="100">
                        <c:v>277527527424</c:v>
                      </c:pt>
                      <c:pt idx="101">
                        <c:v>279400644608</c:v>
                      </c:pt>
                      <c:pt idx="102">
                        <c:v>281743097856</c:v>
                      </c:pt>
                      <c:pt idx="103">
                        <c:v>284872769536</c:v>
                      </c:pt>
                      <c:pt idx="104">
                        <c:v>284908716032</c:v>
                      </c:pt>
                      <c:pt idx="105">
                        <c:v>285203562496</c:v>
                      </c:pt>
                      <c:pt idx="106">
                        <c:v>286821580800</c:v>
                      </c:pt>
                      <c:pt idx="107">
                        <c:v>288598327296</c:v>
                      </c:pt>
                      <c:pt idx="108">
                        <c:v>291614752768</c:v>
                      </c:pt>
                      <c:pt idx="109">
                        <c:v>294862848000</c:v>
                      </c:pt>
                      <c:pt idx="110">
                        <c:v>297798533120</c:v>
                      </c:pt>
                      <c:pt idx="111">
                        <c:v>297931243520</c:v>
                      </c:pt>
                      <c:pt idx="112">
                        <c:v>298029416448</c:v>
                      </c:pt>
                      <c:pt idx="113">
                        <c:v>301477199872</c:v>
                      </c:pt>
                      <c:pt idx="114">
                        <c:v>303930146816</c:v>
                      </c:pt>
                      <c:pt idx="115">
                        <c:v>307139706880</c:v>
                      </c:pt>
                      <c:pt idx="116">
                        <c:v>312355717120</c:v>
                      </c:pt>
                      <c:pt idx="117">
                        <c:v>314633945088</c:v>
                      </c:pt>
                      <c:pt idx="118">
                        <c:v>314748567552</c:v>
                      </c:pt>
                      <c:pt idx="119">
                        <c:v>314869121024</c:v>
                      </c:pt>
                      <c:pt idx="120">
                        <c:v>320757465088</c:v>
                      </c:pt>
                      <c:pt idx="121">
                        <c:v>329801007104</c:v>
                      </c:pt>
                      <c:pt idx="122">
                        <c:v>339895746560</c:v>
                      </c:pt>
                      <c:pt idx="123">
                        <c:v>343514152960</c:v>
                      </c:pt>
                      <c:pt idx="124">
                        <c:v>346358382592</c:v>
                      </c:pt>
                      <c:pt idx="125">
                        <c:v>346753105920</c:v>
                      </c:pt>
                      <c:pt idx="126">
                        <c:v>346961117184</c:v>
                      </c:pt>
                      <c:pt idx="127">
                        <c:v>348958392320</c:v>
                      </c:pt>
                      <c:pt idx="128">
                        <c:v>351698157568</c:v>
                      </c:pt>
                      <c:pt idx="129">
                        <c:v>354267103232</c:v>
                      </c:pt>
                      <c:pt idx="130">
                        <c:v>356647370752</c:v>
                      </c:pt>
                      <c:pt idx="131">
                        <c:v>358767001600</c:v>
                      </c:pt>
                      <c:pt idx="132">
                        <c:v>359027277824</c:v>
                      </c:pt>
                      <c:pt idx="133">
                        <c:v>359027277824</c:v>
                      </c:pt>
                      <c:pt idx="134">
                        <c:v>360655028224</c:v>
                      </c:pt>
                      <c:pt idx="135">
                        <c:v>363120001024</c:v>
                      </c:pt>
                      <c:pt idx="136">
                        <c:v>365558464512</c:v>
                      </c:pt>
                      <c:pt idx="137">
                        <c:v>367527854080</c:v>
                      </c:pt>
                      <c:pt idx="138">
                        <c:v>372214824960</c:v>
                      </c:pt>
                      <c:pt idx="139">
                        <c:v>372218331136</c:v>
                      </c:pt>
                      <c:pt idx="140">
                        <c:v>373252816896</c:v>
                      </c:pt>
                      <c:pt idx="141">
                        <c:v>375244718080</c:v>
                      </c:pt>
                      <c:pt idx="142">
                        <c:v>377189040128</c:v>
                      </c:pt>
                      <c:pt idx="143">
                        <c:v>380585017344</c:v>
                      </c:pt>
                      <c:pt idx="144">
                        <c:v>386967896064</c:v>
                      </c:pt>
                      <c:pt idx="145">
                        <c:v>388465950720</c:v>
                      </c:pt>
                      <c:pt idx="146">
                        <c:v>388792647680</c:v>
                      </c:pt>
                      <c:pt idx="147">
                        <c:v>388798578688</c:v>
                      </c:pt>
                      <c:pt idx="148">
                        <c:v>389325651968</c:v>
                      </c:pt>
                      <c:pt idx="149">
                        <c:v>392080621568</c:v>
                      </c:pt>
                      <c:pt idx="150">
                        <c:v>396320735232</c:v>
                      </c:pt>
                      <c:pt idx="151">
                        <c:v>405272363008</c:v>
                      </c:pt>
                      <c:pt idx="152">
                        <c:v>417663844352</c:v>
                      </c:pt>
                      <c:pt idx="153">
                        <c:v>417715453952</c:v>
                      </c:pt>
                      <c:pt idx="154">
                        <c:v>417838628864</c:v>
                      </c:pt>
                      <c:pt idx="155">
                        <c:v>420288724992</c:v>
                      </c:pt>
                      <c:pt idx="156">
                        <c:v>433070735360</c:v>
                      </c:pt>
                      <c:pt idx="157">
                        <c:v>434769887232</c:v>
                      </c:pt>
                      <c:pt idx="158">
                        <c:v>439955554304</c:v>
                      </c:pt>
                      <c:pt idx="159">
                        <c:v>442416037888</c:v>
                      </c:pt>
                      <c:pt idx="160">
                        <c:v>442426097664</c:v>
                      </c:pt>
                      <c:pt idx="161">
                        <c:v>442554089472</c:v>
                      </c:pt>
                      <c:pt idx="162">
                        <c:v>444301508608</c:v>
                      </c:pt>
                      <c:pt idx="163">
                        <c:v>447438880768</c:v>
                      </c:pt>
                      <c:pt idx="164">
                        <c:v>449721008128</c:v>
                      </c:pt>
                      <c:pt idx="165">
                        <c:v>453935693824</c:v>
                      </c:pt>
                      <c:pt idx="166">
                        <c:v>458529112064</c:v>
                      </c:pt>
                      <c:pt idx="167">
                        <c:v>458672242688</c:v>
                      </c:pt>
                      <c:pt idx="168">
                        <c:v>458878910464</c:v>
                      </c:pt>
                      <c:pt idx="169">
                        <c:v>462125170688</c:v>
                      </c:pt>
                      <c:pt idx="170">
                        <c:v>464692183040</c:v>
                      </c:pt>
                      <c:pt idx="171">
                        <c:v>467719192576</c:v>
                      </c:pt>
                      <c:pt idx="172">
                        <c:v>470087532544</c:v>
                      </c:pt>
                      <c:pt idx="173">
                        <c:v>474334494720</c:v>
                      </c:pt>
                      <c:pt idx="174">
                        <c:v>474406289408</c:v>
                      </c:pt>
                      <c:pt idx="175">
                        <c:v>474423885824</c:v>
                      </c:pt>
                      <c:pt idx="176">
                        <c:v>477848174592</c:v>
                      </c:pt>
                      <c:pt idx="177">
                        <c:v>480525746176</c:v>
                      </c:pt>
                      <c:pt idx="178">
                        <c:v>485788811264</c:v>
                      </c:pt>
                      <c:pt idx="179">
                        <c:v>491469996032</c:v>
                      </c:pt>
                      <c:pt idx="180">
                        <c:v>499045597184</c:v>
                      </c:pt>
                      <c:pt idx="181">
                        <c:v>509471293440</c:v>
                      </c:pt>
                      <c:pt idx="182">
                        <c:v>516129619968</c:v>
                      </c:pt>
                      <c:pt idx="183">
                        <c:v>520647671808</c:v>
                      </c:pt>
                      <c:pt idx="184">
                        <c:v>527055552512</c:v>
                      </c:pt>
                      <c:pt idx="185">
                        <c:v>528838459392</c:v>
                      </c:pt>
                      <c:pt idx="186">
                        <c:v>531382337536</c:v>
                      </c:pt>
                      <c:pt idx="187">
                        <c:v>534663462912</c:v>
                      </c:pt>
                      <c:pt idx="188">
                        <c:v>534676144128</c:v>
                      </c:pt>
                      <c:pt idx="189">
                        <c:v>534710386688</c:v>
                      </c:pt>
                      <c:pt idx="190">
                        <c:v>539163852800</c:v>
                      </c:pt>
                      <c:pt idx="191">
                        <c:v>542153048064</c:v>
                      </c:pt>
                      <c:pt idx="192">
                        <c:v>545765752832</c:v>
                      </c:pt>
                      <c:pt idx="193">
                        <c:v>548135174144</c:v>
                      </c:pt>
                    </c:numCache>
                  </c:numRef>
                </c:val>
                <c:smooth val="0"/>
                <c:extLst xmlns:c15="http://schemas.microsoft.com/office/drawing/2012/chart">
                  <c:ext xmlns:c16="http://schemas.microsoft.com/office/drawing/2014/chart" uri="{C3380CC4-5D6E-409C-BE32-E72D297353CC}">
                    <c16:uniqueId val="{0000000A-5AA1-4895-9EDB-2BD504E12067}"/>
                  </c:ext>
                </c:extLst>
              </c15:ser>
            </c15:filteredLineSeries>
          </c:ext>
        </c:extLst>
      </c:lineChart>
      <c:dateAx>
        <c:axId val="863412712"/>
        <c:scaling>
          <c:orientation val="minMax"/>
        </c:scaling>
        <c:delete val="0"/>
        <c:axPos val="b"/>
        <c:numFmt formatCode="m/d;@" sourceLinked="0"/>
        <c:majorTickMark val="none"/>
        <c:minorTickMark val="none"/>
        <c:tickLblPos val="nextTo"/>
        <c:spPr>
          <a:noFill/>
          <a:ln w="9525">
            <a:solidFill>
              <a:srgbClr val="435254"/>
            </a:solidFill>
          </a:ln>
          <a:extLst>
            <a:ext uri="{909E8E84-426E-40DD-AFC4-6F175D3DCCD1}">
              <a14:hiddenFill xmlns:a14="http://schemas.microsoft.com/office/drawing/2010/main">
                <a:noFill/>
              </a14:hiddenFill>
            </a:ext>
          </a:extLst>
        </c:spPr>
        <c:txPr>
          <a:bodyPr rot="0" vert="horz"/>
          <a:lstStyle/>
          <a:p>
            <a:pPr>
              <a:defRPr lang="ja-JP" sz="900" b="0">
                <a:solidFill>
                  <a:srgbClr val="595959"/>
                </a:solidFill>
                <a:latin typeface="Calibre"/>
                <a:ea typeface="Calibre"/>
                <a:cs typeface="Calibre"/>
              </a:defRPr>
            </a:pPr>
            <a:endParaRPr lang="en-US"/>
          </a:p>
        </c:txPr>
        <c:crossAx val="863419912"/>
        <c:crosses val="autoZero"/>
        <c:auto val="1"/>
        <c:lblOffset val="100"/>
        <c:baseTimeUnit val="days"/>
      </c:dateAx>
      <c:valAx>
        <c:axId val="863419912"/>
        <c:scaling>
          <c:orientation val="minMax"/>
        </c:scaling>
        <c:delete val="0"/>
        <c:axPos val="l"/>
        <c:majorGridlines>
          <c:spPr>
            <a:ln w="12700">
              <a:solidFill>
                <a:srgbClr val="CAD1D3"/>
              </a:solidFill>
              <a:prstDash val="solid"/>
            </a:ln>
          </c:spPr>
        </c:majorGridlines>
        <c:numFmt formatCode="&quot;$&quot;#,##0" sourceLinked="0"/>
        <c:majorTickMark val="none"/>
        <c:minorTickMark val="none"/>
        <c:tickLblPos val="nextTo"/>
        <c:spPr>
          <a:noFill/>
          <a:ln w="9525" cap="flat" cmpd="sng" algn="ctr">
            <a:noFill/>
            <a:prstDash val="solid"/>
            <a:round/>
          </a:ln>
          <a:effectLst/>
          <a:extLst>
            <a:ext uri="{909E8E84-426E-40DD-AFC4-6F175D3DCCD1}">
              <a14:hiddenFill xmlns:a14="http://schemas.microsoft.com/office/drawing/2010/main">
                <a:noFill/>
              </a14:hiddenFill>
            </a:ext>
            <a:ext uri="{91240B29-F687-4F45-9708-019B960494DF}">
              <a14:hiddenLine xmlns:a14="http://schemas.microsoft.com/office/drawing/2010/main" w="9525" cap="flat" cmpd="sng" algn="ctr">
                <a:solidFill>
                  <a:srgbClr val="435254"/>
                </a:solidFill>
                <a:prstDash val="solid"/>
                <a:round/>
              </a14:hiddenLine>
            </a:ext>
          </a:extLst>
        </c:spPr>
        <c:txPr>
          <a:bodyPr rot="0" vert="horz"/>
          <a:lstStyle/>
          <a:p>
            <a:pPr>
              <a:defRPr lang="ja-JP" sz="1100" b="0">
                <a:solidFill>
                  <a:srgbClr val="595959"/>
                </a:solidFill>
                <a:latin typeface="Calibre"/>
                <a:ea typeface="Calibre"/>
                <a:cs typeface="Calibre"/>
              </a:defRPr>
            </a:pPr>
            <a:endParaRPr lang="en-US"/>
          </a:p>
        </c:txPr>
        <c:crossAx val="863412712"/>
        <c:crosses val="autoZero"/>
        <c:crossBetween val="between"/>
        <c:dispUnits>
          <c:builtInUnit val="billions"/>
        </c:dispUnits>
      </c:valAx>
      <c:spPr>
        <a:noFill/>
        <a:ln>
          <a:noFill/>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a:noFill/>
            </a14:hiddenLine>
          </a:ext>
        </a:extLst>
      </c:spPr>
    </c:plotArea>
    <c:legend>
      <c:legendPos val="b"/>
      <c:layout>
        <c:manualLayout>
          <c:xMode val="edge"/>
          <c:yMode val="edge"/>
          <c:x val="3.1980772984932439E-2"/>
          <c:y val="0.87739725026664528"/>
          <c:w val="0.9379253537882779"/>
          <c:h val="0.10491479527977055"/>
        </c:manualLayout>
      </c:layout>
      <c:overlay val="0"/>
      <c:spPr>
        <a:noFill/>
        <a:ln>
          <a:noFill/>
        </a:ln>
        <a:effectLst/>
        <a:extLst>
          <a:ext uri="{909E8E84-426E-40DD-AFC4-6F175D3DCCD1}">
            <a14:hiddenFill xmlns:a14="http://schemas.microsoft.com/office/drawing/2010/main">
              <a:solidFill>
                <a:srgbClr val="435254"/>
              </a:solidFill>
            </a14:hiddenFill>
          </a:ext>
          <a:ext uri="{91240B29-F687-4F45-9708-019B960494DF}">
            <a14:hiddenLine xmlns:a14="http://schemas.microsoft.com/office/drawing/2010/main">
              <a:solidFill>
                <a:srgbClr val="435254"/>
              </a:solidFill>
            </a14:hiddenLine>
          </a:ext>
        </a:extLst>
      </c:spPr>
      <c:txPr>
        <a:bodyPr/>
        <a:lstStyle/>
        <a:p>
          <a:pPr>
            <a:defRPr lang="ja-JP" sz="1100" b="0">
              <a:solidFill>
                <a:srgbClr val="595959"/>
              </a:solidFill>
              <a:latin typeface="Calibre"/>
              <a:ea typeface="Calibre"/>
              <a:cs typeface="Calibre"/>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6350" cap="flat" cmpd="sng" algn="ctr">
      <a:noFill/>
      <a:prstDash val="solid"/>
      <a:round/>
    </a:ln>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w="6350" cap="flat" cmpd="sng" algn="ctr">
          <a:solidFill>
            <a:sysClr val="windowText" lastClr="000000">
              <a:tint val="75000"/>
            </a:sysClr>
          </a:solidFill>
          <a:prstDash val="solid"/>
          <a:round/>
        </a14:hiddenLine>
      </a:ext>
    </a:extLst>
  </c:spPr>
  <c:externalData r:id="rId2">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7.0819674568440252E-2"/>
          <c:y val="9.3150521882439108E-2"/>
          <c:w val="0.92358625699192187"/>
          <c:h val="0.56346853445644873"/>
        </c:manualLayout>
      </c:layout>
      <c:barChart>
        <c:barDir val="col"/>
        <c:grouping val="stacked"/>
        <c:varyColors val="0"/>
        <c:ser>
          <c:idx val="0"/>
          <c:order val="0"/>
          <c:tx>
            <c:strRef>
              <c:f>'BL Cumulative Funding Gap'!$I$2</c:f>
              <c:strCache>
                <c:ptCount val="1"/>
                <c:pt idx="0">
                  <c:v>2024</c:v>
                </c:pt>
              </c:strCache>
            </c:strRef>
          </c:tx>
          <c:spPr>
            <a:solidFill>
              <a:srgbClr val="80BBAD"/>
            </a:solidFill>
            <a:ln>
              <a:noFill/>
            </a:ln>
            <a:effectLst/>
            <a:sp3d prstMaterial="flat"/>
            <a:extLst>
              <a:ext uri="{91240B29-F687-4F45-9708-019B960494DF}">
                <a14:hiddenLine xmlns:a14="http://schemas.microsoft.com/office/drawing/2010/main">
                  <a:noFill/>
                </a14:hiddenLine>
              </a:ext>
            </a:extLst>
          </c:spPr>
          <c:invertIfNegative val="0"/>
          <c:cat>
            <c:strRef>
              <c:f>'BL Cumulative Funding Gap'!$G$3:$G$6</c:f>
              <c:strCache>
                <c:ptCount val="4"/>
                <c:pt idx="0">
                  <c:v>Industrial</c:v>
                </c:pt>
                <c:pt idx="1">
                  <c:v>Office</c:v>
                </c:pt>
                <c:pt idx="2">
                  <c:v>Retail</c:v>
                </c:pt>
                <c:pt idx="3">
                  <c:v>Multifamily</c:v>
                </c:pt>
              </c:strCache>
            </c:strRef>
          </c:cat>
          <c:val>
            <c:numRef>
              <c:f>'BL Cumulative Funding Gap'!$I$3:$I$6</c:f>
              <c:numCache>
                <c:formatCode>"$"#,##0.00</c:formatCode>
                <c:ptCount val="4"/>
                <c:pt idx="0">
                  <c:v>-2.257622241973877</c:v>
                </c:pt>
                <c:pt idx="1">
                  <c:v>65.997756958007813</c:v>
                </c:pt>
                <c:pt idx="2">
                  <c:v>7.260195255279541</c:v>
                </c:pt>
                <c:pt idx="3">
                  <c:v>12.21530246734619</c:v>
                </c:pt>
              </c:numCache>
            </c:numRef>
          </c:val>
          <c:extLst>
            <c:ext xmlns:c16="http://schemas.microsoft.com/office/drawing/2014/chart" uri="{C3380CC4-5D6E-409C-BE32-E72D297353CC}">
              <c16:uniqueId val="{00000000-2263-4028-9430-F0D912E25D3A}"/>
            </c:ext>
          </c:extLst>
        </c:ser>
        <c:ser>
          <c:idx val="1"/>
          <c:order val="1"/>
          <c:tx>
            <c:strRef>
              <c:f>'BL Cumulative Funding Gap'!$J$2</c:f>
              <c:strCache>
                <c:ptCount val="1"/>
                <c:pt idx="0">
                  <c:v>2025</c:v>
                </c:pt>
              </c:strCache>
            </c:strRef>
          </c:tx>
          <c:spPr>
            <a:solidFill>
              <a:srgbClr val="435254"/>
            </a:solidFill>
            <a:ln>
              <a:noFill/>
            </a:ln>
            <a:effectLst/>
            <a:sp3d prstMaterial="flat"/>
            <a:extLst>
              <a:ext uri="{91240B29-F687-4F45-9708-019B960494DF}">
                <a14:hiddenLine xmlns:a14="http://schemas.microsoft.com/office/drawing/2010/main">
                  <a:noFill/>
                </a14:hiddenLine>
              </a:ext>
            </a:extLst>
          </c:spPr>
          <c:invertIfNegative val="0"/>
          <c:cat>
            <c:strRef>
              <c:f>'BL Cumulative Funding Gap'!$G$3:$G$6</c:f>
              <c:strCache>
                <c:ptCount val="4"/>
                <c:pt idx="0">
                  <c:v>Industrial</c:v>
                </c:pt>
                <c:pt idx="1">
                  <c:v>Office</c:v>
                </c:pt>
                <c:pt idx="2">
                  <c:v>Retail</c:v>
                </c:pt>
                <c:pt idx="3">
                  <c:v>Multifamily</c:v>
                </c:pt>
              </c:strCache>
            </c:strRef>
          </c:cat>
          <c:val>
            <c:numRef>
              <c:f>'BL Cumulative Funding Gap'!$J$3:$J$6</c:f>
              <c:numCache>
                <c:formatCode>"$"#,##0.00</c:formatCode>
                <c:ptCount val="4"/>
                <c:pt idx="0">
                  <c:v>-3.4644942283630371</c:v>
                </c:pt>
                <c:pt idx="1">
                  <c:v>19.535078048706051</c:v>
                </c:pt>
                <c:pt idx="2">
                  <c:v>0.42437654733657842</c:v>
                </c:pt>
                <c:pt idx="3">
                  <c:v>4.9923310279846191</c:v>
                </c:pt>
              </c:numCache>
            </c:numRef>
          </c:val>
          <c:extLst>
            <c:ext xmlns:c16="http://schemas.microsoft.com/office/drawing/2014/chart" uri="{C3380CC4-5D6E-409C-BE32-E72D297353CC}">
              <c16:uniqueId val="{00000001-2263-4028-9430-F0D912E25D3A}"/>
            </c:ext>
          </c:extLst>
        </c:ser>
        <c:ser>
          <c:idx val="2"/>
          <c:order val="2"/>
          <c:tx>
            <c:strRef>
              <c:f>'BL Cumulative Funding Gap'!$K$2</c:f>
              <c:strCache>
                <c:ptCount val="1"/>
                <c:pt idx="0">
                  <c:v>2026</c:v>
                </c:pt>
              </c:strCache>
            </c:strRef>
          </c:tx>
          <c:spPr>
            <a:solidFill>
              <a:srgbClr val="17E88F"/>
            </a:solidFill>
            <a:ln>
              <a:noFill/>
            </a:ln>
            <a:effectLst/>
            <a:sp3d prstMaterial="flat"/>
            <a:extLst>
              <a:ext uri="{91240B29-F687-4F45-9708-019B960494DF}">
                <a14:hiddenLine xmlns:a14="http://schemas.microsoft.com/office/drawing/2010/main">
                  <a:noFill/>
                </a14:hiddenLine>
              </a:ext>
            </a:extLst>
          </c:spPr>
          <c:invertIfNegative val="0"/>
          <c:cat>
            <c:strRef>
              <c:f>'BL Cumulative Funding Gap'!$G$3:$G$6</c:f>
              <c:strCache>
                <c:ptCount val="4"/>
                <c:pt idx="0">
                  <c:v>Industrial</c:v>
                </c:pt>
                <c:pt idx="1">
                  <c:v>Office</c:v>
                </c:pt>
                <c:pt idx="2">
                  <c:v>Retail</c:v>
                </c:pt>
                <c:pt idx="3">
                  <c:v>Multifamily</c:v>
                </c:pt>
              </c:strCache>
            </c:strRef>
          </c:cat>
          <c:val>
            <c:numRef>
              <c:f>'BL Cumulative Funding Gap'!$K$3:$K$6</c:f>
              <c:numCache>
                <c:formatCode>"$"#,##0.00</c:formatCode>
                <c:ptCount val="4"/>
                <c:pt idx="0">
                  <c:v>-4.0020408630371094</c:v>
                </c:pt>
                <c:pt idx="1">
                  <c:v>33.645458221435547</c:v>
                </c:pt>
                <c:pt idx="2">
                  <c:v>0.76884686946868896</c:v>
                </c:pt>
                <c:pt idx="3">
                  <c:v>25.11494064331055</c:v>
                </c:pt>
              </c:numCache>
            </c:numRef>
          </c:val>
          <c:extLst>
            <c:ext xmlns:c16="http://schemas.microsoft.com/office/drawing/2014/chart" uri="{C3380CC4-5D6E-409C-BE32-E72D297353CC}">
              <c16:uniqueId val="{00000002-2263-4028-9430-F0D912E25D3A}"/>
            </c:ext>
          </c:extLst>
        </c:ser>
        <c:ser>
          <c:idx val="3"/>
          <c:order val="3"/>
          <c:tx>
            <c:strRef>
              <c:f>'BL Cumulative Funding Gap'!$L$2</c:f>
              <c:strCache>
                <c:ptCount val="1"/>
                <c:pt idx="0">
                  <c:v>2027</c:v>
                </c:pt>
              </c:strCache>
            </c:strRef>
          </c:tx>
          <c:spPr>
            <a:solidFill>
              <a:srgbClr val="DBD99A"/>
            </a:solidFill>
            <a:ln>
              <a:noFill/>
            </a:ln>
            <a:effectLst/>
            <a:sp3d prstMaterial="flat"/>
            <a:extLst>
              <a:ext uri="{91240B29-F687-4F45-9708-019B960494DF}">
                <a14:hiddenLine xmlns:a14="http://schemas.microsoft.com/office/drawing/2010/main">
                  <a:noFill/>
                </a14:hiddenLine>
              </a:ext>
            </a:extLst>
          </c:spPr>
          <c:invertIfNegative val="0"/>
          <c:cat>
            <c:strRef>
              <c:f>'BL Cumulative Funding Gap'!$G$3:$G$6</c:f>
              <c:strCache>
                <c:ptCount val="4"/>
                <c:pt idx="0">
                  <c:v>Industrial</c:v>
                </c:pt>
                <c:pt idx="1">
                  <c:v>Office</c:v>
                </c:pt>
                <c:pt idx="2">
                  <c:v>Retail</c:v>
                </c:pt>
                <c:pt idx="3">
                  <c:v>Multifamily</c:v>
                </c:pt>
              </c:strCache>
            </c:strRef>
          </c:cat>
          <c:val>
            <c:numRef>
              <c:f>'BL Cumulative Funding Gap'!$L$3:$L$6</c:f>
              <c:numCache>
                <c:formatCode>"$"#,##0.00</c:formatCode>
                <c:ptCount val="4"/>
                <c:pt idx="0">
                  <c:v>-15.619692802429199</c:v>
                </c:pt>
                <c:pt idx="1">
                  <c:v>8.4802742004394531</c:v>
                </c:pt>
                <c:pt idx="2">
                  <c:v>-1.118583202362061</c:v>
                </c:pt>
                <c:pt idx="3">
                  <c:v>-8.4198427200317383</c:v>
                </c:pt>
              </c:numCache>
            </c:numRef>
          </c:val>
          <c:extLst>
            <c:ext xmlns:c16="http://schemas.microsoft.com/office/drawing/2014/chart" uri="{C3380CC4-5D6E-409C-BE32-E72D297353CC}">
              <c16:uniqueId val="{00000003-2263-4028-9430-F0D912E25D3A}"/>
            </c:ext>
          </c:extLst>
        </c:ser>
        <c:dLbls>
          <c:showLegendKey val="0"/>
          <c:showVal val="0"/>
          <c:showCatName val="0"/>
          <c:showSerName val="0"/>
          <c:showPercent val="0"/>
          <c:showBubbleSize val="0"/>
        </c:dLbls>
        <c:gapWidth val="50"/>
        <c:overlap val="100"/>
        <c:axId val="1405242312"/>
        <c:axId val="1405242640"/>
      </c:barChart>
      <c:catAx>
        <c:axId val="1405242312"/>
        <c:scaling>
          <c:orientation val="minMax"/>
        </c:scaling>
        <c:delete val="0"/>
        <c:axPos val="b"/>
        <c:numFmt formatCode="General" sourceLinked="0"/>
        <c:majorTickMark val="none"/>
        <c:minorTickMark val="none"/>
        <c:tickLblPos val="low"/>
        <c:spPr>
          <a:noFill/>
          <a:ln w="12700">
            <a:solidFill>
              <a:srgbClr val="435254"/>
            </a:solidFill>
            <a:prstDash val="solid"/>
          </a:ln>
          <a:extLst>
            <a:ext uri="{909E8E84-426E-40DD-AFC4-6F175D3DCCD1}">
              <a14:hiddenFill xmlns:a14="http://schemas.microsoft.com/office/drawing/2010/main">
                <a:noFill/>
              </a14:hiddenFill>
            </a:ext>
          </a:extLst>
        </c:spPr>
        <c:txPr>
          <a:bodyPr rot="0" vert="horz"/>
          <a:lstStyle/>
          <a:p>
            <a:pPr>
              <a:defRPr lang="ja-JP" sz="1200">
                <a:solidFill>
                  <a:srgbClr val="435254"/>
                </a:solidFill>
                <a:latin typeface="Calibre Regular"/>
                <a:ea typeface="Calibre Regular"/>
                <a:cs typeface="Calibre Regular"/>
              </a:defRPr>
            </a:pPr>
            <a:endParaRPr lang="en-US"/>
          </a:p>
        </c:txPr>
        <c:crossAx val="1405242640"/>
        <c:crosses val="autoZero"/>
        <c:auto val="0"/>
        <c:lblAlgn val="ctr"/>
        <c:lblOffset val="100"/>
        <c:noMultiLvlLbl val="0"/>
      </c:catAx>
      <c:valAx>
        <c:axId val="1405242640"/>
        <c:scaling>
          <c:orientation val="minMax"/>
          <c:min val="-50"/>
        </c:scaling>
        <c:delete val="0"/>
        <c:axPos val="l"/>
        <c:majorGridlines>
          <c:spPr>
            <a:ln w="6350">
              <a:solidFill>
                <a:srgbClr val="CAD1D3"/>
              </a:solidFill>
              <a:prstDash val="solid"/>
            </a:ln>
          </c:spPr>
        </c:majorGridlines>
        <c:numFmt formatCode="&quot;$&quot;#,##0" sourceLinked="0"/>
        <c:majorTickMark val="none"/>
        <c:minorTickMark val="none"/>
        <c:tickLblPos val="nextTo"/>
        <c:spPr>
          <a:noFill/>
          <a:ln w="9525" cap="flat" cmpd="sng" algn="ctr">
            <a:noFill/>
            <a:prstDash val="solid"/>
            <a:round/>
          </a:ln>
          <a:effectLst/>
          <a:extLst>
            <a:ext uri="{909E8E84-426E-40DD-AFC4-6F175D3DCCD1}">
              <a14:hiddenFill xmlns:a14="http://schemas.microsoft.com/office/drawing/2010/main">
                <a:noFill/>
              </a14:hiddenFill>
            </a:ext>
            <a:ext uri="{91240B29-F687-4F45-9708-019B960494DF}">
              <a14:hiddenLine xmlns:a14="http://schemas.microsoft.com/office/drawing/2010/main" w="9525" cap="flat" cmpd="sng" algn="ctr">
                <a:solidFill>
                  <a:srgbClr val="435254"/>
                </a:solidFill>
                <a:prstDash val="solid"/>
                <a:round/>
              </a14:hiddenLine>
            </a:ext>
          </a:extLst>
        </c:spPr>
        <c:txPr>
          <a:bodyPr rot="0" vert="horz"/>
          <a:lstStyle/>
          <a:p>
            <a:pPr>
              <a:defRPr lang="ja-JP" sz="1200">
                <a:solidFill>
                  <a:srgbClr val="435254"/>
                </a:solidFill>
                <a:latin typeface="Calibre Regular"/>
                <a:ea typeface="Calibre Regular"/>
                <a:cs typeface="Calibre Regular"/>
              </a:defRPr>
            </a:pPr>
            <a:endParaRPr lang="en-US"/>
          </a:p>
        </c:txPr>
        <c:crossAx val="1405242312"/>
        <c:crosses val="autoZero"/>
        <c:crossBetween val="between"/>
        <c:majorUnit val="50"/>
      </c:valAx>
      <c:spPr>
        <a:noFill/>
        <a:ln>
          <a:noFill/>
        </a:ln>
        <a:effectLst>
          <a:outerShdw blurRad="63500" dist="37357" dir="2700000" sx="0" sy="0" rotWithShape="0">
            <a:scrgbClr r="0" g="0" b="0">
              <a:alpha val="0"/>
            </a:scrgbClr>
          </a:outerShdw>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a:noFill/>
            </a14:hiddenLine>
          </a:ext>
        </a:extLst>
      </c:spPr>
    </c:plotArea>
    <c:legend>
      <c:legendPos val="b"/>
      <c:layout>
        <c:manualLayout>
          <c:xMode val="edge"/>
          <c:yMode val="edge"/>
          <c:x val="0"/>
          <c:y val="0.82974607825184643"/>
          <c:w val="0.99980937759572586"/>
          <c:h val="8.3362368646144075E-2"/>
        </c:manualLayout>
      </c:layout>
      <c:overlay val="0"/>
      <c:spPr>
        <a:noFill/>
        <a:ln>
          <a:noFill/>
        </a:ln>
        <a:effectLst>
          <a:outerShdw blurRad="63500" dist="37357" dir="2700000" sx="0" sy="0" rotWithShape="0">
            <a:scrgbClr r="0" g="0" b="0">
              <a:alpha val="0"/>
            </a:scrgbClr>
          </a:outerShdw>
        </a:effectLst>
        <a:extLst>
          <a:ext uri="{909E8E84-426E-40DD-AFC4-6F175D3DCCD1}">
            <a14:hiddenFill xmlns:a14="http://schemas.microsoft.com/office/drawing/2010/main">
              <a:solidFill>
                <a:srgbClr val="435254"/>
              </a:solidFill>
            </a14:hiddenFill>
          </a:ext>
          <a:ext uri="{91240B29-F687-4F45-9708-019B960494DF}">
            <a14:hiddenLine xmlns:a14="http://schemas.microsoft.com/office/drawing/2010/main">
              <a:solidFill>
                <a:srgbClr val="435254"/>
              </a:solidFill>
            </a14:hiddenLine>
          </a:ext>
        </a:extLst>
      </c:spPr>
      <c:txPr>
        <a:bodyPr/>
        <a:lstStyle/>
        <a:p>
          <a:pPr>
            <a:defRPr lang="ja-JP" sz="1200">
              <a:solidFill>
                <a:srgbClr val="435254"/>
              </a:solidFill>
              <a:latin typeface="Calibre Regular" panose="020B0503030202060203"/>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6350" cap="flat" cmpd="sng" algn="ctr">
      <a:noFill/>
      <a:prstDash val="solid"/>
      <a:round/>
    </a:ln>
    <a:effectLst>
      <a:outerShdw blurRad="63500" dist="37357" dir="2700000" sx="0" sy="0" rotWithShape="0">
        <a:scrgbClr r="0" g="0" b="0">
          <a:alpha val="0"/>
        </a:scrgbClr>
      </a:outerShdw>
    </a:effectLst>
    <a:extLst>
      <a:ext uri="{909E8E84-426E-40DD-AFC4-6F175D3DCCD1}">
        <a14:hiddenFill xmlns:a14="http://schemas.microsoft.com/office/drawing/2010/main">
          <a:solidFill>
            <a:sysClr val="window" lastClr="FFFFFF"/>
          </a:solidFill>
        </a14:hiddenFill>
      </a:ext>
      <a:ext uri="{91240B29-F687-4F45-9708-019B960494DF}">
        <a14:hiddenLine xmlns:a14="http://schemas.microsoft.com/office/drawing/2010/main" w="6350" cap="flat" cmpd="sng" algn="ctr">
          <a:solidFill>
            <a:sysClr val="windowText" lastClr="000000">
              <a:tint val="75000"/>
            </a:sysClr>
          </a:solidFill>
          <a:prstDash val="solid"/>
          <a:round/>
        </a14:hiddenLine>
      </a:ext>
    </a:extLst>
  </c:spPr>
  <c:txPr>
    <a:bodyPr/>
    <a:lstStyle/>
    <a:p>
      <a:pPr>
        <a:defRPr sz="1200">
          <a:solidFill>
            <a:srgbClr val="435254"/>
          </a:solidFill>
          <a:latin typeface="Calibre Regular" panose="020B0503030202060203"/>
        </a:defRPr>
      </a:pPr>
      <a:endParaRPr lang="en-US"/>
    </a:p>
  </c:txPr>
  <c:externalData r:id="rId1">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322">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rawings/drawing1.xml><?xml version="1.0" encoding="utf-8"?>
<c:userShapes xmlns:c="http://schemas.openxmlformats.org/drawingml/2006/chart">
  <cdr:relSizeAnchor xmlns:cdr="http://schemas.openxmlformats.org/drawingml/2006/chartDrawing">
    <cdr:from>
      <cdr:x>0.36431</cdr:x>
      <cdr:y>0.53333</cdr:y>
    </cdr:from>
    <cdr:to>
      <cdr:x>0.66431</cdr:x>
      <cdr:y>0.53333</cdr:y>
    </cdr:to>
    <cdr:cxnSp macro="">
      <cdr:nvCxnSpPr>
        <cdr:cNvPr id="3" name="Straight Connector 2">
          <a:extLst xmlns:a="http://schemas.openxmlformats.org/drawingml/2006/main">
            <a:ext uri="{FF2B5EF4-FFF2-40B4-BE49-F238E27FC236}">
              <a16:creationId xmlns:a16="http://schemas.microsoft.com/office/drawing/2014/main" id="{C3E399D0-0150-9C4B-DA26-331AA2DCB3C9}"/>
            </a:ext>
          </a:extLst>
        </cdr:cNvPr>
        <cdr:cNvCxnSpPr/>
      </cdr:nvCxnSpPr>
      <cdr:spPr>
        <a:xfrm xmlns:a="http://schemas.openxmlformats.org/drawingml/2006/main">
          <a:off x="4164088" y="2438400"/>
          <a:ext cx="3429000" cy="0"/>
        </a:xfrm>
        <a:prstGeom xmlns:a="http://schemas.openxmlformats.org/drawingml/2006/main" prst="line">
          <a:avLst/>
        </a:prstGeom>
        <a:ln xmlns:a="http://schemas.openxmlformats.org/drawingml/2006/main" w="15875"/>
      </cdr:spPr>
      <cdr:style>
        <a:lnRef xmlns:a="http://schemas.openxmlformats.org/drawingml/2006/main" idx="1">
          <a:schemeClr val="accent1"/>
        </a:lnRef>
        <a:fillRef xmlns:a="http://schemas.openxmlformats.org/drawingml/2006/main" idx="0">
          <a:schemeClr val="accent1"/>
        </a:fillRef>
        <a:effectRef xmlns:a="http://schemas.openxmlformats.org/drawingml/2006/main" idx="0">
          <a:schemeClr val="accent1"/>
        </a:effectRef>
        <a:fontRef xmlns:a="http://schemas.openxmlformats.org/drawingml/2006/main" idx="minor">
          <a:schemeClr val="tx1"/>
        </a:fontRef>
      </cdr:style>
    </cdr:cxnSp>
  </cdr:relSizeAnchor>
  <cdr:relSizeAnchor xmlns:cdr="http://schemas.openxmlformats.org/drawingml/2006/chartDrawing">
    <cdr:from>
      <cdr:x>0.15333</cdr:x>
      <cdr:y>0.49244</cdr:y>
    </cdr:from>
    <cdr:to>
      <cdr:x>0.21774</cdr:x>
      <cdr:y>0.53699</cdr:y>
    </cdr:to>
    <cdr:sp macro="" textlink="">
      <cdr:nvSpPr>
        <cdr:cNvPr id="4" name="TextBox 15">
          <a:extLst xmlns:a="http://schemas.openxmlformats.org/drawingml/2006/main">
            <a:ext uri="{FF2B5EF4-FFF2-40B4-BE49-F238E27FC236}">
              <a16:creationId xmlns:a16="http://schemas.microsoft.com/office/drawing/2014/main" id="{836C9683-57F7-E0F3-1E29-182AD243111A}"/>
            </a:ext>
          </a:extLst>
        </cdr:cNvPr>
        <cdr:cNvSpPr txBox="1"/>
      </cdr:nvSpPr>
      <cdr:spPr>
        <a:xfrm xmlns:a="http://schemas.openxmlformats.org/drawingml/2006/main">
          <a:off x="1752600" y="2251433"/>
          <a:ext cx="736207" cy="203682"/>
        </a:xfrm>
        <a:prstGeom xmlns:a="http://schemas.openxmlformats.org/drawingml/2006/main" prst="rect">
          <a:avLst/>
        </a:prstGeom>
        <a:noFill xmlns:a="http://schemas.openxmlformats.org/drawingml/2006/main"/>
      </cdr:spPr>
      <cdr:txBody>
        <a:bodyPr xmlns:a="http://schemas.openxmlformats.org/drawingml/2006/main" wrap="square" lIns="0" tIns="0" rIns="0" bIns="0" rtlCol="0">
          <a:noAutofit/>
        </a:bodyPr>
        <a:lstStyle xmlns:a="http://schemas.openxmlformats.org/drawingml/2006/main">
          <a:defPPr>
            <a:defRPr lang="en-US"/>
          </a:defPPr>
          <a:lvl1pPr marL="0" eaLnBrk="1" hangingPunct="1">
            <a:spcBef>
              <a:spcPts val="1200"/>
            </a:spcBef>
            <a:spcAft>
              <a:spcPts val="1200"/>
            </a:spcAft>
            <a:defRPr sz="2200">
              <a:solidFill>
                <a:schemeClr val="tx1"/>
              </a:solidFill>
              <a:latin typeface="Calibre Light" panose="020B0303030202060203" pitchFamily="34" charset="0"/>
              <a:ea typeface="+mn-ea"/>
              <a:cs typeface="+mn-cs"/>
            </a:defRPr>
          </a:lvl1pPr>
          <a:lvl2pPr marL="0" indent="0" eaLnBrk="1" hangingPunct="1">
            <a:spcAft>
              <a:spcPts val="600"/>
            </a:spcAft>
            <a:defRPr sz="1600" b="0">
              <a:solidFill>
                <a:schemeClr val="tx1"/>
              </a:solidFill>
              <a:latin typeface="Calibre Semibold" panose="020B0703030202060203" pitchFamily="34" charset="0"/>
              <a:ea typeface="+mn-ea"/>
              <a:cs typeface="+mn-cs"/>
            </a:defRPr>
          </a:lvl2pPr>
          <a:lvl3pPr marL="0" indent="0" eaLnBrk="1" hangingPunct="1">
            <a:spcBef>
              <a:spcPts val="300"/>
            </a:spcBef>
            <a:spcAft>
              <a:spcPts val="300"/>
            </a:spcAft>
            <a:defRPr sz="1200">
              <a:solidFill>
                <a:schemeClr val="tx1"/>
              </a:solidFill>
              <a:latin typeface="+mn-lt"/>
              <a:ea typeface="+mn-ea"/>
              <a:cs typeface="+mn-cs"/>
            </a:defRPr>
          </a:lvl3pPr>
          <a:lvl4pPr marL="171450" indent="-171450" eaLnBrk="1" hangingPunct="1">
            <a:spcBef>
              <a:spcPts val="300"/>
            </a:spcBef>
            <a:spcAft>
              <a:spcPts val="300"/>
            </a:spcAft>
            <a:buClr>
              <a:schemeClr val="tx1"/>
            </a:buClr>
            <a:buFont typeface="SwissReSansOTLight" panose="04000400000000000000" pitchFamily="82" charset="0"/>
            <a:buChar char="–"/>
            <a:defRPr sz="1200">
              <a:solidFill>
                <a:schemeClr val="tx1"/>
              </a:solidFill>
              <a:latin typeface="+mn-lt"/>
              <a:ea typeface="+mn-ea"/>
              <a:cs typeface="+mn-cs"/>
            </a:defRPr>
          </a:lvl4pPr>
          <a:lvl5pPr marL="360363" indent="-184150" eaLnBrk="1" hangingPunct="1">
            <a:spcBef>
              <a:spcPts val="300"/>
            </a:spcBef>
            <a:spcAft>
              <a:spcPts val="300"/>
            </a:spcAft>
            <a:buFont typeface="SwissReSansOTLight" panose="04000400000000000000" pitchFamily="82" charset="0"/>
            <a:buChar char="–"/>
            <a:defRPr sz="1200" b="0">
              <a:solidFill>
                <a:schemeClr val="tx1"/>
              </a:solidFill>
              <a:latin typeface="+mn-lt"/>
              <a:ea typeface="+mn-ea"/>
              <a:cs typeface="+mn-cs"/>
            </a:defRPr>
          </a:lvl5pPr>
          <a:lvl6pPr marL="0" indent="0" eaLnBrk="1" hangingPunct="1">
            <a:spcBef>
              <a:spcPts val="600"/>
            </a:spcBef>
            <a:spcAft>
              <a:spcPts val="0"/>
            </a:spcAft>
            <a:buClr>
              <a:schemeClr val="tx1"/>
            </a:buClr>
            <a:buFontTx/>
            <a:buNone/>
            <a:defRPr sz="1200">
              <a:solidFill>
                <a:schemeClr val="tx1"/>
              </a:solidFill>
              <a:latin typeface="Calibre Semibold" panose="020B07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a:lstStyle>
        <a:p xmlns:a="http://schemas.openxmlformats.org/drawingml/2006/main">
          <a:pPr algn="l">
            <a:spcBef>
              <a:spcPts val="600"/>
            </a:spcBef>
            <a:spcAft>
              <a:spcPts val="600"/>
            </a:spcAft>
          </a:pPr>
          <a:r>
            <a:rPr lang="en-GB" sz="1600" dirty="0">
              <a:solidFill>
                <a:srgbClr val="435254"/>
              </a:solidFill>
            </a:rPr>
            <a:t>1.7%</a:t>
          </a:r>
        </a:p>
      </cdr:txBody>
    </cdr:sp>
  </cdr:relSizeAnchor>
  <cdr:relSizeAnchor xmlns:cdr="http://schemas.openxmlformats.org/drawingml/2006/chartDrawing">
    <cdr:from>
      <cdr:x>0.91333</cdr:x>
      <cdr:y>0.367</cdr:y>
    </cdr:from>
    <cdr:to>
      <cdr:x>0.95774</cdr:x>
      <cdr:y>0.4041</cdr:y>
    </cdr:to>
    <cdr:sp macro="" textlink="">
      <cdr:nvSpPr>
        <cdr:cNvPr id="5" name="TextBox 15">
          <a:extLst xmlns:a="http://schemas.openxmlformats.org/drawingml/2006/main">
            <a:ext uri="{FF2B5EF4-FFF2-40B4-BE49-F238E27FC236}">
              <a16:creationId xmlns:a16="http://schemas.microsoft.com/office/drawing/2014/main" id="{836C9683-57F7-E0F3-1E29-182AD243111A}"/>
            </a:ext>
          </a:extLst>
        </cdr:cNvPr>
        <cdr:cNvSpPr txBox="1"/>
      </cdr:nvSpPr>
      <cdr:spPr>
        <a:xfrm xmlns:a="http://schemas.openxmlformats.org/drawingml/2006/main">
          <a:off x="10439400" y="1677928"/>
          <a:ext cx="507606" cy="169621"/>
        </a:xfrm>
        <a:prstGeom xmlns:a="http://schemas.openxmlformats.org/drawingml/2006/main" prst="rect">
          <a:avLst/>
        </a:prstGeom>
        <a:noFill xmlns:a="http://schemas.openxmlformats.org/drawingml/2006/main"/>
      </cdr:spPr>
      <cdr:txBody>
        <a:bodyPr xmlns:a="http://schemas.openxmlformats.org/drawingml/2006/main" wrap="square" lIns="0" tIns="0" rIns="0" bIns="0" rtlCol="0">
          <a:noAutofit/>
        </a:bodyPr>
        <a:lstStyle xmlns:a="http://schemas.openxmlformats.org/drawingml/2006/main">
          <a:defPPr>
            <a:defRPr lang="en-US"/>
          </a:defPPr>
          <a:lvl1pPr marL="0" eaLnBrk="1" hangingPunct="1">
            <a:spcBef>
              <a:spcPts val="1200"/>
            </a:spcBef>
            <a:spcAft>
              <a:spcPts val="1200"/>
            </a:spcAft>
            <a:defRPr sz="2200">
              <a:solidFill>
                <a:schemeClr val="tx1"/>
              </a:solidFill>
              <a:latin typeface="Calibre Light" panose="020B0303030202060203" pitchFamily="34" charset="0"/>
              <a:ea typeface="+mn-ea"/>
              <a:cs typeface="+mn-cs"/>
            </a:defRPr>
          </a:lvl1pPr>
          <a:lvl2pPr marL="0" indent="0" eaLnBrk="1" hangingPunct="1">
            <a:spcAft>
              <a:spcPts val="600"/>
            </a:spcAft>
            <a:defRPr sz="1600" b="0">
              <a:solidFill>
                <a:schemeClr val="tx1"/>
              </a:solidFill>
              <a:latin typeface="Calibre Semibold" panose="020B0703030202060203" pitchFamily="34" charset="0"/>
              <a:ea typeface="+mn-ea"/>
              <a:cs typeface="+mn-cs"/>
            </a:defRPr>
          </a:lvl2pPr>
          <a:lvl3pPr marL="0" indent="0" eaLnBrk="1" hangingPunct="1">
            <a:spcBef>
              <a:spcPts val="300"/>
            </a:spcBef>
            <a:spcAft>
              <a:spcPts val="300"/>
            </a:spcAft>
            <a:defRPr sz="1200">
              <a:solidFill>
                <a:schemeClr val="tx1"/>
              </a:solidFill>
              <a:latin typeface="+mn-lt"/>
              <a:ea typeface="+mn-ea"/>
              <a:cs typeface="+mn-cs"/>
            </a:defRPr>
          </a:lvl3pPr>
          <a:lvl4pPr marL="171450" indent="-171450" eaLnBrk="1" hangingPunct="1">
            <a:spcBef>
              <a:spcPts val="300"/>
            </a:spcBef>
            <a:spcAft>
              <a:spcPts val="300"/>
            </a:spcAft>
            <a:buClr>
              <a:schemeClr val="tx1"/>
            </a:buClr>
            <a:buFont typeface="SwissReSansOTLight" panose="04000400000000000000" pitchFamily="82" charset="0"/>
            <a:buChar char="–"/>
            <a:defRPr sz="1200">
              <a:solidFill>
                <a:schemeClr val="tx1"/>
              </a:solidFill>
              <a:latin typeface="+mn-lt"/>
              <a:ea typeface="+mn-ea"/>
              <a:cs typeface="+mn-cs"/>
            </a:defRPr>
          </a:lvl4pPr>
          <a:lvl5pPr marL="360363" indent="-184150" eaLnBrk="1" hangingPunct="1">
            <a:spcBef>
              <a:spcPts val="300"/>
            </a:spcBef>
            <a:spcAft>
              <a:spcPts val="300"/>
            </a:spcAft>
            <a:buFont typeface="SwissReSansOTLight" panose="04000400000000000000" pitchFamily="82" charset="0"/>
            <a:buChar char="–"/>
            <a:defRPr sz="1200" b="0">
              <a:solidFill>
                <a:schemeClr val="tx1"/>
              </a:solidFill>
              <a:latin typeface="+mn-lt"/>
              <a:ea typeface="+mn-ea"/>
              <a:cs typeface="+mn-cs"/>
            </a:defRPr>
          </a:lvl5pPr>
          <a:lvl6pPr marL="0" indent="0" eaLnBrk="1" hangingPunct="1">
            <a:spcBef>
              <a:spcPts val="600"/>
            </a:spcBef>
            <a:spcAft>
              <a:spcPts val="0"/>
            </a:spcAft>
            <a:buClr>
              <a:schemeClr val="tx1"/>
            </a:buClr>
            <a:buFontTx/>
            <a:buNone/>
            <a:defRPr sz="1200">
              <a:solidFill>
                <a:schemeClr val="tx1"/>
              </a:solidFill>
              <a:latin typeface="Calibre Semibold" panose="020B07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a:lstStyle>
        <a:p xmlns:a="http://schemas.openxmlformats.org/drawingml/2006/main">
          <a:pPr algn="l">
            <a:spcBef>
              <a:spcPts val="600"/>
            </a:spcBef>
            <a:spcAft>
              <a:spcPts val="600"/>
            </a:spcAft>
          </a:pPr>
          <a:r>
            <a:rPr lang="en-GB" sz="1600" dirty="0"/>
            <a:t>2.3%</a:t>
          </a:r>
        </a:p>
      </cdr:txBody>
    </cdr: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0DA2315A-1C2B-4732-A0BF-4A37C6D5963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4" name="Footer Placeholder 3">
            <a:extLst>
              <a:ext uri="{FF2B5EF4-FFF2-40B4-BE49-F238E27FC236}">
                <a16:creationId xmlns:a16="http://schemas.microsoft.com/office/drawing/2014/main" id="{360C4552-6946-4AD3-91B9-C1469C1BAF5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5" name="Slide Number Placeholder 4">
            <a:extLst>
              <a:ext uri="{FF2B5EF4-FFF2-40B4-BE49-F238E27FC236}">
                <a16:creationId xmlns:a16="http://schemas.microsoft.com/office/drawing/2014/main" id="{ECFD987E-52AD-4AC4-9B8E-6B516CFBBAC9}"/>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D391D475-80AD-4D36-BEB1-9E0CA5625733}" type="slidenum">
              <a:rPr lang="en-US" smtClean="0"/>
              <a:t>‹#›</a:t>
            </a:fld>
            <a:endParaRPr lang="en-US" dirty="0"/>
          </a:p>
        </p:txBody>
      </p:sp>
    </p:spTree>
    <p:extLst>
      <p:ext uri="{BB962C8B-B14F-4D97-AF65-F5344CB8AC3E}">
        <p14:creationId xmlns:p14="http://schemas.microsoft.com/office/powerpoint/2010/main" val="3002124833"/>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86C5C41C-6714-4709-9DD0-287337DCF44F}" type="datetimeFigureOut">
              <a:rPr lang="en-GB" smtClean="0"/>
              <a:t>23/07/2024</a:t>
            </a:fld>
            <a:endParaRPr lang="en-GB"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A27CBEC-3BA9-408E-897B-DC62741FD035}" type="slidenum">
              <a:rPr lang="en-GB" smtClean="0"/>
              <a:t>‹#›</a:t>
            </a:fld>
            <a:endParaRPr lang="en-GB" dirty="0"/>
          </a:p>
        </p:txBody>
      </p:sp>
    </p:spTree>
    <p:extLst>
      <p:ext uri="{BB962C8B-B14F-4D97-AF65-F5344CB8AC3E}">
        <p14:creationId xmlns:p14="http://schemas.microsoft.com/office/powerpoint/2010/main" val="1810922106"/>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3" Type="http://schemas.openxmlformats.org/officeDocument/2006/relationships/hyperlink" Target="https://www.bloomberg.com/news/articles/2024-02-12/commercial-property-loans-coming-due-in-us-jump-to-929-billion?embedded-checkout=true" TargetMode="External"/><Relationship Id="rId2" Type="http://schemas.openxmlformats.org/officeDocument/2006/relationships/slide" Target="../slides/slide10.xml"/><Relationship Id="rId1" Type="http://schemas.openxmlformats.org/officeDocument/2006/relationships/notesMaster" Target="../notesMasters/notesMaster1.xml"/><Relationship Id="rId6" Type="http://schemas.openxmlformats.org/officeDocument/2006/relationships/hyperlink" Target="https://www.cbre.com/insights/briefs/cotw-debt-funding-gap-arises-in-multifamily-sector" TargetMode="External"/><Relationship Id="rId5" Type="http://schemas.openxmlformats.org/officeDocument/2006/relationships/hyperlink" Target="https://www.bisnow.com/national/news/commercial-real-estate/929b-in-commercial-property-loans-set-to-mature-in-2024-122842" TargetMode="External"/><Relationship Id="rId4" Type="http://schemas.openxmlformats.org/officeDocument/2006/relationships/hyperlink" Target="https://newslink.mba.org/mba-newslinks/2024/february/mba-newslink-tuesday-feb-27-2024/mba-chart-of-the-week-2024-commercial-mortgage-maturities-pushed-up-by-2023-extensions-billions/" TargetMode="External"/></Relationships>
</file>

<file path=ppt/notesSlides/_rels/notesSlide11.xml.rels><?xml version="1.0" encoding="UTF-8" standalone="yes"?>
<Relationships xmlns="http://schemas.openxmlformats.org/package/2006/relationships"><Relationship Id="rId3" Type="http://schemas.openxmlformats.org/officeDocument/2006/relationships/hyperlink" Target="https://www.bloomberg.com/news/articles/2024-02-12/commercial-property-loans-coming-due-in-us-jump-to-929-billion?embedded-checkout=true" TargetMode="External"/><Relationship Id="rId2" Type="http://schemas.openxmlformats.org/officeDocument/2006/relationships/slide" Target="../slides/slide11.xml"/><Relationship Id="rId1" Type="http://schemas.openxmlformats.org/officeDocument/2006/relationships/notesMaster" Target="../notesMasters/notesMaster1.xml"/><Relationship Id="rId6" Type="http://schemas.openxmlformats.org/officeDocument/2006/relationships/hyperlink" Target="https://www.cbre.com/insights/briefs/cotw-debt-funding-gap-arises-in-multifamily-sector" TargetMode="External"/><Relationship Id="rId5" Type="http://schemas.openxmlformats.org/officeDocument/2006/relationships/hyperlink" Target="https://www.bisnow.com/national/news/commercial-real-estate/929b-in-commercial-property-loans-set-to-mature-in-2024-122842" TargetMode="External"/><Relationship Id="rId4" Type="http://schemas.openxmlformats.org/officeDocument/2006/relationships/hyperlink" Target="https://newslink.mba.org/mba-newslinks/2024/february/mba-newslink-tuesday-feb-27-2024/mba-chart-of-the-week-2024-commercial-mortgage-maturities-pushed-up-by-2023-extensions-billions/" TargetMode="External"/></Relationships>
</file>

<file path=ppt/notesSlides/_rels/notesSlide12.xml.rels><?xml version="1.0" encoding="UTF-8" standalone="yes"?>
<Relationships xmlns="http://schemas.openxmlformats.org/package/2006/relationships"><Relationship Id="rId3" Type="http://schemas.openxmlformats.org/officeDocument/2006/relationships/hyperlink" Target="https://www.bloomberg.com/news/articles/2024-02-12/commercial-property-loans-coming-due-in-us-jump-to-929-billion?embedded-checkout=true" TargetMode="External"/><Relationship Id="rId2" Type="http://schemas.openxmlformats.org/officeDocument/2006/relationships/slide" Target="../slides/slide12.xml"/><Relationship Id="rId1" Type="http://schemas.openxmlformats.org/officeDocument/2006/relationships/notesMaster" Target="../notesMasters/notesMaster1.xml"/><Relationship Id="rId6" Type="http://schemas.openxmlformats.org/officeDocument/2006/relationships/hyperlink" Target="https://www.cbre.com/insights/briefs/cotw-debt-funding-gap-arises-in-multifamily-sector" TargetMode="External"/><Relationship Id="rId5" Type="http://schemas.openxmlformats.org/officeDocument/2006/relationships/hyperlink" Target="https://www.bisnow.com/national/news/commercial-real-estate/929b-in-commercial-property-loans-set-to-mature-in-2024-122842" TargetMode="External"/><Relationship Id="rId4" Type="http://schemas.openxmlformats.org/officeDocument/2006/relationships/hyperlink" Target="https://newslink.mba.org/mba-newslinks/2024/february/mba-newslink-tuesday-feb-27-2024/mba-chart-of-the-week-2024-commercial-mortgage-maturities-pushed-up-by-2023-extensions-billions/" TargetMode="External"/></Relationships>
</file>

<file path=ppt/notesSlides/_rels/notesSlide13.xml.rels><?xml version="1.0" encoding="UTF-8" standalone="yes"?>
<Relationships xmlns="http://schemas.openxmlformats.org/package/2006/relationships"><Relationship Id="rId3" Type="http://schemas.openxmlformats.org/officeDocument/2006/relationships/hyperlink" Target="https://www.bloomberg.com/news/articles/2024-02-12/commercial-property-loans-coming-due-in-us-jump-to-929-billion?embedded-checkout=true" TargetMode="External"/><Relationship Id="rId2" Type="http://schemas.openxmlformats.org/officeDocument/2006/relationships/slide" Target="../slides/slide13.xml"/><Relationship Id="rId1" Type="http://schemas.openxmlformats.org/officeDocument/2006/relationships/notesMaster" Target="../notesMasters/notesMaster1.xml"/><Relationship Id="rId6" Type="http://schemas.openxmlformats.org/officeDocument/2006/relationships/hyperlink" Target="https://www.cbre.com/insights/briefs/cotw-debt-funding-gap-arises-in-multifamily-sector" TargetMode="External"/><Relationship Id="rId5" Type="http://schemas.openxmlformats.org/officeDocument/2006/relationships/hyperlink" Target="https://www.bisnow.com/national/news/commercial-real-estate/929b-in-commercial-property-loans-set-to-mature-in-2024-122842" TargetMode="External"/><Relationship Id="rId4" Type="http://schemas.openxmlformats.org/officeDocument/2006/relationships/hyperlink" Target="https://newslink.mba.org/mba-newslinks/2024/february/mba-newslink-tuesday-feb-27-2024/mba-chart-of-the-week-2024-commercial-mortgage-maturities-pushed-up-by-2023-extensions-billions/" TargetMode="Externa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A27CBEC-3BA9-408E-897B-DC62741FD035}" type="slidenum">
              <a:rPr lang="en-GB" smtClean="0"/>
              <a:t>1</a:t>
            </a:fld>
            <a:endParaRPr lang="en-GB" dirty="0"/>
          </a:p>
        </p:txBody>
      </p:sp>
    </p:spTree>
    <p:extLst>
      <p:ext uri="{BB962C8B-B14F-4D97-AF65-F5344CB8AC3E}">
        <p14:creationId xmlns:p14="http://schemas.microsoft.com/office/powerpoint/2010/main" val="156510022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3"/>
              </a:rPr>
              <a:t>Commercial-Property Loans Coming Due in US Jump to $929 Billion – Bloomberg</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4"/>
              </a:rPr>
              <a:t>MBA Chart of the Week: 2024 Commercial Mortgage Maturities Pushed Up by 2023 Extensions - MBA Newslink</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5"/>
              </a:rPr>
              <a:t>$929B In Commercial Property Loans Set To Mature In 2024 (bisnow.com)</a:t>
            </a:r>
            <a:endParaRPr lang="en-US"/>
          </a:p>
          <a:p>
            <a:r>
              <a:rPr lang="en-US">
                <a:hlinkClick r:id="rId6"/>
              </a:rPr>
              <a:t>Debt funding gap arises in multifamily sector | CBRE</a:t>
            </a:r>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rtl="0" eaLnBrk="1" fontAlgn="auto" latinLnBrk="0" hangingPunct="1">
                <a:lnSpc>
                  <a:spcPct val="100000"/>
                </a:lnSpc>
                <a:spcBef>
                  <a:spcPts val="1200"/>
                </a:spcBef>
                <a:spcAft>
                  <a:spcPts val="1200"/>
                </a:spcAft>
                <a:buClrTx/>
                <a:buSzTx/>
                <a:buFontTx/>
                <a:buNone/>
                <a:tabLst/>
                <a:defRPr/>
              </a:pPr>
              <a:t>10</a:t>
            </a:fld>
            <a:endParaRPr kumimoji="0" lang="en-GB" sz="1200" b="0" i="0" u="none" strike="noStrike" kern="0" cap="none" spc="0" normalizeH="0" baseline="0" noProof="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12977227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3"/>
              </a:rPr>
              <a:t>Commercial-Property Loans Coming Due in US Jump to $929 Billion – Bloomberg</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4"/>
              </a:rPr>
              <a:t>MBA Chart of the Week: 2024 Commercial Mortgage Maturities Pushed Up by 2023 Extensions - MBA Newslink</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5"/>
              </a:rPr>
              <a:t>$929B In Commercial Property Loans Set To Mature In 2024 (bisnow.com)</a:t>
            </a:r>
            <a:endParaRPr lang="en-US"/>
          </a:p>
          <a:p>
            <a:r>
              <a:rPr lang="en-US">
                <a:hlinkClick r:id="rId6"/>
              </a:rPr>
              <a:t>Debt funding gap arises in multifamily sector | CBRE</a:t>
            </a:r>
            <a:endParaRPr lang="en-US"/>
          </a:p>
        </p:txBody>
      </p:sp>
      <p:sp>
        <p:nvSpPr>
          <p:cNvPr id="4" name="Slide Number Placeholder 3"/>
          <p:cNvSpPr>
            <a:spLocks noGrp="1"/>
          </p:cNvSpPr>
          <p:nvPr>
            <p:ph type="sldNum" sz="quarter" idx="5"/>
          </p:nvPr>
        </p:nvSpPr>
        <p:spPr/>
        <p:txBody>
          <a:bodyPr/>
          <a:lstStyle/>
          <a:p>
            <a:pPr marL="0" marR="0" lvl="0" indent="0" algn="r" defTabSz="91440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eaLnBrk="1" fontAlgn="auto" latinLnBrk="0" hangingPunct="1">
                <a:lnSpc>
                  <a:spcPct val="100000"/>
                </a:lnSpc>
                <a:spcBef>
                  <a:spcPts val="1200"/>
                </a:spcBef>
                <a:spcAft>
                  <a:spcPts val="1200"/>
                </a:spcAft>
                <a:buClrTx/>
                <a:buSzTx/>
                <a:buFontTx/>
                <a:buNone/>
                <a:tabLst/>
                <a:defRPr/>
              </a:pPr>
              <a:t>11</a:t>
            </a:fld>
            <a:endParaRPr kumimoji="0" lang="en-GB" sz="1200" b="0" i="0" u="none" strike="noStrike" kern="0" cap="none" spc="0" normalizeH="0" baseline="0" noProof="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319614503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3"/>
              </a:rPr>
              <a:t>Commercial-Property Loans Coming Due in US Jump to $929 Billion – Bloomberg</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4"/>
              </a:rPr>
              <a:t>MBA Chart of the Week: 2024 Commercial Mortgage Maturities Pushed Up by 2023 Extensions - MBA Newslink</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5"/>
              </a:rPr>
              <a:t>$929B In Commercial Property Loans Set To Mature In 2024 (bisnow.com)</a:t>
            </a:r>
            <a:endParaRPr lang="en-US"/>
          </a:p>
          <a:p>
            <a:r>
              <a:rPr lang="en-US">
                <a:hlinkClick r:id="rId6"/>
              </a:rPr>
              <a:t>Debt funding gap arises in multifamily sector | CBRE</a:t>
            </a:r>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rtl="0" eaLnBrk="1" fontAlgn="auto" latinLnBrk="0" hangingPunct="1">
                <a:lnSpc>
                  <a:spcPct val="100000"/>
                </a:lnSpc>
                <a:spcBef>
                  <a:spcPts val="1200"/>
                </a:spcBef>
                <a:spcAft>
                  <a:spcPts val="1200"/>
                </a:spcAft>
                <a:buClrTx/>
                <a:buSzTx/>
                <a:buFontTx/>
                <a:buNone/>
                <a:tabLst/>
                <a:defRPr/>
              </a:pPr>
              <a:t>12</a:t>
            </a:fld>
            <a:endParaRPr kumimoji="0" lang="en-GB" sz="1200" b="0" i="0" u="none" strike="noStrike" kern="0" cap="none" spc="0" normalizeH="0" baseline="0" noProof="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33204804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3"/>
              </a:rPr>
              <a:t>Commercial-Property Loans Coming Due in US Jump to $929 Billion – Bloomberg</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4"/>
              </a:rPr>
              <a:t>MBA Chart of the Week: 2024 Commercial Mortgage Maturities Pushed Up by 2023 Extensions - MBA Newslink</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a:hlinkClick r:id="rId5"/>
              </a:rPr>
              <a:t>$929B In Commercial Property Loans Set To Mature In 2024 (bisnow.com)</a:t>
            </a:r>
            <a:endParaRPr lang="en-US"/>
          </a:p>
          <a:p>
            <a:r>
              <a:rPr lang="en-US">
                <a:hlinkClick r:id="rId6"/>
              </a:rPr>
              <a:t>Debt funding gap arises in multifamily sector | CBRE</a:t>
            </a:r>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rtl="0" eaLnBrk="1" fontAlgn="auto" latinLnBrk="0" hangingPunct="1">
                <a:lnSpc>
                  <a:spcPct val="100000"/>
                </a:lnSpc>
                <a:spcBef>
                  <a:spcPts val="1200"/>
                </a:spcBef>
                <a:spcAft>
                  <a:spcPts val="1200"/>
                </a:spcAft>
                <a:buClrTx/>
                <a:buSzTx/>
                <a:buFontTx/>
                <a:buNone/>
                <a:tabLst/>
                <a:defRPr/>
              </a:pPr>
              <a:t>13</a:t>
            </a:fld>
            <a:endParaRPr kumimoji="0" lang="en-GB" sz="1200" b="0" i="0" u="none" strike="noStrike" kern="0" cap="none" spc="0" normalizeH="0" baseline="0" noProof="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333262276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eaLnBrk="1" fontAlgn="auto" latinLnBrk="0" hangingPunct="1">
                <a:lnSpc>
                  <a:spcPct val="100000"/>
                </a:lnSpc>
                <a:spcBef>
                  <a:spcPts val="1200"/>
                </a:spcBef>
                <a:spcAft>
                  <a:spcPts val="1200"/>
                </a:spcAft>
                <a:buClrTx/>
                <a:buSzTx/>
                <a:buFontTx/>
                <a:buNone/>
                <a:tabLst/>
                <a:defRPr/>
              </a:pPr>
              <a:t>14</a:t>
            </a:fld>
            <a:endParaRPr kumimoji="0" lang="en-GB" sz="1200" b="0" i="0" u="none" strike="noStrike" kern="0" cap="none" spc="0" normalizeH="0" baseline="0" noProof="0" dirty="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210858954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スライド イメージ プレースホルダー 1"/>
          <p:cNvSpPr>
            <a:spLocks noGrp="1" noRot="1" noChangeAspect="1"/>
          </p:cNvSpPr>
          <p:nvPr>
            <p:ph type="sldImg"/>
          </p:nvPr>
        </p:nvSpPr>
        <p:spPr/>
      </p:sp>
      <p:sp>
        <p:nvSpPr>
          <p:cNvPr id="3" name="ノート プレースホルダー 2"/>
          <p:cNvSpPr>
            <a:spLocks noGrp="1"/>
          </p:cNvSpPr>
          <p:nvPr>
            <p:ph type="body" idx="1"/>
          </p:nvPr>
        </p:nvSpPr>
        <p:spPr/>
        <p:txBody>
          <a:bodyPr/>
          <a:lstStyle/>
          <a:p>
            <a:endParaRPr kumimoji="1" lang="ja-JP" altLang="en-US" dirty="0"/>
          </a:p>
        </p:txBody>
      </p:sp>
      <p:sp>
        <p:nvSpPr>
          <p:cNvPr id="4" name="スライド番号プレースホルダー 3"/>
          <p:cNvSpPr>
            <a:spLocks noGrp="1"/>
          </p:cNvSpPr>
          <p:nvPr>
            <p:ph type="sldNum" sz="quarter" idx="5"/>
          </p:nvPr>
        </p:nvSpPr>
        <p:spPr/>
        <p:txBody>
          <a:bodyPr/>
          <a:lstStyle/>
          <a:p>
            <a:fld id="{5A27CBEC-3BA9-408E-897B-DC62741FD035}" type="slidenum">
              <a:rPr lang="en-GB" smtClean="0"/>
              <a:t>16</a:t>
            </a:fld>
            <a:endParaRPr lang="en-GB" dirty="0"/>
          </a:p>
        </p:txBody>
      </p:sp>
    </p:spTree>
    <p:extLst>
      <p:ext uri="{BB962C8B-B14F-4D97-AF65-F5344CB8AC3E}">
        <p14:creationId xmlns:p14="http://schemas.microsoft.com/office/powerpoint/2010/main" val="138024347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eaLnBrk="1" fontAlgn="auto" latinLnBrk="0" hangingPunct="1">
                <a:lnSpc>
                  <a:spcPct val="100000"/>
                </a:lnSpc>
                <a:spcBef>
                  <a:spcPts val="1200"/>
                </a:spcBef>
                <a:spcAft>
                  <a:spcPts val="1200"/>
                </a:spcAft>
                <a:buClrTx/>
                <a:buSzTx/>
                <a:buFontTx/>
                <a:buNone/>
                <a:tabLst/>
                <a:defRPr/>
              </a:pPr>
              <a:t>2</a:t>
            </a:fld>
            <a:endParaRPr kumimoji="0" lang="en-GB" sz="1200" b="0" i="0" u="none" strike="noStrike" kern="0" cap="none" spc="0" normalizeH="0" baseline="0" noProof="0" dirty="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289859981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eaLnBrk="1" fontAlgn="auto" latinLnBrk="0" hangingPunct="1">
                <a:lnSpc>
                  <a:spcPct val="100000"/>
                </a:lnSpc>
                <a:spcBef>
                  <a:spcPts val="1200"/>
                </a:spcBef>
                <a:spcAft>
                  <a:spcPts val="1200"/>
                </a:spcAft>
                <a:buClrTx/>
                <a:buSzTx/>
                <a:buFontTx/>
                <a:buNone/>
                <a:tabLst/>
                <a:defRPr/>
              </a:pPr>
              <a:t>3</a:t>
            </a:fld>
            <a:endParaRPr kumimoji="0" lang="en-GB" sz="1200" b="0" i="0" u="none" strike="noStrike" kern="0" cap="none" spc="0" normalizeH="0" baseline="0" noProof="0" dirty="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74956577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eaLnBrk="1" fontAlgn="auto" latinLnBrk="0" hangingPunct="1">
                <a:lnSpc>
                  <a:spcPct val="100000"/>
                </a:lnSpc>
                <a:spcBef>
                  <a:spcPts val="1200"/>
                </a:spcBef>
                <a:spcAft>
                  <a:spcPts val="1200"/>
                </a:spcAft>
                <a:buClrTx/>
                <a:buSzTx/>
                <a:buFontTx/>
                <a:buNone/>
                <a:tabLst/>
                <a:defRPr/>
              </a:pPr>
              <a:t>4</a:t>
            </a:fld>
            <a:endParaRPr kumimoji="0" lang="en-GB" sz="1200" b="0" i="0" u="none" strike="noStrike" kern="0" cap="none" spc="0" normalizeH="0" baseline="0" noProof="0" dirty="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166591839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eaLnBrk="1" fontAlgn="auto" latinLnBrk="0" hangingPunct="1">
                <a:lnSpc>
                  <a:spcPct val="100000"/>
                </a:lnSpc>
                <a:spcBef>
                  <a:spcPts val="1200"/>
                </a:spcBef>
                <a:spcAft>
                  <a:spcPts val="1200"/>
                </a:spcAft>
                <a:buClrTx/>
                <a:buSzTx/>
                <a:buFontTx/>
                <a:buNone/>
                <a:tabLst/>
                <a:defRPr/>
              </a:pPr>
              <a:t>5</a:t>
            </a:fld>
            <a:endParaRPr kumimoji="0" lang="en-GB" sz="1200" b="0" i="0" u="none" strike="noStrike" kern="0" cap="none" spc="0" normalizeH="0" baseline="0" noProof="0" dirty="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338963295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eaLnBrk="1" fontAlgn="auto" latinLnBrk="0" hangingPunct="1">
                <a:lnSpc>
                  <a:spcPct val="100000"/>
                </a:lnSpc>
                <a:spcBef>
                  <a:spcPts val="1200"/>
                </a:spcBef>
                <a:spcAft>
                  <a:spcPts val="1200"/>
                </a:spcAft>
                <a:buClrTx/>
                <a:buSzTx/>
                <a:buFontTx/>
                <a:buNone/>
                <a:tabLst/>
                <a:defRPr/>
              </a:pPr>
              <a:t>6</a:t>
            </a:fld>
            <a:endParaRPr kumimoji="0" lang="en-GB" sz="1200" b="0" i="0" u="none" strike="noStrike" kern="0" cap="none" spc="0" normalizeH="0" baseline="0" noProof="0" dirty="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64752576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eaLnBrk="1" fontAlgn="auto" latinLnBrk="0" hangingPunct="1">
                <a:lnSpc>
                  <a:spcPct val="100000"/>
                </a:lnSpc>
                <a:spcBef>
                  <a:spcPts val="1200"/>
                </a:spcBef>
                <a:spcAft>
                  <a:spcPts val="1200"/>
                </a:spcAft>
                <a:buClrTx/>
                <a:buSzTx/>
                <a:buFontTx/>
                <a:buNone/>
                <a:tabLst/>
                <a:defRPr/>
              </a:pPr>
              <a:t>7</a:t>
            </a:fld>
            <a:endParaRPr kumimoji="0" lang="en-GB" sz="1200" b="0" i="0" u="none" strike="noStrike" kern="0" cap="none" spc="0" normalizeH="0" baseline="0" noProof="0" dirty="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286912531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359EBE-170D-93AD-BF75-00F6B978435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1721F78-A6DF-2B31-3F45-5C4C3800629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23E42C4-7C15-80A3-3348-8BB25537CE39}"/>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59AD966D-62ED-EECE-375C-D6AB6645DD59}"/>
              </a:ext>
            </a:extLst>
          </p:cNvPr>
          <p:cNvSpPr>
            <a:spLocks noGrp="1"/>
          </p:cNvSpPr>
          <p:nvPr>
            <p:ph type="sldNum" sz="quarter" idx="5"/>
          </p:nvPr>
        </p:nvSpPr>
        <p:spPr/>
        <p:txBody>
          <a:bodyPr/>
          <a:lstStyle/>
          <a:p>
            <a:fld id="{5A27CBEC-3BA9-408E-897B-DC62741FD035}" type="slidenum">
              <a:rPr lang="en-GB" smtClean="0"/>
              <a:t>8</a:t>
            </a:fld>
            <a:endParaRPr lang="en-GB" dirty="0"/>
          </a:p>
        </p:txBody>
      </p:sp>
    </p:spTree>
    <p:extLst>
      <p:ext uri="{BB962C8B-B14F-4D97-AF65-F5344CB8AC3E}">
        <p14:creationId xmlns:p14="http://schemas.microsoft.com/office/powerpoint/2010/main" val="316267137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eaLnBrk="1" fontAlgn="auto" latinLnBrk="0" hangingPunct="1">
              <a:lnSpc>
                <a:spcPct val="100000"/>
              </a:lnSpc>
              <a:spcBef>
                <a:spcPts val="1200"/>
              </a:spcBef>
              <a:spcAft>
                <a:spcPts val="1200"/>
              </a:spcAft>
              <a:buClrTx/>
              <a:buSzTx/>
              <a:buFontTx/>
              <a:buNone/>
              <a:tabLst/>
              <a:defRPr/>
            </a:pPr>
            <a:fld id="{5A27CBEC-3BA9-408E-897B-DC62741FD035}" type="slidenum">
              <a:rPr kumimoji="0" lang="en-GB" sz="1200" b="0" i="0" u="none" strike="noStrike" kern="0" cap="none" spc="0" normalizeH="0" baseline="0" noProof="0" smtClean="0">
                <a:ln>
                  <a:noFill/>
                </a:ln>
                <a:solidFill>
                  <a:prstClr val="black"/>
                </a:solidFill>
                <a:effectLst/>
                <a:uLnTx/>
                <a:uFillTx/>
                <a:latin typeface="Calibre Light" panose="020B0303030202060203" pitchFamily="34" charset="0"/>
                <a:ea typeface="+mn-ea"/>
                <a:cs typeface="+mn-cs"/>
              </a:rPr>
              <a:pPr marL="0" marR="0" lvl="0" indent="0" algn="r" defTabSz="914400" eaLnBrk="1" fontAlgn="auto" latinLnBrk="0" hangingPunct="1">
                <a:lnSpc>
                  <a:spcPct val="100000"/>
                </a:lnSpc>
                <a:spcBef>
                  <a:spcPts val="1200"/>
                </a:spcBef>
                <a:spcAft>
                  <a:spcPts val="1200"/>
                </a:spcAft>
                <a:buClrTx/>
                <a:buSzTx/>
                <a:buFontTx/>
                <a:buNone/>
                <a:tabLst/>
                <a:defRPr/>
              </a:pPr>
              <a:t>9</a:t>
            </a:fld>
            <a:endParaRPr kumimoji="0" lang="en-GB" sz="1200" b="0" i="0" u="none" strike="noStrike" kern="0" cap="none" spc="0" normalizeH="0" baseline="0" noProof="0" dirty="0">
              <a:ln>
                <a:noFill/>
              </a:ln>
              <a:solidFill>
                <a:prstClr val="black"/>
              </a:solidFill>
              <a:effectLst/>
              <a:uLnTx/>
              <a:uFillTx/>
              <a:latin typeface="Calibre Light" panose="020B0303030202060203" pitchFamily="34" charset="0"/>
              <a:ea typeface="+mn-ea"/>
              <a:cs typeface="+mn-cs"/>
            </a:endParaRPr>
          </a:p>
        </p:txBody>
      </p:sp>
    </p:spTree>
    <p:extLst>
      <p:ext uri="{BB962C8B-B14F-4D97-AF65-F5344CB8AC3E}">
        <p14:creationId xmlns:p14="http://schemas.microsoft.com/office/powerpoint/2010/main" val="393819518"/>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Text Cover 1">
    <p:spTree>
      <p:nvGrpSpPr>
        <p:cNvPr id="1" name=""/>
        <p:cNvGrpSpPr/>
        <p:nvPr/>
      </p:nvGrpSpPr>
      <p:grpSpPr>
        <a:xfrm>
          <a:off x="0" y="0"/>
          <a:ext cx="0" cy="0"/>
          <a:chOff x="0" y="0"/>
          <a:chExt cx="0" cy="0"/>
        </a:xfrm>
      </p:grpSpPr>
      <p:cxnSp>
        <p:nvCxnSpPr>
          <p:cNvPr id="25" name="Straight Connector 24">
            <a:extLst>
              <a:ext uri="{FF2B5EF4-FFF2-40B4-BE49-F238E27FC236}">
                <a16:creationId xmlns:a16="http://schemas.microsoft.com/office/drawing/2014/main" id="{887340F4-9434-47C2-9CB2-6C0ACFBEFAB5}"/>
              </a:ext>
            </a:extLst>
          </p:cNvPr>
          <p:cNvCxnSpPr>
            <a:cxnSpLocks/>
          </p:cNvCxnSpPr>
          <p:nvPr/>
        </p:nvCxnSpPr>
        <p:spPr>
          <a:xfrm>
            <a:off x="3584575" y="571774"/>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5" y="1554448"/>
            <a:ext cx="1328469"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1" kern="1200" spc="-3" dirty="0" err="1" smtClean="0">
                <a:solidFill>
                  <a:srgbClr val="FFFFFF"/>
                </a:solidFill>
                <a:latin typeface="Space Mono" panose="02000509040000020004" pitchFamily="49" charset="0"/>
                <a:ea typeface="+mn-ea"/>
                <a:cs typeface="Space Mono" panose="02000509040000020004" pitchFamily="49" charset="0"/>
              </a:defRPr>
            </a:lvl1pPr>
          </a:lstStyle>
          <a:p>
            <a:r>
              <a:rPr lang="en-US" dirty="0"/>
              <a:t>DAT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3581238" y="1451248"/>
            <a:ext cx="7585236" cy="3210125"/>
          </a:xfrm>
        </p:spPr>
        <p:txBody>
          <a:bodyPr/>
          <a:lstStyle>
            <a:lvl1pPr>
              <a:defRPr sz="6600">
                <a:solidFill>
                  <a:schemeClr val="bg1"/>
                </a:solidFill>
              </a:defRPr>
            </a:lvl1pPr>
          </a:lstStyle>
          <a:p>
            <a:r>
              <a:rPr lang="en-US"/>
              <a:t>Click to edit Master title style</a:t>
            </a:r>
            <a:endParaRPr lang="en-US" dirty="0"/>
          </a:p>
        </p:txBody>
      </p:sp>
      <p:sp>
        <p:nvSpPr>
          <p:cNvPr id="10" name="Content Placeholder 9">
            <a:extLst>
              <a:ext uri="{FF2B5EF4-FFF2-40B4-BE49-F238E27FC236}">
                <a16:creationId xmlns:a16="http://schemas.microsoft.com/office/drawing/2014/main" id="{7D9956ED-0AB6-478A-B82C-B67610F4E3D0}"/>
              </a:ext>
            </a:extLst>
          </p:cNvPr>
          <p:cNvSpPr>
            <a:spLocks noGrp="1"/>
          </p:cNvSpPr>
          <p:nvPr>
            <p:ph sz="quarter" idx="11" hasCustomPrompt="1"/>
          </p:nvPr>
        </p:nvSpPr>
        <p:spPr>
          <a:xfrm>
            <a:off x="3584575" y="4727575"/>
            <a:ext cx="5534025" cy="1250951"/>
          </a:xfrm>
        </p:spPr>
        <p:txBody>
          <a:bodyPr tIns="0">
            <a:noAutofit/>
          </a:bodyPr>
          <a:lstStyle>
            <a:lvl1pPr>
              <a:spcBef>
                <a:spcPts val="0"/>
              </a:spcBef>
              <a:spcAft>
                <a:spcPts val="0"/>
              </a:spcAft>
              <a:defRPr sz="1700">
                <a:solidFill>
                  <a:schemeClr val="bg1"/>
                </a:solidFill>
                <a:latin typeface="+mn-lt"/>
              </a:defRPr>
            </a:lvl1pPr>
            <a:lvl2pPr>
              <a:spcBef>
                <a:spcPts val="0"/>
              </a:spcBef>
              <a:spcAft>
                <a:spcPts val="0"/>
              </a:spcAft>
              <a:defRPr sz="1700">
                <a:solidFill>
                  <a:schemeClr val="bg1"/>
                </a:solidFill>
              </a:defRPr>
            </a:lvl2pPr>
            <a:lvl3pPr>
              <a:defRPr>
                <a:solidFill>
                  <a:schemeClr val="bg1"/>
                </a:solidFill>
              </a:defRPr>
            </a:lvl3pPr>
            <a:lvl4pPr>
              <a:defRPr>
                <a:solidFill>
                  <a:schemeClr val="bg1"/>
                </a:solidFill>
              </a:defRPr>
            </a:lvl4pPr>
            <a:lvl5pPr>
              <a:defRPr sz="1700" b="0">
                <a:solidFill>
                  <a:schemeClr val="bg1"/>
                </a:solidFill>
                <a:latin typeface="+mn-lt"/>
              </a:defRPr>
            </a:lvl5pPr>
          </a:lstStyle>
          <a:p>
            <a:pPr lvl="0"/>
            <a:r>
              <a:rPr lang="en-US" dirty="0"/>
              <a:t>Subheading</a:t>
            </a:r>
          </a:p>
          <a:p>
            <a:pPr lvl="1"/>
            <a:r>
              <a:rPr lang="en-US" dirty="0"/>
              <a:t>Subheading 2</a:t>
            </a:r>
          </a:p>
        </p:txBody>
      </p:sp>
      <p:sp>
        <p:nvSpPr>
          <p:cNvPr id="22" name="Rectangle 21">
            <a:extLst>
              <a:ext uri="{FF2B5EF4-FFF2-40B4-BE49-F238E27FC236}">
                <a16:creationId xmlns:a16="http://schemas.microsoft.com/office/drawing/2014/main" id="{51402F92-C298-4C9D-B165-225CA6300EEC}"/>
              </a:ext>
            </a:extLst>
          </p:cNvPr>
          <p:cNvSpPr/>
          <p:nvPr/>
        </p:nvSpPr>
        <p:spPr>
          <a:xfrm>
            <a:off x="0" y="0"/>
            <a:ext cx="3584575" cy="109165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7" name="Rectangle 16">
            <a:extLst>
              <a:ext uri="{FF2B5EF4-FFF2-40B4-BE49-F238E27FC236}">
                <a16:creationId xmlns:a16="http://schemas.microsoft.com/office/drawing/2014/main" id="{CE35D7B5-D90F-42C0-A009-8563EAB2BC7A}"/>
              </a:ext>
            </a:extLst>
          </p:cNvPr>
          <p:cNvSpPr/>
          <p:nvPr/>
        </p:nvSpPr>
        <p:spPr>
          <a:xfrm>
            <a:off x="0" y="0"/>
            <a:ext cx="3584575" cy="109165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CBRE Vector Logo">
            <a:extLst>
              <a:ext uri="{FF2B5EF4-FFF2-40B4-BE49-F238E27FC236}">
                <a16:creationId xmlns:a16="http://schemas.microsoft.com/office/drawing/2014/main" id="{F9796778-32CE-488E-AC58-62F8EB4EE904}"/>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chemeClr val="bg1"/>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31378059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25"/>
                                        </p:tgtEl>
                                        <p:attrNameLst>
                                          <p:attrName>style.visibility</p:attrName>
                                        </p:attrNameLst>
                                      </p:cBhvr>
                                      <p:to>
                                        <p:strVal val="visible"/>
                                      </p:to>
                                    </p:set>
                                    <p:anim calcmode="lin" valueType="num">
                                      <p:cBhvr additive="base">
                                        <p:cTn id="7" dur="2250" fill="hold"/>
                                        <p:tgtEl>
                                          <p:spTgt spid="25"/>
                                        </p:tgtEl>
                                        <p:attrNameLst>
                                          <p:attrName>ppt_x</p:attrName>
                                        </p:attrNameLst>
                                      </p:cBhvr>
                                      <p:tavLst>
                                        <p:tav tm="0">
                                          <p:val>
                                            <p:strVal val="0-#ppt_w/2"/>
                                          </p:val>
                                        </p:tav>
                                        <p:tav tm="100000">
                                          <p:val>
                                            <p:strVal val="#ppt_x"/>
                                          </p:val>
                                        </p:tav>
                                      </p:tavLst>
                                    </p:anim>
                                    <p:anim calcmode="lin" valueType="num">
                                      <p:cBhvr additive="base">
                                        <p:cTn id="8" dur="2250" fill="hold"/>
                                        <p:tgtEl>
                                          <p:spTgt spid="25"/>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ext Agenda 1 Dark">
    <p:spTree>
      <p:nvGrpSpPr>
        <p:cNvPr id="1" name=""/>
        <p:cNvGrpSpPr/>
        <p:nvPr/>
      </p:nvGrpSpPr>
      <p:grpSpPr>
        <a:xfrm>
          <a:off x="0" y="0"/>
          <a:ext cx="0" cy="0"/>
          <a:chOff x="0" y="0"/>
          <a:chExt cx="0" cy="0"/>
        </a:xfrm>
      </p:grpSpPr>
      <p:cxnSp>
        <p:nvCxnSpPr>
          <p:cNvPr id="21" name="Straight Connector 20">
            <a:extLst>
              <a:ext uri="{FF2B5EF4-FFF2-40B4-BE49-F238E27FC236}">
                <a16:creationId xmlns:a16="http://schemas.microsoft.com/office/drawing/2014/main" id="{27190B2A-4A03-4442-BCB9-881FECD2D9D6}"/>
              </a:ext>
            </a:extLst>
          </p:cNvPr>
          <p:cNvCxnSpPr>
            <a:cxnSpLocks/>
          </p:cNvCxnSpPr>
          <p:nvPr/>
        </p:nvCxnSpPr>
        <p:spPr>
          <a:xfrm flipH="1">
            <a:off x="2560638" y="1812877"/>
            <a:ext cx="4507455"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5" name="Title 4">
            <a:extLst>
              <a:ext uri="{FF2B5EF4-FFF2-40B4-BE49-F238E27FC236}">
                <a16:creationId xmlns:a16="http://schemas.microsoft.com/office/drawing/2014/main" id="{A603E8E9-3E6F-4875-89EC-2887A614A793}"/>
              </a:ext>
            </a:extLst>
          </p:cNvPr>
          <p:cNvSpPr>
            <a:spLocks noGrp="1"/>
          </p:cNvSpPr>
          <p:nvPr>
            <p:ph type="title" hasCustomPrompt="1"/>
          </p:nvPr>
        </p:nvSpPr>
        <p:spPr>
          <a:xfrm>
            <a:off x="511176" y="1601788"/>
            <a:ext cx="1947862" cy="1325563"/>
          </a:xfrm>
        </p:spPr>
        <p:txBody>
          <a:bodyPr/>
          <a:lstStyle>
            <a:lvl1pPr>
              <a:defRPr>
                <a:solidFill>
                  <a:schemeClr val="bg1"/>
                </a:solidFill>
              </a:defRPr>
            </a:lvl1pPr>
          </a:lstStyle>
          <a:p>
            <a:r>
              <a:rPr lang="en-US" dirty="0"/>
              <a:t>Agenda</a:t>
            </a:r>
          </a:p>
        </p:txBody>
      </p:sp>
      <p:sp>
        <p:nvSpPr>
          <p:cNvPr id="75" name="Agenda Placeholder">
            <a:extLst>
              <a:ext uri="{FF2B5EF4-FFF2-40B4-BE49-F238E27FC236}">
                <a16:creationId xmlns:a16="http://schemas.microsoft.com/office/drawing/2014/main" id="{D00E8ABA-C8B2-4972-8417-C82FB15B6BD6}"/>
              </a:ext>
            </a:extLst>
          </p:cNvPr>
          <p:cNvSpPr>
            <a:spLocks noGrp="1"/>
          </p:cNvSpPr>
          <p:nvPr>
            <p:ph type="body" sz="quarter" idx="10" hasCustomPrompt="1"/>
          </p:nvPr>
        </p:nvSpPr>
        <p:spPr>
          <a:xfrm>
            <a:off x="7683500" y="1601788"/>
            <a:ext cx="2950014" cy="4275137"/>
          </a:xfrm>
        </p:spPr>
        <p:txBody>
          <a:bodyPr/>
          <a:lstStyle>
            <a:lvl1pPr marL="342900" indent="-342900">
              <a:lnSpc>
                <a:spcPct val="100000"/>
              </a:lnSpc>
              <a:spcBef>
                <a:spcPts val="0"/>
              </a:spcBef>
              <a:spcAft>
                <a:spcPts val="600"/>
              </a:spcAft>
              <a:buFont typeface="+mj-lt"/>
              <a:buAutoNum type="arabicPlain"/>
              <a:tabLst/>
              <a:defRPr sz="1600">
                <a:solidFill>
                  <a:schemeClr val="bg1"/>
                </a:solidFill>
                <a:latin typeface="+mn-lt"/>
              </a:defRPr>
            </a:lvl1pPr>
            <a:lvl2pPr marL="514350" indent="-171450">
              <a:buFont typeface="Calibre" panose="020B0503030202060203" pitchFamily="34" charset="0"/>
              <a:buChar char="–"/>
              <a:defRPr sz="1100">
                <a:solidFill>
                  <a:schemeClr val="bg1"/>
                </a:solidFill>
                <a:latin typeface="+mn-lt"/>
              </a:defRPr>
            </a:lvl2pPr>
            <a:lvl3pPr>
              <a:defRPr>
                <a:solidFill>
                  <a:schemeClr val="bg1"/>
                </a:solidFill>
              </a:defRPr>
            </a:lvl3pPr>
            <a:lvl4pPr>
              <a:buClr>
                <a:schemeClr val="bg1"/>
              </a:buClr>
              <a:defRPr>
                <a:solidFill>
                  <a:schemeClr val="bg1"/>
                </a:solidFill>
              </a:defRPr>
            </a:lvl4pPr>
            <a:lvl5pPr>
              <a:defRPr>
                <a:solidFill>
                  <a:schemeClr val="bg1"/>
                </a:solidFill>
              </a:defRPr>
            </a:lvl5pPr>
          </a:lstStyle>
          <a:p>
            <a:pPr lvl="0"/>
            <a:r>
              <a:rPr lang="en-US" dirty="0"/>
              <a:t>Agenda item</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TextBox 7">
            <a:extLst>
              <a:ext uri="{FF2B5EF4-FFF2-40B4-BE49-F238E27FC236}">
                <a16:creationId xmlns:a16="http://schemas.microsoft.com/office/drawing/2014/main" id="{378EE95C-17B0-474E-86B9-86CE4D5CE658}"/>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9" name="TextBox 8">
            <a:extLst>
              <a:ext uri="{FF2B5EF4-FFF2-40B4-BE49-F238E27FC236}">
                <a16:creationId xmlns:a16="http://schemas.microsoft.com/office/drawing/2014/main" id="{F73834A5-DF51-4D0D-B974-EB0F420A2288}"/>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Tree>
    <p:extLst>
      <p:ext uri="{BB962C8B-B14F-4D97-AF65-F5344CB8AC3E}">
        <p14:creationId xmlns:p14="http://schemas.microsoft.com/office/powerpoint/2010/main" val="2160488599"/>
      </p:ext>
    </p:extLst>
  </p:cSld>
  <p:clrMapOvr>
    <a:masterClrMapping/>
  </p:clrMapOvr>
  <p:extLst>
    <p:ext uri="{DCECCB84-F9BA-43D5-87BE-67443E8EF086}">
      <p15:sldGuideLst xmlns:p15="http://schemas.microsoft.com/office/powerpoint/2012/main"/>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2_Profiles page_Transactions">
    <p:spTree>
      <p:nvGrpSpPr>
        <p:cNvPr id="1" name=""/>
        <p:cNvGrpSpPr/>
        <p:nvPr/>
      </p:nvGrpSpPr>
      <p:grpSpPr>
        <a:xfrm>
          <a:off x="0" y="0"/>
          <a:ext cx="0" cy="0"/>
          <a:chOff x="0" y="0"/>
          <a:chExt cx="0" cy="0"/>
        </a:xfrm>
      </p:grpSpPr>
      <p:sp>
        <p:nvSpPr>
          <p:cNvPr id="20" name="Title 19">
            <a:extLst>
              <a:ext uri="{FF2B5EF4-FFF2-40B4-BE49-F238E27FC236}">
                <a16:creationId xmlns:a16="http://schemas.microsoft.com/office/drawing/2014/main" id="{1F03EA2F-A805-49AF-8B1E-277A18A53F13}"/>
              </a:ext>
            </a:extLst>
          </p:cNvPr>
          <p:cNvSpPr>
            <a:spLocks noGrp="1"/>
          </p:cNvSpPr>
          <p:nvPr>
            <p:ph type="title"/>
          </p:nvPr>
        </p:nvSpPr>
        <p:spPr>
          <a:xfrm>
            <a:off x="2509838" y="1856963"/>
            <a:ext cx="3586162" cy="609566"/>
          </a:xfrm>
        </p:spPr>
        <p:txBody>
          <a:bodyPr anchor="t"/>
          <a:lstStyle>
            <a:lvl1pPr>
              <a:defRPr lang="en-GB" sz="2600" kern="0" dirty="0">
                <a:solidFill>
                  <a:srgbClr val="003F2D"/>
                </a:solidFill>
                <a:latin typeface="+mj-lt"/>
                <a:ea typeface="+mn-ea"/>
                <a:cs typeface="+mn-cs"/>
              </a:defRPr>
            </a:lvl1pPr>
          </a:lstStyle>
          <a:p>
            <a:r>
              <a:rPr lang="en-US" dirty="0"/>
              <a:t>Click to edit Master title style</a:t>
            </a:r>
            <a:endParaRPr lang="en-GB" dirty="0"/>
          </a:p>
        </p:txBody>
      </p:sp>
      <p:sp>
        <p:nvSpPr>
          <p:cNvPr id="24" name="Text Placeholder 23">
            <a:extLst>
              <a:ext uri="{FF2B5EF4-FFF2-40B4-BE49-F238E27FC236}">
                <a16:creationId xmlns:a16="http://schemas.microsoft.com/office/drawing/2014/main" id="{BE5A6750-1A95-4B52-97A1-CCBDD5D35E45}"/>
              </a:ext>
            </a:extLst>
          </p:cNvPr>
          <p:cNvSpPr>
            <a:spLocks noGrp="1"/>
          </p:cNvSpPr>
          <p:nvPr>
            <p:ph type="body" sz="quarter" idx="44"/>
          </p:nvPr>
        </p:nvSpPr>
        <p:spPr>
          <a:xfrm>
            <a:off x="2509838" y="3428999"/>
            <a:ext cx="3586162" cy="2933667"/>
          </a:xfrm>
        </p:spPr>
        <p:txBody>
          <a:bodyPr/>
          <a:lstStyle>
            <a:lvl1pPr>
              <a:spcBef>
                <a:spcPts val="600"/>
              </a:spcBef>
              <a:spcAft>
                <a:spcPts val="600"/>
              </a:spcAft>
              <a:defRPr sz="1400" b="0" i="0">
                <a:latin typeface="Calibre Medium" panose="020B0503030202060203" pitchFamily="34" charset="77"/>
              </a:defRPr>
            </a:lvl1pPr>
            <a:lvl3pPr>
              <a:defRPr sz="1200"/>
            </a:lvl3pPr>
          </a:lstStyle>
          <a:p>
            <a:pPr lvl="0"/>
            <a:r>
              <a:rPr lang="en-US" dirty="0"/>
              <a:t>Click to edit Master text styles</a:t>
            </a:r>
          </a:p>
          <a:p>
            <a:pPr lvl="2"/>
            <a:r>
              <a:rPr lang="en-US" dirty="0"/>
              <a:t>Third level</a:t>
            </a:r>
          </a:p>
        </p:txBody>
      </p:sp>
      <p:sp>
        <p:nvSpPr>
          <p:cNvPr id="14" name="Text Placeholder 17">
            <a:extLst>
              <a:ext uri="{FF2B5EF4-FFF2-40B4-BE49-F238E27FC236}">
                <a16:creationId xmlns:a16="http://schemas.microsoft.com/office/drawing/2014/main" id="{5909CF52-6D4B-DE4F-8581-8B3169B72522}"/>
              </a:ext>
            </a:extLst>
          </p:cNvPr>
          <p:cNvSpPr>
            <a:spLocks noGrp="1"/>
          </p:cNvSpPr>
          <p:nvPr>
            <p:ph type="body" sz="quarter" idx="13" hasCustomPrompt="1"/>
          </p:nvPr>
        </p:nvSpPr>
        <p:spPr>
          <a:xfrm>
            <a:off x="2509838" y="1558602"/>
            <a:ext cx="3586162" cy="153886"/>
          </a:xfrm>
          <a:noFill/>
        </p:spPr>
        <p:txBody>
          <a:bodyPr wrap="square" lIns="0" tIns="0" rIns="0" bIns="0" rtlCol="0">
            <a:spAutoFit/>
          </a:bodyPr>
          <a:lstStyle>
            <a:lvl1pPr marL="0" algn="l" defTabSz="914400" rtl="0" eaLnBrk="1" latinLnBrk="0" hangingPunct="1">
              <a:defRPr lang="en-HK" sz="1000" b="0" i="0" spc="150" baseline="0" smtClean="0">
                <a:solidFill>
                  <a:srgbClr val="383D3D"/>
                </a:solidFill>
                <a:effectLst/>
                <a:latin typeface="Calibre Light" panose="020B0303030202060203" pitchFamily="34" charset="77"/>
              </a:defRPr>
            </a:lvl1pPr>
          </a:lstStyle>
          <a:p>
            <a:r>
              <a:rPr lang="en-HK" dirty="0">
                <a:solidFill>
                  <a:srgbClr val="435254"/>
                </a:solidFill>
                <a:effectLst/>
                <a:latin typeface="Calibre Light" panose="020B0303030202060203" pitchFamily="34" charset="77"/>
              </a:rPr>
              <a:t>DEPARTMENT / LOCATION</a:t>
            </a:r>
          </a:p>
        </p:txBody>
      </p:sp>
      <p:sp>
        <p:nvSpPr>
          <p:cNvPr id="15" name="Text Placeholder 23">
            <a:extLst>
              <a:ext uri="{FF2B5EF4-FFF2-40B4-BE49-F238E27FC236}">
                <a16:creationId xmlns:a16="http://schemas.microsoft.com/office/drawing/2014/main" id="{FDBA23C6-8A75-394B-AD67-CAEA1A5EF9E7}"/>
              </a:ext>
            </a:extLst>
          </p:cNvPr>
          <p:cNvSpPr>
            <a:spLocks noGrp="1"/>
          </p:cNvSpPr>
          <p:nvPr>
            <p:ph type="body" sz="quarter" idx="47"/>
          </p:nvPr>
        </p:nvSpPr>
        <p:spPr>
          <a:xfrm>
            <a:off x="6251713" y="1547028"/>
            <a:ext cx="5427525" cy="2340929"/>
          </a:xfrm>
        </p:spPr>
        <p:txBody>
          <a:bodyPr/>
          <a:lstStyle>
            <a:lvl1pPr>
              <a:spcBef>
                <a:spcPts val="600"/>
              </a:spcBef>
              <a:spcAft>
                <a:spcPts val="600"/>
              </a:spcAft>
              <a:defRPr sz="1400" b="0" i="0">
                <a:latin typeface="Calibre Medium" panose="020B0503030202060203" pitchFamily="34" charset="77"/>
              </a:defRPr>
            </a:lvl1pPr>
            <a:lvl3pPr>
              <a:defRPr sz="1200"/>
            </a:lvl3pPr>
          </a:lstStyle>
          <a:p>
            <a:pPr lvl="0"/>
            <a:r>
              <a:rPr lang="en-US" dirty="0"/>
              <a:t>Click to edit Master text styles</a:t>
            </a:r>
          </a:p>
          <a:p>
            <a:pPr lvl="2"/>
            <a:r>
              <a:rPr lang="en-US" dirty="0"/>
              <a:t>Third level</a:t>
            </a:r>
          </a:p>
        </p:txBody>
      </p:sp>
      <p:sp>
        <p:nvSpPr>
          <p:cNvPr id="18" name="Slide Number Placeholder 1">
            <a:extLst>
              <a:ext uri="{FF2B5EF4-FFF2-40B4-BE49-F238E27FC236}">
                <a16:creationId xmlns:a16="http://schemas.microsoft.com/office/drawing/2014/main" id="{09F8FB20-5114-D64B-8D1D-3497BFFDE4D6}"/>
              </a:ext>
            </a:extLst>
          </p:cNvPr>
          <p:cNvSpPr>
            <a:spLocks noGrp="1"/>
          </p:cNvSpPr>
          <p:nvPr>
            <p:ph type="sldNum" sz="quarter" idx="4"/>
          </p:nvPr>
        </p:nvSpPr>
        <p:spPr>
          <a:xfrm>
            <a:off x="11486044" y="6502400"/>
            <a:ext cx="193193" cy="365125"/>
          </a:xfrm>
          <a:prstGeom prst="rect">
            <a:avLst/>
          </a:prstGeom>
        </p:spPr>
        <p:txBody>
          <a:bodyPr vert="horz" lIns="0" tIns="0" rIns="0" bIns="0" rtlCol="0" anchor="t"/>
          <a:lstStyle>
            <a:lvl1pPr algn="r">
              <a:defRPr sz="800">
                <a:solidFill>
                  <a:schemeClr val="tx1"/>
                </a:solidFill>
              </a:defRPr>
            </a:lvl1pPr>
          </a:lstStyle>
          <a:p>
            <a:fld id="{B04737BE-6533-4D03-837D-07E19DFF0DD2}" type="slidenum">
              <a:rPr lang="en-GB" smtClean="0"/>
              <a:pPr/>
              <a:t>‹#›</a:t>
            </a:fld>
            <a:endParaRPr lang="en-GB" dirty="0"/>
          </a:p>
        </p:txBody>
      </p:sp>
      <p:sp>
        <p:nvSpPr>
          <p:cNvPr id="3" name="Table Placeholder 2">
            <a:extLst>
              <a:ext uri="{FF2B5EF4-FFF2-40B4-BE49-F238E27FC236}">
                <a16:creationId xmlns:a16="http://schemas.microsoft.com/office/drawing/2014/main" id="{7679AB6E-57DD-834F-89C4-5EFCAB4DB67F}"/>
              </a:ext>
            </a:extLst>
          </p:cNvPr>
          <p:cNvSpPr>
            <a:spLocks noGrp="1"/>
          </p:cNvSpPr>
          <p:nvPr>
            <p:ph type="tbl" sz="quarter" idx="48"/>
          </p:nvPr>
        </p:nvSpPr>
        <p:spPr>
          <a:xfrm>
            <a:off x="6261100" y="3986213"/>
            <a:ext cx="5418138" cy="1966912"/>
          </a:xfrm>
        </p:spPr>
        <p:txBody>
          <a:bodyPr/>
          <a:lstStyle/>
          <a:p>
            <a:endParaRPr lang="en-US" dirty="0"/>
          </a:p>
        </p:txBody>
      </p:sp>
      <p:sp>
        <p:nvSpPr>
          <p:cNvPr id="25" name="Picture Placeholder 2">
            <a:extLst>
              <a:ext uri="{FF2B5EF4-FFF2-40B4-BE49-F238E27FC236}">
                <a16:creationId xmlns:a16="http://schemas.microsoft.com/office/drawing/2014/main" id="{C0F7E7B9-250E-B842-BA31-1CF4FB8F2A1B}"/>
              </a:ext>
            </a:extLst>
          </p:cNvPr>
          <p:cNvSpPr>
            <a:spLocks noGrp="1"/>
          </p:cNvSpPr>
          <p:nvPr>
            <p:ph type="pic" sz="quarter" idx="42" hasCustomPrompt="1"/>
          </p:nvPr>
        </p:nvSpPr>
        <p:spPr>
          <a:xfrm>
            <a:off x="512912" y="1547028"/>
            <a:ext cx="1692000" cy="1454914"/>
          </a:xfrm>
          <a:solidFill>
            <a:schemeClr val="bg1">
              <a:lumMod val="85000"/>
            </a:schemeClr>
          </a:solidFill>
        </p:spPr>
        <p:txBody>
          <a:bodyPr/>
          <a:lstStyle>
            <a:lvl1pPr>
              <a:defRPr/>
            </a:lvl1pPr>
          </a:lstStyle>
          <a:p>
            <a:r>
              <a:rPr lang="en-US" dirty="0"/>
              <a:t> </a:t>
            </a:r>
          </a:p>
        </p:txBody>
      </p:sp>
      <p:cxnSp>
        <p:nvCxnSpPr>
          <p:cNvPr id="27" name="Straight Connector 26">
            <a:extLst>
              <a:ext uri="{FF2B5EF4-FFF2-40B4-BE49-F238E27FC236}">
                <a16:creationId xmlns:a16="http://schemas.microsoft.com/office/drawing/2014/main" id="{1EF7A3C4-925B-B74F-B38B-710C8B722172}"/>
              </a:ext>
            </a:extLst>
          </p:cNvPr>
          <p:cNvCxnSpPr>
            <a:cxnSpLocks/>
          </p:cNvCxnSpPr>
          <p:nvPr userDrawn="1"/>
        </p:nvCxnSpPr>
        <p:spPr>
          <a:xfrm>
            <a:off x="499598" y="3225986"/>
            <a:ext cx="1692000" cy="0"/>
          </a:xfrm>
          <a:prstGeom prst="line">
            <a:avLst/>
          </a:prstGeom>
          <a:ln w="6350">
            <a:solidFill>
              <a:schemeClr val="accent3"/>
            </a:solidFill>
          </a:ln>
        </p:spPr>
        <p:style>
          <a:lnRef idx="1">
            <a:schemeClr val="accent1"/>
          </a:lnRef>
          <a:fillRef idx="0">
            <a:schemeClr val="accent1"/>
          </a:fillRef>
          <a:effectRef idx="0">
            <a:schemeClr val="accent1"/>
          </a:effectRef>
          <a:fontRef idx="minor">
            <a:schemeClr val="tx1"/>
          </a:fontRef>
        </p:style>
      </p:cxnSp>
      <p:sp>
        <p:nvSpPr>
          <p:cNvPr id="28" name="Text Placeholder 3">
            <a:extLst>
              <a:ext uri="{FF2B5EF4-FFF2-40B4-BE49-F238E27FC236}">
                <a16:creationId xmlns:a16="http://schemas.microsoft.com/office/drawing/2014/main" id="{D73ED166-7820-F34D-BE60-0B3F28F8B501}"/>
              </a:ext>
            </a:extLst>
          </p:cNvPr>
          <p:cNvSpPr>
            <a:spLocks noGrp="1"/>
          </p:cNvSpPr>
          <p:nvPr>
            <p:ph type="body" sz="quarter" idx="49" hasCustomPrompt="1"/>
          </p:nvPr>
        </p:nvSpPr>
        <p:spPr>
          <a:xfrm>
            <a:off x="2509838" y="2466975"/>
            <a:ext cx="3586162" cy="758825"/>
          </a:xfrm>
        </p:spPr>
        <p:txBody>
          <a:bodyPr/>
          <a:lstStyle/>
          <a:p>
            <a:pPr lvl="2"/>
            <a:r>
              <a:rPr lang="en-GB" dirty="0"/>
              <a:t>Third level</a:t>
            </a:r>
          </a:p>
          <a:p>
            <a:pPr lvl="3"/>
            <a:r>
              <a:rPr lang="en-GB" dirty="0"/>
              <a:t>Fourth level</a:t>
            </a:r>
          </a:p>
          <a:p>
            <a:pPr lvl="4"/>
            <a:r>
              <a:rPr lang="en-GB" dirty="0"/>
              <a:t>Fifth level</a:t>
            </a:r>
            <a:endParaRPr lang="en-US" dirty="0"/>
          </a:p>
        </p:txBody>
      </p:sp>
      <p:sp>
        <p:nvSpPr>
          <p:cNvPr id="13" name="Text Placeholder 25">
            <a:extLst>
              <a:ext uri="{FF2B5EF4-FFF2-40B4-BE49-F238E27FC236}">
                <a16:creationId xmlns:a16="http://schemas.microsoft.com/office/drawing/2014/main" id="{904B2967-56C8-4D30-A172-DB697FA069A1}"/>
              </a:ext>
            </a:extLst>
          </p:cNvPr>
          <p:cNvSpPr>
            <a:spLocks noGrp="1"/>
          </p:cNvSpPr>
          <p:nvPr>
            <p:ph type="body" sz="quarter" idx="50" hasCustomPrompt="1"/>
          </p:nvPr>
        </p:nvSpPr>
        <p:spPr>
          <a:xfrm>
            <a:off x="511173" y="3497263"/>
            <a:ext cx="1692000" cy="3005137"/>
          </a:xfrm>
          <a:noFill/>
        </p:spPr>
        <p:txBody>
          <a:bodyPr lIns="0" tIns="0" rIns="0" bIns="0"/>
          <a:lstStyle>
            <a:lvl1pPr>
              <a:spcBef>
                <a:spcPts val="600"/>
              </a:spcBef>
              <a:spcAft>
                <a:spcPts val="600"/>
              </a:spcAft>
              <a:defRPr sz="1600">
                <a:solidFill>
                  <a:schemeClr val="accent6"/>
                </a:solidFill>
                <a:latin typeface="+mj-lt"/>
              </a:defRPr>
            </a:lvl1pPr>
            <a:lvl2pPr>
              <a:defRPr>
                <a:solidFill>
                  <a:schemeClr val="accent6"/>
                </a:solidFill>
                <a:latin typeface="+mj-lt"/>
              </a:defRPr>
            </a:lvl2pPr>
            <a:lvl3pPr>
              <a:defRPr lang="en-US" sz="1100" dirty="0">
                <a:solidFill>
                  <a:schemeClr val="tx1"/>
                </a:solidFill>
                <a:latin typeface="+mn-lt"/>
                <a:ea typeface="+mn-ea"/>
                <a:cs typeface="+mn-cs"/>
              </a:defRPr>
            </a:lvl3pPr>
            <a:lvl4pPr marL="171450" indent="-171450">
              <a:buFont typeface="Courier New" panose="02070309020205020404" pitchFamily="49" charset="0"/>
              <a:buChar char="­"/>
              <a:defRPr lang="en-US" sz="1100" dirty="0">
                <a:solidFill>
                  <a:schemeClr val="tx1"/>
                </a:solidFill>
                <a:latin typeface="+mn-lt"/>
                <a:ea typeface="+mn-ea"/>
                <a:cs typeface="+mn-cs"/>
              </a:defRPr>
            </a:lvl4pPr>
            <a:lvl5pPr>
              <a:defRPr>
                <a:solidFill>
                  <a:schemeClr val="accent6"/>
                </a:solidFill>
                <a:latin typeface="+mj-lt"/>
              </a:defRPr>
            </a:lvl5pPr>
            <a:lvl6pPr>
              <a:defRPr>
                <a:solidFill>
                  <a:schemeClr val="accent6"/>
                </a:solidFill>
                <a:latin typeface="+mj-lt"/>
              </a:defRPr>
            </a:lvl6pPr>
            <a:lvl7pPr>
              <a:defRPr>
                <a:solidFill>
                  <a:schemeClr val="accent6"/>
                </a:solidFill>
                <a:latin typeface="+mj-lt"/>
              </a:defRPr>
            </a:lvl7pPr>
          </a:lstStyle>
          <a:p>
            <a:pPr lvl="0"/>
            <a:r>
              <a:rPr lang="en-US" dirty="0"/>
              <a:t>Heading 1</a:t>
            </a:r>
          </a:p>
          <a:p>
            <a:pPr lvl="2"/>
            <a:r>
              <a:rPr lang="en-US" dirty="0"/>
              <a:t>Body Copy</a:t>
            </a:r>
          </a:p>
          <a:p>
            <a:pPr lvl="3"/>
            <a:r>
              <a:rPr lang="en-US" dirty="0"/>
              <a:t>Body Bullet</a:t>
            </a:r>
          </a:p>
        </p:txBody>
      </p:sp>
      <p:sp>
        <p:nvSpPr>
          <p:cNvPr id="12" name="Text Placeholder 8">
            <a:extLst>
              <a:ext uri="{FF2B5EF4-FFF2-40B4-BE49-F238E27FC236}">
                <a16:creationId xmlns:a16="http://schemas.microsoft.com/office/drawing/2014/main" id="{6CC990CA-05C4-EDB3-3AB1-F99B65C62D94}"/>
              </a:ext>
            </a:extLst>
          </p:cNvPr>
          <p:cNvSpPr txBox="1">
            <a:spLocks/>
          </p:cNvSpPr>
          <p:nvPr userDrawn="1"/>
        </p:nvSpPr>
        <p:spPr>
          <a:xfrm>
            <a:off x="1891881" y="551089"/>
            <a:ext cx="8460000" cy="0"/>
          </a:xfrm>
          <a:prstGeom prst="rect">
            <a:avLst/>
          </a:prstGeom>
          <a:ln w="31750" cap="flat" cmpd="sng" algn="ctr">
            <a:solidFill>
              <a:srgbClr val="17E891"/>
            </a:solidFill>
            <a:prstDash val="solid"/>
          </a:ln>
        </p:spPr>
        <p:style>
          <a:lnRef idx="1">
            <a:schemeClr val="accent1"/>
          </a:lnRef>
          <a:fillRef idx="0">
            <a:schemeClr val="accent1"/>
          </a:fillRef>
          <a:effectRef idx="0">
            <a:schemeClr val="accent1"/>
          </a:effectRef>
          <a:fontRef idx="minor">
            <a:schemeClr val="tx1"/>
          </a:fontRef>
        </p:style>
        <p:txBody>
          <a:bodyPr/>
          <a:lstStyle>
            <a:lvl1pPr marL="0" eaLnBrk="1" hangingPunct="1">
              <a:spcBef>
                <a:spcPts val="1200"/>
              </a:spcBef>
              <a:spcAft>
                <a:spcPts val="1200"/>
              </a:spcAft>
              <a:defRPr sz="2200">
                <a:solidFill>
                  <a:schemeClr val="tx1"/>
                </a:solidFill>
                <a:latin typeface="+mn-lt"/>
                <a:ea typeface="+mn-ea"/>
                <a:cs typeface="+mn-cs"/>
              </a:defRPr>
            </a:lvl1pPr>
            <a:lvl2pPr marL="0" indent="0" eaLnBrk="1" hangingPunct="1">
              <a:spcAft>
                <a:spcPts val="600"/>
              </a:spcAft>
              <a:defRPr sz="1600" b="0">
                <a:solidFill>
                  <a:schemeClr val="tx1"/>
                </a:solidFill>
                <a:latin typeface="+mn-lt"/>
                <a:ea typeface="+mn-ea"/>
                <a:cs typeface="+mn-cs"/>
              </a:defRPr>
            </a:lvl2pPr>
            <a:lvl3pPr marL="0" indent="0" eaLnBrk="1" hangingPunct="1">
              <a:spcBef>
                <a:spcPts val="300"/>
              </a:spcBef>
              <a:spcAft>
                <a:spcPts val="300"/>
              </a:spcAft>
              <a:defRPr sz="1100">
                <a:solidFill>
                  <a:schemeClr val="tx1"/>
                </a:solidFill>
                <a:latin typeface="+mn-lt"/>
                <a:ea typeface="+mn-ea"/>
                <a:cs typeface="+mn-cs"/>
              </a:defRPr>
            </a:lvl3pPr>
            <a:lvl4pPr marL="171450" indent="-171450" eaLnBrk="1" hangingPunct="1">
              <a:spcBef>
                <a:spcPts val="300"/>
              </a:spcBef>
              <a:spcAft>
                <a:spcPts val="300"/>
              </a:spcAft>
              <a:buClr>
                <a:schemeClr val="tx1"/>
              </a:buClr>
              <a:buFont typeface="SwissReSansOTLight" panose="04000400000000000000" pitchFamily="82" charset="0"/>
              <a:buChar char="–"/>
              <a:defRPr sz="1100">
                <a:solidFill>
                  <a:schemeClr val="tx1"/>
                </a:solidFill>
                <a:latin typeface="+mn-lt"/>
                <a:ea typeface="+mn-ea"/>
                <a:cs typeface="+mn-cs"/>
              </a:defRPr>
            </a:lvl4pPr>
            <a:lvl5pPr marL="0" indent="0" eaLnBrk="1" hangingPunct="1">
              <a:spcBef>
                <a:spcPts val="600"/>
              </a:spcBef>
              <a:defRPr sz="1200" b="1">
                <a:solidFill>
                  <a:schemeClr val="tx1"/>
                </a:solidFill>
                <a:latin typeface="+mn-lt"/>
                <a:ea typeface="+mn-ea"/>
                <a:cs typeface="+mn-cs"/>
              </a:defRPr>
            </a:lvl5pPr>
            <a:lvl6pPr marL="358775" indent="-171450" eaLnBrk="1" hangingPunct="1">
              <a:spcBef>
                <a:spcPts val="300"/>
              </a:spcBef>
              <a:spcAft>
                <a:spcPts val="300"/>
              </a:spcAft>
              <a:buFontTx/>
              <a:buChar char="–"/>
              <a:defRPr sz="1100">
                <a:solidFill>
                  <a:schemeClr val="tx1"/>
                </a:solidFill>
                <a:latin typeface="+mn-lt"/>
                <a:ea typeface="+mn-ea"/>
                <a:cs typeface="+mn-cs"/>
              </a:defRPr>
            </a:lvl6pPr>
            <a:lvl7pPr marL="541338" indent="-182563" eaLnBrk="1" hangingPunct="1">
              <a:spcBef>
                <a:spcPts val="300"/>
              </a:spcBef>
              <a:spcAft>
                <a:spcPts val="300"/>
              </a:spcAft>
              <a:buFontTx/>
              <a:buChar char="–"/>
              <a:defRPr sz="1100">
                <a:solidFill>
                  <a:schemeClr val="tx1"/>
                </a:solidFill>
                <a:latin typeface="+mn-lt"/>
                <a:ea typeface="+mn-ea"/>
                <a:cs typeface="+mn-cs"/>
              </a:defRPr>
            </a:lvl7pPr>
            <a:lvl8pPr marL="1940723" eaLnBrk="1" hangingPunct="1">
              <a:defRPr>
                <a:solidFill>
                  <a:schemeClr val="tx1"/>
                </a:solidFill>
                <a:latin typeface="+mn-lt"/>
                <a:ea typeface="+mn-ea"/>
                <a:cs typeface="+mn-cs"/>
              </a:defRPr>
            </a:lvl8pPr>
            <a:lvl9pPr marL="2217969" eaLnBrk="1" hangingPunct="1">
              <a:defRPr>
                <a:solidFill>
                  <a:schemeClr val="tx1"/>
                </a:solidFill>
                <a:latin typeface="+mn-lt"/>
                <a:ea typeface="+mn-ea"/>
                <a:cs typeface="+mn-cs"/>
              </a:defRPr>
            </a:lvl9pPr>
          </a:lstStyle>
          <a:p>
            <a:r>
              <a:rPr lang="en-GB" kern="0" dirty="0"/>
              <a:t> </a:t>
            </a:r>
          </a:p>
        </p:txBody>
      </p:sp>
      <p:pic>
        <p:nvPicPr>
          <p:cNvPr id="16" name="Picture 15" descr="A picture containing text, sign, close, clipart&#10;&#10;Description automatically generated">
            <a:extLst>
              <a:ext uri="{FF2B5EF4-FFF2-40B4-BE49-F238E27FC236}">
                <a16:creationId xmlns:a16="http://schemas.microsoft.com/office/drawing/2014/main" id="{7F12BC12-DBE0-0D4E-F90E-31987195D871}"/>
              </a:ext>
            </a:extLst>
          </p:cNvPr>
          <p:cNvPicPr>
            <a:picLocks noChangeAspect="1"/>
          </p:cNvPicPr>
          <p:nvPr userDrawn="1"/>
        </p:nvPicPr>
        <p:blipFill>
          <a:blip r:embed="rId2" cstate="email">
            <a:extLst>
              <a:ext uri="{28A0092B-C50C-407E-A947-70E740481C1C}">
                <a14:useLocalDpi xmlns:a14="http://schemas.microsoft.com/office/drawing/2010/main" val="0"/>
              </a:ext>
            </a:extLst>
          </a:blip>
          <a:stretch>
            <a:fillRect/>
          </a:stretch>
        </p:blipFill>
        <p:spPr>
          <a:xfrm>
            <a:off x="10579565" y="425089"/>
            <a:ext cx="1078000" cy="252000"/>
          </a:xfrm>
          <a:prstGeom prst="rect">
            <a:avLst/>
          </a:prstGeom>
        </p:spPr>
      </p:pic>
      <p:sp>
        <p:nvSpPr>
          <p:cNvPr id="17" name="Rectangle 16">
            <a:extLst>
              <a:ext uri="{FF2B5EF4-FFF2-40B4-BE49-F238E27FC236}">
                <a16:creationId xmlns:a16="http://schemas.microsoft.com/office/drawing/2014/main" id="{9D535528-97D9-DE08-CCF1-22215BDDC896}"/>
              </a:ext>
            </a:extLst>
          </p:cNvPr>
          <p:cNvSpPr/>
          <p:nvPr userDrawn="1"/>
        </p:nvSpPr>
        <p:spPr>
          <a:xfrm>
            <a:off x="512915" y="366423"/>
            <a:ext cx="1784985" cy="369332"/>
          </a:xfrm>
          <a:prstGeom prst="rect">
            <a:avLst/>
          </a:prstGeom>
          <a:noFill/>
        </p:spPr>
        <p:txBody>
          <a:bodyPr wrap="square" lIns="0" tIns="0" rIns="0" bIns="0">
            <a:spAutoFit/>
          </a:bodyPr>
          <a:lstStyle/>
          <a:p>
            <a:pPr marL="12700" lvl="0">
              <a:spcAft>
                <a:spcPts val="1800"/>
              </a:spcAft>
              <a:defRPr/>
            </a:pPr>
            <a:r>
              <a:rPr lang="en-US" sz="2400" dirty="0">
                <a:latin typeface="Calibre Light" panose="020B0303030202060203" pitchFamily="34" charset="77"/>
              </a:rPr>
              <a:t>PROFILES</a:t>
            </a:r>
          </a:p>
        </p:txBody>
      </p:sp>
    </p:spTree>
    <p:extLst>
      <p:ext uri="{BB962C8B-B14F-4D97-AF65-F5344CB8AC3E}">
        <p14:creationId xmlns:p14="http://schemas.microsoft.com/office/powerpoint/2010/main" val="2635994017"/>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Thank you">
    <p:spTree>
      <p:nvGrpSpPr>
        <p:cNvPr id="1" name=""/>
        <p:cNvGrpSpPr/>
        <p:nvPr/>
      </p:nvGrpSpPr>
      <p:grpSpPr>
        <a:xfrm>
          <a:off x="0" y="0"/>
          <a:ext cx="0" cy="0"/>
          <a:chOff x="0" y="0"/>
          <a:chExt cx="0" cy="0"/>
        </a:xfrm>
      </p:grpSpPr>
      <p:cxnSp>
        <p:nvCxnSpPr>
          <p:cNvPr id="27" name="Line of Sight">
            <a:extLst>
              <a:ext uri="{FF2B5EF4-FFF2-40B4-BE49-F238E27FC236}">
                <a16:creationId xmlns:a16="http://schemas.microsoft.com/office/drawing/2014/main" id="{C407EC0E-41E7-4D5B-9055-FD42C50A8DCF}"/>
              </a:ext>
            </a:extLst>
          </p:cNvPr>
          <p:cNvCxnSpPr>
            <a:cxnSpLocks/>
          </p:cNvCxnSpPr>
          <p:nvPr userDrawn="1"/>
        </p:nvCxnSpPr>
        <p:spPr>
          <a:xfrm>
            <a:off x="4290219" y="681037"/>
            <a:ext cx="6172200"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3" name="LoS Cover">
            <a:extLst>
              <a:ext uri="{FF2B5EF4-FFF2-40B4-BE49-F238E27FC236}">
                <a16:creationId xmlns:a16="http://schemas.microsoft.com/office/drawing/2014/main" id="{9CF8EC85-1633-4BD9-8545-28E2955DF1D4}"/>
              </a:ext>
            </a:extLst>
          </p:cNvPr>
          <p:cNvSpPr/>
          <p:nvPr userDrawn="1"/>
        </p:nvSpPr>
        <p:spPr>
          <a:xfrm>
            <a:off x="0" y="0"/>
            <a:ext cx="4290219" cy="1269295"/>
          </a:xfrm>
          <a:prstGeom prst="rect">
            <a:avLst/>
          </a:prstGeom>
          <a:solidFill>
            <a:schemeClr val="accent6"/>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6" name="Thank you">
            <a:extLst>
              <a:ext uri="{FF2B5EF4-FFF2-40B4-BE49-F238E27FC236}">
                <a16:creationId xmlns:a16="http://schemas.microsoft.com/office/drawing/2014/main" id="{893A021A-717C-4A14-8688-02243BB5161B}"/>
              </a:ext>
            </a:extLst>
          </p:cNvPr>
          <p:cNvSpPr/>
          <p:nvPr userDrawn="1"/>
        </p:nvSpPr>
        <p:spPr>
          <a:xfrm>
            <a:off x="508635" y="62115"/>
            <a:ext cx="2937022" cy="892552"/>
          </a:xfrm>
          <a:prstGeom prst="rect">
            <a:avLst/>
          </a:prstGeom>
        </p:spPr>
        <p:txBody>
          <a:bodyPr wrap="none" lIns="0" tIns="0" rIns="0" bIns="0">
            <a:no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kumimoji="0" lang="en-US" altLang="en-US" sz="6600" b="0" i="0" u="none" strike="noStrike" kern="0" cap="none" spc="0" normalizeH="0" baseline="0" noProof="0" dirty="0">
                <a:ln>
                  <a:noFill/>
                </a:ln>
                <a:solidFill>
                  <a:srgbClr val="FFFFFF"/>
                </a:solidFill>
                <a:effectLst/>
                <a:uLnTx/>
                <a:uFillTx/>
                <a:latin typeface="Financier Display Medium" panose="02020603070506060203" pitchFamily="18" charset="0"/>
                <a:ea typeface="Arial Unicode MS"/>
                <a:cs typeface="Calibre Semibold" panose="020B0703030202060203" pitchFamily="34" charset="0"/>
              </a:rPr>
              <a:t>Thank you</a:t>
            </a:r>
            <a:endParaRPr kumimoji="0" lang="en-US" altLang="en-US" sz="700" b="0" i="0" u="none" strike="noStrike" kern="0" cap="none" spc="0" normalizeH="0" baseline="0" noProof="0" dirty="0">
              <a:ln>
                <a:noFill/>
              </a:ln>
              <a:solidFill>
                <a:srgbClr val="435254"/>
              </a:solidFill>
              <a:effectLst/>
              <a:uLnTx/>
              <a:uFillTx/>
              <a:latin typeface="Calibre Light" panose="020B0303030202060203" pitchFamily="34" charset="0"/>
              <a:ea typeface="+mn-ea"/>
              <a:cs typeface="+mn-cs"/>
            </a:endParaRPr>
          </a:p>
        </p:txBody>
      </p:sp>
      <p:sp>
        <p:nvSpPr>
          <p:cNvPr id="28" name="CBRE Vector Logo">
            <a:extLst>
              <a:ext uri="{FF2B5EF4-FFF2-40B4-BE49-F238E27FC236}">
                <a16:creationId xmlns:a16="http://schemas.microsoft.com/office/drawing/2014/main" id="{9817F25B-C192-4B72-A245-CB7206E0A8A0}"/>
              </a:ext>
            </a:extLst>
          </p:cNvPr>
          <p:cNvSpPr>
            <a:spLocks noChangeAspect="1"/>
          </p:cNvSpPr>
          <p:nvPr userDrawn="1"/>
        </p:nvSpPr>
        <p:spPr>
          <a:xfrm>
            <a:off x="10755020" y="566230"/>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chemeClr val="bg1"/>
          </a:solidFill>
          <a:ln w="2617" cap="flat">
            <a:noFill/>
            <a:prstDash val="solid"/>
            <a:miter/>
          </a:ln>
        </p:spPr>
        <p:txBody>
          <a:bodyPr wrap="square" rtlCol="0" anchor="ctr">
            <a:noAutofit/>
          </a:bodyPr>
          <a:lstStyle/>
          <a:p>
            <a:endParaRPr lang="en-US" dirty="0"/>
          </a:p>
        </p:txBody>
      </p:sp>
      <p:sp>
        <p:nvSpPr>
          <p:cNvPr id="17" name="Multiple languages">
            <a:extLst>
              <a:ext uri="{FF2B5EF4-FFF2-40B4-BE49-F238E27FC236}">
                <a16:creationId xmlns:a16="http://schemas.microsoft.com/office/drawing/2014/main" id="{3B14E26C-344D-4D3B-8358-8B98BB4E3322}"/>
              </a:ext>
            </a:extLst>
          </p:cNvPr>
          <p:cNvSpPr txBox="1">
            <a:spLocks/>
          </p:cNvSpPr>
          <p:nvPr userDrawn="1"/>
        </p:nvSpPr>
        <p:spPr>
          <a:xfrm>
            <a:off x="407035" y="1269321"/>
            <a:ext cx="11373804" cy="523875"/>
          </a:xfrm>
          <a:prstGeom prst="rect">
            <a:avLst/>
          </a:prstGeom>
          <a:noFill/>
          <a:ln w="9525" algn="ctr">
            <a:noFill/>
            <a:miter lim="800000"/>
            <a:headEnd/>
            <a:tailEnd/>
          </a:ln>
        </p:spPr>
        <p:txBody>
          <a:bodyPr vert="horz" wrap="square" lIns="0" tIns="0" rIns="0" bIns="0" numCol="1" anchor="t" anchorCtr="0" compatLnSpc="1">
            <a:prstTxWarp prst="textNoShape">
              <a:avLst/>
            </a:prstTxWarp>
            <a:noAutofit/>
          </a:bodyPr>
          <a:lstStyle>
            <a:lvl1pPr algn="l" defTabSz="914400" rtl="0" eaLnBrk="1" latinLnBrk="0" hangingPunct="1">
              <a:spcBef>
                <a:spcPct val="0"/>
              </a:spcBef>
              <a:buNone/>
              <a:defRPr kumimoji="0" lang="en-US" sz="2600" b="0" i="0" u="none" strike="noStrike" kern="0" cap="none" spc="0" normalizeH="0" baseline="0" noProof="0" dirty="0">
                <a:ln>
                  <a:noFill/>
                </a:ln>
                <a:solidFill>
                  <a:srgbClr val="006A4D"/>
                </a:solidFill>
                <a:effectLst/>
                <a:uLnTx/>
                <a:uFillTx/>
                <a:latin typeface="+mj-lt"/>
                <a:ea typeface="+mj-ea"/>
                <a:cs typeface="+mj-cs"/>
              </a:defRPr>
            </a:lvl1pPr>
          </a:lstStyle>
          <a:p>
            <a:pPr marL="0" marR="0" lvl="0" indent="0" algn="ctr" defTabSz="914620" rtl="0" eaLnBrk="1" fontAlgn="auto" latinLnBrk="0" hangingPunct="1">
              <a:lnSpc>
                <a:spcPct val="25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CAD1D3"/>
                </a:solidFill>
                <a:effectLst/>
                <a:uLnTx/>
                <a:uFillTx/>
                <a:latin typeface="Calibre"/>
                <a:ea typeface="+mn-ea"/>
                <a:cs typeface="+mn-cs"/>
              </a:rPr>
              <a:t>Gracias   ধন্যবাদ   </a:t>
            </a:r>
            <a:r>
              <a:rPr kumimoji="0" lang="en-US" altLang="ja-JP" sz="1200" b="0" i="0" u="none" strike="noStrike" kern="1200" cap="none" spc="0" normalizeH="0" baseline="0" noProof="0" dirty="0">
                <a:ln>
                  <a:noFill/>
                </a:ln>
                <a:solidFill>
                  <a:srgbClr val="CAD1D3"/>
                </a:solidFill>
                <a:effectLst/>
                <a:uLnTx/>
                <a:uFillTx/>
                <a:latin typeface="Calibre"/>
                <a:ea typeface="+mn-ea"/>
                <a:cs typeface="+mn-cs"/>
              </a:rPr>
              <a:t>Salamat </a:t>
            </a:r>
            <a:r>
              <a:rPr kumimoji="0" lang="en-US" sz="1200" b="0" i="0" u="none" strike="noStrike" kern="1200" cap="none" spc="0" normalizeH="0" baseline="0" noProof="0" dirty="0">
                <a:ln>
                  <a:noFill/>
                </a:ln>
                <a:solidFill>
                  <a:srgbClr val="CAD1D3"/>
                </a:solidFill>
                <a:effectLst/>
                <a:uLnTx/>
                <a:uFillTx/>
                <a:latin typeface="Calibre"/>
                <a:ea typeface="+mn-ea"/>
                <a:cs typeface="+mn-cs"/>
              </a:rPr>
              <a:t>  धन्यवाद   </a:t>
            </a:r>
            <a:r>
              <a:rPr kumimoji="0" lang="en-US" altLang="ja-JP" sz="1200" b="0" i="0" u="none" strike="noStrike" kern="1200" cap="none" spc="0" normalizeH="0" baseline="0" noProof="0" dirty="0">
                <a:ln>
                  <a:noFill/>
                </a:ln>
                <a:solidFill>
                  <a:srgbClr val="CAD1D3"/>
                </a:solidFill>
                <a:effectLst/>
                <a:uLnTx/>
                <a:uFillTx/>
                <a:latin typeface="Calibre"/>
                <a:ea typeface="+mn-ea"/>
                <a:cs typeface="+mn-cs"/>
              </a:rPr>
              <a:t>Obrigado</a:t>
            </a:r>
            <a:r>
              <a:rPr kumimoji="0" lang="en-US" sz="1200" b="0" i="0" u="none" strike="noStrike" kern="1200" cap="none" spc="0" normalizeH="0" baseline="0" noProof="0" dirty="0">
                <a:ln>
                  <a:noFill/>
                </a:ln>
                <a:solidFill>
                  <a:srgbClr val="CAD1D3"/>
                </a:solidFill>
                <a:effectLst/>
                <a:uLnTx/>
                <a:uFillTx/>
                <a:latin typeface="Calibre"/>
                <a:ea typeface="+mn-ea"/>
                <a:cs typeface="+mn-cs"/>
              </a:rPr>
              <a:t>   </a:t>
            </a:r>
            <a:r>
              <a:rPr kumimoji="0" lang="ja-JP" altLang="en-US" sz="1200" b="0" i="0" u="none" strike="noStrike" kern="1200" cap="none" spc="0" normalizeH="0" baseline="0" noProof="0" dirty="0">
                <a:ln>
                  <a:noFill/>
                </a:ln>
                <a:solidFill>
                  <a:srgbClr val="CAD1D3"/>
                </a:solidFill>
                <a:effectLst/>
                <a:uLnTx/>
                <a:uFillTx/>
                <a:latin typeface="Calibre"/>
                <a:ea typeface="+mn-ea"/>
                <a:cs typeface="+mn-cs"/>
              </a:rPr>
              <a:t>謝謝</a:t>
            </a:r>
            <a:r>
              <a:rPr kumimoji="0" lang="en-US" sz="1200" b="0" i="0" u="none" strike="noStrike" kern="1200" cap="none" spc="0" normalizeH="0" baseline="0" noProof="0" dirty="0">
                <a:ln>
                  <a:noFill/>
                </a:ln>
                <a:solidFill>
                  <a:srgbClr val="CAD1D3"/>
                </a:solidFill>
                <a:effectLst/>
                <a:uLnTx/>
                <a:uFillTx/>
                <a:latin typeface="Calibre"/>
                <a:ea typeface="+mn-ea"/>
                <a:cs typeface="+mn-cs"/>
              </a:rPr>
              <a:t>   </a:t>
            </a:r>
            <a:r>
              <a:rPr kumimoji="0" lang="en-US" altLang="ja-JP" sz="1200" b="0" i="0" u="none" strike="noStrike" kern="1200" cap="none" spc="0" normalizeH="0" baseline="0" noProof="0" dirty="0">
                <a:ln>
                  <a:noFill/>
                </a:ln>
                <a:solidFill>
                  <a:srgbClr val="CAD1D3"/>
                </a:solidFill>
                <a:effectLst/>
                <a:uLnTx/>
                <a:uFillTx/>
                <a:latin typeface="Calibre"/>
                <a:ea typeface="+mn-ea"/>
                <a:cs typeface="+mn-cs"/>
              </a:rPr>
              <a:t>Спасибо </a:t>
            </a:r>
            <a:r>
              <a:rPr kumimoji="0" lang="en-US" sz="1200" b="0" i="0" u="none" strike="noStrike" kern="1200" cap="none" spc="0" normalizeH="0" baseline="0" noProof="0" dirty="0">
                <a:ln>
                  <a:noFill/>
                </a:ln>
                <a:solidFill>
                  <a:srgbClr val="CAD1D3"/>
                </a:solidFill>
                <a:effectLst/>
                <a:uLnTx/>
                <a:uFillTx/>
                <a:latin typeface="Calibre"/>
                <a:ea typeface="+mn-ea"/>
                <a:cs typeface="+mn-cs"/>
              </a:rPr>
              <a:t>  </a:t>
            </a:r>
            <a:r>
              <a:rPr kumimoji="0" lang="ko-KR" altLang="en-US" sz="1000" b="1" i="0" u="none" strike="noStrike" kern="1200" cap="none" spc="0" normalizeH="0" baseline="0" noProof="0" dirty="0">
                <a:ln>
                  <a:noFill/>
                </a:ln>
                <a:solidFill>
                  <a:srgbClr val="CAD1D3"/>
                </a:solidFill>
                <a:effectLst/>
                <a:uLnTx/>
                <a:uFillTx/>
                <a:latin typeface="Calibre"/>
                <a:ea typeface="+mn-ea"/>
                <a:cs typeface="+mn-cs"/>
              </a:rPr>
              <a:t>감사합니다</a:t>
            </a:r>
            <a:r>
              <a:rPr kumimoji="0" lang="en-US" sz="1000" b="0" i="0" u="none" strike="noStrike" kern="1200" cap="none" spc="0" normalizeH="0" baseline="0" noProof="0" dirty="0">
                <a:ln>
                  <a:noFill/>
                </a:ln>
                <a:solidFill>
                  <a:srgbClr val="CAD1D3"/>
                </a:solidFill>
                <a:effectLst/>
                <a:uLnTx/>
                <a:uFillTx/>
                <a:latin typeface="Calibre"/>
                <a:ea typeface="+mn-ea"/>
                <a:cs typeface="+mn-cs"/>
              </a:rPr>
              <a:t>   </a:t>
            </a:r>
            <a:r>
              <a:rPr kumimoji="0" lang="en-US" sz="1200" b="0" i="0" u="none" strike="noStrike" kern="1200" cap="none" spc="0" normalizeH="0" baseline="0" noProof="0" dirty="0">
                <a:ln>
                  <a:noFill/>
                </a:ln>
                <a:solidFill>
                  <a:srgbClr val="CAD1D3"/>
                </a:solidFill>
                <a:effectLst/>
                <a:uLnTx/>
                <a:uFillTx/>
                <a:latin typeface="Calibre"/>
                <a:ea typeface="+mn-ea"/>
                <a:cs typeface="+mn-cs"/>
              </a:rPr>
              <a:t>Merci</a:t>
            </a:r>
            <a:r>
              <a:rPr kumimoji="0" lang="en-US" sz="1200" b="0" i="0" u="none" strike="noStrike" kern="1200" cap="none" spc="0" normalizeH="0" baseline="0" noProof="0" dirty="0">
                <a:ln>
                  <a:noFill/>
                </a:ln>
                <a:solidFill>
                  <a:srgbClr val="CAD1D3"/>
                </a:solidFill>
                <a:effectLst/>
                <a:uLnTx/>
                <a:uFillTx/>
                <a:latin typeface="+mj-lt"/>
                <a:ea typeface="+mn-ea"/>
                <a:cs typeface="+mn-cs"/>
              </a:rPr>
              <a:t>  </a:t>
            </a:r>
            <a:r>
              <a:rPr kumimoji="0" lang="en-US" sz="1200" b="0" i="0" u="none" strike="noStrike" kern="0" cap="none" spc="0" normalizeH="0" baseline="0" noProof="0" dirty="0">
                <a:ln>
                  <a:noFill/>
                </a:ln>
                <a:solidFill>
                  <a:srgbClr val="CAD1D3"/>
                </a:solidFill>
                <a:effectLst/>
                <a:uLnTx/>
                <a:uFillTx/>
                <a:latin typeface="Calibre"/>
                <a:ea typeface="+mn-ea"/>
                <a:cs typeface="+mn-cs"/>
              </a:rPr>
              <a:t>תודה</a:t>
            </a:r>
            <a:r>
              <a:rPr kumimoji="0" lang="en-US" sz="200" b="0" i="0" u="none" strike="noStrike" kern="0" cap="none" spc="0" normalizeH="0" baseline="0" noProof="0" dirty="0">
                <a:ln>
                  <a:noFill/>
                </a:ln>
                <a:solidFill>
                  <a:srgbClr val="CAD1D3"/>
                </a:solidFill>
                <a:effectLst/>
                <a:uLnTx/>
                <a:uFillTx/>
                <a:latin typeface="Calibre"/>
                <a:ea typeface="+mn-ea"/>
                <a:cs typeface="+mn-cs"/>
              </a:rPr>
              <a:t>.</a:t>
            </a:r>
            <a:r>
              <a:rPr kumimoji="0" lang="en-US" sz="1200" b="0" i="0" u="none" strike="noStrike" kern="1200" cap="none" spc="0" normalizeH="0" baseline="0" noProof="0" dirty="0">
                <a:ln>
                  <a:noFill/>
                </a:ln>
                <a:solidFill>
                  <a:srgbClr val="CAD1D3"/>
                </a:solidFill>
                <a:effectLst/>
                <a:uLnTx/>
                <a:uFillTx/>
                <a:latin typeface="Calibre"/>
                <a:ea typeface="+mn-ea"/>
                <a:cs typeface="+mn-cs"/>
              </a:rPr>
              <a:t>شکریہ</a:t>
            </a:r>
            <a:r>
              <a:rPr kumimoji="0" lang="en-US" sz="1200" b="0" i="0" u="none" strike="noStrike" kern="1200" cap="none" spc="0" normalizeH="0" baseline="0" noProof="0" dirty="0">
                <a:ln>
                  <a:noFill/>
                </a:ln>
                <a:solidFill>
                  <a:srgbClr val="CAD1D3"/>
                </a:solidFill>
                <a:effectLst/>
                <a:uLnTx/>
                <a:uFillTx/>
                <a:latin typeface="+mj-lt"/>
                <a:ea typeface="+mn-ea"/>
                <a:cs typeface="+mn-cs"/>
              </a:rPr>
              <a:t> </a:t>
            </a:r>
            <a:r>
              <a:rPr kumimoji="0" lang="en-US" sz="1200" b="0" i="0" u="none" strike="noStrike" kern="1200" cap="none" spc="0" normalizeH="0" baseline="0" noProof="0" dirty="0">
                <a:ln>
                  <a:noFill/>
                </a:ln>
                <a:solidFill>
                  <a:srgbClr val="CAD1D3"/>
                </a:solidFill>
                <a:effectLst/>
                <a:uLnTx/>
                <a:uFillTx/>
                <a:latin typeface="+mj-lt"/>
                <a:ea typeface="+mj-ea"/>
                <a:cs typeface="+mj-cs"/>
              </a:rPr>
              <a:t> </a:t>
            </a:r>
            <a:r>
              <a:rPr kumimoji="0" lang="en-US" sz="1200" b="0" i="0" u="none" strike="noStrike" kern="1200" cap="none" spc="0" normalizeH="0" baseline="0" noProof="0" dirty="0">
                <a:ln>
                  <a:noFill/>
                </a:ln>
                <a:solidFill>
                  <a:srgbClr val="CAD1D3"/>
                </a:solidFill>
                <a:effectLst/>
                <a:uLnTx/>
                <a:uFillTx/>
                <a:latin typeface="Calibre"/>
                <a:ea typeface="+mn-ea"/>
                <a:cs typeface="+mn-cs"/>
              </a:rPr>
              <a:t> </a:t>
            </a:r>
            <a:r>
              <a:rPr kumimoji="0" lang="en-US" sz="1200" b="0" i="0" u="none" strike="noStrike" kern="1200" cap="none" spc="0" normalizeH="0" baseline="0" noProof="0" dirty="0">
                <a:ln>
                  <a:noFill/>
                </a:ln>
                <a:solidFill>
                  <a:srgbClr val="003F2D"/>
                </a:solidFill>
                <a:effectLst/>
                <a:uLnTx/>
                <a:uFillTx/>
                <a:latin typeface="Calibre"/>
                <a:ea typeface="+mn-ea"/>
                <a:cs typeface="+mn-cs"/>
              </a:rPr>
              <a:t>.</a:t>
            </a:r>
            <a:r>
              <a:rPr kumimoji="0" lang="en-US" sz="1200" b="0" i="0" u="none" strike="noStrike" kern="1200" cap="none" spc="0" normalizeH="0" baseline="0" noProof="0" dirty="0">
                <a:ln>
                  <a:noFill/>
                </a:ln>
                <a:solidFill>
                  <a:srgbClr val="CAD1D3"/>
                </a:solidFill>
                <a:effectLst/>
                <a:uLnTx/>
                <a:uFillTx/>
                <a:latin typeface="Calibre"/>
                <a:ea typeface="+mn-ea"/>
                <a:cs typeface="+mn-cs"/>
              </a:rPr>
              <a:t>  Danke   </a:t>
            </a:r>
            <a:r>
              <a:rPr kumimoji="0" lang="ja-JP" altLang="en-US" sz="1000" b="0" i="0" u="none" strike="noStrike" kern="1200" cap="none" spc="-350" normalizeH="0" baseline="0" noProof="0" dirty="0">
                <a:ln>
                  <a:noFill/>
                </a:ln>
                <a:solidFill>
                  <a:srgbClr val="CAD1D3"/>
                </a:solidFill>
                <a:effectLst/>
                <a:uLnTx/>
                <a:uFillTx/>
                <a:latin typeface="Calibre"/>
                <a:ea typeface="+mn-ea"/>
                <a:cs typeface="+mn-cs"/>
              </a:rPr>
              <a:t>ありがとう</a:t>
            </a:r>
            <a:r>
              <a:rPr kumimoji="0" lang="en-US" sz="1000" b="0" i="0" u="none" strike="noStrike" kern="1200" cap="none" spc="0" normalizeH="0" baseline="0" noProof="0" dirty="0">
                <a:ln>
                  <a:noFill/>
                </a:ln>
                <a:solidFill>
                  <a:srgbClr val="CAD1D3"/>
                </a:solidFill>
                <a:effectLst/>
                <a:uLnTx/>
                <a:uFillTx/>
                <a:latin typeface="Calibre"/>
                <a:ea typeface="+mn-ea"/>
                <a:cs typeface="+mn-cs"/>
              </a:rPr>
              <a:t>   </a:t>
            </a:r>
            <a:r>
              <a:rPr kumimoji="0" lang="en-US" sz="1200" b="0" i="0" u="none" strike="noStrike" kern="1200" cap="none" spc="0" normalizeH="0" baseline="0" noProof="0" dirty="0">
                <a:ln>
                  <a:noFill/>
                </a:ln>
                <a:solidFill>
                  <a:srgbClr val="CAD1D3"/>
                </a:solidFill>
                <a:effectLst/>
                <a:uLnTx/>
                <a:uFillTx/>
                <a:latin typeface="Calibre"/>
                <a:ea typeface="+mn-ea"/>
                <a:cs typeface="+mn-cs"/>
              </a:rPr>
              <a:t>Terima Kasih  </a:t>
            </a:r>
            <a:r>
              <a:rPr kumimoji="0" lang="en-US" altLang="ja-JP" sz="1200" b="0" i="0" u="none" strike="noStrike" kern="1200" cap="none" spc="0" normalizeH="0" baseline="0" noProof="0" dirty="0">
                <a:ln>
                  <a:noFill/>
                </a:ln>
                <a:solidFill>
                  <a:srgbClr val="CAD1D3"/>
                </a:solidFill>
                <a:effectLst/>
                <a:uLnTx/>
                <a:uFillTx/>
                <a:latin typeface="Calibre"/>
                <a:ea typeface="+mn-ea"/>
                <a:cs typeface="+mn-cs"/>
              </a:rPr>
              <a:t>شكرا</a:t>
            </a:r>
            <a:endParaRPr kumimoji="0" lang="en-US" sz="1200" b="0" i="0" u="none" strike="noStrike" kern="1200" cap="none" spc="0" normalizeH="0" baseline="0" noProof="0" dirty="0">
              <a:ln>
                <a:noFill/>
              </a:ln>
              <a:solidFill>
                <a:srgbClr val="CAD1D3"/>
              </a:solidFill>
              <a:effectLst/>
              <a:uLnTx/>
              <a:uFillTx/>
              <a:latin typeface="Calibre"/>
              <a:ea typeface="+mn-ea"/>
              <a:cs typeface="+mn-cs"/>
            </a:endParaRPr>
          </a:p>
        </p:txBody>
      </p:sp>
      <p:sp>
        <p:nvSpPr>
          <p:cNvPr id="40" name="Mailing Placeholder 1">
            <a:extLst>
              <a:ext uri="{FF2B5EF4-FFF2-40B4-BE49-F238E27FC236}">
                <a16:creationId xmlns:a16="http://schemas.microsoft.com/office/drawing/2014/main" id="{EBB0830B-2703-4CC7-A57D-9B4164702B5F}"/>
              </a:ext>
            </a:extLst>
          </p:cNvPr>
          <p:cNvSpPr>
            <a:spLocks noGrp="1"/>
          </p:cNvSpPr>
          <p:nvPr>
            <p:ph sz="quarter" idx="62" hasCustomPrompt="1"/>
          </p:nvPr>
        </p:nvSpPr>
        <p:spPr>
          <a:xfrm>
            <a:off x="508635" y="4993178"/>
            <a:ext cx="11168062" cy="258271"/>
          </a:xfrm>
        </p:spPr>
        <p:txBody>
          <a:bodyPr rIns="0" anchor="b" anchorCtr="0"/>
          <a:lstStyle>
            <a:lvl1pPr>
              <a:spcBef>
                <a:spcPts val="0"/>
              </a:spcBef>
              <a:spcAft>
                <a:spcPts val="900"/>
              </a:spcAft>
              <a:defRPr sz="1000">
                <a:solidFill>
                  <a:schemeClr val="bg1"/>
                </a:solidFill>
                <a:latin typeface="+mn-lt"/>
              </a:defRPr>
            </a:lvl1pPr>
            <a:lvl2pPr>
              <a:spcBef>
                <a:spcPts val="100"/>
              </a:spcBef>
              <a:spcAft>
                <a:spcPts val="100"/>
              </a:spcAft>
              <a:defRPr sz="12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Mailing address</a:t>
            </a:r>
          </a:p>
        </p:txBody>
      </p:sp>
      <p:sp>
        <p:nvSpPr>
          <p:cNvPr id="39" name="Contact Placeholder 6">
            <a:extLst>
              <a:ext uri="{FF2B5EF4-FFF2-40B4-BE49-F238E27FC236}">
                <a16:creationId xmlns:a16="http://schemas.microsoft.com/office/drawing/2014/main" id="{C040B7CF-3C08-46AD-95B1-D6C60D63B7FA}"/>
              </a:ext>
            </a:extLst>
          </p:cNvPr>
          <p:cNvSpPr>
            <a:spLocks noGrp="1"/>
          </p:cNvSpPr>
          <p:nvPr>
            <p:ph sz="quarter" idx="61" hasCustomPrompt="1"/>
          </p:nvPr>
        </p:nvSpPr>
        <p:spPr>
          <a:xfrm>
            <a:off x="10232072"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First Last</a:t>
            </a:r>
          </a:p>
          <a:p>
            <a:pPr lvl="1"/>
            <a:r>
              <a:rPr lang="en-US" dirty="0"/>
              <a:t>Title &amp; Contact</a:t>
            </a:r>
          </a:p>
        </p:txBody>
      </p:sp>
      <p:sp>
        <p:nvSpPr>
          <p:cNvPr id="38" name="Contact Placeholder 5">
            <a:extLst>
              <a:ext uri="{FF2B5EF4-FFF2-40B4-BE49-F238E27FC236}">
                <a16:creationId xmlns:a16="http://schemas.microsoft.com/office/drawing/2014/main" id="{A3545314-5741-4456-8F62-05AB8BF1AF5E}"/>
              </a:ext>
            </a:extLst>
          </p:cNvPr>
          <p:cNvSpPr>
            <a:spLocks noGrp="1"/>
          </p:cNvSpPr>
          <p:nvPr>
            <p:ph sz="quarter" idx="60" hasCustomPrompt="1"/>
          </p:nvPr>
        </p:nvSpPr>
        <p:spPr>
          <a:xfrm>
            <a:off x="8287383"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First Last</a:t>
            </a:r>
          </a:p>
          <a:p>
            <a:pPr lvl="1"/>
            <a:r>
              <a:rPr lang="en-US" dirty="0"/>
              <a:t>Title &amp; Contact</a:t>
            </a:r>
          </a:p>
        </p:txBody>
      </p:sp>
      <p:sp>
        <p:nvSpPr>
          <p:cNvPr id="37" name="Contact Placeholder 4">
            <a:extLst>
              <a:ext uri="{FF2B5EF4-FFF2-40B4-BE49-F238E27FC236}">
                <a16:creationId xmlns:a16="http://schemas.microsoft.com/office/drawing/2014/main" id="{F55C5D1C-8953-4158-8D8E-9845958DB239}"/>
              </a:ext>
            </a:extLst>
          </p:cNvPr>
          <p:cNvSpPr>
            <a:spLocks noGrp="1"/>
          </p:cNvSpPr>
          <p:nvPr>
            <p:ph sz="quarter" idx="59" hasCustomPrompt="1"/>
          </p:nvPr>
        </p:nvSpPr>
        <p:spPr>
          <a:xfrm>
            <a:off x="6342696"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First Last</a:t>
            </a:r>
          </a:p>
          <a:p>
            <a:pPr lvl="1"/>
            <a:r>
              <a:rPr lang="en-US" dirty="0"/>
              <a:t>Title &amp; Contact</a:t>
            </a:r>
          </a:p>
        </p:txBody>
      </p:sp>
      <p:sp>
        <p:nvSpPr>
          <p:cNvPr id="36" name="Contact Placeholder 3">
            <a:extLst>
              <a:ext uri="{FF2B5EF4-FFF2-40B4-BE49-F238E27FC236}">
                <a16:creationId xmlns:a16="http://schemas.microsoft.com/office/drawing/2014/main" id="{DF6CDF24-5470-4D40-9D03-854502243CFF}"/>
              </a:ext>
            </a:extLst>
          </p:cNvPr>
          <p:cNvSpPr>
            <a:spLocks noGrp="1"/>
          </p:cNvSpPr>
          <p:nvPr>
            <p:ph sz="quarter" idx="58" hasCustomPrompt="1"/>
          </p:nvPr>
        </p:nvSpPr>
        <p:spPr>
          <a:xfrm>
            <a:off x="4398009"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First Last</a:t>
            </a:r>
          </a:p>
          <a:p>
            <a:pPr lvl="1"/>
            <a:r>
              <a:rPr lang="en-US" dirty="0"/>
              <a:t>Title &amp; Contact</a:t>
            </a:r>
          </a:p>
        </p:txBody>
      </p:sp>
      <p:sp>
        <p:nvSpPr>
          <p:cNvPr id="35" name="Contact Placeholder 2">
            <a:extLst>
              <a:ext uri="{FF2B5EF4-FFF2-40B4-BE49-F238E27FC236}">
                <a16:creationId xmlns:a16="http://schemas.microsoft.com/office/drawing/2014/main" id="{8E33D06A-D9FE-4408-8330-495873669A61}"/>
              </a:ext>
            </a:extLst>
          </p:cNvPr>
          <p:cNvSpPr>
            <a:spLocks noGrp="1"/>
          </p:cNvSpPr>
          <p:nvPr>
            <p:ph sz="quarter" idx="57" hasCustomPrompt="1"/>
          </p:nvPr>
        </p:nvSpPr>
        <p:spPr>
          <a:xfrm>
            <a:off x="2453322"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First Last</a:t>
            </a:r>
          </a:p>
          <a:p>
            <a:pPr lvl="1"/>
            <a:r>
              <a:rPr lang="en-US" dirty="0"/>
              <a:t>Title &amp; Contact</a:t>
            </a:r>
          </a:p>
        </p:txBody>
      </p:sp>
      <p:sp>
        <p:nvSpPr>
          <p:cNvPr id="25" name="Contact Placeholder 1">
            <a:extLst>
              <a:ext uri="{FF2B5EF4-FFF2-40B4-BE49-F238E27FC236}">
                <a16:creationId xmlns:a16="http://schemas.microsoft.com/office/drawing/2014/main" id="{0C191A23-4DE5-4405-99C3-7A699AFE2FD7}"/>
              </a:ext>
            </a:extLst>
          </p:cNvPr>
          <p:cNvSpPr>
            <a:spLocks noGrp="1"/>
          </p:cNvSpPr>
          <p:nvPr>
            <p:ph sz="quarter" idx="56" hasCustomPrompt="1"/>
          </p:nvPr>
        </p:nvSpPr>
        <p:spPr>
          <a:xfrm>
            <a:off x="508635" y="3478214"/>
            <a:ext cx="1447165" cy="1249362"/>
          </a:xfrm>
        </p:spPr>
        <p:txBody>
          <a:bodyPr rIns="0"/>
          <a:lstStyle>
            <a:lvl1pPr>
              <a:spcBef>
                <a:spcPts val="0"/>
              </a:spcBef>
              <a:spcAft>
                <a:spcPts val="900"/>
              </a:spcAft>
              <a:defRPr sz="1200">
                <a:solidFill>
                  <a:schemeClr val="bg1"/>
                </a:solidFill>
                <a:latin typeface="Calibre Semibold" panose="020B0703030202060203" pitchFamily="34" charset="0"/>
              </a:defRPr>
            </a:lvl1pPr>
            <a:lvl2pPr>
              <a:spcBef>
                <a:spcPts val="100"/>
              </a:spcBef>
              <a:spcAft>
                <a:spcPts val="100"/>
              </a:spcAft>
              <a:defRPr sz="1000">
                <a:solidFill>
                  <a:schemeClr val="accent3"/>
                </a:solidFill>
                <a:latin typeface="+mn-lt"/>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dirty="0"/>
              <a:t>First Last</a:t>
            </a:r>
          </a:p>
          <a:p>
            <a:pPr lvl="1"/>
            <a:r>
              <a:rPr lang="en-US" dirty="0"/>
              <a:t>Title &amp; Contact</a:t>
            </a:r>
          </a:p>
        </p:txBody>
      </p:sp>
      <p:sp>
        <p:nvSpPr>
          <p:cNvPr id="4" name="More Info Placeholder 1">
            <a:extLst>
              <a:ext uri="{FF2B5EF4-FFF2-40B4-BE49-F238E27FC236}">
                <a16:creationId xmlns:a16="http://schemas.microsoft.com/office/drawing/2014/main" id="{083A918D-EA52-448A-9AA7-7394513545E9}"/>
              </a:ext>
            </a:extLst>
          </p:cNvPr>
          <p:cNvSpPr>
            <a:spLocks noGrp="1"/>
          </p:cNvSpPr>
          <p:nvPr>
            <p:ph type="body" sz="quarter" idx="63" hasCustomPrompt="1"/>
          </p:nvPr>
        </p:nvSpPr>
        <p:spPr>
          <a:xfrm>
            <a:off x="508000" y="2854323"/>
            <a:ext cx="1436688" cy="525463"/>
          </a:xfrm>
        </p:spPr>
        <p:txBody>
          <a:bodyPr rIns="0" anchor="b" anchorCtr="0"/>
          <a:lstStyle>
            <a:lvl1pPr>
              <a:defRPr sz="1000" cap="all" baseline="0">
                <a:solidFill>
                  <a:schemeClr val="bg1"/>
                </a:solidFill>
                <a:latin typeface="+mn-lt"/>
              </a:defRPr>
            </a:lvl1pPr>
          </a:lstStyle>
          <a:p>
            <a:pPr lvl="0"/>
            <a:r>
              <a:rPr lang="en-US" dirty="0"/>
              <a:t>FOR MORE INFORMATION</a:t>
            </a:r>
          </a:p>
        </p:txBody>
      </p:sp>
      <p:sp>
        <p:nvSpPr>
          <p:cNvPr id="15" name="Disclaimer">
            <a:extLst>
              <a:ext uri="{FF2B5EF4-FFF2-40B4-BE49-F238E27FC236}">
                <a16:creationId xmlns:a16="http://schemas.microsoft.com/office/drawing/2014/main" id="{35BDE4BC-905D-4594-8B9D-E48E469F20CB}"/>
              </a:ext>
            </a:extLst>
          </p:cNvPr>
          <p:cNvSpPr>
            <a:spLocks noChangeArrowheads="1"/>
          </p:cNvSpPr>
          <p:nvPr userDrawn="1"/>
        </p:nvSpPr>
        <p:spPr bwMode="auto">
          <a:xfrm>
            <a:off x="511175" y="5876924"/>
            <a:ext cx="11168062" cy="625475"/>
          </a:xfrm>
          <a:prstGeom prst="rect">
            <a:avLst/>
          </a:prstGeom>
          <a:noFill/>
          <a:ln w="9525">
            <a:noFill/>
            <a:miter lim="800000"/>
            <a:headEnd/>
            <a:tailEnd/>
          </a:ln>
          <a:effectLst/>
        </p:spPr>
        <p:txBody>
          <a:bodyPr lIns="0" tIns="0" rIns="0" bIns="0" anchor="b" anchorCtr="0"/>
          <a:lstStyle/>
          <a:p>
            <a:pPr marL="0" marR="0">
              <a:lnSpc>
                <a:spcPct val="110000"/>
              </a:lnSpc>
              <a:spcBef>
                <a:spcPts val="0"/>
              </a:spcBef>
              <a:spcAft>
                <a:spcPts val="0"/>
              </a:spcAft>
            </a:pPr>
            <a:r>
              <a:rPr lang="en-US" sz="700" dirty="0">
                <a:solidFill>
                  <a:srgbClr val="CAD1D3"/>
                </a:solidFill>
                <a:effectLst/>
                <a:latin typeface="Barlow Condensed" panose="00000506000000000000" pitchFamily="2" charset="0"/>
                <a:ea typeface="Calibre" panose="020B0503030202060203" pitchFamily="34" charset="0"/>
                <a:cs typeface="Times New Roman" panose="02020603050405020304" pitchFamily="18" charset="0"/>
              </a:rPr>
              <a:t>CBRE ©</a:t>
            </a:r>
            <a:fld id="{D77E52D6-371A-4DA0-99B7-8419BE382AC7}" type="datetimeyyyy">
              <a:rPr lang="en-US" sz="700" smtClean="0">
                <a:solidFill>
                  <a:srgbClr val="CAD1D3"/>
                </a:solidFill>
                <a:effectLst/>
                <a:latin typeface="Barlow Condensed" panose="00000506000000000000" pitchFamily="2" charset="0"/>
                <a:ea typeface="Calibre" panose="020B0503030202060203" pitchFamily="34" charset="0"/>
                <a:cs typeface="Times New Roman" panose="02020603050405020304" pitchFamily="18" charset="0"/>
              </a:rPr>
              <a:t>2024</a:t>
            </a:fld>
            <a:r>
              <a:rPr lang="en-US" sz="700" dirty="0">
                <a:solidFill>
                  <a:srgbClr val="CAD1D3"/>
                </a:solidFill>
                <a:effectLst/>
                <a:latin typeface="Barlow Condensed" panose="00000506000000000000" pitchFamily="2" charset="0"/>
                <a:ea typeface="Calibre" panose="020B0503030202060203" pitchFamily="34" charset="0"/>
                <a:cs typeface="Times New Roman" panose="02020603050405020304" pitchFamily="18" charset="0"/>
              </a:rPr>
              <a:t> All Rights Reserved. All information included in this proposal pertaining to CBRE—including but not limited to its operations, employees, technology and clients—are proprietary and confidential, and are supplied with the understanding that they will be held in confidence and not disclosed to third parties without the prior written consent of CBRE. This letter/proposal is intended solely as a preliminary expression of general intentions and is to be used for discussion purposes only. The parties intend that neither shall have any contractual obligations to the other with respect to the matters referred herein unless and until a definitive agreement has been fully executed and delivered by the parties. The parties agree that this letter/proposal is not intended to create any agreement or obligation by either party to negotiate a definitive lease/purchase and sale agreement and imposes no duty whatsoever on either party to continue negotiations, including without limitation any obligation to negotiate in good faith or in any way other than at arm’s length. Prior to delivery of a definitive executed agreement, and without any liability to the other party, either party may (1) propose different terms from those summarized herein, (2) enter into negotiations with other parties and/or (3) unilaterally terminate all negotiations with the other party hereto. CBRE and the CBRE logo are service marks of CBRE, Inc. All other marks displayed on this document are the property of their respective owners, and the use of such logos does not imply any affiliation with or endorsement of CBRE.</a:t>
            </a:r>
          </a:p>
        </p:txBody>
      </p:sp>
    </p:spTree>
    <p:extLst>
      <p:ext uri="{BB962C8B-B14F-4D97-AF65-F5344CB8AC3E}">
        <p14:creationId xmlns:p14="http://schemas.microsoft.com/office/powerpoint/2010/main" val="242790145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2" presetClass="entr" presetSubtype="8" fill="hold" nodeType="clickEffect">
                                  <p:stCondLst>
                                    <p:cond delay="0"/>
                                  </p:stCondLst>
                                  <p:childTnLst>
                                    <p:set>
                                      <p:cBhvr>
                                        <p:cTn id="6" dur="1" fill="hold">
                                          <p:stCondLst>
                                            <p:cond delay="0"/>
                                          </p:stCondLst>
                                        </p:cTn>
                                        <p:tgtEl>
                                          <p:spTgt spid="27"/>
                                        </p:tgtEl>
                                        <p:attrNameLst>
                                          <p:attrName>style.visibility</p:attrName>
                                        </p:attrNameLst>
                                      </p:cBhvr>
                                      <p:to>
                                        <p:strVal val="visible"/>
                                      </p:to>
                                    </p:set>
                                    <p:anim calcmode="lin" valueType="num">
                                      <p:cBhvr additive="base">
                                        <p:cTn id="7" dur="1250"/>
                                        <p:tgtEl>
                                          <p:spTgt spid="27"/>
                                        </p:tgtEl>
                                        <p:attrNameLst>
                                          <p:attrName>ppt_x</p:attrName>
                                        </p:attrNameLst>
                                      </p:cBhvr>
                                      <p:tavLst>
                                        <p:tav tm="0">
                                          <p:val>
                                            <p:strVal val="#ppt_x-#ppt_w*1.125000"/>
                                          </p:val>
                                        </p:tav>
                                        <p:tav tm="100000">
                                          <p:val>
                                            <p:strVal val="#ppt_x"/>
                                          </p:val>
                                        </p:tav>
                                      </p:tavLst>
                                    </p:anim>
                                    <p:animEffect transition="in" filter="wipe(right)">
                                      <p:cBhvr>
                                        <p:cTn id="8" dur="1250"/>
                                        <p:tgtEl>
                                          <p:spTgt spid="2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extLst>
    <p:ext uri="{DCECCB84-F9BA-43D5-87BE-67443E8EF086}">
      <p15:sldGuideLst xmlns:p15="http://schemas.microsoft.com/office/powerpoint/2012/main"/>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CBRE Icons Layout Dark">
    <p:spTree>
      <p:nvGrpSpPr>
        <p:cNvPr id="1" name=""/>
        <p:cNvGrpSpPr/>
        <p:nvPr/>
      </p:nvGrpSpPr>
      <p:grpSpPr>
        <a:xfrm>
          <a:off x="0" y="0"/>
          <a:ext cx="0" cy="0"/>
          <a:chOff x="0" y="0"/>
          <a:chExt cx="0" cy="0"/>
        </a:xfrm>
      </p:grpSpPr>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solidFill>
                  <a:schemeClr val="bg1"/>
                </a:solidFill>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2" name="Title 1">
            <a:extLst>
              <a:ext uri="{FF2B5EF4-FFF2-40B4-BE49-F238E27FC236}">
                <a16:creationId xmlns:a16="http://schemas.microsoft.com/office/drawing/2014/main" id="{602B25E6-D044-88DC-D51F-9FFE6DFD1259}"/>
              </a:ext>
            </a:extLst>
          </p:cNvPr>
          <p:cNvSpPr>
            <a:spLocks noGrp="1"/>
          </p:cNvSpPr>
          <p:nvPr>
            <p:ph type="title"/>
          </p:nvPr>
        </p:nvSpPr>
        <p:spPr>
          <a:xfrm>
            <a:off x="511176" y="1601788"/>
            <a:ext cx="2971800" cy="1325563"/>
          </a:xfrm>
        </p:spPr>
        <p:txBody>
          <a:bodyPr/>
          <a:lstStyle>
            <a:lvl1pPr>
              <a:defRPr>
                <a:solidFill>
                  <a:schemeClr val="bg1"/>
                </a:solidFill>
              </a:defRPr>
            </a:lvl1pPr>
          </a:lstStyle>
          <a:p>
            <a:r>
              <a:rPr lang="en-US"/>
              <a:t>Click to edit Master title style</a:t>
            </a:r>
            <a:endParaRPr lang="en-US" dirty="0"/>
          </a:p>
        </p:txBody>
      </p:sp>
    </p:spTree>
    <p:extLst>
      <p:ext uri="{BB962C8B-B14F-4D97-AF65-F5344CB8AC3E}">
        <p14:creationId xmlns:p14="http://schemas.microsoft.com/office/powerpoint/2010/main" val="2331395150"/>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userDrawn="1">
  <p:cSld name="15_R Figures - Bod, 1 Col, 1 Cha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24F0AF3-63EE-4B81-ABF7-A647B0FD25EC}"/>
              </a:ext>
            </a:extLst>
          </p:cNvPr>
          <p:cNvSpPr>
            <a:spLocks noGrp="1"/>
          </p:cNvSpPr>
          <p:nvPr>
            <p:ph type="title"/>
          </p:nvPr>
        </p:nvSpPr>
        <p:spPr>
          <a:xfrm>
            <a:off x="380999" y="584495"/>
            <a:ext cx="11435621" cy="557338"/>
          </a:xfrm>
        </p:spPr>
        <p:txBody>
          <a:bodyPr/>
          <a:lstStyle>
            <a:lvl1pPr>
              <a:defRPr sz="3600"/>
            </a:lvl1pPr>
          </a:lstStyle>
          <a:p>
            <a:r>
              <a:rPr lang="en-US"/>
              <a:t>Click to edit Master title style</a:t>
            </a:r>
          </a:p>
        </p:txBody>
      </p:sp>
      <p:cxnSp>
        <p:nvCxnSpPr>
          <p:cNvPr id="8" name="Chart Header line">
            <a:extLst>
              <a:ext uri="{FF2B5EF4-FFF2-40B4-BE49-F238E27FC236}">
                <a16:creationId xmlns:a16="http://schemas.microsoft.com/office/drawing/2014/main" id="{5377EBDB-FA26-482E-920C-F6E7A05771D4}"/>
              </a:ext>
            </a:extLst>
          </p:cNvPr>
          <p:cNvCxnSpPr/>
          <p:nvPr userDrawn="1"/>
        </p:nvCxnSpPr>
        <p:spPr>
          <a:xfrm>
            <a:off x="6174773" y="1290918"/>
            <a:ext cx="5641848" cy="0"/>
          </a:xfrm>
          <a:prstGeom prst="line">
            <a:avLst/>
          </a:prstGeom>
          <a:ln w="19050">
            <a:solidFill>
              <a:schemeClr val="tx1"/>
            </a:solidFill>
          </a:ln>
        </p:spPr>
        <p:style>
          <a:lnRef idx="1">
            <a:schemeClr val="accent1"/>
          </a:lnRef>
          <a:fillRef idx="0">
            <a:schemeClr val="accent1"/>
          </a:fillRef>
          <a:effectRef idx="0">
            <a:schemeClr val="accent1"/>
          </a:effectRef>
          <a:fontRef idx="minor">
            <a:schemeClr val="tx1"/>
          </a:fontRef>
        </p:style>
      </p:cxnSp>
      <p:sp>
        <p:nvSpPr>
          <p:cNvPr id="5" name="Content Placeholder 1">
            <a:extLst>
              <a:ext uri="{FF2B5EF4-FFF2-40B4-BE49-F238E27FC236}">
                <a16:creationId xmlns:a16="http://schemas.microsoft.com/office/drawing/2014/main" id="{7DD0BC77-CF54-4073-84F0-BF3B85337214}"/>
              </a:ext>
            </a:extLst>
          </p:cNvPr>
          <p:cNvSpPr>
            <a:spLocks noGrp="1"/>
          </p:cNvSpPr>
          <p:nvPr>
            <p:ph sz="quarter" idx="11" hasCustomPrompt="1"/>
          </p:nvPr>
        </p:nvSpPr>
        <p:spPr>
          <a:xfrm>
            <a:off x="381000" y="5446643"/>
            <a:ext cx="11416748" cy="894518"/>
          </a:xfrm>
        </p:spPr>
        <p:txBody>
          <a:bodyPr/>
          <a:lstStyle/>
          <a:p>
            <a:pPr lvl="1"/>
            <a:r>
              <a:rPr lang="en-US"/>
              <a:t>Second level</a:t>
            </a:r>
          </a:p>
          <a:p>
            <a:pPr lvl="2"/>
            <a:r>
              <a:rPr lang="en-US"/>
              <a:t>Third level</a:t>
            </a:r>
          </a:p>
          <a:p>
            <a:pPr lvl="3"/>
            <a:r>
              <a:rPr lang="en-US"/>
              <a:t>Fourth level</a:t>
            </a:r>
          </a:p>
          <a:p>
            <a:pPr lvl="4"/>
            <a:r>
              <a:rPr lang="en-US"/>
              <a:t>Fifth level</a:t>
            </a:r>
          </a:p>
        </p:txBody>
      </p:sp>
      <p:sp>
        <p:nvSpPr>
          <p:cNvPr id="9" name="Source Placeholder 1">
            <a:extLst>
              <a:ext uri="{FF2B5EF4-FFF2-40B4-BE49-F238E27FC236}">
                <a16:creationId xmlns:a16="http://schemas.microsoft.com/office/drawing/2014/main" id="{5DB30040-1319-4A14-A732-94218BAA5329}"/>
              </a:ext>
            </a:extLst>
          </p:cNvPr>
          <p:cNvSpPr>
            <a:spLocks noGrp="1"/>
          </p:cNvSpPr>
          <p:nvPr>
            <p:ph type="body" sz="quarter" idx="13" hasCustomPrompt="1"/>
          </p:nvPr>
        </p:nvSpPr>
        <p:spPr>
          <a:xfrm>
            <a:off x="6174773" y="4972826"/>
            <a:ext cx="5657976" cy="299759"/>
          </a:xfrm>
          <a:noFill/>
        </p:spPr>
        <p:txBody>
          <a:bodyPr lIns="91440" rIns="0" bIns="91440" anchor="b" anchorCtr="0"/>
          <a:lstStyle>
            <a:lvl1pPr>
              <a:defRPr sz="900"/>
            </a:lvl1pPr>
          </a:lstStyle>
          <a:p>
            <a:pPr lvl="0"/>
            <a:r>
              <a:rPr lang="en-US"/>
              <a:t>Source</a:t>
            </a:r>
          </a:p>
        </p:txBody>
      </p:sp>
      <p:sp>
        <p:nvSpPr>
          <p:cNvPr id="10" name="Chart Placeholder 1">
            <a:extLst>
              <a:ext uri="{FF2B5EF4-FFF2-40B4-BE49-F238E27FC236}">
                <a16:creationId xmlns:a16="http://schemas.microsoft.com/office/drawing/2014/main" id="{750F594C-4786-4882-9E95-2717CE4C1591}"/>
              </a:ext>
            </a:extLst>
          </p:cNvPr>
          <p:cNvSpPr>
            <a:spLocks noGrp="1"/>
          </p:cNvSpPr>
          <p:nvPr>
            <p:ph type="chart" sz="quarter" idx="12" hasCustomPrompt="1"/>
          </p:nvPr>
        </p:nvSpPr>
        <p:spPr>
          <a:xfrm>
            <a:off x="6174773" y="1614769"/>
            <a:ext cx="5649912" cy="3275712"/>
          </a:xfrm>
          <a:noFill/>
        </p:spPr>
        <p:txBody>
          <a:bodyPr rIns="0" anchor="ctr" anchorCtr="0"/>
          <a:lstStyle>
            <a:lvl1pPr algn="ctr">
              <a:defRPr sz="2400"/>
            </a:lvl1pPr>
          </a:lstStyle>
          <a:p>
            <a:r>
              <a:rPr lang="en-US"/>
              <a:t>Click here to add chart</a:t>
            </a:r>
          </a:p>
        </p:txBody>
      </p:sp>
      <p:sp>
        <p:nvSpPr>
          <p:cNvPr id="11" name="Rectangle 10">
            <a:extLst>
              <a:ext uri="{FF2B5EF4-FFF2-40B4-BE49-F238E27FC236}">
                <a16:creationId xmlns:a16="http://schemas.microsoft.com/office/drawing/2014/main" id="{03A04148-4F58-6642-BEA2-37E464BE5F71}"/>
              </a:ext>
            </a:extLst>
          </p:cNvPr>
          <p:cNvSpPr/>
          <p:nvPr userDrawn="1"/>
        </p:nvSpPr>
        <p:spPr>
          <a:xfrm>
            <a:off x="-1257300" y="0"/>
            <a:ext cx="1143000" cy="342900"/>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050">
                <a:solidFill>
                  <a:schemeClr val="bg1"/>
                </a:solidFill>
                <a:latin typeface="+mn-lt"/>
              </a:rPr>
              <a:t>Update header text on master slide</a:t>
            </a:r>
          </a:p>
        </p:txBody>
      </p:sp>
      <p:grpSp>
        <p:nvGrpSpPr>
          <p:cNvPr id="12" name="Chart BG">
            <a:extLst>
              <a:ext uri="{FF2B5EF4-FFF2-40B4-BE49-F238E27FC236}">
                <a16:creationId xmlns:a16="http://schemas.microsoft.com/office/drawing/2014/main" id="{7AB26F59-DAF1-F147-8989-0B03ADA9EB62}"/>
              </a:ext>
            </a:extLst>
          </p:cNvPr>
          <p:cNvGrpSpPr/>
          <p:nvPr userDrawn="1"/>
        </p:nvGrpSpPr>
        <p:grpSpPr>
          <a:xfrm>
            <a:off x="359251" y="1299630"/>
            <a:ext cx="5641848" cy="3997599"/>
            <a:chOff x="6161945" y="1927225"/>
            <a:chExt cx="5641848" cy="4370812"/>
          </a:xfrm>
          <a:solidFill>
            <a:schemeClr val="bg1"/>
          </a:solidFill>
        </p:grpSpPr>
        <p:sp>
          <p:nvSpPr>
            <p:cNvPr id="13" name="Chart BG">
              <a:extLst>
                <a:ext uri="{FF2B5EF4-FFF2-40B4-BE49-F238E27FC236}">
                  <a16:creationId xmlns:a16="http://schemas.microsoft.com/office/drawing/2014/main" id="{29FF8B6A-ECF9-D546-927B-FC2B98F7C1E5}"/>
                </a:ext>
              </a:extLst>
            </p:cNvPr>
            <p:cNvSpPr/>
            <p:nvPr userDrawn="1"/>
          </p:nvSpPr>
          <p:spPr>
            <a:xfrm>
              <a:off x="6161945" y="1936750"/>
              <a:ext cx="5641848" cy="4361287"/>
            </a:xfrm>
            <a:prstGeom prst="rect">
              <a:avLst/>
            </a:prstGeom>
            <a:grp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a:solidFill>
                  <a:schemeClr val="bg1"/>
                </a:solidFill>
              </a:endParaRPr>
            </a:p>
          </p:txBody>
        </p:sp>
        <p:cxnSp>
          <p:nvCxnSpPr>
            <p:cNvPr id="14" name="Chart Header line">
              <a:extLst>
                <a:ext uri="{FF2B5EF4-FFF2-40B4-BE49-F238E27FC236}">
                  <a16:creationId xmlns:a16="http://schemas.microsoft.com/office/drawing/2014/main" id="{B765DC0E-21E2-1546-82FF-147898859B01}"/>
                </a:ext>
              </a:extLst>
            </p:cNvPr>
            <p:cNvCxnSpPr/>
            <p:nvPr userDrawn="1"/>
          </p:nvCxnSpPr>
          <p:spPr>
            <a:xfrm>
              <a:off x="6161945" y="1927225"/>
              <a:ext cx="5641848" cy="0"/>
            </a:xfrm>
            <a:prstGeom prst="line">
              <a:avLst/>
            </a:prstGeom>
            <a:grpFill/>
            <a:ln w="19050">
              <a:solidFill>
                <a:schemeClr val="tx1"/>
              </a:solidFill>
            </a:ln>
          </p:spPr>
          <p:style>
            <a:lnRef idx="1">
              <a:schemeClr val="accent1"/>
            </a:lnRef>
            <a:fillRef idx="0">
              <a:schemeClr val="accent1"/>
            </a:fillRef>
            <a:effectRef idx="0">
              <a:schemeClr val="accent1"/>
            </a:effectRef>
            <a:fontRef idx="minor">
              <a:schemeClr val="tx1"/>
            </a:fontRef>
          </p:style>
        </p:cxnSp>
      </p:grpSp>
      <p:sp>
        <p:nvSpPr>
          <p:cNvPr id="15" name="Source Placeholder 1">
            <a:extLst>
              <a:ext uri="{FF2B5EF4-FFF2-40B4-BE49-F238E27FC236}">
                <a16:creationId xmlns:a16="http://schemas.microsoft.com/office/drawing/2014/main" id="{60DADD79-6E10-334F-A32B-52F26883CABD}"/>
              </a:ext>
            </a:extLst>
          </p:cNvPr>
          <p:cNvSpPr>
            <a:spLocks noGrp="1"/>
          </p:cNvSpPr>
          <p:nvPr>
            <p:ph type="body" sz="quarter" idx="14" hasCustomPrompt="1"/>
          </p:nvPr>
        </p:nvSpPr>
        <p:spPr>
          <a:xfrm>
            <a:off x="343123" y="4972826"/>
            <a:ext cx="5657976" cy="299759"/>
          </a:xfrm>
          <a:noFill/>
        </p:spPr>
        <p:txBody>
          <a:bodyPr lIns="91440" rIns="0" bIns="91440" anchor="b" anchorCtr="0"/>
          <a:lstStyle>
            <a:lvl1pPr>
              <a:defRPr sz="900"/>
            </a:lvl1pPr>
          </a:lstStyle>
          <a:p>
            <a:pPr lvl="0"/>
            <a:r>
              <a:rPr lang="en-US"/>
              <a:t>Source</a:t>
            </a:r>
          </a:p>
        </p:txBody>
      </p:sp>
      <p:sp>
        <p:nvSpPr>
          <p:cNvPr id="16" name="Chart Placeholder 1">
            <a:extLst>
              <a:ext uri="{FF2B5EF4-FFF2-40B4-BE49-F238E27FC236}">
                <a16:creationId xmlns:a16="http://schemas.microsoft.com/office/drawing/2014/main" id="{BB5AD5EC-6C68-FC40-B1B5-AF1FA4270F53}"/>
              </a:ext>
            </a:extLst>
          </p:cNvPr>
          <p:cNvSpPr>
            <a:spLocks noGrp="1"/>
          </p:cNvSpPr>
          <p:nvPr>
            <p:ph type="chart" sz="quarter" idx="15" hasCustomPrompt="1"/>
          </p:nvPr>
        </p:nvSpPr>
        <p:spPr>
          <a:xfrm>
            <a:off x="343123" y="1614769"/>
            <a:ext cx="5649912" cy="3275712"/>
          </a:xfrm>
          <a:noFill/>
        </p:spPr>
        <p:txBody>
          <a:bodyPr rIns="0" anchor="ctr" anchorCtr="0"/>
          <a:lstStyle>
            <a:lvl1pPr algn="ctr">
              <a:defRPr sz="2400"/>
            </a:lvl1pPr>
          </a:lstStyle>
          <a:p>
            <a:r>
              <a:rPr lang="en-US"/>
              <a:t>Click here to add chart</a:t>
            </a:r>
          </a:p>
        </p:txBody>
      </p:sp>
      <p:sp>
        <p:nvSpPr>
          <p:cNvPr id="17" name="Content Placeholder 1">
            <a:extLst>
              <a:ext uri="{FF2B5EF4-FFF2-40B4-BE49-F238E27FC236}">
                <a16:creationId xmlns:a16="http://schemas.microsoft.com/office/drawing/2014/main" id="{69503E5C-7001-9A40-9A1D-5AE62392DA1F}"/>
              </a:ext>
            </a:extLst>
          </p:cNvPr>
          <p:cNvSpPr>
            <a:spLocks noGrp="1"/>
          </p:cNvSpPr>
          <p:nvPr>
            <p:ph sz="quarter" idx="16"/>
          </p:nvPr>
        </p:nvSpPr>
        <p:spPr>
          <a:xfrm>
            <a:off x="375379" y="1328169"/>
            <a:ext cx="5617656" cy="291039"/>
          </a:xfrm>
        </p:spPr>
        <p:txBody>
          <a:bodyPr/>
          <a:lstStyle>
            <a:lvl1pPr>
              <a:defRPr sz="1400" b="1" i="0">
                <a:latin typeface="Calibre Semibold" panose="020B0503030202060203" pitchFamily="34" charset="77"/>
              </a:defRPr>
            </a:lvl1pPr>
          </a:lstStyle>
          <a:p>
            <a:pPr lvl="0"/>
            <a:r>
              <a:rPr lang="en-US"/>
              <a:t>Click to edit Master text styles</a:t>
            </a:r>
          </a:p>
        </p:txBody>
      </p:sp>
      <p:sp>
        <p:nvSpPr>
          <p:cNvPr id="18" name="Content Placeholder 1">
            <a:extLst>
              <a:ext uri="{FF2B5EF4-FFF2-40B4-BE49-F238E27FC236}">
                <a16:creationId xmlns:a16="http://schemas.microsoft.com/office/drawing/2014/main" id="{E024B2F3-FEE9-6043-96BA-952AA518AF39}"/>
              </a:ext>
            </a:extLst>
          </p:cNvPr>
          <p:cNvSpPr>
            <a:spLocks noGrp="1"/>
          </p:cNvSpPr>
          <p:nvPr>
            <p:ph sz="quarter" idx="17"/>
          </p:nvPr>
        </p:nvSpPr>
        <p:spPr>
          <a:xfrm>
            <a:off x="6190903" y="1319374"/>
            <a:ext cx="5606845" cy="291039"/>
          </a:xfrm>
        </p:spPr>
        <p:txBody>
          <a:bodyPr/>
          <a:lstStyle>
            <a:lvl1pPr>
              <a:defRPr sz="1400" b="1" i="0">
                <a:latin typeface="Calibre Semibold" panose="020B0503030202060203" pitchFamily="34" charset="77"/>
              </a:defRPr>
            </a:lvl1pPr>
          </a:lstStyle>
          <a:p>
            <a:pPr lvl="0"/>
            <a:r>
              <a:rPr lang="en-US"/>
              <a:t>Click to edit Master text styles</a:t>
            </a:r>
          </a:p>
        </p:txBody>
      </p:sp>
    </p:spTree>
    <p:extLst>
      <p:ext uri="{BB962C8B-B14F-4D97-AF65-F5344CB8AC3E}">
        <p14:creationId xmlns:p14="http://schemas.microsoft.com/office/powerpoint/2010/main" val="3327996982"/>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3E24E5-EA74-77F9-CB0B-065BBF03B3D1}"/>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p>
        </p:txBody>
      </p:sp>
      <p:sp>
        <p:nvSpPr>
          <p:cNvPr id="3" name="Subtitle 2">
            <a:extLst>
              <a:ext uri="{FF2B5EF4-FFF2-40B4-BE49-F238E27FC236}">
                <a16:creationId xmlns:a16="http://schemas.microsoft.com/office/drawing/2014/main" id="{FA7911F8-9711-E530-8CD2-8AA8568DA728}"/>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C7478A9D-4864-877B-10F7-494D9E46D1F5}"/>
              </a:ext>
            </a:extLst>
          </p:cNvPr>
          <p:cNvSpPr>
            <a:spLocks noGrp="1"/>
          </p:cNvSpPr>
          <p:nvPr>
            <p:ph type="dt" sz="half" idx="10"/>
          </p:nvPr>
        </p:nvSpPr>
        <p:spPr/>
        <p:txBody>
          <a:bodyPr/>
          <a:lstStyle/>
          <a:p>
            <a:fld id="{32C5D81F-55B0-4156-BC3E-3023B14D9451}" type="datetimeFigureOut">
              <a:rPr lang="en-US" smtClean="0"/>
              <a:t>7/23/2024</a:t>
            </a:fld>
            <a:endParaRPr lang="en-US"/>
          </a:p>
        </p:txBody>
      </p:sp>
      <p:sp>
        <p:nvSpPr>
          <p:cNvPr id="5" name="Footer Placeholder 4">
            <a:extLst>
              <a:ext uri="{FF2B5EF4-FFF2-40B4-BE49-F238E27FC236}">
                <a16:creationId xmlns:a16="http://schemas.microsoft.com/office/drawing/2014/main" id="{96C829B5-605D-9579-03E0-9103A6FADED5}"/>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65063E7-1745-534A-FD11-4D66FD7E57A0}"/>
              </a:ext>
            </a:extLst>
          </p:cNvPr>
          <p:cNvSpPr>
            <a:spLocks noGrp="1"/>
          </p:cNvSpPr>
          <p:nvPr>
            <p:ph type="sldNum" sz="quarter" idx="12"/>
          </p:nvPr>
        </p:nvSpPr>
        <p:spPr/>
        <p:txBody>
          <a:bodyPr/>
          <a:lstStyle/>
          <a:p>
            <a:fld id="{E4960889-A14F-4898-9A6A-CF5FA83F1E7F}" type="slidenum">
              <a:rPr lang="en-US" smtClean="0"/>
              <a:t>‹#›</a:t>
            </a:fld>
            <a:endParaRPr lang="en-US"/>
          </a:p>
        </p:txBody>
      </p:sp>
    </p:spTree>
    <p:extLst>
      <p:ext uri="{BB962C8B-B14F-4D97-AF65-F5344CB8AC3E}">
        <p14:creationId xmlns:p14="http://schemas.microsoft.com/office/powerpoint/2010/main" val="1438406951"/>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Title + 3 Column +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D962755-0C65-4BE0-A5A7-D86C17C7FA6A}"/>
              </a:ext>
            </a:extLst>
          </p:cNvPr>
          <p:cNvSpPr>
            <a:spLocks noGrp="1"/>
          </p:cNvSpPr>
          <p:nvPr>
            <p:ph type="title"/>
          </p:nvPr>
        </p:nvSpPr>
        <p:spPr>
          <a:xfrm>
            <a:off x="368301" y="1001713"/>
            <a:ext cx="2971800" cy="1325563"/>
          </a:xfrm>
          <a:prstGeom prst="rect">
            <a:avLst/>
          </a:prstGeom>
        </p:spPr>
        <p:txBody>
          <a:bodyPr/>
          <a:lstStyle/>
          <a:p>
            <a:r>
              <a:rPr lang="en-US" dirty="0"/>
              <a:t>Click to edit Master title style</a:t>
            </a:r>
            <a:endParaRPr lang="en-GB" dirty="0"/>
          </a:p>
        </p:txBody>
      </p:sp>
      <p:sp>
        <p:nvSpPr>
          <p:cNvPr id="6" name="Content Placeholder 5">
            <a:extLst>
              <a:ext uri="{FF2B5EF4-FFF2-40B4-BE49-F238E27FC236}">
                <a16:creationId xmlns:a16="http://schemas.microsoft.com/office/drawing/2014/main" id="{E12F9A9A-F488-4434-A4E9-6067B6E3316D}"/>
              </a:ext>
            </a:extLst>
          </p:cNvPr>
          <p:cNvSpPr>
            <a:spLocks noGrp="1"/>
          </p:cNvSpPr>
          <p:nvPr>
            <p:ph sz="quarter" idx="47"/>
          </p:nvPr>
        </p:nvSpPr>
        <p:spPr>
          <a:xfrm>
            <a:off x="3441700" y="1015506"/>
            <a:ext cx="2451100" cy="47749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4" name="Content Placeholder 5">
            <a:extLst>
              <a:ext uri="{FF2B5EF4-FFF2-40B4-BE49-F238E27FC236}">
                <a16:creationId xmlns:a16="http://schemas.microsoft.com/office/drawing/2014/main" id="{05E2AA67-294D-44E6-802E-395517F6C1A7}"/>
              </a:ext>
            </a:extLst>
          </p:cNvPr>
          <p:cNvSpPr>
            <a:spLocks noGrp="1"/>
          </p:cNvSpPr>
          <p:nvPr>
            <p:ph sz="quarter" idx="48"/>
          </p:nvPr>
        </p:nvSpPr>
        <p:spPr>
          <a:xfrm>
            <a:off x="6016625" y="1015506"/>
            <a:ext cx="2451100" cy="47749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5" name="Content Placeholder 5">
            <a:extLst>
              <a:ext uri="{FF2B5EF4-FFF2-40B4-BE49-F238E27FC236}">
                <a16:creationId xmlns:a16="http://schemas.microsoft.com/office/drawing/2014/main" id="{8743C110-DC20-4390-A47A-8AB1F9DB5F4C}"/>
              </a:ext>
            </a:extLst>
          </p:cNvPr>
          <p:cNvSpPr>
            <a:spLocks noGrp="1"/>
          </p:cNvSpPr>
          <p:nvPr>
            <p:ph sz="quarter" idx="49"/>
          </p:nvPr>
        </p:nvSpPr>
        <p:spPr>
          <a:xfrm>
            <a:off x="8569325" y="1012975"/>
            <a:ext cx="2451100" cy="47749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6" name="Text Placeholder 6">
            <a:extLst>
              <a:ext uri="{FF2B5EF4-FFF2-40B4-BE49-F238E27FC236}">
                <a16:creationId xmlns:a16="http://schemas.microsoft.com/office/drawing/2014/main" id="{F82FCAD7-8E2A-406D-BD68-62118ED93FB4}"/>
              </a:ext>
            </a:extLst>
          </p:cNvPr>
          <p:cNvSpPr>
            <a:spLocks noGrp="1"/>
          </p:cNvSpPr>
          <p:nvPr>
            <p:ph type="body" sz="quarter" idx="43" hasCustomPrompt="1"/>
          </p:nvPr>
        </p:nvSpPr>
        <p:spPr>
          <a:xfrm>
            <a:off x="1393825" y="357729"/>
            <a:ext cx="1936750" cy="182683"/>
          </a:xfrm>
        </p:spPr>
        <p:txBody>
          <a:bodyPr rIns="0"/>
          <a:lstStyle>
            <a:lvl1pPr>
              <a:lnSpc>
                <a:spcPct val="90000"/>
              </a:lnSpc>
              <a:spcBef>
                <a:spcPts val="0"/>
              </a:spcBef>
              <a:spcAft>
                <a:spcPts val="0"/>
              </a:spcAft>
              <a:defRPr sz="1050" cap="all" baseline="0">
                <a:latin typeface="Calibre Medium" panose="020B0603030202060203" pitchFamily="34" charset="0"/>
              </a:defRPr>
            </a:lvl1pPr>
          </a:lstStyle>
          <a:p>
            <a:pPr lvl="0"/>
            <a:r>
              <a:rPr lang="en-US" dirty="0"/>
              <a:t>NAVIGATION </a:t>
            </a:r>
            <a:r>
              <a:rPr lang="en-US" dirty="0" err="1"/>
              <a:t>HEADer</a:t>
            </a:r>
            <a:endParaRPr lang="en-GB" dirty="0"/>
          </a:p>
        </p:txBody>
      </p:sp>
      <p:sp>
        <p:nvSpPr>
          <p:cNvPr id="4" name="Text Placeholder 3">
            <a:extLst>
              <a:ext uri="{FF2B5EF4-FFF2-40B4-BE49-F238E27FC236}">
                <a16:creationId xmlns:a16="http://schemas.microsoft.com/office/drawing/2014/main" id="{C8B1CD64-0C67-49B0-B205-0FAB935BCE68}"/>
              </a:ext>
            </a:extLst>
          </p:cNvPr>
          <p:cNvSpPr>
            <a:spLocks noGrp="1"/>
          </p:cNvSpPr>
          <p:nvPr>
            <p:ph type="body" sz="quarter" idx="50"/>
          </p:nvPr>
        </p:nvSpPr>
        <p:spPr>
          <a:xfrm>
            <a:off x="368302" y="2891988"/>
            <a:ext cx="1947861" cy="2500313"/>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17" name="Text Placeholder 4">
            <a:extLst>
              <a:ext uri="{FF2B5EF4-FFF2-40B4-BE49-F238E27FC236}">
                <a16:creationId xmlns:a16="http://schemas.microsoft.com/office/drawing/2014/main" id="{2105D293-36C8-4795-BA2C-142D7045B877}"/>
              </a:ext>
            </a:extLst>
          </p:cNvPr>
          <p:cNvSpPr>
            <a:spLocks noGrp="1"/>
          </p:cNvSpPr>
          <p:nvPr>
            <p:ph type="body" sz="quarter" idx="12" hasCustomPrompt="1"/>
          </p:nvPr>
        </p:nvSpPr>
        <p:spPr>
          <a:xfrm>
            <a:off x="3441700" y="321130"/>
            <a:ext cx="2460625" cy="578984"/>
          </a:xfrm>
        </p:spPr>
        <p:txBody>
          <a:bodyPr/>
          <a:lstStyle>
            <a:lvl1pPr>
              <a:spcAft>
                <a:spcPts val="600"/>
              </a:spcAft>
              <a:defRPr lang="en-US" sz="15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18" name="Text Placeholder 4">
            <a:extLst>
              <a:ext uri="{FF2B5EF4-FFF2-40B4-BE49-F238E27FC236}">
                <a16:creationId xmlns:a16="http://schemas.microsoft.com/office/drawing/2014/main" id="{CAE1EBDA-0010-4470-8206-608B7A3C82A6}"/>
              </a:ext>
            </a:extLst>
          </p:cNvPr>
          <p:cNvSpPr>
            <a:spLocks noGrp="1"/>
          </p:cNvSpPr>
          <p:nvPr>
            <p:ph type="body" sz="quarter" idx="54" hasCustomPrompt="1"/>
          </p:nvPr>
        </p:nvSpPr>
        <p:spPr>
          <a:xfrm>
            <a:off x="6011863" y="321130"/>
            <a:ext cx="2460625" cy="578984"/>
          </a:xfrm>
        </p:spPr>
        <p:txBody>
          <a:bodyPr/>
          <a:lstStyle>
            <a:lvl1pPr>
              <a:spcAft>
                <a:spcPts val="600"/>
              </a:spcAft>
              <a:defRPr lang="en-US" sz="15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19" name="Text Placeholder 4">
            <a:extLst>
              <a:ext uri="{FF2B5EF4-FFF2-40B4-BE49-F238E27FC236}">
                <a16:creationId xmlns:a16="http://schemas.microsoft.com/office/drawing/2014/main" id="{A5B5E27D-54D5-403F-8568-50B316DD39E9}"/>
              </a:ext>
            </a:extLst>
          </p:cNvPr>
          <p:cNvSpPr>
            <a:spLocks noGrp="1"/>
          </p:cNvSpPr>
          <p:nvPr>
            <p:ph type="body" sz="quarter" idx="55" hasCustomPrompt="1"/>
          </p:nvPr>
        </p:nvSpPr>
        <p:spPr>
          <a:xfrm>
            <a:off x="8564563" y="321129"/>
            <a:ext cx="2460625" cy="578984"/>
          </a:xfrm>
        </p:spPr>
        <p:txBody>
          <a:bodyPr/>
          <a:lstStyle>
            <a:lvl1pPr>
              <a:spcAft>
                <a:spcPts val="600"/>
              </a:spcAft>
              <a:defRPr lang="en-US" sz="15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Tree>
    <p:extLst>
      <p:ext uri="{BB962C8B-B14F-4D97-AF65-F5344CB8AC3E}">
        <p14:creationId xmlns:p14="http://schemas.microsoft.com/office/powerpoint/2010/main" val="2378694619"/>
      </p:ext>
    </p:extLst>
  </p:cSld>
  <p:clrMapOvr>
    <a:masterClrMapping/>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ext Agenda 2">
    <p:spTree>
      <p:nvGrpSpPr>
        <p:cNvPr id="1" name=""/>
        <p:cNvGrpSpPr/>
        <p:nvPr/>
      </p:nvGrpSpPr>
      <p:grpSpPr>
        <a:xfrm>
          <a:off x="0" y="0"/>
          <a:ext cx="0" cy="0"/>
          <a:chOff x="0" y="0"/>
          <a:chExt cx="0" cy="0"/>
        </a:xfrm>
      </p:grpSpPr>
      <p:cxnSp>
        <p:nvCxnSpPr>
          <p:cNvPr id="21" name="Straight Connector 20">
            <a:extLst>
              <a:ext uri="{FF2B5EF4-FFF2-40B4-BE49-F238E27FC236}">
                <a16:creationId xmlns:a16="http://schemas.microsoft.com/office/drawing/2014/main" id="{27190B2A-4A03-4442-BCB9-881FECD2D9D6}"/>
              </a:ext>
            </a:extLst>
          </p:cNvPr>
          <p:cNvCxnSpPr>
            <a:cxnSpLocks/>
          </p:cNvCxnSpPr>
          <p:nvPr/>
        </p:nvCxnSpPr>
        <p:spPr>
          <a:xfrm flipH="1">
            <a:off x="3575527" y="1812877"/>
            <a:ext cx="8103710"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5" name="Title 4">
            <a:extLst>
              <a:ext uri="{FF2B5EF4-FFF2-40B4-BE49-F238E27FC236}">
                <a16:creationId xmlns:a16="http://schemas.microsoft.com/office/drawing/2014/main" id="{A603E8E9-3E6F-4875-89EC-2887A614A793}"/>
              </a:ext>
            </a:extLst>
          </p:cNvPr>
          <p:cNvSpPr>
            <a:spLocks noGrp="1"/>
          </p:cNvSpPr>
          <p:nvPr>
            <p:ph type="title" hasCustomPrompt="1"/>
          </p:nvPr>
        </p:nvSpPr>
        <p:spPr>
          <a:xfrm>
            <a:off x="511176" y="1601788"/>
            <a:ext cx="1947862" cy="1325563"/>
          </a:xfrm>
        </p:spPr>
        <p:txBody>
          <a:bodyPr/>
          <a:lstStyle>
            <a:lvl1pPr>
              <a:defRPr/>
            </a:lvl1pPr>
          </a:lstStyle>
          <a:p>
            <a:r>
              <a:rPr lang="en-US" dirty="0"/>
              <a:t>Agenda</a:t>
            </a:r>
          </a:p>
        </p:txBody>
      </p:sp>
      <p:sp>
        <p:nvSpPr>
          <p:cNvPr id="75" name="Agenda Placeholder">
            <a:extLst>
              <a:ext uri="{FF2B5EF4-FFF2-40B4-BE49-F238E27FC236}">
                <a16:creationId xmlns:a16="http://schemas.microsoft.com/office/drawing/2014/main" id="{D00E8ABA-C8B2-4972-8417-C82FB15B6BD6}"/>
              </a:ext>
            </a:extLst>
          </p:cNvPr>
          <p:cNvSpPr>
            <a:spLocks noGrp="1"/>
          </p:cNvSpPr>
          <p:nvPr>
            <p:ph type="body" sz="quarter" idx="10" hasCustomPrompt="1"/>
          </p:nvPr>
        </p:nvSpPr>
        <p:spPr>
          <a:xfrm>
            <a:off x="3584574" y="4102100"/>
            <a:ext cx="7581902" cy="2275550"/>
          </a:xfrm>
        </p:spPr>
        <p:txBody>
          <a:bodyPr rIns="512064" numCol="2" spcCol="768096"/>
          <a:lstStyle>
            <a:lvl1pPr marL="342900" indent="-342900">
              <a:lnSpc>
                <a:spcPct val="100000"/>
              </a:lnSpc>
              <a:spcBef>
                <a:spcPts val="0"/>
              </a:spcBef>
              <a:spcAft>
                <a:spcPts val="600"/>
              </a:spcAft>
              <a:buFont typeface="+mj-lt"/>
              <a:buAutoNum type="arabicPlain"/>
              <a:tabLst/>
              <a:defRPr sz="1600">
                <a:solidFill>
                  <a:schemeClr val="tx1"/>
                </a:solidFill>
                <a:latin typeface="+mn-lt"/>
              </a:defRPr>
            </a:lvl1pPr>
            <a:lvl2pPr marL="514350" indent="-171450">
              <a:buFont typeface="Calibre" panose="020B0503030202060203" pitchFamily="34" charset="0"/>
              <a:buChar char="–"/>
              <a:defRPr sz="1200">
                <a:solidFill>
                  <a:schemeClr val="tx1"/>
                </a:solidFill>
                <a:latin typeface="+mn-lt"/>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Agenda item</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3578822843"/>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ext Agenda 3">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A603E8E9-3E6F-4875-89EC-2887A614A793}"/>
              </a:ext>
            </a:extLst>
          </p:cNvPr>
          <p:cNvSpPr>
            <a:spLocks noGrp="1"/>
          </p:cNvSpPr>
          <p:nvPr>
            <p:ph type="title" hasCustomPrompt="1"/>
          </p:nvPr>
        </p:nvSpPr>
        <p:spPr>
          <a:xfrm>
            <a:off x="511176" y="1601788"/>
            <a:ext cx="1947862" cy="1325563"/>
          </a:xfrm>
        </p:spPr>
        <p:txBody>
          <a:bodyPr/>
          <a:lstStyle>
            <a:lvl1pPr>
              <a:defRPr/>
            </a:lvl1pPr>
          </a:lstStyle>
          <a:p>
            <a:r>
              <a:rPr lang="en-US" dirty="0"/>
              <a:t>Agenda</a:t>
            </a:r>
          </a:p>
        </p:txBody>
      </p:sp>
      <p:sp>
        <p:nvSpPr>
          <p:cNvPr id="75" name="Agenda Placeholder">
            <a:extLst>
              <a:ext uri="{FF2B5EF4-FFF2-40B4-BE49-F238E27FC236}">
                <a16:creationId xmlns:a16="http://schemas.microsoft.com/office/drawing/2014/main" id="{E08FCD91-4ED5-4472-8502-99710E85E61C}"/>
              </a:ext>
            </a:extLst>
          </p:cNvPr>
          <p:cNvSpPr>
            <a:spLocks noGrp="1"/>
          </p:cNvSpPr>
          <p:nvPr>
            <p:ph type="body" sz="quarter" idx="10" hasCustomPrompt="1"/>
          </p:nvPr>
        </p:nvSpPr>
        <p:spPr>
          <a:xfrm>
            <a:off x="7683500" y="1601788"/>
            <a:ext cx="2950014" cy="4275137"/>
          </a:xfrm>
        </p:spPr>
        <p:txBody>
          <a:bodyPr/>
          <a:lstStyle>
            <a:lvl1pPr marL="342900" indent="-342900">
              <a:lnSpc>
                <a:spcPct val="100000"/>
              </a:lnSpc>
              <a:spcBef>
                <a:spcPts val="0"/>
              </a:spcBef>
              <a:spcAft>
                <a:spcPts val="600"/>
              </a:spcAft>
              <a:buFont typeface="+mj-lt"/>
              <a:buAutoNum type="arabicPlain"/>
              <a:tabLst/>
              <a:defRPr sz="1600">
                <a:solidFill>
                  <a:schemeClr val="tx1"/>
                </a:solidFill>
                <a:latin typeface="+mn-lt"/>
              </a:defRPr>
            </a:lvl1pPr>
            <a:lvl2pPr marL="514350" indent="-171450">
              <a:buFont typeface="Calibre" panose="020B0503030202060203" pitchFamily="34" charset="0"/>
              <a:buChar char="–"/>
              <a:defRPr sz="1200">
                <a:solidFill>
                  <a:schemeClr val="tx1"/>
                </a:solidFill>
                <a:latin typeface="+mn-lt"/>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Agenda item</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1" name="Picture Placeholder 10">
            <a:extLst>
              <a:ext uri="{FF2B5EF4-FFF2-40B4-BE49-F238E27FC236}">
                <a16:creationId xmlns:a16="http://schemas.microsoft.com/office/drawing/2014/main" id="{BDB04C03-037A-4942-9253-93DB7247F3BE}"/>
              </a:ext>
            </a:extLst>
          </p:cNvPr>
          <p:cNvSpPr>
            <a:spLocks noGrp="1"/>
          </p:cNvSpPr>
          <p:nvPr>
            <p:ph type="pic" sz="quarter" idx="13"/>
          </p:nvPr>
        </p:nvSpPr>
        <p:spPr>
          <a:xfrm>
            <a:off x="511175" y="2436729"/>
            <a:ext cx="2971800" cy="1973208"/>
          </a:xfrm>
        </p:spPr>
        <p:txBody>
          <a:bodyPr/>
          <a:lstStyle/>
          <a:p>
            <a:r>
              <a:rPr lang="en-US" dirty="0"/>
              <a:t>Click icon to add picture</a:t>
            </a:r>
          </a:p>
        </p:txBody>
      </p:sp>
    </p:spTree>
    <p:extLst>
      <p:ext uri="{BB962C8B-B14F-4D97-AF65-F5344CB8AC3E}">
        <p14:creationId xmlns:p14="http://schemas.microsoft.com/office/powerpoint/2010/main" val="4181883849"/>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Image Agenda 1">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C7FE991-A877-4767-B1CA-512FB5B04D95}"/>
              </a:ext>
            </a:extLst>
          </p:cNvPr>
          <p:cNvSpPr>
            <a:spLocks noGrp="1"/>
          </p:cNvSpPr>
          <p:nvPr>
            <p:ph type="title" hasCustomPrompt="1"/>
          </p:nvPr>
        </p:nvSpPr>
        <p:spPr>
          <a:xfrm>
            <a:off x="511176" y="1600200"/>
            <a:ext cx="1441744" cy="1325563"/>
          </a:xfrm>
        </p:spPr>
        <p:txBody>
          <a:bodyPr/>
          <a:lstStyle>
            <a:lvl1pPr>
              <a:defRPr>
                <a:solidFill>
                  <a:schemeClr val="tx1"/>
                </a:solidFill>
              </a:defRPr>
            </a:lvl1pPr>
          </a:lstStyle>
          <a:p>
            <a:r>
              <a:rPr lang="en-US" dirty="0"/>
              <a:t>Agenda</a:t>
            </a:r>
          </a:p>
        </p:txBody>
      </p:sp>
      <p:sp>
        <p:nvSpPr>
          <p:cNvPr id="75" name="Agenda Placeholder">
            <a:extLst>
              <a:ext uri="{FF2B5EF4-FFF2-40B4-BE49-F238E27FC236}">
                <a16:creationId xmlns:a16="http://schemas.microsoft.com/office/drawing/2014/main" id="{0F20E8DD-88E2-4435-A814-208BF59AA4AF}"/>
              </a:ext>
            </a:extLst>
          </p:cNvPr>
          <p:cNvSpPr>
            <a:spLocks noGrp="1"/>
          </p:cNvSpPr>
          <p:nvPr>
            <p:ph type="body" sz="quarter" idx="10" hasCustomPrompt="1"/>
          </p:nvPr>
        </p:nvSpPr>
        <p:spPr>
          <a:xfrm>
            <a:off x="8707438" y="1562876"/>
            <a:ext cx="2971799" cy="4314049"/>
          </a:xfrm>
        </p:spPr>
        <p:txBody>
          <a:bodyPr/>
          <a:lstStyle>
            <a:lvl1pPr marL="342900" indent="-342900">
              <a:lnSpc>
                <a:spcPct val="100000"/>
              </a:lnSpc>
              <a:spcBef>
                <a:spcPts val="0"/>
              </a:spcBef>
              <a:spcAft>
                <a:spcPts val="600"/>
              </a:spcAft>
              <a:buFont typeface="+mj-lt"/>
              <a:buAutoNum type="arabicPlain"/>
              <a:tabLst/>
              <a:defRPr sz="1600">
                <a:solidFill>
                  <a:schemeClr val="tx1"/>
                </a:solidFill>
                <a:latin typeface="+mn-lt"/>
              </a:defRPr>
            </a:lvl1pPr>
            <a:lvl2pPr marL="514350" indent="-171450">
              <a:buFont typeface="Calibre" panose="020B0503030202060203" pitchFamily="34" charset="0"/>
              <a:buChar char="–"/>
              <a:defRPr sz="1200">
                <a:solidFill>
                  <a:schemeClr val="tx1"/>
                </a:solidFill>
                <a:latin typeface="+mn-lt"/>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Agenda item</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Picture Placeholder 5">
            <a:extLst>
              <a:ext uri="{FF2B5EF4-FFF2-40B4-BE49-F238E27FC236}">
                <a16:creationId xmlns:a16="http://schemas.microsoft.com/office/drawing/2014/main" id="{627EE949-DAB3-4E3E-BACE-0854D8E22185}"/>
              </a:ext>
            </a:extLst>
          </p:cNvPr>
          <p:cNvSpPr>
            <a:spLocks noGrp="1"/>
          </p:cNvSpPr>
          <p:nvPr>
            <p:ph type="pic" sz="quarter" idx="11"/>
          </p:nvPr>
        </p:nvSpPr>
        <p:spPr>
          <a:xfrm>
            <a:off x="3584575" y="476250"/>
            <a:ext cx="4506913" cy="5905500"/>
          </a:xfrm>
        </p:spPr>
        <p:txBody>
          <a:bodyPr/>
          <a:lstStyle/>
          <a:p>
            <a:r>
              <a:rPr lang="en-US" dirty="0"/>
              <a:t>Click icon to add picture</a:t>
            </a:r>
          </a:p>
        </p:txBody>
      </p:sp>
    </p:spTree>
    <p:extLst>
      <p:ext uri="{BB962C8B-B14F-4D97-AF65-F5344CB8AC3E}">
        <p14:creationId xmlns:p14="http://schemas.microsoft.com/office/powerpoint/2010/main" val="2607744196"/>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Image Agenda 1 Dark">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C7FE991-A877-4767-B1CA-512FB5B04D95}"/>
              </a:ext>
            </a:extLst>
          </p:cNvPr>
          <p:cNvSpPr>
            <a:spLocks noGrp="1"/>
          </p:cNvSpPr>
          <p:nvPr>
            <p:ph type="title" hasCustomPrompt="1"/>
          </p:nvPr>
        </p:nvSpPr>
        <p:spPr>
          <a:xfrm>
            <a:off x="511176" y="1600200"/>
            <a:ext cx="1441744" cy="1325563"/>
          </a:xfrm>
        </p:spPr>
        <p:txBody>
          <a:bodyPr/>
          <a:lstStyle>
            <a:lvl1pPr>
              <a:defRPr>
                <a:solidFill>
                  <a:schemeClr val="bg1"/>
                </a:solidFill>
              </a:defRPr>
            </a:lvl1pPr>
          </a:lstStyle>
          <a:p>
            <a:r>
              <a:rPr lang="en-US" dirty="0"/>
              <a:t>Agenda</a:t>
            </a:r>
          </a:p>
        </p:txBody>
      </p:sp>
      <p:sp>
        <p:nvSpPr>
          <p:cNvPr id="75" name="Agenda Placeholder">
            <a:extLst>
              <a:ext uri="{FF2B5EF4-FFF2-40B4-BE49-F238E27FC236}">
                <a16:creationId xmlns:a16="http://schemas.microsoft.com/office/drawing/2014/main" id="{0F20E8DD-88E2-4435-A814-208BF59AA4AF}"/>
              </a:ext>
            </a:extLst>
          </p:cNvPr>
          <p:cNvSpPr>
            <a:spLocks noGrp="1"/>
          </p:cNvSpPr>
          <p:nvPr>
            <p:ph type="body" sz="quarter" idx="10" hasCustomPrompt="1"/>
          </p:nvPr>
        </p:nvSpPr>
        <p:spPr>
          <a:xfrm>
            <a:off x="8707438" y="1562876"/>
            <a:ext cx="2971799" cy="4314049"/>
          </a:xfrm>
        </p:spPr>
        <p:txBody>
          <a:bodyPr/>
          <a:lstStyle>
            <a:lvl1pPr marL="342900" indent="-342900">
              <a:lnSpc>
                <a:spcPct val="100000"/>
              </a:lnSpc>
              <a:spcBef>
                <a:spcPts val="0"/>
              </a:spcBef>
              <a:spcAft>
                <a:spcPts val="600"/>
              </a:spcAft>
              <a:buFont typeface="+mj-lt"/>
              <a:buAutoNum type="arabicPlain"/>
              <a:tabLst/>
              <a:defRPr sz="1600">
                <a:solidFill>
                  <a:schemeClr val="bg1"/>
                </a:solidFill>
                <a:latin typeface="+mn-lt"/>
              </a:defRPr>
            </a:lvl1pPr>
            <a:lvl2pPr marL="514350" indent="-171450">
              <a:buFont typeface="Calibre" panose="020B0503030202060203" pitchFamily="34" charset="0"/>
              <a:buChar char="–"/>
              <a:defRPr sz="1100">
                <a:solidFill>
                  <a:schemeClr val="bg1"/>
                </a:solidFill>
                <a:latin typeface="+mn-lt"/>
              </a:defRPr>
            </a:lvl2pPr>
            <a:lvl3pPr>
              <a:defRPr>
                <a:solidFill>
                  <a:schemeClr val="bg1"/>
                </a:solidFill>
              </a:defRPr>
            </a:lvl3pPr>
            <a:lvl4pPr>
              <a:buClr>
                <a:schemeClr val="bg1"/>
              </a:buClr>
              <a:defRPr>
                <a:solidFill>
                  <a:schemeClr val="bg1"/>
                </a:solidFill>
              </a:defRPr>
            </a:lvl4pPr>
            <a:lvl5pPr>
              <a:defRPr>
                <a:solidFill>
                  <a:schemeClr val="bg1"/>
                </a:solidFill>
              </a:defRPr>
            </a:lvl5pPr>
          </a:lstStyle>
          <a:p>
            <a:pPr lvl="0"/>
            <a:r>
              <a:rPr lang="en-US" dirty="0"/>
              <a:t>Agenda item</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Picture Placeholder 5">
            <a:extLst>
              <a:ext uri="{FF2B5EF4-FFF2-40B4-BE49-F238E27FC236}">
                <a16:creationId xmlns:a16="http://schemas.microsoft.com/office/drawing/2014/main" id="{627EE949-DAB3-4E3E-BACE-0854D8E22185}"/>
              </a:ext>
            </a:extLst>
          </p:cNvPr>
          <p:cNvSpPr>
            <a:spLocks noGrp="1"/>
          </p:cNvSpPr>
          <p:nvPr>
            <p:ph type="pic" sz="quarter" idx="11"/>
          </p:nvPr>
        </p:nvSpPr>
        <p:spPr>
          <a:xfrm>
            <a:off x="3584575" y="476250"/>
            <a:ext cx="4506913" cy="5905500"/>
          </a:xfrm>
        </p:spPr>
        <p:txBody>
          <a:bodyPr/>
          <a:lstStyle>
            <a:lvl1pPr>
              <a:defRPr>
                <a:solidFill>
                  <a:schemeClr val="bg1"/>
                </a:solidFill>
              </a:defRPr>
            </a:lvl1pPr>
          </a:lstStyle>
          <a:p>
            <a:r>
              <a:rPr lang="en-US" dirty="0"/>
              <a:t>Click icon to add picture</a:t>
            </a:r>
          </a:p>
        </p:txBody>
      </p:sp>
      <p:sp>
        <p:nvSpPr>
          <p:cNvPr id="9" name="TextBox 8">
            <a:extLst>
              <a:ext uri="{FF2B5EF4-FFF2-40B4-BE49-F238E27FC236}">
                <a16:creationId xmlns:a16="http://schemas.microsoft.com/office/drawing/2014/main" id="{1053A7E3-6304-4250-B44B-DA8FB5E67F65}"/>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10" name="TextBox 9">
            <a:extLst>
              <a:ext uri="{FF2B5EF4-FFF2-40B4-BE49-F238E27FC236}">
                <a16:creationId xmlns:a16="http://schemas.microsoft.com/office/drawing/2014/main" id="{49D8847A-8E6A-4F35-B6DA-1BB0A465AAE3}"/>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Tree>
    <p:extLst>
      <p:ext uri="{BB962C8B-B14F-4D97-AF65-F5344CB8AC3E}">
        <p14:creationId xmlns:p14="http://schemas.microsoft.com/office/powerpoint/2010/main" val="1544140999"/>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Image Agenda 2">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C7FE991-A877-4767-B1CA-512FB5B04D95}"/>
              </a:ext>
            </a:extLst>
          </p:cNvPr>
          <p:cNvSpPr>
            <a:spLocks noGrp="1"/>
          </p:cNvSpPr>
          <p:nvPr>
            <p:ph type="title" hasCustomPrompt="1"/>
          </p:nvPr>
        </p:nvSpPr>
        <p:spPr>
          <a:xfrm>
            <a:off x="511176" y="1600200"/>
            <a:ext cx="2971798" cy="525463"/>
          </a:xfrm>
        </p:spPr>
        <p:txBody>
          <a:bodyPr/>
          <a:lstStyle>
            <a:lvl1pPr>
              <a:defRPr>
                <a:solidFill>
                  <a:schemeClr val="tx1"/>
                </a:solidFill>
              </a:defRPr>
            </a:lvl1pPr>
          </a:lstStyle>
          <a:p>
            <a:r>
              <a:rPr lang="en-US" dirty="0"/>
              <a:t>Agenda</a:t>
            </a:r>
          </a:p>
        </p:txBody>
      </p:sp>
      <p:sp>
        <p:nvSpPr>
          <p:cNvPr id="75" name="Agenda Placeholder">
            <a:extLst>
              <a:ext uri="{FF2B5EF4-FFF2-40B4-BE49-F238E27FC236}">
                <a16:creationId xmlns:a16="http://schemas.microsoft.com/office/drawing/2014/main" id="{0F20E8DD-88E2-4435-A814-208BF59AA4AF}"/>
              </a:ext>
            </a:extLst>
          </p:cNvPr>
          <p:cNvSpPr>
            <a:spLocks noGrp="1"/>
          </p:cNvSpPr>
          <p:nvPr>
            <p:ph type="body" sz="quarter" idx="10" hasCustomPrompt="1"/>
          </p:nvPr>
        </p:nvSpPr>
        <p:spPr>
          <a:xfrm>
            <a:off x="511175" y="2227263"/>
            <a:ext cx="2971799" cy="4154487"/>
          </a:xfrm>
        </p:spPr>
        <p:txBody>
          <a:bodyPr/>
          <a:lstStyle>
            <a:lvl1pPr marL="342900" indent="-342900">
              <a:lnSpc>
                <a:spcPct val="100000"/>
              </a:lnSpc>
              <a:spcBef>
                <a:spcPts val="0"/>
              </a:spcBef>
              <a:spcAft>
                <a:spcPts val="600"/>
              </a:spcAft>
              <a:buFont typeface="+mj-lt"/>
              <a:buAutoNum type="arabicPlain"/>
              <a:tabLst/>
              <a:defRPr sz="1600">
                <a:solidFill>
                  <a:schemeClr val="tx1"/>
                </a:solidFill>
                <a:latin typeface="+mn-lt"/>
              </a:defRPr>
            </a:lvl1pPr>
            <a:lvl2pPr marL="514350" indent="-171450">
              <a:buFont typeface="Calibre" panose="020B0503030202060203" pitchFamily="34" charset="0"/>
              <a:buChar char="–"/>
              <a:defRPr sz="1200">
                <a:solidFill>
                  <a:schemeClr val="tx1"/>
                </a:solidFill>
                <a:latin typeface="+mn-lt"/>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Agenda item</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Picture Placeholder 5">
            <a:extLst>
              <a:ext uri="{FF2B5EF4-FFF2-40B4-BE49-F238E27FC236}">
                <a16:creationId xmlns:a16="http://schemas.microsoft.com/office/drawing/2014/main" id="{627EE949-DAB3-4E3E-BACE-0854D8E22185}"/>
              </a:ext>
            </a:extLst>
          </p:cNvPr>
          <p:cNvSpPr>
            <a:spLocks noGrp="1"/>
          </p:cNvSpPr>
          <p:nvPr>
            <p:ph type="pic" sz="quarter" idx="11"/>
          </p:nvPr>
        </p:nvSpPr>
        <p:spPr>
          <a:xfrm>
            <a:off x="3584575" y="1601789"/>
            <a:ext cx="8094663" cy="4779962"/>
          </a:xfrm>
        </p:spPr>
        <p:txBody>
          <a:bodyPr/>
          <a:lstStyle/>
          <a:p>
            <a:r>
              <a:rPr lang="en-US" dirty="0"/>
              <a:t>Click icon to add picture</a:t>
            </a:r>
          </a:p>
        </p:txBody>
      </p:sp>
    </p:spTree>
    <p:extLst>
      <p:ext uri="{BB962C8B-B14F-4D97-AF65-F5344CB8AC3E}">
        <p14:creationId xmlns:p14="http://schemas.microsoft.com/office/powerpoint/2010/main" val="807366055"/>
      </p:ext>
    </p:extLst>
  </p:cSld>
  <p:clrMapOvr>
    <a:masterClrMapping/>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Image Agenda 3">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C7FE991-A877-4767-B1CA-512FB5B04D95}"/>
              </a:ext>
            </a:extLst>
          </p:cNvPr>
          <p:cNvSpPr>
            <a:spLocks noGrp="1"/>
          </p:cNvSpPr>
          <p:nvPr>
            <p:ph type="title" hasCustomPrompt="1"/>
          </p:nvPr>
        </p:nvSpPr>
        <p:spPr>
          <a:xfrm>
            <a:off x="511176" y="1600200"/>
            <a:ext cx="2971798" cy="525463"/>
          </a:xfrm>
        </p:spPr>
        <p:txBody>
          <a:bodyPr/>
          <a:lstStyle>
            <a:lvl1pPr>
              <a:defRPr>
                <a:solidFill>
                  <a:schemeClr val="tx1"/>
                </a:solidFill>
              </a:defRPr>
            </a:lvl1pPr>
          </a:lstStyle>
          <a:p>
            <a:r>
              <a:rPr lang="en-US" dirty="0"/>
              <a:t>Agenda</a:t>
            </a:r>
          </a:p>
        </p:txBody>
      </p:sp>
      <p:sp>
        <p:nvSpPr>
          <p:cNvPr id="6" name="Picture Placeholder 5">
            <a:extLst>
              <a:ext uri="{FF2B5EF4-FFF2-40B4-BE49-F238E27FC236}">
                <a16:creationId xmlns:a16="http://schemas.microsoft.com/office/drawing/2014/main" id="{627EE949-DAB3-4E3E-BACE-0854D8E22185}"/>
              </a:ext>
            </a:extLst>
          </p:cNvPr>
          <p:cNvSpPr>
            <a:spLocks noGrp="1"/>
          </p:cNvSpPr>
          <p:nvPr>
            <p:ph type="pic" sz="quarter" idx="11"/>
          </p:nvPr>
        </p:nvSpPr>
        <p:spPr>
          <a:xfrm>
            <a:off x="3584575" y="3478212"/>
            <a:ext cx="2460625" cy="2903538"/>
          </a:xfrm>
        </p:spPr>
        <p:txBody>
          <a:bodyPr/>
          <a:lstStyle/>
          <a:p>
            <a:r>
              <a:rPr lang="en-US" dirty="0"/>
              <a:t>Click icon to add picture</a:t>
            </a:r>
          </a:p>
        </p:txBody>
      </p:sp>
      <p:sp>
        <p:nvSpPr>
          <p:cNvPr id="9" name="Picture Placeholder 5">
            <a:extLst>
              <a:ext uri="{FF2B5EF4-FFF2-40B4-BE49-F238E27FC236}">
                <a16:creationId xmlns:a16="http://schemas.microsoft.com/office/drawing/2014/main" id="{B02182EA-23EB-4F80-85DC-273E369D441D}"/>
              </a:ext>
            </a:extLst>
          </p:cNvPr>
          <p:cNvSpPr>
            <a:spLocks noGrp="1"/>
          </p:cNvSpPr>
          <p:nvPr>
            <p:ph type="pic" sz="quarter" idx="14"/>
          </p:nvPr>
        </p:nvSpPr>
        <p:spPr>
          <a:xfrm>
            <a:off x="6146800" y="3478212"/>
            <a:ext cx="2460625" cy="2903538"/>
          </a:xfrm>
        </p:spPr>
        <p:txBody>
          <a:bodyPr/>
          <a:lstStyle/>
          <a:p>
            <a:r>
              <a:rPr lang="en-US" dirty="0"/>
              <a:t>Click icon to add picture</a:t>
            </a:r>
          </a:p>
        </p:txBody>
      </p:sp>
      <p:sp>
        <p:nvSpPr>
          <p:cNvPr id="10" name="Picture Placeholder 5">
            <a:extLst>
              <a:ext uri="{FF2B5EF4-FFF2-40B4-BE49-F238E27FC236}">
                <a16:creationId xmlns:a16="http://schemas.microsoft.com/office/drawing/2014/main" id="{F41C082D-D2E8-46DF-B484-21B3330683E6}"/>
              </a:ext>
            </a:extLst>
          </p:cNvPr>
          <p:cNvSpPr>
            <a:spLocks noGrp="1"/>
          </p:cNvSpPr>
          <p:nvPr>
            <p:ph type="pic" sz="quarter" idx="15"/>
          </p:nvPr>
        </p:nvSpPr>
        <p:spPr>
          <a:xfrm>
            <a:off x="8704262" y="3478212"/>
            <a:ext cx="2460625" cy="2903538"/>
          </a:xfrm>
        </p:spPr>
        <p:txBody>
          <a:bodyPr/>
          <a:lstStyle/>
          <a:p>
            <a:r>
              <a:rPr lang="en-US" dirty="0"/>
              <a:t>Click icon to add picture</a:t>
            </a:r>
          </a:p>
        </p:txBody>
      </p:sp>
      <p:sp>
        <p:nvSpPr>
          <p:cNvPr id="11" name="Text Placeholder 10">
            <a:extLst>
              <a:ext uri="{FF2B5EF4-FFF2-40B4-BE49-F238E27FC236}">
                <a16:creationId xmlns:a16="http://schemas.microsoft.com/office/drawing/2014/main" id="{FF56D822-4BE8-4265-9502-3BFA008CC373}"/>
              </a:ext>
            </a:extLst>
          </p:cNvPr>
          <p:cNvSpPr>
            <a:spLocks noGrp="1"/>
          </p:cNvSpPr>
          <p:nvPr>
            <p:ph type="body" sz="quarter" idx="16"/>
          </p:nvPr>
        </p:nvSpPr>
        <p:spPr>
          <a:xfrm>
            <a:off x="3584575" y="1601787"/>
            <a:ext cx="2460625" cy="17748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Text Placeholder 10">
            <a:extLst>
              <a:ext uri="{FF2B5EF4-FFF2-40B4-BE49-F238E27FC236}">
                <a16:creationId xmlns:a16="http://schemas.microsoft.com/office/drawing/2014/main" id="{4EAAA0CC-1E20-4497-9131-AC03BF97EE48}"/>
              </a:ext>
            </a:extLst>
          </p:cNvPr>
          <p:cNvSpPr>
            <a:spLocks noGrp="1"/>
          </p:cNvSpPr>
          <p:nvPr>
            <p:ph type="body" sz="quarter" idx="17"/>
          </p:nvPr>
        </p:nvSpPr>
        <p:spPr>
          <a:xfrm>
            <a:off x="6146800" y="1601787"/>
            <a:ext cx="2460625" cy="17748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10">
            <a:extLst>
              <a:ext uri="{FF2B5EF4-FFF2-40B4-BE49-F238E27FC236}">
                <a16:creationId xmlns:a16="http://schemas.microsoft.com/office/drawing/2014/main" id="{CBA11F3B-2B6C-4112-9F86-27277516ECB4}"/>
              </a:ext>
            </a:extLst>
          </p:cNvPr>
          <p:cNvSpPr>
            <a:spLocks noGrp="1"/>
          </p:cNvSpPr>
          <p:nvPr>
            <p:ph type="body" sz="quarter" idx="18"/>
          </p:nvPr>
        </p:nvSpPr>
        <p:spPr>
          <a:xfrm>
            <a:off x="8707438" y="1601787"/>
            <a:ext cx="2460625" cy="17748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946790072"/>
      </p:ext>
    </p:extLst>
  </p:cSld>
  <p:clrMapOvr>
    <a:masterClrMapping/>
  </p:clrMapOvr>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Exec Summ 4 Column">
    <p:spTree>
      <p:nvGrpSpPr>
        <p:cNvPr id="1" name=""/>
        <p:cNvGrpSpPr/>
        <p:nvPr/>
      </p:nvGrpSpPr>
      <p:grpSpPr>
        <a:xfrm>
          <a:off x="0" y="0"/>
          <a:ext cx="0" cy="0"/>
          <a:chOff x="0" y="0"/>
          <a:chExt cx="0" cy="0"/>
        </a:xfrm>
      </p:grpSpPr>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grpSp>
        <p:nvGrpSpPr>
          <p:cNvPr id="2" name="Column Rules">
            <a:extLst>
              <a:ext uri="{FF2B5EF4-FFF2-40B4-BE49-F238E27FC236}">
                <a16:creationId xmlns:a16="http://schemas.microsoft.com/office/drawing/2014/main" id="{1FD093C6-9BFF-4EC4-BD31-C16B04A7358D}"/>
              </a:ext>
            </a:extLst>
          </p:cNvPr>
          <p:cNvGrpSpPr/>
          <p:nvPr userDrawn="1"/>
        </p:nvGrpSpPr>
        <p:grpSpPr>
          <a:xfrm>
            <a:off x="505977" y="2225674"/>
            <a:ext cx="8540896" cy="1261872"/>
            <a:chOff x="505977" y="2225674"/>
            <a:chExt cx="8540896" cy="1431925"/>
          </a:xfrm>
        </p:grpSpPr>
        <p:cxnSp>
          <p:nvCxnSpPr>
            <p:cNvPr id="22" name="Column Rule 4">
              <a:extLst>
                <a:ext uri="{FF2B5EF4-FFF2-40B4-BE49-F238E27FC236}">
                  <a16:creationId xmlns:a16="http://schemas.microsoft.com/office/drawing/2014/main" id="{39F456A1-F89D-4E8D-9939-5DDC80972902}"/>
                </a:ext>
              </a:extLst>
            </p:cNvPr>
            <p:cNvCxnSpPr>
              <a:cxnSpLocks/>
            </p:cNvCxnSpPr>
            <p:nvPr userDrawn="1"/>
          </p:nvCxnSpPr>
          <p:spPr>
            <a:xfrm>
              <a:off x="9046873" y="2225674"/>
              <a:ext cx="0" cy="1431925"/>
            </a:xfrm>
            <a:prstGeom prst="line">
              <a:avLst/>
            </a:prstGeom>
            <a:ln w="25400">
              <a:solidFill>
                <a:schemeClr val="bg2"/>
              </a:solidFill>
              <a:miter lim="800000"/>
            </a:ln>
          </p:spPr>
          <p:style>
            <a:lnRef idx="1">
              <a:schemeClr val="accent1"/>
            </a:lnRef>
            <a:fillRef idx="0">
              <a:schemeClr val="accent1"/>
            </a:fillRef>
            <a:effectRef idx="0">
              <a:schemeClr val="accent1"/>
            </a:effectRef>
            <a:fontRef idx="minor">
              <a:schemeClr val="tx1"/>
            </a:fontRef>
          </p:style>
        </p:cxnSp>
        <p:cxnSp>
          <p:nvCxnSpPr>
            <p:cNvPr id="23" name="Column Rule 3">
              <a:extLst>
                <a:ext uri="{FF2B5EF4-FFF2-40B4-BE49-F238E27FC236}">
                  <a16:creationId xmlns:a16="http://schemas.microsoft.com/office/drawing/2014/main" id="{C4B15205-E96B-489D-84B5-39F086178357}"/>
                </a:ext>
              </a:extLst>
            </p:cNvPr>
            <p:cNvCxnSpPr>
              <a:cxnSpLocks/>
            </p:cNvCxnSpPr>
            <p:nvPr userDrawn="1"/>
          </p:nvCxnSpPr>
          <p:spPr>
            <a:xfrm>
              <a:off x="6199907" y="2225674"/>
              <a:ext cx="0" cy="1431925"/>
            </a:xfrm>
            <a:prstGeom prst="line">
              <a:avLst/>
            </a:prstGeom>
            <a:ln w="25400">
              <a:solidFill>
                <a:schemeClr val="bg2"/>
              </a:solidFill>
              <a:miter lim="800000"/>
            </a:ln>
          </p:spPr>
          <p:style>
            <a:lnRef idx="1">
              <a:schemeClr val="accent1"/>
            </a:lnRef>
            <a:fillRef idx="0">
              <a:schemeClr val="accent1"/>
            </a:fillRef>
            <a:effectRef idx="0">
              <a:schemeClr val="accent1"/>
            </a:effectRef>
            <a:fontRef idx="minor">
              <a:schemeClr val="tx1"/>
            </a:fontRef>
          </p:style>
        </p:cxnSp>
        <p:cxnSp>
          <p:nvCxnSpPr>
            <p:cNvPr id="16" name="Column Rule 2">
              <a:extLst>
                <a:ext uri="{FF2B5EF4-FFF2-40B4-BE49-F238E27FC236}">
                  <a16:creationId xmlns:a16="http://schemas.microsoft.com/office/drawing/2014/main" id="{74B34D04-2DB5-4ECD-B5DF-25A38C332E27}"/>
                </a:ext>
              </a:extLst>
            </p:cNvPr>
            <p:cNvCxnSpPr>
              <a:cxnSpLocks/>
            </p:cNvCxnSpPr>
            <p:nvPr userDrawn="1"/>
          </p:nvCxnSpPr>
          <p:spPr>
            <a:xfrm>
              <a:off x="3352942" y="2225674"/>
              <a:ext cx="0" cy="1431925"/>
            </a:xfrm>
            <a:prstGeom prst="line">
              <a:avLst/>
            </a:prstGeom>
            <a:ln w="25400">
              <a:solidFill>
                <a:schemeClr val="bg2"/>
              </a:solidFill>
              <a:miter lim="800000"/>
            </a:ln>
          </p:spPr>
          <p:style>
            <a:lnRef idx="1">
              <a:schemeClr val="accent1"/>
            </a:lnRef>
            <a:fillRef idx="0">
              <a:schemeClr val="accent1"/>
            </a:fillRef>
            <a:effectRef idx="0">
              <a:schemeClr val="accent1"/>
            </a:effectRef>
            <a:fontRef idx="minor">
              <a:schemeClr val="tx1"/>
            </a:fontRef>
          </p:style>
        </p:cxnSp>
        <p:cxnSp>
          <p:nvCxnSpPr>
            <p:cNvPr id="21" name="Column Rule 1">
              <a:extLst>
                <a:ext uri="{FF2B5EF4-FFF2-40B4-BE49-F238E27FC236}">
                  <a16:creationId xmlns:a16="http://schemas.microsoft.com/office/drawing/2014/main" id="{FE3C7069-4632-4876-8DC1-2CA1440016D8}"/>
                </a:ext>
              </a:extLst>
            </p:cNvPr>
            <p:cNvCxnSpPr>
              <a:cxnSpLocks/>
            </p:cNvCxnSpPr>
            <p:nvPr userDrawn="1"/>
          </p:nvCxnSpPr>
          <p:spPr>
            <a:xfrm>
              <a:off x="505977" y="2225674"/>
              <a:ext cx="0" cy="1431925"/>
            </a:xfrm>
            <a:prstGeom prst="line">
              <a:avLst/>
            </a:prstGeom>
            <a:ln w="25400">
              <a:solidFill>
                <a:schemeClr val="bg2"/>
              </a:solidFill>
              <a:miter lim="800000"/>
            </a:ln>
          </p:spPr>
          <p:style>
            <a:lnRef idx="1">
              <a:schemeClr val="accent1"/>
            </a:lnRef>
            <a:fillRef idx="0">
              <a:schemeClr val="accent1"/>
            </a:fillRef>
            <a:effectRef idx="0">
              <a:schemeClr val="accent1"/>
            </a:effectRef>
            <a:fontRef idx="minor">
              <a:schemeClr val="tx1"/>
            </a:fontRef>
          </p:style>
        </p:cxnSp>
      </p:grpSp>
      <p:sp>
        <p:nvSpPr>
          <p:cNvPr id="20" name="Content Placeholder 4">
            <a:extLst>
              <a:ext uri="{FF2B5EF4-FFF2-40B4-BE49-F238E27FC236}">
                <a16:creationId xmlns:a16="http://schemas.microsoft.com/office/drawing/2014/main" id="{E8AF4775-5960-4028-BD81-98CE17CB9110}"/>
              </a:ext>
            </a:extLst>
          </p:cNvPr>
          <p:cNvSpPr>
            <a:spLocks noGrp="1"/>
          </p:cNvSpPr>
          <p:nvPr userDrawn="1">
            <p:ph sz="quarter" idx="23"/>
          </p:nvPr>
        </p:nvSpPr>
        <p:spPr>
          <a:xfrm>
            <a:off x="9211630" y="3332098"/>
            <a:ext cx="2459736" cy="2551176"/>
          </a:xfrm>
        </p:spPr>
        <p:txBody>
          <a:bodyPr/>
          <a:lstStyle>
            <a:lvl1pPr>
              <a:spcAft>
                <a:spcPts val="0"/>
              </a:spcAft>
              <a:defRPr>
                <a:latin typeface="Calibre Light" panose="020B0303030202060203" pitchFamily="34" charset="0"/>
              </a:defRPr>
            </a:lvl1pPr>
            <a:lvl2pPr>
              <a:defRPr sz="1600">
                <a:latin typeface="Calibre Semibold" panose="020B07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Heading Placeholder 4">
            <a:extLst>
              <a:ext uri="{FF2B5EF4-FFF2-40B4-BE49-F238E27FC236}">
                <a16:creationId xmlns:a16="http://schemas.microsoft.com/office/drawing/2014/main" id="{8747FC40-DD0F-400B-B030-B52E1E681067}"/>
              </a:ext>
            </a:extLst>
          </p:cNvPr>
          <p:cNvSpPr>
            <a:spLocks noGrp="1"/>
          </p:cNvSpPr>
          <p:nvPr userDrawn="1">
            <p:ph type="body" sz="quarter" idx="21" hasCustomPrompt="1"/>
          </p:nvPr>
        </p:nvSpPr>
        <p:spPr>
          <a:xfrm>
            <a:off x="9211630" y="2226691"/>
            <a:ext cx="2459736" cy="914400"/>
          </a:xfrm>
        </p:spPr>
        <p:txBody>
          <a:bodyPr/>
          <a:lstStyle>
            <a:lvl1pPr>
              <a:lnSpc>
                <a:spcPct val="82000"/>
              </a:lnSpc>
              <a:spcBef>
                <a:spcPts val="0"/>
              </a:spcBef>
              <a:spcAft>
                <a:spcPts val="0"/>
              </a:spcAft>
              <a:defRPr lang="en-US" sz="3600" b="0" dirty="0" smtClean="0">
                <a:solidFill>
                  <a:srgbClr val="003F2D"/>
                </a:solidFill>
                <a:latin typeface="+mj-lt"/>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Column Header</a:t>
            </a:r>
          </a:p>
        </p:txBody>
      </p:sp>
      <p:sp>
        <p:nvSpPr>
          <p:cNvPr id="10" name="Content Placeholder 3">
            <a:extLst>
              <a:ext uri="{FF2B5EF4-FFF2-40B4-BE49-F238E27FC236}">
                <a16:creationId xmlns:a16="http://schemas.microsoft.com/office/drawing/2014/main" id="{96F8CE7E-C8FD-42CD-9FE2-33854B67611D}"/>
              </a:ext>
            </a:extLst>
          </p:cNvPr>
          <p:cNvSpPr>
            <a:spLocks noGrp="1"/>
          </p:cNvSpPr>
          <p:nvPr userDrawn="1">
            <p:ph sz="quarter" idx="16"/>
          </p:nvPr>
        </p:nvSpPr>
        <p:spPr>
          <a:xfrm>
            <a:off x="6363679" y="3332098"/>
            <a:ext cx="2459736" cy="2551176"/>
          </a:xfrm>
        </p:spPr>
        <p:txBody>
          <a:bodyPr/>
          <a:lstStyle>
            <a:lvl1pPr>
              <a:spcAft>
                <a:spcPts val="0"/>
              </a:spcAft>
              <a:defRPr>
                <a:latin typeface="Calibre Light" panose="020B0303030202060203" pitchFamily="34" charset="0"/>
              </a:defRPr>
            </a:lvl1pPr>
            <a:lvl2pPr>
              <a:defRPr sz="1600">
                <a:latin typeface="Calibre Semibold" panose="020B07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Heading Placeholder 3">
            <a:extLst>
              <a:ext uri="{FF2B5EF4-FFF2-40B4-BE49-F238E27FC236}">
                <a16:creationId xmlns:a16="http://schemas.microsoft.com/office/drawing/2014/main" id="{8D649D2F-7D7D-4802-A705-A08201E6D24D}"/>
              </a:ext>
            </a:extLst>
          </p:cNvPr>
          <p:cNvSpPr>
            <a:spLocks noGrp="1"/>
          </p:cNvSpPr>
          <p:nvPr userDrawn="1">
            <p:ph type="body" sz="quarter" idx="17" hasCustomPrompt="1"/>
          </p:nvPr>
        </p:nvSpPr>
        <p:spPr>
          <a:xfrm>
            <a:off x="6363679" y="2225675"/>
            <a:ext cx="2459736" cy="914400"/>
          </a:xfrm>
        </p:spPr>
        <p:txBody>
          <a:bodyPr/>
          <a:lstStyle>
            <a:lvl1pPr>
              <a:lnSpc>
                <a:spcPct val="82000"/>
              </a:lnSpc>
              <a:spcBef>
                <a:spcPts val="0"/>
              </a:spcBef>
              <a:spcAft>
                <a:spcPts val="0"/>
              </a:spcAft>
              <a:defRPr lang="en-US" sz="3600" b="0" dirty="0" smtClean="0">
                <a:solidFill>
                  <a:srgbClr val="003F2D"/>
                </a:solidFill>
                <a:latin typeface="+mj-lt"/>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Column Header</a:t>
            </a:r>
          </a:p>
        </p:txBody>
      </p:sp>
      <p:sp>
        <p:nvSpPr>
          <p:cNvPr id="9" name="Content Placeholder 2">
            <a:extLst>
              <a:ext uri="{FF2B5EF4-FFF2-40B4-BE49-F238E27FC236}">
                <a16:creationId xmlns:a16="http://schemas.microsoft.com/office/drawing/2014/main" id="{42EA3364-699E-4FFA-BD42-6EF5EA1F1F61}"/>
              </a:ext>
            </a:extLst>
          </p:cNvPr>
          <p:cNvSpPr>
            <a:spLocks noGrp="1"/>
          </p:cNvSpPr>
          <p:nvPr userDrawn="1">
            <p:ph sz="quarter" idx="14"/>
          </p:nvPr>
        </p:nvSpPr>
        <p:spPr>
          <a:xfrm>
            <a:off x="3515729" y="3332098"/>
            <a:ext cx="2459736" cy="2551176"/>
          </a:xfrm>
        </p:spPr>
        <p:txBody>
          <a:bodyPr/>
          <a:lstStyle>
            <a:lvl1pPr>
              <a:spcAft>
                <a:spcPts val="0"/>
              </a:spcAft>
              <a:defRPr>
                <a:latin typeface="Calibre Light" panose="020B0303030202060203" pitchFamily="34" charset="0"/>
              </a:defRPr>
            </a:lvl1pPr>
            <a:lvl2pPr>
              <a:defRPr sz="1600">
                <a:latin typeface="Calibre Semibold" panose="020B07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Heading Placeholder 2">
            <a:extLst>
              <a:ext uri="{FF2B5EF4-FFF2-40B4-BE49-F238E27FC236}">
                <a16:creationId xmlns:a16="http://schemas.microsoft.com/office/drawing/2014/main" id="{6FE6ECDB-AF0B-4645-9EF8-7E58A711A6A0}"/>
              </a:ext>
            </a:extLst>
          </p:cNvPr>
          <p:cNvSpPr>
            <a:spLocks noGrp="1"/>
          </p:cNvSpPr>
          <p:nvPr userDrawn="1">
            <p:ph type="body" sz="quarter" idx="15" hasCustomPrompt="1"/>
          </p:nvPr>
        </p:nvSpPr>
        <p:spPr>
          <a:xfrm>
            <a:off x="3515729" y="2225675"/>
            <a:ext cx="2459736" cy="914400"/>
          </a:xfrm>
        </p:spPr>
        <p:txBody>
          <a:bodyPr/>
          <a:lstStyle>
            <a:lvl1pPr>
              <a:lnSpc>
                <a:spcPct val="82000"/>
              </a:lnSpc>
              <a:spcBef>
                <a:spcPts val="0"/>
              </a:spcBef>
              <a:spcAft>
                <a:spcPts val="0"/>
              </a:spcAft>
              <a:defRPr lang="en-US" sz="3600" b="0" dirty="0" smtClean="0">
                <a:solidFill>
                  <a:srgbClr val="003F2D"/>
                </a:solidFill>
                <a:latin typeface="+mj-lt"/>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Colum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userDrawn="1">
            <p:ph sz="quarter" idx="12"/>
          </p:nvPr>
        </p:nvSpPr>
        <p:spPr>
          <a:xfrm>
            <a:off x="667779" y="3332098"/>
            <a:ext cx="2459736" cy="2551176"/>
          </a:xfrm>
        </p:spPr>
        <p:txBody>
          <a:bodyPr/>
          <a:lstStyle>
            <a:lvl1pPr>
              <a:spcAft>
                <a:spcPts val="0"/>
              </a:spcAft>
              <a:defRPr>
                <a:latin typeface="Calibre Light" panose="020B0303030202060203" pitchFamily="34" charset="0"/>
              </a:defRPr>
            </a:lvl1pPr>
            <a:lvl2pPr>
              <a:defRPr sz="1600">
                <a:latin typeface="Calibre Semibold" panose="020B07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Heading Placeholder 1">
            <a:extLst>
              <a:ext uri="{FF2B5EF4-FFF2-40B4-BE49-F238E27FC236}">
                <a16:creationId xmlns:a16="http://schemas.microsoft.com/office/drawing/2014/main" id="{478E80C0-0E36-48D9-AC93-9C6F4EC94042}"/>
              </a:ext>
            </a:extLst>
          </p:cNvPr>
          <p:cNvSpPr>
            <a:spLocks noGrp="1"/>
          </p:cNvSpPr>
          <p:nvPr userDrawn="1">
            <p:ph type="body" sz="quarter" idx="13" hasCustomPrompt="1"/>
          </p:nvPr>
        </p:nvSpPr>
        <p:spPr>
          <a:xfrm>
            <a:off x="667779" y="2225673"/>
            <a:ext cx="2459736" cy="914400"/>
          </a:xfrm>
        </p:spPr>
        <p:txBody>
          <a:bodyPr/>
          <a:lstStyle>
            <a:lvl1pPr>
              <a:lnSpc>
                <a:spcPct val="82000"/>
              </a:lnSpc>
              <a:spcBef>
                <a:spcPts val="0"/>
              </a:spcBef>
              <a:spcAft>
                <a:spcPts val="0"/>
              </a:spcAft>
              <a:defRPr lang="en-US" sz="3600" b="0" dirty="0" smtClean="0">
                <a:solidFill>
                  <a:srgbClr val="003F2D"/>
                </a:solidFill>
                <a:latin typeface="+mj-lt"/>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Column Header</a:t>
            </a:r>
          </a:p>
        </p:txBody>
      </p:sp>
      <p:sp>
        <p:nvSpPr>
          <p:cNvPr id="17" name="Rectangle 16">
            <a:extLst>
              <a:ext uri="{FF2B5EF4-FFF2-40B4-BE49-F238E27FC236}">
                <a16:creationId xmlns:a16="http://schemas.microsoft.com/office/drawing/2014/main" id="{48F2A704-B213-4A97-B805-2B1D7681D50E}"/>
              </a:ext>
            </a:extLst>
          </p:cNvPr>
          <p:cNvSpPr/>
          <p:nvPr userDrawn="1"/>
        </p:nvSpPr>
        <p:spPr>
          <a:xfrm>
            <a:off x="-1828800" y="2225675"/>
            <a:ext cx="1676400" cy="3030538"/>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182880" tIns="182880" rIns="91440" bIns="0" rtlCol="0" anchor="t" anchorCtr="0"/>
          <a:lstStyle/>
          <a:p>
            <a:pPr algn="l">
              <a:spcAft>
                <a:spcPts val="300"/>
              </a:spcAft>
            </a:pPr>
            <a:r>
              <a:rPr lang="en-US" sz="1200" dirty="0">
                <a:solidFill>
                  <a:schemeClr val="bg1"/>
                </a:solidFill>
              </a:rPr>
              <a:t>Make sure the</a:t>
            </a:r>
            <a:br>
              <a:rPr lang="en-US" sz="1200" dirty="0">
                <a:solidFill>
                  <a:schemeClr val="bg1"/>
                </a:solidFill>
              </a:rPr>
            </a:br>
            <a:r>
              <a:rPr lang="en-US" sz="1200" dirty="0">
                <a:solidFill>
                  <a:schemeClr val="bg1"/>
                </a:solidFill>
              </a:rPr>
              <a:t>column lines are:</a:t>
            </a:r>
          </a:p>
          <a:p>
            <a:pPr marL="171450" lvl="1" indent="-171450" algn="l">
              <a:spcAft>
                <a:spcPts val="300"/>
              </a:spcAft>
              <a:buFont typeface="+mj-lt"/>
              <a:buAutoNum type="arabicPeriod"/>
            </a:pPr>
            <a:r>
              <a:rPr lang="en-US" sz="1200" dirty="0">
                <a:solidFill>
                  <a:schemeClr val="bg1"/>
                </a:solidFill>
              </a:rPr>
              <a:t>All the same height</a:t>
            </a:r>
          </a:p>
          <a:p>
            <a:pPr marL="171450" lvl="1" indent="-171450" algn="l">
              <a:spcAft>
                <a:spcPts val="300"/>
              </a:spcAft>
              <a:buFont typeface="+mj-lt"/>
              <a:buAutoNum type="arabicPeriod"/>
            </a:pPr>
            <a:r>
              <a:rPr lang="en-US" sz="1200" dirty="0">
                <a:solidFill>
                  <a:schemeClr val="bg1"/>
                </a:solidFill>
              </a:rPr>
              <a:t>As tall as the tallest column of text</a:t>
            </a:r>
          </a:p>
          <a:p>
            <a:pPr marL="171450" lvl="1" indent="-171450" algn="l">
              <a:spcAft>
                <a:spcPts val="300"/>
              </a:spcAft>
              <a:buFont typeface="+mj-lt"/>
              <a:buAutoNum type="arabicPeriod"/>
            </a:pPr>
            <a:r>
              <a:rPr lang="en-US" sz="1200" dirty="0">
                <a:solidFill>
                  <a:schemeClr val="bg1"/>
                </a:solidFill>
              </a:rPr>
              <a:t>Remain equidistant by not ungrouping</a:t>
            </a:r>
          </a:p>
          <a:p>
            <a:pPr algn="l">
              <a:spcAft>
                <a:spcPts val="300"/>
              </a:spcAft>
            </a:pPr>
            <a:r>
              <a:rPr lang="en-US" sz="1200" dirty="0">
                <a:solidFill>
                  <a:schemeClr val="bg1"/>
                </a:solidFill>
              </a:rPr>
              <a:t>If the column lines get deleted by accident, COPY and paste a set  from the slide layout’s master:</a:t>
            </a:r>
            <a:br>
              <a:rPr lang="en-US" sz="1200" dirty="0">
                <a:solidFill>
                  <a:schemeClr val="bg1"/>
                </a:solidFill>
              </a:rPr>
            </a:br>
            <a:r>
              <a:rPr lang="en-US" sz="1200" i="1" dirty="0">
                <a:solidFill>
                  <a:schemeClr val="bg1"/>
                </a:solidFill>
              </a:rPr>
              <a:t>View &gt; Slide Master</a:t>
            </a:r>
          </a:p>
          <a:p>
            <a:pPr algn="l">
              <a:spcAft>
                <a:spcPts val="300"/>
              </a:spcAft>
            </a:pPr>
            <a:endParaRPr lang="en-US" sz="1800" dirty="0">
              <a:solidFill>
                <a:schemeClr val="bg1"/>
              </a:solidFill>
            </a:endParaRPr>
          </a:p>
        </p:txBody>
      </p:sp>
    </p:spTree>
    <p:extLst>
      <p:ext uri="{BB962C8B-B14F-4D97-AF65-F5344CB8AC3E}">
        <p14:creationId xmlns:p14="http://schemas.microsoft.com/office/powerpoint/2010/main" val="107851449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Exec Summ 3 Column">
    <p:spTree>
      <p:nvGrpSpPr>
        <p:cNvPr id="1" name=""/>
        <p:cNvGrpSpPr/>
        <p:nvPr/>
      </p:nvGrpSpPr>
      <p:grpSpPr>
        <a:xfrm>
          <a:off x="0" y="0"/>
          <a:ext cx="0" cy="0"/>
          <a:chOff x="0" y="0"/>
          <a:chExt cx="0" cy="0"/>
        </a:xfrm>
      </p:grpSpPr>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grpSp>
        <p:nvGrpSpPr>
          <p:cNvPr id="7" name="Column Rules">
            <a:extLst>
              <a:ext uri="{FF2B5EF4-FFF2-40B4-BE49-F238E27FC236}">
                <a16:creationId xmlns:a16="http://schemas.microsoft.com/office/drawing/2014/main" id="{87D564AF-DF84-4180-84CA-A17335C05E5A}"/>
              </a:ext>
            </a:extLst>
          </p:cNvPr>
          <p:cNvGrpSpPr/>
          <p:nvPr userDrawn="1"/>
        </p:nvGrpSpPr>
        <p:grpSpPr>
          <a:xfrm>
            <a:off x="505977" y="2225674"/>
            <a:ext cx="7829979" cy="1261872"/>
            <a:chOff x="505977" y="2225674"/>
            <a:chExt cx="7829979" cy="1431925"/>
          </a:xfrm>
        </p:grpSpPr>
        <p:cxnSp>
          <p:nvCxnSpPr>
            <p:cNvPr id="23" name="Column Rule 3">
              <a:extLst>
                <a:ext uri="{FF2B5EF4-FFF2-40B4-BE49-F238E27FC236}">
                  <a16:creationId xmlns:a16="http://schemas.microsoft.com/office/drawing/2014/main" id="{C4B15205-E96B-489D-84B5-39F086178357}"/>
                </a:ext>
              </a:extLst>
            </p:cNvPr>
            <p:cNvCxnSpPr>
              <a:cxnSpLocks/>
            </p:cNvCxnSpPr>
            <p:nvPr userDrawn="1"/>
          </p:nvCxnSpPr>
          <p:spPr>
            <a:xfrm>
              <a:off x="8335956" y="2225674"/>
              <a:ext cx="0" cy="1431925"/>
            </a:xfrm>
            <a:prstGeom prst="line">
              <a:avLst/>
            </a:prstGeom>
            <a:ln w="25400">
              <a:solidFill>
                <a:schemeClr val="bg2"/>
              </a:solidFill>
              <a:miter lim="800000"/>
            </a:ln>
          </p:spPr>
          <p:style>
            <a:lnRef idx="1">
              <a:schemeClr val="accent1"/>
            </a:lnRef>
            <a:fillRef idx="0">
              <a:schemeClr val="accent1"/>
            </a:fillRef>
            <a:effectRef idx="0">
              <a:schemeClr val="accent1"/>
            </a:effectRef>
            <a:fontRef idx="minor">
              <a:schemeClr val="tx1"/>
            </a:fontRef>
          </p:style>
        </p:cxnSp>
        <p:cxnSp>
          <p:nvCxnSpPr>
            <p:cNvPr id="16" name="Column Rule 2">
              <a:extLst>
                <a:ext uri="{FF2B5EF4-FFF2-40B4-BE49-F238E27FC236}">
                  <a16:creationId xmlns:a16="http://schemas.microsoft.com/office/drawing/2014/main" id="{74B34D04-2DB5-4ECD-B5DF-25A38C332E27}"/>
                </a:ext>
              </a:extLst>
            </p:cNvPr>
            <p:cNvCxnSpPr/>
            <p:nvPr userDrawn="1"/>
          </p:nvCxnSpPr>
          <p:spPr>
            <a:xfrm>
              <a:off x="4420966" y="2225674"/>
              <a:ext cx="0" cy="1431925"/>
            </a:xfrm>
            <a:prstGeom prst="line">
              <a:avLst/>
            </a:prstGeom>
            <a:ln w="25400">
              <a:solidFill>
                <a:schemeClr val="bg2"/>
              </a:solidFill>
              <a:miter lim="800000"/>
            </a:ln>
          </p:spPr>
          <p:style>
            <a:lnRef idx="1">
              <a:schemeClr val="accent1"/>
            </a:lnRef>
            <a:fillRef idx="0">
              <a:schemeClr val="accent1"/>
            </a:fillRef>
            <a:effectRef idx="0">
              <a:schemeClr val="accent1"/>
            </a:effectRef>
            <a:fontRef idx="minor">
              <a:schemeClr val="tx1"/>
            </a:fontRef>
          </p:style>
        </p:cxnSp>
        <p:cxnSp>
          <p:nvCxnSpPr>
            <p:cNvPr id="21" name="Column Rule 1">
              <a:extLst>
                <a:ext uri="{FF2B5EF4-FFF2-40B4-BE49-F238E27FC236}">
                  <a16:creationId xmlns:a16="http://schemas.microsoft.com/office/drawing/2014/main" id="{FE3C7069-4632-4876-8DC1-2CA1440016D8}"/>
                </a:ext>
              </a:extLst>
            </p:cNvPr>
            <p:cNvCxnSpPr/>
            <p:nvPr userDrawn="1"/>
          </p:nvCxnSpPr>
          <p:spPr>
            <a:xfrm>
              <a:off x="505977" y="2225674"/>
              <a:ext cx="0" cy="1431925"/>
            </a:xfrm>
            <a:prstGeom prst="line">
              <a:avLst/>
            </a:prstGeom>
            <a:ln w="25400">
              <a:solidFill>
                <a:schemeClr val="bg2"/>
              </a:solidFill>
              <a:miter lim="800000"/>
            </a:ln>
          </p:spPr>
          <p:style>
            <a:lnRef idx="1">
              <a:schemeClr val="accent1"/>
            </a:lnRef>
            <a:fillRef idx="0">
              <a:schemeClr val="accent1"/>
            </a:fillRef>
            <a:effectRef idx="0">
              <a:schemeClr val="accent1"/>
            </a:effectRef>
            <a:fontRef idx="minor">
              <a:schemeClr val="tx1"/>
            </a:fontRef>
          </p:style>
        </p:cxnSp>
      </p:grpSp>
      <p:sp>
        <p:nvSpPr>
          <p:cNvPr id="10" name="Content Placeholder 3">
            <a:extLst>
              <a:ext uri="{FF2B5EF4-FFF2-40B4-BE49-F238E27FC236}">
                <a16:creationId xmlns:a16="http://schemas.microsoft.com/office/drawing/2014/main" id="{96F8CE7E-C8FD-42CD-9FE2-33854B67611D}"/>
              </a:ext>
            </a:extLst>
          </p:cNvPr>
          <p:cNvSpPr>
            <a:spLocks noGrp="1"/>
          </p:cNvSpPr>
          <p:nvPr userDrawn="1">
            <p:ph sz="quarter" idx="16"/>
          </p:nvPr>
        </p:nvSpPr>
        <p:spPr>
          <a:xfrm>
            <a:off x="8501064" y="3332098"/>
            <a:ext cx="3175000" cy="2551176"/>
          </a:xfrm>
        </p:spPr>
        <p:txBody>
          <a:bodyPr/>
          <a:lstStyle>
            <a:lvl1pPr>
              <a:spcAft>
                <a:spcPts val="0"/>
              </a:spcAft>
              <a:defRPr>
                <a:latin typeface="Calibre Light" panose="020B0303030202060203" pitchFamily="34" charset="0"/>
              </a:defRPr>
            </a:lvl1pPr>
            <a:lvl2pPr>
              <a:defRPr sz="1600">
                <a:latin typeface="Calibre Semibold" panose="020B07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Heading Placeholder 3">
            <a:extLst>
              <a:ext uri="{FF2B5EF4-FFF2-40B4-BE49-F238E27FC236}">
                <a16:creationId xmlns:a16="http://schemas.microsoft.com/office/drawing/2014/main" id="{8D649D2F-7D7D-4802-A705-A08201E6D24D}"/>
              </a:ext>
            </a:extLst>
          </p:cNvPr>
          <p:cNvSpPr>
            <a:spLocks noGrp="1"/>
          </p:cNvSpPr>
          <p:nvPr userDrawn="1">
            <p:ph type="body" sz="quarter" idx="17" hasCustomPrompt="1"/>
          </p:nvPr>
        </p:nvSpPr>
        <p:spPr>
          <a:xfrm>
            <a:off x="8501064" y="2225675"/>
            <a:ext cx="3175000" cy="914400"/>
          </a:xfrm>
        </p:spPr>
        <p:txBody>
          <a:bodyPr/>
          <a:lstStyle>
            <a:lvl1pPr>
              <a:lnSpc>
                <a:spcPct val="82000"/>
              </a:lnSpc>
              <a:spcBef>
                <a:spcPts val="0"/>
              </a:spcBef>
              <a:spcAft>
                <a:spcPts val="0"/>
              </a:spcAft>
              <a:defRPr lang="en-US" sz="3600" b="0" dirty="0" smtClean="0">
                <a:solidFill>
                  <a:srgbClr val="003F2D"/>
                </a:solidFill>
                <a:latin typeface="+mj-lt"/>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Column Header</a:t>
            </a:r>
          </a:p>
        </p:txBody>
      </p:sp>
      <p:sp>
        <p:nvSpPr>
          <p:cNvPr id="9" name="Content Placeholder 2">
            <a:extLst>
              <a:ext uri="{FF2B5EF4-FFF2-40B4-BE49-F238E27FC236}">
                <a16:creationId xmlns:a16="http://schemas.microsoft.com/office/drawing/2014/main" id="{42EA3364-699E-4FFA-BD42-6EF5EA1F1F61}"/>
              </a:ext>
            </a:extLst>
          </p:cNvPr>
          <p:cNvSpPr>
            <a:spLocks noGrp="1"/>
          </p:cNvSpPr>
          <p:nvPr userDrawn="1">
            <p:ph sz="quarter" idx="14"/>
          </p:nvPr>
        </p:nvSpPr>
        <p:spPr>
          <a:xfrm>
            <a:off x="4584421" y="3332098"/>
            <a:ext cx="3172968" cy="2551176"/>
          </a:xfrm>
        </p:spPr>
        <p:txBody>
          <a:bodyPr/>
          <a:lstStyle>
            <a:lvl1pPr>
              <a:spcAft>
                <a:spcPts val="0"/>
              </a:spcAft>
              <a:defRPr>
                <a:latin typeface="Calibre Light" panose="020B0303030202060203" pitchFamily="34" charset="0"/>
              </a:defRPr>
            </a:lvl1pPr>
            <a:lvl2pPr>
              <a:defRPr sz="1600">
                <a:latin typeface="Calibre Semibold" panose="020B07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Heading Placeholder 2">
            <a:extLst>
              <a:ext uri="{FF2B5EF4-FFF2-40B4-BE49-F238E27FC236}">
                <a16:creationId xmlns:a16="http://schemas.microsoft.com/office/drawing/2014/main" id="{6FE6ECDB-AF0B-4645-9EF8-7E58A711A6A0}"/>
              </a:ext>
            </a:extLst>
          </p:cNvPr>
          <p:cNvSpPr>
            <a:spLocks noGrp="1"/>
          </p:cNvSpPr>
          <p:nvPr userDrawn="1">
            <p:ph type="body" sz="quarter" idx="15" hasCustomPrompt="1"/>
          </p:nvPr>
        </p:nvSpPr>
        <p:spPr>
          <a:xfrm>
            <a:off x="4584421" y="2225675"/>
            <a:ext cx="3172968" cy="914400"/>
          </a:xfrm>
        </p:spPr>
        <p:txBody>
          <a:bodyPr/>
          <a:lstStyle>
            <a:lvl1pPr>
              <a:lnSpc>
                <a:spcPct val="82000"/>
              </a:lnSpc>
              <a:spcBef>
                <a:spcPts val="0"/>
              </a:spcBef>
              <a:spcAft>
                <a:spcPts val="0"/>
              </a:spcAft>
              <a:defRPr lang="en-US" sz="3600" b="0" dirty="0" smtClean="0">
                <a:solidFill>
                  <a:srgbClr val="003F2D"/>
                </a:solidFill>
                <a:latin typeface="+mj-lt"/>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Colum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userDrawn="1">
            <p:ph sz="quarter" idx="12"/>
          </p:nvPr>
        </p:nvSpPr>
        <p:spPr>
          <a:xfrm>
            <a:off x="667779" y="3332097"/>
            <a:ext cx="3172968" cy="2551176"/>
          </a:xfrm>
        </p:spPr>
        <p:txBody>
          <a:bodyPr/>
          <a:lstStyle>
            <a:lvl1pPr>
              <a:spcAft>
                <a:spcPts val="0"/>
              </a:spcAft>
              <a:defRPr>
                <a:latin typeface="Calibre Light" panose="020B0303030202060203" pitchFamily="34" charset="0"/>
              </a:defRPr>
            </a:lvl1pPr>
            <a:lvl2pPr>
              <a:defRPr sz="1600">
                <a:latin typeface="Calibre Semibold" panose="020B07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Heading Placeholder 1">
            <a:extLst>
              <a:ext uri="{FF2B5EF4-FFF2-40B4-BE49-F238E27FC236}">
                <a16:creationId xmlns:a16="http://schemas.microsoft.com/office/drawing/2014/main" id="{478E80C0-0E36-48D9-AC93-9C6F4EC94042}"/>
              </a:ext>
            </a:extLst>
          </p:cNvPr>
          <p:cNvSpPr>
            <a:spLocks noGrp="1"/>
          </p:cNvSpPr>
          <p:nvPr userDrawn="1">
            <p:ph type="body" sz="quarter" idx="13" hasCustomPrompt="1"/>
          </p:nvPr>
        </p:nvSpPr>
        <p:spPr>
          <a:xfrm>
            <a:off x="667779" y="2225673"/>
            <a:ext cx="3172968" cy="914400"/>
          </a:xfrm>
        </p:spPr>
        <p:txBody>
          <a:bodyPr/>
          <a:lstStyle>
            <a:lvl1pPr>
              <a:lnSpc>
                <a:spcPct val="82000"/>
              </a:lnSpc>
              <a:spcBef>
                <a:spcPts val="0"/>
              </a:spcBef>
              <a:spcAft>
                <a:spcPts val="0"/>
              </a:spcAft>
              <a:defRPr lang="en-US" sz="3600" b="0" dirty="0" smtClean="0">
                <a:solidFill>
                  <a:srgbClr val="003F2D"/>
                </a:solidFill>
                <a:latin typeface="+mj-lt"/>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Column Header</a:t>
            </a:r>
          </a:p>
        </p:txBody>
      </p:sp>
      <p:sp>
        <p:nvSpPr>
          <p:cNvPr id="15" name="Rectangle 14">
            <a:extLst>
              <a:ext uri="{FF2B5EF4-FFF2-40B4-BE49-F238E27FC236}">
                <a16:creationId xmlns:a16="http://schemas.microsoft.com/office/drawing/2014/main" id="{2CD6F558-36EA-4E1B-B941-943C0CC96B5C}"/>
              </a:ext>
            </a:extLst>
          </p:cNvPr>
          <p:cNvSpPr/>
          <p:nvPr userDrawn="1"/>
        </p:nvSpPr>
        <p:spPr>
          <a:xfrm>
            <a:off x="-1828800" y="2225675"/>
            <a:ext cx="1676400" cy="3030538"/>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182880" tIns="182880" rIns="91440" bIns="0" rtlCol="0" anchor="t" anchorCtr="0"/>
          <a:lstStyle/>
          <a:p>
            <a:pPr algn="l">
              <a:spcAft>
                <a:spcPts val="300"/>
              </a:spcAft>
            </a:pPr>
            <a:r>
              <a:rPr lang="en-US" sz="1200" dirty="0">
                <a:solidFill>
                  <a:schemeClr val="bg1"/>
                </a:solidFill>
              </a:rPr>
              <a:t>Make sure the</a:t>
            </a:r>
            <a:br>
              <a:rPr lang="en-US" sz="1200" dirty="0">
                <a:solidFill>
                  <a:schemeClr val="bg1"/>
                </a:solidFill>
              </a:rPr>
            </a:br>
            <a:r>
              <a:rPr lang="en-US" sz="1200" dirty="0">
                <a:solidFill>
                  <a:schemeClr val="bg1"/>
                </a:solidFill>
              </a:rPr>
              <a:t>column lines are:</a:t>
            </a:r>
          </a:p>
          <a:p>
            <a:pPr marL="171450" lvl="1" indent="-171450" algn="l">
              <a:spcAft>
                <a:spcPts val="300"/>
              </a:spcAft>
              <a:buFont typeface="+mj-lt"/>
              <a:buAutoNum type="arabicPeriod"/>
            </a:pPr>
            <a:r>
              <a:rPr lang="en-US" sz="1200" dirty="0">
                <a:solidFill>
                  <a:schemeClr val="bg1"/>
                </a:solidFill>
              </a:rPr>
              <a:t>All the same height</a:t>
            </a:r>
          </a:p>
          <a:p>
            <a:pPr marL="171450" lvl="1" indent="-171450" algn="l">
              <a:spcAft>
                <a:spcPts val="300"/>
              </a:spcAft>
              <a:buFont typeface="+mj-lt"/>
              <a:buAutoNum type="arabicPeriod"/>
            </a:pPr>
            <a:r>
              <a:rPr lang="en-US" sz="1200" dirty="0">
                <a:solidFill>
                  <a:schemeClr val="bg1"/>
                </a:solidFill>
              </a:rPr>
              <a:t>As tall as the tallest column of text</a:t>
            </a:r>
          </a:p>
          <a:p>
            <a:pPr marL="171450" lvl="1" indent="-171450" algn="l">
              <a:spcAft>
                <a:spcPts val="300"/>
              </a:spcAft>
              <a:buFont typeface="+mj-lt"/>
              <a:buAutoNum type="arabicPeriod"/>
            </a:pPr>
            <a:r>
              <a:rPr lang="en-US" sz="1200" dirty="0">
                <a:solidFill>
                  <a:schemeClr val="bg1"/>
                </a:solidFill>
              </a:rPr>
              <a:t>Remain equidistant by not ungrouping</a:t>
            </a:r>
          </a:p>
          <a:p>
            <a:pPr algn="l">
              <a:spcAft>
                <a:spcPts val="300"/>
              </a:spcAft>
            </a:pPr>
            <a:r>
              <a:rPr lang="en-US" sz="1200" dirty="0">
                <a:solidFill>
                  <a:schemeClr val="bg1"/>
                </a:solidFill>
              </a:rPr>
              <a:t>If the column lines get deleted by accident, COPY and paste a set  from the slide layout’s master:</a:t>
            </a:r>
            <a:br>
              <a:rPr lang="en-US" sz="1200" dirty="0">
                <a:solidFill>
                  <a:schemeClr val="bg1"/>
                </a:solidFill>
              </a:rPr>
            </a:br>
            <a:r>
              <a:rPr lang="en-US" sz="1200" i="1" dirty="0">
                <a:solidFill>
                  <a:schemeClr val="bg1"/>
                </a:solidFill>
              </a:rPr>
              <a:t>View &gt; Slide Master</a:t>
            </a:r>
          </a:p>
          <a:p>
            <a:pPr algn="l">
              <a:spcAft>
                <a:spcPts val="300"/>
              </a:spcAft>
            </a:pPr>
            <a:endParaRPr lang="en-US" sz="1800" dirty="0">
              <a:solidFill>
                <a:schemeClr val="bg1"/>
              </a:solidFill>
            </a:endParaRPr>
          </a:p>
        </p:txBody>
      </p:sp>
    </p:spTree>
    <p:extLst>
      <p:ext uri="{BB962C8B-B14F-4D97-AF65-F5344CB8AC3E}">
        <p14:creationId xmlns:p14="http://schemas.microsoft.com/office/powerpoint/2010/main" val="263500394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Text Section Opener 1 Dark">
    <p:spTree>
      <p:nvGrpSpPr>
        <p:cNvPr id="1" name=""/>
        <p:cNvGrpSpPr/>
        <p:nvPr/>
      </p:nvGrpSpPr>
      <p:grpSpPr>
        <a:xfrm>
          <a:off x="0" y="0"/>
          <a:ext cx="0" cy="0"/>
          <a:chOff x="0" y="0"/>
          <a:chExt cx="0" cy="0"/>
        </a:xfrm>
      </p:grpSpPr>
      <p:cxnSp>
        <p:nvCxnSpPr>
          <p:cNvPr id="6" name="Straight Connector 5">
            <a:extLst>
              <a:ext uri="{FF2B5EF4-FFF2-40B4-BE49-F238E27FC236}">
                <a16:creationId xmlns:a16="http://schemas.microsoft.com/office/drawing/2014/main" id="{7E93DAEA-1371-40B1-AA61-B7A48DAD0DDD}"/>
              </a:ext>
            </a:extLst>
          </p:cNvPr>
          <p:cNvCxnSpPr>
            <a:cxnSpLocks/>
          </p:cNvCxnSpPr>
          <p:nvPr/>
        </p:nvCxnSpPr>
        <p:spPr>
          <a:xfrm flipH="1">
            <a:off x="-4874462" y="3227163"/>
            <a:ext cx="11014187"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7" name="Rectangle 6">
            <a:extLst>
              <a:ext uri="{FF2B5EF4-FFF2-40B4-BE49-F238E27FC236}">
                <a16:creationId xmlns:a16="http://schemas.microsoft.com/office/drawing/2014/main" id="{4EF57CAE-C614-4FB7-8803-8772B9B9089B}"/>
              </a:ext>
            </a:extLst>
          </p:cNvPr>
          <p:cNvSpPr/>
          <p:nvPr userDrawn="1"/>
        </p:nvSpPr>
        <p:spPr>
          <a:xfrm>
            <a:off x="0" y="0"/>
            <a:ext cx="6203950" cy="6858000"/>
          </a:xfrm>
          <a:prstGeom prst="rect">
            <a:avLst/>
          </a:prstGeom>
          <a:solidFill>
            <a:srgbClr val="012A2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9236352" y="2852738"/>
            <a:ext cx="2466739" cy="726893"/>
          </a:xfrm>
        </p:spPr>
        <p:txBody>
          <a:bodyPr anchor="t"/>
          <a:lstStyle>
            <a:lvl1pPr>
              <a:defRPr sz="3600" b="0">
                <a:solidFill>
                  <a:schemeClr val="bg1">
                    <a:alpha val="80000"/>
                  </a:schemeClr>
                </a:solidFill>
              </a:defRPr>
            </a:lvl1pPr>
          </a:lstStyle>
          <a:p>
            <a:r>
              <a:rPr lang="en-US"/>
              <a:t>Click to edit Master title style</a:t>
            </a:r>
            <a:endParaRPr lang="en-US" dirty="0"/>
          </a:p>
        </p:txBody>
      </p:sp>
      <p:sp>
        <p:nvSpPr>
          <p:cNvPr id="3" name="Text Placeholder 2">
            <a:extLst>
              <a:ext uri="{FF2B5EF4-FFF2-40B4-BE49-F238E27FC236}">
                <a16:creationId xmlns:a16="http://schemas.microsoft.com/office/drawing/2014/main" id="{A7675C32-E7FA-4FC2-8068-9BCFE3F29195}"/>
              </a:ext>
            </a:extLst>
          </p:cNvPr>
          <p:cNvSpPr>
            <a:spLocks noGrp="1"/>
          </p:cNvSpPr>
          <p:nvPr>
            <p:ph type="body" sz="quarter" idx="10" hasCustomPrompt="1"/>
          </p:nvPr>
        </p:nvSpPr>
        <p:spPr>
          <a:xfrm>
            <a:off x="-292141" y="-1006460"/>
            <a:ext cx="7026275" cy="6857985"/>
          </a:xfrm>
        </p:spPr>
        <p:txBody>
          <a:bodyPr anchor="ctr"/>
          <a:lstStyle>
            <a:lvl1pPr>
              <a:defRPr sz="88000">
                <a:solidFill>
                  <a:schemeClr val="bg1">
                    <a:alpha val="80000"/>
                  </a:schemeClr>
                </a:solidFill>
              </a:defRPr>
            </a:lvl1pPr>
          </a:lstStyle>
          <a:p>
            <a:pPr lvl="0"/>
            <a:r>
              <a:rPr lang="en-US" dirty="0"/>
              <a:t>1</a:t>
            </a:r>
          </a:p>
        </p:txBody>
      </p:sp>
      <p:sp>
        <p:nvSpPr>
          <p:cNvPr id="8" name="Rectangle 7">
            <a:extLst>
              <a:ext uri="{FF2B5EF4-FFF2-40B4-BE49-F238E27FC236}">
                <a16:creationId xmlns:a16="http://schemas.microsoft.com/office/drawing/2014/main" id="{CDAFC796-E0A1-4C43-A4FA-B277A94DD1AA}"/>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283664570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63" presetClass="path" presetSubtype="0" accel="50000" decel="50000" fill="hold" nodeType="withEffect">
                                  <p:stCondLst>
                                    <p:cond delay="0"/>
                                  </p:stCondLst>
                                  <p:childTnLst>
                                    <p:animMotion origin="layout" path="M -2.91667E-6 -1.85185E-6 L 0.21003 -1.85185E-6 " pathEditMode="relative" rAng="0" ptsTypes="AA">
                                      <p:cBhvr>
                                        <p:cTn id="6" dur="2000" fill="hold"/>
                                        <p:tgtEl>
                                          <p:spTgt spid="6"/>
                                        </p:tgtEl>
                                        <p:attrNameLst>
                                          <p:attrName>ppt_x</p:attrName>
                                          <p:attrName>ppt_y</p:attrName>
                                        </p:attrNameLst>
                                      </p:cBhvr>
                                      <p:rCtr x="1049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Text Cover 2">
    <p:spTree>
      <p:nvGrpSpPr>
        <p:cNvPr id="1" name=""/>
        <p:cNvGrpSpPr/>
        <p:nvPr/>
      </p:nvGrpSpPr>
      <p:grpSpPr>
        <a:xfrm>
          <a:off x="0" y="0"/>
          <a:ext cx="0" cy="0"/>
          <a:chOff x="0" y="0"/>
          <a:chExt cx="0" cy="0"/>
        </a:xfrm>
      </p:grpSpPr>
      <p:cxnSp>
        <p:nvCxnSpPr>
          <p:cNvPr id="25" name="Straight Connector 24">
            <a:extLst>
              <a:ext uri="{FF2B5EF4-FFF2-40B4-BE49-F238E27FC236}">
                <a16:creationId xmlns:a16="http://schemas.microsoft.com/office/drawing/2014/main" id="{887340F4-9434-47C2-9CB2-6C0ACFBEFAB5}"/>
              </a:ext>
            </a:extLst>
          </p:cNvPr>
          <p:cNvCxnSpPr>
            <a:cxnSpLocks/>
          </p:cNvCxnSpPr>
          <p:nvPr userDrawn="1"/>
        </p:nvCxnSpPr>
        <p:spPr>
          <a:xfrm>
            <a:off x="3584575" y="578124"/>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5" y="1554448"/>
            <a:ext cx="1328469"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1" kern="1200" spc="-3" dirty="0" err="1" smtClean="0">
                <a:solidFill>
                  <a:srgbClr val="FFFFFF"/>
                </a:solidFill>
                <a:latin typeface="Space Mono" panose="02000509040000020004" pitchFamily="49" charset="0"/>
                <a:ea typeface="+mn-ea"/>
                <a:cs typeface="Space Mono" panose="02000509040000020004" pitchFamily="49" charset="0"/>
              </a:defRPr>
            </a:lvl1pPr>
          </a:lstStyle>
          <a:p>
            <a:r>
              <a:rPr lang="en-US" dirty="0"/>
              <a:t>DAT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3593749" y="1524787"/>
            <a:ext cx="7021090" cy="3024184"/>
          </a:xfrm>
        </p:spPr>
        <p:txBody>
          <a:bodyPr/>
          <a:lstStyle>
            <a:lvl1pPr>
              <a:lnSpc>
                <a:spcPct val="80000"/>
              </a:lnSpc>
              <a:defRPr sz="9600">
                <a:solidFill>
                  <a:schemeClr val="bg1"/>
                </a:solidFill>
              </a:defRPr>
            </a:lvl1pPr>
          </a:lstStyle>
          <a:p>
            <a:r>
              <a:rPr lang="en-US"/>
              <a:t>Click to edit Master title style</a:t>
            </a:r>
            <a:endParaRPr lang="en-US" dirty="0"/>
          </a:p>
        </p:txBody>
      </p:sp>
      <p:sp>
        <p:nvSpPr>
          <p:cNvPr id="22" name="Rectangle 21">
            <a:extLst>
              <a:ext uri="{FF2B5EF4-FFF2-40B4-BE49-F238E27FC236}">
                <a16:creationId xmlns:a16="http://schemas.microsoft.com/office/drawing/2014/main" id="{51402F92-C298-4C9D-B165-225CA6300EEC}"/>
              </a:ext>
            </a:extLst>
          </p:cNvPr>
          <p:cNvSpPr/>
          <p:nvPr userDrawn="1"/>
        </p:nvSpPr>
        <p:spPr>
          <a:xfrm>
            <a:off x="0" y="0"/>
            <a:ext cx="3584575" cy="109165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accent6"/>
              </a:solidFill>
            </a:endParaRPr>
          </a:p>
        </p:txBody>
      </p:sp>
      <p:sp>
        <p:nvSpPr>
          <p:cNvPr id="9" name="CBRE Vector Logo">
            <a:extLst>
              <a:ext uri="{FF2B5EF4-FFF2-40B4-BE49-F238E27FC236}">
                <a16:creationId xmlns:a16="http://schemas.microsoft.com/office/drawing/2014/main" id="{279FC41B-1FE1-46E6-8871-A2282DFC12FB}"/>
              </a:ext>
            </a:extLst>
          </p:cNvPr>
          <p:cNvSpPr>
            <a:spLocks noChangeAspect="1"/>
          </p:cNvSpPr>
          <p:nvPr userDrawn="1"/>
        </p:nvSpPr>
        <p:spPr>
          <a:xfrm>
            <a:off x="10755020" y="45878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chemeClr val="bg1"/>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3126026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25"/>
                                        </p:tgtEl>
                                        <p:attrNameLst>
                                          <p:attrName>style.visibility</p:attrName>
                                        </p:attrNameLst>
                                      </p:cBhvr>
                                      <p:to>
                                        <p:strVal val="visible"/>
                                      </p:to>
                                    </p:set>
                                    <p:anim calcmode="lin" valueType="num">
                                      <p:cBhvr additive="base">
                                        <p:cTn id="7" dur="2250" fill="hold"/>
                                        <p:tgtEl>
                                          <p:spTgt spid="25"/>
                                        </p:tgtEl>
                                        <p:attrNameLst>
                                          <p:attrName>ppt_x</p:attrName>
                                        </p:attrNameLst>
                                      </p:cBhvr>
                                      <p:tavLst>
                                        <p:tav tm="0">
                                          <p:val>
                                            <p:strVal val="0-#ppt_w/2"/>
                                          </p:val>
                                        </p:tav>
                                        <p:tav tm="100000">
                                          <p:val>
                                            <p:strVal val="#ppt_x"/>
                                          </p:val>
                                        </p:tav>
                                      </p:tavLst>
                                    </p:anim>
                                    <p:anim calcmode="lin" valueType="num">
                                      <p:cBhvr additive="base">
                                        <p:cTn id="8" dur="2250" fill="hold"/>
                                        <p:tgtEl>
                                          <p:spTgt spid="25"/>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Text Section Opener 2 Dark">
    <p:spTree>
      <p:nvGrpSpPr>
        <p:cNvPr id="1" name=""/>
        <p:cNvGrpSpPr/>
        <p:nvPr/>
      </p:nvGrpSpPr>
      <p:grpSpPr>
        <a:xfrm>
          <a:off x="0" y="0"/>
          <a:ext cx="0" cy="0"/>
          <a:chOff x="0" y="0"/>
          <a:chExt cx="0" cy="0"/>
        </a:xfrm>
      </p:grpSpPr>
      <p:cxnSp>
        <p:nvCxnSpPr>
          <p:cNvPr id="12" name="Straight Connector 11">
            <a:extLst>
              <a:ext uri="{FF2B5EF4-FFF2-40B4-BE49-F238E27FC236}">
                <a16:creationId xmlns:a16="http://schemas.microsoft.com/office/drawing/2014/main" id="{8A9ECD61-ED7B-49FC-8FEC-E9337C05843A}"/>
              </a:ext>
            </a:extLst>
          </p:cNvPr>
          <p:cNvCxnSpPr/>
          <p:nvPr/>
        </p:nvCxnSpPr>
        <p:spPr>
          <a:xfrm flipH="1">
            <a:off x="5604413" y="3192463"/>
            <a:ext cx="1435100"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13" name="Rectangle 12">
            <a:extLst>
              <a:ext uri="{FF2B5EF4-FFF2-40B4-BE49-F238E27FC236}">
                <a16:creationId xmlns:a16="http://schemas.microsoft.com/office/drawing/2014/main" id="{CE9617AF-0744-4180-BB4B-3FEB62C97441}"/>
              </a:ext>
            </a:extLst>
          </p:cNvPr>
          <p:cNvSpPr/>
          <p:nvPr userDrawn="1"/>
        </p:nvSpPr>
        <p:spPr>
          <a:xfrm>
            <a:off x="0" y="0"/>
            <a:ext cx="7170738" cy="6858000"/>
          </a:xfrm>
          <a:prstGeom prst="rect">
            <a:avLst/>
          </a:prstGeom>
          <a:solidFill>
            <a:srgbClr val="012A2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9236353" y="2852738"/>
            <a:ext cx="2442886" cy="1773237"/>
          </a:xfrm>
        </p:spPr>
        <p:txBody>
          <a:bodyPr anchor="t"/>
          <a:lstStyle>
            <a:lvl1pPr>
              <a:defRPr sz="3600" b="0">
                <a:solidFill>
                  <a:schemeClr val="bg1">
                    <a:alpha val="80000"/>
                  </a:schemeClr>
                </a:solidFill>
              </a:defRPr>
            </a:lvl1pPr>
          </a:lstStyle>
          <a:p>
            <a:r>
              <a:rPr lang="en-US"/>
              <a:t>Click to edit Master title style</a:t>
            </a:r>
            <a:endParaRPr lang="en-US" dirty="0"/>
          </a:p>
        </p:txBody>
      </p:sp>
      <p:sp>
        <p:nvSpPr>
          <p:cNvPr id="7" name="Text Placeholder 2">
            <a:extLst>
              <a:ext uri="{FF2B5EF4-FFF2-40B4-BE49-F238E27FC236}">
                <a16:creationId xmlns:a16="http://schemas.microsoft.com/office/drawing/2014/main" id="{3CEE43AE-91A9-4FCE-B4E7-BF4A26C91C1F}"/>
              </a:ext>
            </a:extLst>
          </p:cNvPr>
          <p:cNvSpPr>
            <a:spLocks noGrp="1"/>
          </p:cNvSpPr>
          <p:nvPr>
            <p:ph type="body" sz="quarter" idx="10" hasCustomPrompt="1"/>
          </p:nvPr>
        </p:nvSpPr>
        <p:spPr>
          <a:xfrm>
            <a:off x="3515775" y="1262068"/>
            <a:ext cx="2121438" cy="3465507"/>
          </a:xfrm>
        </p:spPr>
        <p:txBody>
          <a:bodyPr anchor="b"/>
          <a:lstStyle>
            <a:lvl1pPr>
              <a:defRPr sz="28000">
                <a:solidFill>
                  <a:schemeClr val="bg1">
                    <a:alpha val="80000"/>
                  </a:schemeClr>
                </a:solidFill>
              </a:defRPr>
            </a:lvl1pPr>
          </a:lstStyle>
          <a:p>
            <a:pPr lvl="0"/>
            <a:r>
              <a:rPr lang="en-US" dirty="0"/>
              <a:t>2</a:t>
            </a:r>
          </a:p>
        </p:txBody>
      </p:sp>
      <p:sp>
        <p:nvSpPr>
          <p:cNvPr id="5" name="Text Placeholder 4">
            <a:extLst>
              <a:ext uri="{FF2B5EF4-FFF2-40B4-BE49-F238E27FC236}">
                <a16:creationId xmlns:a16="http://schemas.microsoft.com/office/drawing/2014/main" id="{59E5ACF3-95EE-4BB1-BD8C-4DCB6A668DBD}"/>
              </a:ext>
            </a:extLst>
          </p:cNvPr>
          <p:cNvSpPr>
            <a:spLocks noGrp="1"/>
          </p:cNvSpPr>
          <p:nvPr>
            <p:ph type="body" sz="quarter" idx="11" hasCustomPrompt="1"/>
          </p:nvPr>
        </p:nvSpPr>
        <p:spPr>
          <a:xfrm rot="16200000">
            <a:off x="-296069" y="3018631"/>
            <a:ext cx="1773237" cy="190500"/>
          </a:xfrm>
        </p:spPr>
        <p:txBody>
          <a:bodyPr/>
          <a:lstStyle>
            <a:lvl1pPr algn="ctr">
              <a:defRPr sz="1050" b="1">
                <a:solidFill>
                  <a:srgbClr val="17E891"/>
                </a:solidFill>
                <a:latin typeface="Space Mono" panose="02000509040000020004" pitchFamily="49" charset="0"/>
              </a:defRPr>
            </a:lvl1pPr>
          </a:lstStyle>
          <a:p>
            <a:pPr lvl="0"/>
            <a:r>
              <a:rPr lang="en-US" dirty="0"/>
              <a:t>Date</a:t>
            </a:r>
          </a:p>
        </p:txBody>
      </p:sp>
      <p:sp>
        <p:nvSpPr>
          <p:cNvPr id="8" name="Rectangle 7">
            <a:extLst>
              <a:ext uri="{FF2B5EF4-FFF2-40B4-BE49-F238E27FC236}">
                <a16:creationId xmlns:a16="http://schemas.microsoft.com/office/drawing/2014/main" id="{0DCC005C-687D-4601-8D19-172252F43069}"/>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66627394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63" presetClass="path" presetSubtype="0" accel="50000" decel="50000" fill="hold" nodeType="afterEffect">
                                  <p:stCondLst>
                                    <p:cond delay="0"/>
                                  </p:stCondLst>
                                  <p:childTnLst>
                                    <p:animMotion origin="layout" path="M 4.16667E-7 7.40741E-7 L 0.12825 7.40741E-7 " pathEditMode="relative" rAng="0" ptsTypes="AA">
                                      <p:cBhvr>
                                        <p:cTn id="6" dur="2000" fill="hold"/>
                                        <p:tgtEl>
                                          <p:spTgt spid="12"/>
                                        </p:tgtEl>
                                        <p:attrNameLst>
                                          <p:attrName>ppt_x</p:attrName>
                                          <p:attrName>ppt_y</p:attrName>
                                        </p:attrNameLst>
                                      </p:cBhvr>
                                      <p:rCtr x="6406"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ext Section Opener 3 Dark">
    <p:spTree>
      <p:nvGrpSpPr>
        <p:cNvPr id="1" name=""/>
        <p:cNvGrpSpPr/>
        <p:nvPr/>
      </p:nvGrpSpPr>
      <p:grpSpPr>
        <a:xfrm>
          <a:off x="0" y="0"/>
          <a:ext cx="0" cy="0"/>
          <a:chOff x="0" y="0"/>
          <a:chExt cx="0" cy="0"/>
        </a:xfrm>
      </p:grpSpPr>
      <p:cxnSp>
        <p:nvCxnSpPr>
          <p:cNvPr id="12" name="Straight Connector 11">
            <a:extLst>
              <a:ext uri="{FF2B5EF4-FFF2-40B4-BE49-F238E27FC236}">
                <a16:creationId xmlns:a16="http://schemas.microsoft.com/office/drawing/2014/main" id="{8A9ECD61-ED7B-49FC-8FEC-E9337C05843A}"/>
              </a:ext>
            </a:extLst>
          </p:cNvPr>
          <p:cNvCxnSpPr>
            <a:cxnSpLocks/>
          </p:cNvCxnSpPr>
          <p:nvPr/>
        </p:nvCxnSpPr>
        <p:spPr>
          <a:xfrm flipH="1">
            <a:off x="0" y="857250"/>
            <a:ext cx="10142539"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13" name="Rectangle 12">
            <a:extLst>
              <a:ext uri="{FF2B5EF4-FFF2-40B4-BE49-F238E27FC236}">
                <a16:creationId xmlns:a16="http://schemas.microsoft.com/office/drawing/2014/main" id="{CE9617AF-0744-4180-BB4B-3FEB62C97441}"/>
              </a:ext>
            </a:extLst>
          </p:cNvPr>
          <p:cNvSpPr/>
          <p:nvPr/>
        </p:nvSpPr>
        <p:spPr>
          <a:xfrm>
            <a:off x="0" y="0"/>
            <a:ext cx="3584575" cy="6858000"/>
          </a:xfrm>
          <a:prstGeom prst="rect">
            <a:avLst/>
          </a:prstGeom>
          <a:solidFill>
            <a:srgbClr val="012A2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511175" y="476250"/>
            <a:ext cx="2971800" cy="1844675"/>
          </a:xfrm>
        </p:spPr>
        <p:txBody>
          <a:bodyPr anchor="t"/>
          <a:lstStyle>
            <a:lvl1pPr>
              <a:defRPr sz="3600" b="0">
                <a:solidFill>
                  <a:schemeClr val="bg1">
                    <a:alpha val="80000"/>
                  </a:schemeClr>
                </a:solidFill>
              </a:defRPr>
            </a:lvl1pPr>
          </a:lstStyle>
          <a:p>
            <a:r>
              <a:rPr lang="en-US"/>
              <a:t>Click to edit Master title style</a:t>
            </a:r>
            <a:endParaRPr lang="en-US" dirty="0"/>
          </a:p>
        </p:txBody>
      </p:sp>
      <p:sp>
        <p:nvSpPr>
          <p:cNvPr id="7" name="Text Placeholder 2">
            <a:extLst>
              <a:ext uri="{FF2B5EF4-FFF2-40B4-BE49-F238E27FC236}">
                <a16:creationId xmlns:a16="http://schemas.microsoft.com/office/drawing/2014/main" id="{3CEE43AE-91A9-4FCE-B4E7-BF4A26C91C1F}"/>
              </a:ext>
            </a:extLst>
          </p:cNvPr>
          <p:cNvSpPr>
            <a:spLocks noGrp="1"/>
          </p:cNvSpPr>
          <p:nvPr>
            <p:ph type="body" sz="quarter" idx="10" hasCustomPrompt="1"/>
          </p:nvPr>
        </p:nvSpPr>
        <p:spPr>
          <a:xfrm>
            <a:off x="10244138" y="352424"/>
            <a:ext cx="1436687" cy="1147763"/>
          </a:xfrm>
        </p:spPr>
        <p:txBody>
          <a:bodyPr anchor="b"/>
          <a:lstStyle>
            <a:lvl1pPr algn="r">
              <a:defRPr sz="9600">
                <a:solidFill>
                  <a:schemeClr val="bg1">
                    <a:alpha val="80000"/>
                  </a:schemeClr>
                </a:solidFill>
              </a:defRPr>
            </a:lvl1pPr>
          </a:lstStyle>
          <a:p>
            <a:pPr lvl="0"/>
            <a:r>
              <a:rPr lang="en-US" dirty="0"/>
              <a:t>3</a:t>
            </a:r>
          </a:p>
        </p:txBody>
      </p:sp>
      <p:sp>
        <p:nvSpPr>
          <p:cNvPr id="6" name="Rectangle 5">
            <a:extLst>
              <a:ext uri="{FF2B5EF4-FFF2-40B4-BE49-F238E27FC236}">
                <a16:creationId xmlns:a16="http://schemas.microsoft.com/office/drawing/2014/main" id="{F9495082-DE33-4603-81F4-AE473846DE18}"/>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381449027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with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additive="base">
                                        <p:cTn id="7" dur="2000" fill="hold"/>
                                        <p:tgtEl>
                                          <p:spTgt spid="12"/>
                                        </p:tgtEl>
                                        <p:attrNameLst>
                                          <p:attrName>ppt_x</p:attrName>
                                        </p:attrNameLst>
                                      </p:cBhvr>
                                      <p:tavLst>
                                        <p:tav tm="0">
                                          <p:val>
                                            <p:strVal val="0-#ppt_w/2"/>
                                          </p:val>
                                        </p:tav>
                                        <p:tav tm="100000">
                                          <p:val>
                                            <p:strVal val="#ppt_x"/>
                                          </p:val>
                                        </p:tav>
                                      </p:tavLst>
                                    </p:anim>
                                    <p:anim calcmode="lin" valueType="num">
                                      <p:cBhvr additive="base">
                                        <p:cTn id="8" dur="2000" fill="hold"/>
                                        <p:tgtEl>
                                          <p:spTgt spid="12"/>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ext Section Opener 1 Light">
    <p:spTree>
      <p:nvGrpSpPr>
        <p:cNvPr id="1" name=""/>
        <p:cNvGrpSpPr/>
        <p:nvPr/>
      </p:nvGrpSpPr>
      <p:grpSpPr>
        <a:xfrm>
          <a:off x="0" y="0"/>
          <a:ext cx="0" cy="0"/>
          <a:chOff x="0" y="0"/>
          <a:chExt cx="0" cy="0"/>
        </a:xfrm>
      </p:grpSpPr>
      <p:cxnSp>
        <p:nvCxnSpPr>
          <p:cNvPr id="6" name="Straight Connector 5">
            <a:extLst>
              <a:ext uri="{FF2B5EF4-FFF2-40B4-BE49-F238E27FC236}">
                <a16:creationId xmlns:a16="http://schemas.microsoft.com/office/drawing/2014/main" id="{7E93DAEA-1371-40B1-AA61-B7A48DAD0DDD}"/>
              </a:ext>
            </a:extLst>
          </p:cNvPr>
          <p:cNvCxnSpPr>
            <a:cxnSpLocks/>
          </p:cNvCxnSpPr>
          <p:nvPr/>
        </p:nvCxnSpPr>
        <p:spPr>
          <a:xfrm flipH="1">
            <a:off x="-4874462" y="3227163"/>
            <a:ext cx="11014187"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7" name="Rectangle 6">
            <a:extLst>
              <a:ext uri="{FF2B5EF4-FFF2-40B4-BE49-F238E27FC236}">
                <a16:creationId xmlns:a16="http://schemas.microsoft.com/office/drawing/2014/main" id="{4EF57CAE-C614-4FB7-8803-8772B9B9089B}"/>
              </a:ext>
            </a:extLst>
          </p:cNvPr>
          <p:cNvSpPr/>
          <p:nvPr userDrawn="1"/>
        </p:nvSpPr>
        <p:spPr>
          <a:xfrm>
            <a:off x="0" y="0"/>
            <a:ext cx="620395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9236352" y="2852738"/>
            <a:ext cx="2466739" cy="726893"/>
          </a:xfrm>
        </p:spPr>
        <p:txBody>
          <a:bodyPr anchor="t"/>
          <a:lstStyle>
            <a:lvl1pPr>
              <a:defRPr sz="3600" b="0">
                <a:solidFill>
                  <a:schemeClr val="tx1"/>
                </a:solidFill>
              </a:defRPr>
            </a:lvl1pPr>
          </a:lstStyle>
          <a:p>
            <a:r>
              <a:rPr lang="en-US"/>
              <a:t>Click to edit Master title style</a:t>
            </a:r>
            <a:endParaRPr lang="en-US" dirty="0"/>
          </a:p>
        </p:txBody>
      </p:sp>
      <p:sp>
        <p:nvSpPr>
          <p:cNvPr id="3" name="Text Placeholder 2">
            <a:extLst>
              <a:ext uri="{FF2B5EF4-FFF2-40B4-BE49-F238E27FC236}">
                <a16:creationId xmlns:a16="http://schemas.microsoft.com/office/drawing/2014/main" id="{A7675C32-E7FA-4FC2-8068-9BCFE3F29195}"/>
              </a:ext>
            </a:extLst>
          </p:cNvPr>
          <p:cNvSpPr>
            <a:spLocks noGrp="1"/>
          </p:cNvSpPr>
          <p:nvPr>
            <p:ph type="body" sz="quarter" idx="10" hasCustomPrompt="1"/>
          </p:nvPr>
        </p:nvSpPr>
        <p:spPr>
          <a:xfrm>
            <a:off x="-292141" y="-1006460"/>
            <a:ext cx="7026275" cy="6857985"/>
          </a:xfrm>
        </p:spPr>
        <p:txBody>
          <a:bodyPr anchor="ctr"/>
          <a:lstStyle>
            <a:lvl1pPr>
              <a:defRPr sz="88000">
                <a:solidFill>
                  <a:srgbClr val="003F2D"/>
                </a:solidFill>
              </a:defRPr>
            </a:lvl1pPr>
          </a:lstStyle>
          <a:p>
            <a:pPr lvl="0"/>
            <a:r>
              <a:rPr lang="en-US" dirty="0"/>
              <a:t>1</a:t>
            </a:r>
          </a:p>
        </p:txBody>
      </p:sp>
      <p:sp>
        <p:nvSpPr>
          <p:cNvPr id="8" name="Rectangle 7">
            <a:extLst>
              <a:ext uri="{FF2B5EF4-FFF2-40B4-BE49-F238E27FC236}">
                <a16:creationId xmlns:a16="http://schemas.microsoft.com/office/drawing/2014/main" id="{03261D45-4DF4-4F41-AEF1-7DDE0F37B8B5}"/>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160130264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63" presetClass="path" presetSubtype="0" accel="50000" decel="50000" fill="hold" nodeType="withEffect">
                                  <p:stCondLst>
                                    <p:cond delay="0"/>
                                  </p:stCondLst>
                                  <p:childTnLst>
                                    <p:animMotion origin="layout" path="M -2.91667E-6 -1.85185E-6 L 0.21003 -1.85185E-6 " pathEditMode="relative" rAng="0" ptsTypes="AA">
                                      <p:cBhvr>
                                        <p:cTn id="6" dur="2000" fill="hold"/>
                                        <p:tgtEl>
                                          <p:spTgt spid="6"/>
                                        </p:tgtEl>
                                        <p:attrNameLst>
                                          <p:attrName>ppt_x</p:attrName>
                                          <p:attrName>ppt_y</p:attrName>
                                        </p:attrNameLst>
                                      </p:cBhvr>
                                      <p:rCtr x="1049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Text Section Opener 2 Light">
    <p:spTree>
      <p:nvGrpSpPr>
        <p:cNvPr id="1" name=""/>
        <p:cNvGrpSpPr/>
        <p:nvPr/>
      </p:nvGrpSpPr>
      <p:grpSpPr>
        <a:xfrm>
          <a:off x="0" y="0"/>
          <a:ext cx="0" cy="0"/>
          <a:chOff x="0" y="0"/>
          <a:chExt cx="0" cy="0"/>
        </a:xfrm>
      </p:grpSpPr>
      <p:cxnSp>
        <p:nvCxnSpPr>
          <p:cNvPr id="12" name="Straight Connector 11">
            <a:extLst>
              <a:ext uri="{FF2B5EF4-FFF2-40B4-BE49-F238E27FC236}">
                <a16:creationId xmlns:a16="http://schemas.microsoft.com/office/drawing/2014/main" id="{8A9ECD61-ED7B-49FC-8FEC-E9337C05843A}"/>
              </a:ext>
            </a:extLst>
          </p:cNvPr>
          <p:cNvCxnSpPr/>
          <p:nvPr/>
        </p:nvCxnSpPr>
        <p:spPr>
          <a:xfrm flipH="1">
            <a:off x="5604413" y="3192463"/>
            <a:ext cx="1435100"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13" name="Rectangle 12">
            <a:extLst>
              <a:ext uri="{FF2B5EF4-FFF2-40B4-BE49-F238E27FC236}">
                <a16:creationId xmlns:a16="http://schemas.microsoft.com/office/drawing/2014/main" id="{CE9617AF-0744-4180-BB4B-3FEB62C97441}"/>
              </a:ext>
            </a:extLst>
          </p:cNvPr>
          <p:cNvSpPr/>
          <p:nvPr userDrawn="1"/>
        </p:nvSpPr>
        <p:spPr>
          <a:xfrm>
            <a:off x="0" y="0"/>
            <a:ext cx="7170738"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9236353" y="2852738"/>
            <a:ext cx="2442886" cy="1773237"/>
          </a:xfrm>
        </p:spPr>
        <p:txBody>
          <a:bodyPr anchor="t"/>
          <a:lstStyle>
            <a:lvl1pPr>
              <a:defRPr sz="3600" b="0">
                <a:solidFill>
                  <a:schemeClr val="tx1"/>
                </a:solidFill>
              </a:defRPr>
            </a:lvl1pPr>
          </a:lstStyle>
          <a:p>
            <a:r>
              <a:rPr lang="en-US"/>
              <a:t>Click to edit Master title style</a:t>
            </a:r>
            <a:endParaRPr lang="en-US" dirty="0"/>
          </a:p>
        </p:txBody>
      </p:sp>
      <p:sp>
        <p:nvSpPr>
          <p:cNvPr id="7" name="Text Placeholder 2">
            <a:extLst>
              <a:ext uri="{FF2B5EF4-FFF2-40B4-BE49-F238E27FC236}">
                <a16:creationId xmlns:a16="http://schemas.microsoft.com/office/drawing/2014/main" id="{3CEE43AE-91A9-4FCE-B4E7-BF4A26C91C1F}"/>
              </a:ext>
            </a:extLst>
          </p:cNvPr>
          <p:cNvSpPr>
            <a:spLocks noGrp="1"/>
          </p:cNvSpPr>
          <p:nvPr>
            <p:ph type="body" sz="quarter" idx="10" hasCustomPrompt="1"/>
          </p:nvPr>
        </p:nvSpPr>
        <p:spPr>
          <a:xfrm>
            <a:off x="3515775" y="1262068"/>
            <a:ext cx="2121438" cy="3465507"/>
          </a:xfrm>
        </p:spPr>
        <p:txBody>
          <a:bodyPr anchor="b"/>
          <a:lstStyle>
            <a:lvl1pPr>
              <a:defRPr sz="28000">
                <a:solidFill>
                  <a:srgbClr val="003F2D"/>
                </a:solidFill>
              </a:defRPr>
            </a:lvl1pPr>
          </a:lstStyle>
          <a:p>
            <a:pPr lvl="0"/>
            <a:r>
              <a:rPr lang="en-US" dirty="0"/>
              <a:t>2</a:t>
            </a:r>
          </a:p>
        </p:txBody>
      </p:sp>
      <p:sp>
        <p:nvSpPr>
          <p:cNvPr id="5" name="Text Placeholder 4">
            <a:extLst>
              <a:ext uri="{FF2B5EF4-FFF2-40B4-BE49-F238E27FC236}">
                <a16:creationId xmlns:a16="http://schemas.microsoft.com/office/drawing/2014/main" id="{59E5ACF3-95EE-4BB1-BD8C-4DCB6A668DBD}"/>
              </a:ext>
            </a:extLst>
          </p:cNvPr>
          <p:cNvSpPr>
            <a:spLocks noGrp="1"/>
          </p:cNvSpPr>
          <p:nvPr>
            <p:ph type="body" sz="quarter" idx="11" hasCustomPrompt="1"/>
          </p:nvPr>
        </p:nvSpPr>
        <p:spPr>
          <a:xfrm rot="16200000">
            <a:off x="-296069" y="3018631"/>
            <a:ext cx="1773237" cy="190500"/>
          </a:xfrm>
        </p:spPr>
        <p:txBody>
          <a:bodyPr/>
          <a:lstStyle>
            <a:lvl1pPr algn="ctr">
              <a:defRPr sz="1050" b="1">
                <a:solidFill>
                  <a:srgbClr val="17E891"/>
                </a:solidFill>
                <a:latin typeface="Space Mono" panose="02000509040000020004" pitchFamily="49" charset="0"/>
              </a:defRPr>
            </a:lvl1pPr>
          </a:lstStyle>
          <a:p>
            <a:pPr lvl="0"/>
            <a:r>
              <a:rPr lang="en-US" dirty="0"/>
              <a:t>Date</a:t>
            </a:r>
          </a:p>
        </p:txBody>
      </p:sp>
      <p:sp>
        <p:nvSpPr>
          <p:cNvPr id="8" name="Rectangle 7">
            <a:extLst>
              <a:ext uri="{FF2B5EF4-FFF2-40B4-BE49-F238E27FC236}">
                <a16:creationId xmlns:a16="http://schemas.microsoft.com/office/drawing/2014/main" id="{8B45FAF0-946E-4FBC-8110-94C23000D11B}"/>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15080410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63" presetClass="path" presetSubtype="0" accel="50000" decel="50000" fill="hold" nodeType="afterEffect">
                                  <p:stCondLst>
                                    <p:cond delay="0"/>
                                  </p:stCondLst>
                                  <p:childTnLst>
                                    <p:animMotion origin="layout" path="M 4.16667E-7 7.40741E-7 L 0.12825 7.40741E-7 " pathEditMode="relative" rAng="0" ptsTypes="AA">
                                      <p:cBhvr>
                                        <p:cTn id="6" dur="2000" fill="hold"/>
                                        <p:tgtEl>
                                          <p:spTgt spid="12"/>
                                        </p:tgtEl>
                                        <p:attrNameLst>
                                          <p:attrName>ppt_x</p:attrName>
                                          <p:attrName>ppt_y</p:attrName>
                                        </p:attrNameLst>
                                      </p:cBhvr>
                                      <p:rCtr x="6406"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Text Section Opener 3 Light">
    <p:spTree>
      <p:nvGrpSpPr>
        <p:cNvPr id="1" name=""/>
        <p:cNvGrpSpPr/>
        <p:nvPr/>
      </p:nvGrpSpPr>
      <p:grpSpPr>
        <a:xfrm>
          <a:off x="0" y="0"/>
          <a:ext cx="0" cy="0"/>
          <a:chOff x="0" y="0"/>
          <a:chExt cx="0" cy="0"/>
        </a:xfrm>
      </p:grpSpPr>
      <p:cxnSp>
        <p:nvCxnSpPr>
          <p:cNvPr id="12" name="Straight Connector 11">
            <a:extLst>
              <a:ext uri="{FF2B5EF4-FFF2-40B4-BE49-F238E27FC236}">
                <a16:creationId xmlns:a16="http://schemas.microsoft.com/office/drawing/2014/main" id="{8A9ECD61-ED7B-49FC-8FEC-E9337C05843A}"/>
              </a:ext>
            </a:extLst>
          </p:cNvPr>
          <p:cNvCxnSpPr>
            <a:cxnSpLocks/>
          </p:cNvCxnSpPr>
          <p:nvPr/>
        </p:nvCxnSpPr>
        <p:spPr>
          <a:xfrm flipH="1">
            <a:off x="0" y="857250"/>
            <a:ext cx="10142539"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13" name="Rectangle 12">
            <a:extLst>
              <a:ext uri="{FF2B5EF4-FFF2-40B4-BE49-F238E27FC236}">
                <a16:creationId xmlns:a16="http://schemas.microsoft.com/office/drawing/2014/main" id="{CE9617AF-0744-4180-BB4B-3FEB62C97441}"/>
              </a:ext>
            </a:extLst>
          </p:cNvPr>
          <p:cNvSpPr/>
          <p:nvPr/>
        </p:nvSpPr>
        <p:spPr>
          <a:xfrm>
            <a:off x="0" y="0"/>
            <a:ext cx="3584575"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511175" y="476250"/>
            <a:ext cx="2971800" cy="1844675"/>
          </a:xfrm>
        </p:spPr>
        <p:txBody>
          <a:bodyPr anchor="t"/>
          <a:lstStyle>
            <a:lvl1pPr>
              <a:defRPr sz="3600" b="0">
                <a:solidFill>
                  <a:schemeClr val="tx1"/>
                </a:solidFill>
              </a:defRPr>
            </a:lvl1pPr>
          </a:lstStyle>
          <a:p>
            <a:r>
              <a:rPr lang="en-US"/>
              <a:t>Click to edit Master title style</a:t>
            </a:r>
            <a:endParaRPr lang="en-US" dirty="0"/>
          </a:p>
        </p:txBody>
      </p:sp>
      <p:sp>
        <p:nvSpPr>
          <p:cNvPr id="7" name="Text Placeholder 2">
            <a:extLst>
              <a:ext uri="{FF2B5EF4-FFF2-40B4-BE49-F238E27FC236}">
                <a16:creationId xmlns:a16="http://schemas.microsoft.com/office/drawing/2014/main" id="{3CEE43AE-91A9-4FCE-B4E7-BF4A26C91C1F}"/>
              </a:ext>
            </a:extLst>
          </p:cNvPr>
          <p:cNvSpPr>
            <a:spLocks noGrp="1"/>
          </p:cNvSpPr>
          <p:nvPr>
            <p:ph type="body" sz="quarter" idx="10" hasCustomPrompt="1"/>
          </p:nvPr>
        </p:nvSpPr>
        <p:spPr>
          <a:xfrm>
            <a:off x="10244138" y="352424"/>
            <a:ext cx="1436687" cy="1147763"/>
          </a:xfrm>
        </p:spPr>
        <p:txBody>
          <a:bodyPr anchor="b"/>
          <a:lstStyle>
            <a:lvl1pPr algn="r">
              <a:defRPr sz="9600">
                <a:solidFill>
                  <a:srgbClr val="003F2D"/>
                </a:solidFill>
              </a:defRPr>
            </a:lvl1pPr>
          </a:lstStyle>
          <a:p>
            <a:pPr lvl="0"/>
            <a:r>
              <a:rPr lang="en-US" dirty="0"/>
              <a:t>3</a:t>
            </a:r>
          </a:p>
        </p:txBody>
      </p:sp>
      <p:sp>
        <p:nvSpPr>
          <p:cNvPr id="6" name="Rectangle 5">
            <a:extLst>
              <a:ext uri="{FF2B5EF4-FFF2-40B4-BE49-F238E27FC236}">
                <a16:creationId xmlns:a16="http://schemas.microsoft.com/office/drawing/2014/main" id="{9AA6860F-720A-4E83-A05F-7649D9F6F838}"/>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15795899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with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additive="base">
                                        <p:cTn id="7" dur="2000" fill="hold"/>
                                        <p:tgtEl>
                                          <p:spTgt spid="12"/>
                                        </p:tgtEl>
                                        <p:attrNameLst>
                                          <p:attrName>ppt_x</p:attrName>
                                        </p:attrNameLst>
                                      </p:cBhvr>
                                      <p:tavLst>
                                        <p:tav tm="0">
                                          <p:val>
                                            <p:strVal val="0-#ppt_w/2"/>
                                          </p:val>
                                        </p:tav>
                                        <p:tav tm="100000">
                                          <p:val>
                                            <p:strVal val="#ppt_x"/>
                                          </p:val>
                                        </p:tav>
                                      </p:tavLst>
                                    </p:anim>
                                    <p:anim calcmode="lin" valueType="num">
                                      <p:cBhvr additive="base">
                                        <p:cTn id="8" dur="2000" fill="hold"/>
                                        <p:tgtEl>
                                          <p:spTgt spid="12"/>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Image Section Opener 1 Dark">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505061" y="3376613"/>
            <a:ext cx="2466739" cy="726893"/>
          </a:xfrm>
        </p:spPr>
        <p:txBody>
          <a:bodyPr anchor="t"/>
          <a:lstStyle>
            <a:lvl1pPr>
              <a:defRPr sz="4400" b="0">
                <a:solidFill>
                  <a:schemeClr val="bg1">
                    <a:alpha val="80000"/>
                  </a:schemeClr>
                </a:solidFill>
              </a:defRPr>
            </a:lvl1pPr>
          </a:lstStyle>
          <a:p>
            <a:r>
              <a:rPr lang="en-US"/>
              <a:t>Click to edit Master title style</a:t>
            </a:r>
            <a:endParaRPr lang="en-US" dirty="0"/>
          </a:p>
        </p:txBody>
      </p:sp>
      <p:sp>
        <p:nvSpPr>
          <p:cNvPr id="9" name="Text Placeholder 2">
            <a:extLst>
              <a:ext uri="{FF2B5EF4-FFF2-40B4-BE49-F238E27FC236}">
                <a16:creationId xmlns:a16="http://schemas.microsoft.com/office/drawing/2014/main" id="{0B80AEDB-7934-4503-BD6D-314ACBAD791D}"/>
              </a:ext>
            </a:extLst>
          </p:cNvPr>
          <p:cNvSpPr>
            <a:spLocks noGrp="1"/>
          </p:cNvSpPr>
          <p:nvPr>
            <p:ph type="body" sz="quarter" idx="10" hasCustomPrompt="1"/>
          </p:nvPr>
        </p:nvSpPr>
        <p:spPr>
          <a:xfrm>
            <a:off x="439200" y="1560786"/>
            <a:ext cx="2121438" cy="1815827"/>
          </a:xfrm>
        </p:spPr>
        <p:txBody>
          <a:bodyPr anchor="t"/>
          <a:lstStyle>
            <a:lvl1pPr>
              <a:lnSpc>
                <a:spcPct val="70000"/>
              </a:lnSpc>
              <a:defRPr sz="18500">
                <a:solidFill>
                  <a:schemeClr val="bg1">
                    <a:alpha val="80000"/>
                  </a:schemeClr>
                </a:solidFill>
              </a:defRPr>
            </a:lvl1pPr>
          </a:lstStyle>
          <a:p>
            <a:pPr lvl="0"/>
            <a:r>
              <a:rPr lang="en-US" dirty="0"/>
              <a:t>1</a:t>
            </a:r>
          </a:p>
        </p:txBody>
      </p:sp>
      <p:sp>
        <p:nvSpPr>
          <p:cNvPr id="6" name="Picture Placeholder 5">
            <a:extLst>
              <a:ext uri="{FF2B5EF4-FFF2-40B4-BE49-F238E27FC236}">
                <a16:creationId xmlns:a16="http://schemas.microsoft.com/office/drawing/2014/main" id="{B819427E-9467-4012-BAE9-3224FF25637E}"/>
              </a:ext>
            </a:extLst>
          </p:cNvPr>
          <p:cNvSpPr>
            <a:spLocks noGrp="1"/>
          </p:cNvSpPr>
          <p:nvPr>
            <p:ph type="pic" sz="quarter" idx="11"/>
          </p:nvPr>
        </p:nvSpPr>
        <p:spPr>
          <a:xfrm>
            <a:off x="6657975" y="2852738"/>
            <a:ext cx="5021263" cy="3529012"/>
          </a:xfrm>
        </p:spPr>
        <p:txBody>
          <a:bodyPr/>
          <a:lstStyle>
            <a:lvl1pPr>
              <a:defRPr>
                <a:solidFill>
                  <a:schemeClr val="bg1"/>
                </a:solidFill>
              </a:defRPr>
            </a:lvl1pPr>
          </a:lstStyle>
          <a:p>
            <a:r>
              <a:rPr lang="en-US" dirty="0"/>
              <a:t>Click icon to add picture</a:t>
            </a:r>
          </a:p>
        </p:txBody>
      </p:sp>
      <p:sp>
        <p:nvSpPr>
          <p:cNvPr id="5" name="Rectangle 4">
            <a:extLst>
              <a:ext uri="{FF2B5EF4-FFF2-40B4-BE49-F238E27FC236}">
                <a16:creationId xmlns:a16="http://schemas.microsoft.com/office/drawing/2014/main" id="{F4CF045F-0765-4AAF-BBC9-79D2EBF954E7}"/>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157515338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Image Section Opener 2 Dark">
    <p:spTree>
      <p:nvGrpSpPr>
        <p:cNvPr id="1" name=""/>
        <p:cNvGrpSpPr/>
        <p:nvPr/>
      </p:nvGrpSpPr>
      <p:grpSpPr>
        <a:xfrm>
          <a:off x="0" y="0"/>
          <a:ext cx="0" cy="0"/>
          <a:chOff x="0" y="0"/>
          <a:chExt cx="0" cy="0"/>
        </a:xfrm>
      </p:grpSpPr>
      <p:cxnSp>
        <p:nvCxnSpPr>
          <p:cNvPr id="12" name="Straight Connector 11">
            <a:extLst>
              <a:ext uri="{FF2B5EF4-FFF2-40B4-BE49-F238E27FC236}">
                <a16:creationId xmlns:a16="http://schemas.microsoft.com/office/drawing/2014/main" id="{8A9ECD61-ED7B-49FC-8FEC-E9337C05843A}"/>
              </a:ext>
            </a:extLst>
          </p:cNvPr>
          <p:cNvCxnSpPr>
            <a:cxnSpLocks/>
          </p:cNvCxnSpPr>
          <p:nvPr userDrawn="1"/>
        </p:nvCxnSpPr>
        <p:spPr>
          <a:xfrm flipH="1">
            <a:off x="0" y="857250"/>
            <a:ext cx="10142539"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13" name="Rectangle 12">
            <a:extLst>
              <a:ext uri="{FF2B5EF4-FFF2-40B4-BE49-F238E27FC236}">
                <a16:creationId xmlns:a16="http://schemas.microsoft.com/office/drawing/2014/main" id="{CE9617AF-0744-4180-BB4B-3FEB62C97441}"/>
              </a:ext>
            </a:extLst>
          </p:cNvPr>
          <p:cNvSpPr/>
          <p:nvPr/>
        </p:nvSpPr>
        <p:spPr>
          <a:xfrm>
            <a:off x="0" y="0"/>
            <a:ext cx="3584575" cy="6858000"/>
          </a:xfrm>
          <a:prstGeom prst="rect">
            <a:avLst/>
          </a:prstGeom>
          <a:solidFill>
            <a:srgbClr val="012A2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511175" y="476250"/>
            <a:ext cx="2971800" cy="1844675"/>
          </a:xfrm>
        </p:spPr>
        <p:txBody>
          <a:bodyPr anchor="t"/>
          <a:lstStyle>
            <a:lvl1pPr>
              <a:defRPr sz="3600" b="0">
                <a:solidFill>
                  <a:schemeClr val="bg1">
                    <a:alpha val="80000"/>
                  </a:schemeClr>
                </a:solidFill>
              </a:defRPr>
            </a:lvl1pPr>
          </a:lstStyle>
          <a:p>
            <a:r>
              <a:rPr lang="en-US"/>
              <a:t>Click to edit Master title style</a:t>
            </a:r>
            <a:endParaRPr lang="en-US" dirty="0"/>
          </a:p>
        </p:txBody>
      </p:sp>
      <p:sp>
        <p:nvSpPr>
          <p:cNvPr id="7" name="Text Placeholder 2">
            <a:extLst>
              <a:ext uri="{FF2B5EF4-FFF2-40B4-BE49-F238E27FC236}">
                <a16:creationId xmlns:a16="http://schemas.microsoft.com/office/drawing/2014/main" id="{3CEE43AE-91A9-4FCE-B4E7-BF4A26C91C1F}"/>
              </a:ext>
            </a:extLst>
          </p:cNvPr>
          <p:cNvSpPr>
            <a:spLocks noGrp="1"/>
          </p:cNvSpPr>
          <p:nvPr>
            <p:ph type="body" sz="quarter" idx="10" hasCustomPrompt="1"/>
          </p:nvPr>
        </p:nvSpPr>
        <p:spPr>
          <a:xfrm>
            <a:off x="10244138" y="352424"/>
            <a:ext cx="1436687" cy="1147763"/>
          </a:xfrm>
        </p:spPr>
        <p:txBody>
          <a:bodyPr anchor="b"/>
          <a:lstStyle>
            <a:lvl1pPr algn="r">
              <a:defRPr sz="9600">
                <a:solidFill>
                  <a:schemeClr val="bg1">
                    <a:alpha val="80000"/>
                  </a:schemeClr>
                </a:solidFill>
              </a:defRPr>
            </a:lvl1pPr>
          </a:lstStyle>
          <a:p>
            <a:pPr lvl="0"/>
            <a:r>
              <a:rPr lang="en-US" dirty="0"/>
              <a:t>2</a:t>
            </a:r>
          </a:p>
        </p:txBody>
      </p:sp>
      <p:sp>
        <p:nvSpPr>
          <p:cNvPr id="5" name="Picture Placeholder 4">
            <a:extLst>
              <a:ext uri="{FF2B5EF4-FFF2-40B4-BE49-F238E27FC236}">
                <a16:creationId xmlns:a16="http://schemas.microsoft.com/office/drawing/2014/main" id="{1DA8FB3F-A95B-47BA-A641-1852818CC43D}"/>
              </a:ext>
            </a:extLst>
          </p:cNvPr>
          <p:cNvSpPr>
            <a:spLocks noGrp="1"/>
          </p:cNvSpPr>
          <p:nvPr>
            <p:ph type="pic" sz="quarter" idx="11"/>
          </p:nvPr>
        </p:nvSpPr>
        <p:spPr>
          <a:xfrm>
            <a:off x="3584575" y="2227263"/>
            <a:ext cx="8094663" cy="4154487"/>
          </a:xfrm>
        </p:spPr>
        <p:txBody>
          <a:bodyPr/>
          <a:lstStyle>
            <a:lvl1pPr>
              <a:defRPr>
                <a:solidFill>
                  <a:schemeClr val="bg1"/>
                </a:solidFill>
              </a:defRPr>
            </a:lvl1pPr>
          </a:lstStyle>
          <a:p>
            <a:r>
              <a:rPr lang="en-US" dirty="0"/>
              <a:t>Click icon to add picture</a:t>
            </a:r>
          </a:p>
        </p:txBody>
      </p:sp>
      <p:sp>
        <p:nvSpPr>
          <p:cNvPr id="8" name="Rectangle 7">
            <a:extLst>
              <a:ext uri="{FF2B5EF4-FFF2-40B4-BE49-F238E27FC236}">
                <a16:creationId xmlns:a16="http://schemas.microsoft.com/office/drawing/2014/main" id="{5501A760-336A-4A81-AB0B-DB2557C3CE19}"/>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336233836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with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additive="base">
                                        <p:cTn id="7" dur="2000" fill="hold"/>
                                        <p:tgtEl>
                                          <p:spTgt spid="12"/>
                                        </p:tgtEl>
                                        <p:attrNameLst>
                                          <p:attrName>ppt_x</p:attrName>
                                        </p:attrNameLst>
                                      </p:cBhvr>
                                      <p:tavLst>
                                        <p:tav tm="0">
                                          <p:val>
                                            <p:strVal val="0-#ppt_w/2"/>
                                          </p:val>
                                        </p:tav>
                                        <p:tav tm="100000">
                                          <p:val>
                                            <p:strVal val="#ppt_x"/>
                                          </p:val>
                                        </p:tav>
                                      </p:tavLst>
                                    </p:anim>
                                    <p:anim calcmode="lin" valueType="num">
                                      <p:cBhvr additive="base">
                                        <p:cTn id="8" dur="2000" fill="hold"/>
                                        <p:tgtEl>
                                          <p:spTgt spid="12"/>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Image Section Opener 3 Dark">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511175" y="1601788"/>
            <a:ext cx="2971800" cy="2398712"/>
          </a:xfrm>
        </p:spPr>
        <p:txBody>
          <a:bodyPr anchor="t"/>
          <a:lstStyle>
            <a:lvl1pPr>
              <a:defRPr sz="4400" b="0">
                <a:solidFill>
                  <a:schemeClr val="bg1">
                    <a:alpha val="80000"/>
                  </a:schemeClr>
                </a:solidFill>
              </a:defRPr>
            </a:lvl1pPr>
          </a:lstStyle>
          <a:p>
            <a:r>
              <a:rPr lang="en-US"/>
              <a:t>Click to edit Master title style</a:t>
            </a:r>
            <a:endParaRPr lang="en-US" dirty="0"/>
          </a:p>
        </p:txBody>
      </p:sp>
      <p:sp>
        <p:nvSpPr>
          <p:cNvPr id="7" name="Text Placeholder 2">
            <a:extLst>
              <a:ext uri="{FF2B5EF4-FFF2-40B4-BE49-F238E27FC236}">
                <a16:creationId xmlns:a16="http://schemas.microsoft.com/office/drawing/2014/main" id="{3CEE43AE-91A9-4FCE-B4E7-BF4A26C91C1F}"/>
              </a:ext>
            </a:extLst>
          </p:cNvPr>
          <p:cNvSpPr>
            <a:spLocks noGrp="1"/>
          </p:cNvSpPr>
          <p:nvPr>
            <p:ph type="body" sz="quarter" idx="10" hasCustomPrompt="1"/>
          </p:nvPr>
        </p:nvSpPr>
        <p:spPr>
          <a:xfrm>
            <a:off x="511175" y="352424"/>
            <a:ext cx="1436687" cy="1147763"/>
          </a:xfrm>
        </p:spPr>
        <p:txBody>
          <a:bodyPr anchor="b"/>
          <a:lstStyle>
            <a:lvl1pPr algn="l">
              <a:defRPr sz="9600">
                <a:solidFill>
                  <a:schemeClr val="bg1">
                    <a:alpha val="80000"/>
                  </a:schemeClr>
                </a:solidFill>
              </a:defRPr>
            </a:lvl1pPr>
          </a:lstStyle>
          <a:p>
            <a:pPr lvl="0"/>
            <a:r>
              <a:rPr lang="en-US" dirty="0"/>
              <a:t>2</a:t>
            </a:r>
          </a:p>
        </p:txBody>
      </p:sp>
      <p:sp>
        <p:nvSpPr>
          <p:cNvPr id="5" name="Picture Placeholder 4">
            <a:extLst>
              <a:ext uri="{FF2B5EF4-FFF2-40B4-BE49-F238E27FC236}">
                <a16:creationId xmlns:a16="http://schemas.microsoft.com/office/drawing/2014/main" id="{1DA8FB3F-A95B-47BA-A641-1852818CC43D}"/>
              </a:ext>
            </a:extLst>
          </p:cNvPr>
          <p:cNvSpPr>
            <a:spLocks noGrp="1"/>
          </p:cNvSpPr>
          <p:nvPr>
            <p:ph type="pic" sz="quarter" idx="11"/>
          </p:nvPr>
        </p:nvSpPr>
        <p:spPr>
          <a:xfrm>
            <a:off x="7683500" y="476251"/>
            <a:ext cx="3995738" cy="5905500"/>
          </a:xfrm>
        </p:spPr>
        <p:txBody>
          <a:bodyPr/>
          <a:lstStyle>
            <a:lvl1pPr>
              <a:defRPr>
                <a:solidFill>
                  <a:schemeClr val="bg1"/>
                </a:solidFill>
              </a:defRPr>
            </a:lvl1pPr>
          </a:lstStyle>
          <a:p>
            <a:r>
              <a:rPr lang="en-US" dirty="0"/>
              <a:t>Click icon to add picture</a:t>
            </a:r>
          </a:p>
        </p:txBody>
      </p:sp>
      <p:sp>
        <p:nvSpPr>
          <p:cNvPr id="6" name="Rectangle 5">
            <a:extLst>
              <a:ext uri="{FF2B5EF4-FFF2-40B4-BE49-F238E27FC236}">
                <a16:creationId xmlns:a16="http://schemas.microsoft.com/office/drawing/2014/main" id="{E96FE05C-2705-4CC8-87B6-00D65600CEBE}"/>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108068951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Image Section Opener 1 Light">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505061" y="3376613"/>
            <a:ext cx="2466739" cy="726893"/>
          </a:xfrm>
        </p:spPr>
        <p:txBody>
          <a:bodyPr anchor="t"/>
          <a:lstStyle>
            <a:lvl1pPr>
              <a:defRPr sz="4400" b="0">
                <a:solidFill>
                  <a:schemeClr val="tx1"/>
                </a:solidFill>
              </a:defRPr>
            </a:lvl1pPr>
          </a:lstStyle>
          <a:p>
            <a:r>
              <a:rPr lang="en-US"/>
              <a:t>Click to edit Master title style</a:t>
            </a:r>
            <a:endParaRPr lang="en-US" dirty="0"/>
          </a:p>
        </p:txBody>
      </p:sp>
      <p:sp>
        <p:nvSpPr>
          <p:cNvPr id="9" name="Text Placeholder 2">
            <a:extLst>
              <a:ext uri="{FF2B5EF4-FFF2-40B4-BE49-F238E27FC236}">
                <a16:creationId xmlns:a16="http://schemas.microsoft.com/office/drawing/2014/main" id="{0B80AEDB-7934-4503-BD6D-314ACBAD791D}"/>
              </a:ext>
            </a:extLst>
          </p:cNvPr>
          <p:cNvSpPr>
            <a:spLocks noGrp="1"/>
          </p:cNvSpPr>
          <p:nvPr>
            <p:ph type="body" sz="quarter" idx="10" hasCustomPrompt="1"/>
          </p:nvPr>
        </p:nvSpPr>
        <p:spPr>
          <a:xfrm>
            <a:off x="439200" y="1560786"/>
            <a:ext cx="2121438" cy="1815827"/>
          </a:xfrm>
        </p:spPr>
        <p:txBody>
          <a:bodyPr anchor="t"/>
          <a:lstStyle>
            <a:lvl1pPr>
              <a:lnSpc>
                <a:spcPct val="70000"/>
              </a:lnSpc>
              <a:defRPr sz="18500">
                <a:solidFill>
                  <a:srgbClr val="003F2D"/>
                </a:solidFill>
              </a:defRPr>
            </a:lvl1pPr>
          </a:lstStyle>
          <a:p>
            <a:pPr lvl="0"/>
            <a:r>
              <a:rPr lang="en-US" dirty="0"/>
              <a:t>1</a:t>
            </a:r>
          </a:p>
        </p:txBody>
      </p:sp>
      <p:sp>
        <p:nvSpPr>
          <p:cNvPr id="6" name="Picture Placeholder 5">
            <a:extLst>
              <a:ext uri="{FF2B5EF4-FFF2-40B4-BE49-F238E27FC236}">
                <a16:creationId xmlns:a16="http://schemas.microsoft.com/office/drawing/2014/main" id="{B819427E-9467-4012-BAE9-3224FF25637E}"/>
              </a:ext>
            </a:extLst>
          </p:cNvPr>
          <p:cNvSpPr>
            <a:spLocks noGrp="1"/>
          </p:cNvSpPr>
          <p:nvPr>
            <p:ph type="pic" sz="quarter" idx="11"/>
          </p:nvPr>
        </p:nvSpPr>
        <p:spPr>
          <a:xfrm>
            <a:off x="6657975" y="2852738"/>
            <a:ext cx="5021263" cy="3529012"/>
          </a:xfrm>
        </p:spPr>
        <p:txBody>
          <a:bodyPr/>
          <a:lstStyle>
            <a:lvl1pPr>
              <a:defRPr>
                <a:solidFill>
                  <a:schemeClr val="accent5"/>
                </a:solidFill>
              </a:defRPr>
            </a:lvl1pPr>
          </a:lstStyle>
          <a:p>
            <a:r>
              <a:rPr lang="en-US" dirty="0"/>
              <a:t>Click icon to add picture</a:t>
            </a:r>
          </a:p>
        </p:txBody>
      </p:sp>
      <p:sp>
        <p:nvSpPr>
          <p:cNvPr id="7" name="Rectangle 6">
            <a:extLst>
              <a:ext uri="{FF2B5EF4-FFF2-40B4-BE49-F238E27FC236}">
                <a16:creationId xmlns:a16="http://schemas.microsoft.com/office/drawing/2014/main" id="{0D6FD764-CC11-4A86-8614-81290847D96E}"/>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406441896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Image Section Opener 2 Light">
    <p:spTree>
      <p:nvGrpSpPr>
        <p:cNvPr id="1" name=""/>
        <p:cNvGrpSpPr/>
        <p:nvPr/>
      </p:nvGrpSpPr>
      <p:grpSpPr>
        <a:xfrm>
          <a:off x="0" y="0"/>
          <a:ext cx="0" cy="0"/>
          <a:chOff x="0" y="0"/>
          <a:chExt cx="0" cy="0"/>
        </a:xfrm>
      </p:grpSpPr>
      <p:cxnSp>
        <p:nvCxnSpPr>
          <p:cNvPr id="12" name="Straight Connector 11">
            <a:extLst>
              <a:ext uri="{FF2B5EF4-FFF2-40B4-BE49-F238E27FC236}">
                <a16:creationId xmlns:a16="http://schemas.microsoft.com/office/drawing/2014/main" id="{8A9ECD61-ED7B-49FC-8FEC-E9337C05843A}"/>
              </a:ext>
            </a:extLst>
          </p:cNvPr>
          <p:cNvCxnSpPr>
            <a:cxnSpLocks/>
          </p:cNvCxnSpPr>
          <p:nvPr userDrawn="1"/>
        </p:nvCxnSpPr>
        <p:spPr>
          <a:xfrm flipH="1">
            <a:off x="0" y="857250"/>
            <a:ext cx="10142539"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13" name="Rectangle 12">
            <a:extLst>
              <a:ext uri="{FF2B5EF4-FFF2-40B4-BE49-F238E27FC236}">
                <a16:creationId xmlns:a16="http://schemas.microsoft.com/office/drawing/2014/main" id="{CE9617AF-0744-4180-BB4B-3FEB62C97441}"/>
              </a:ext>
            </a:extLst>
          </p:cNvPr>
          <p:cNvSpPr/>
          <p:nvPr/>
        </p:nvSpPr>
        <p:spPr>
          <a:xfrm>
            <a:off x="0" y="0"/>
            <a:ext cx="3584575"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511175" y="476250"/>
            <a:ext cx="2971800" cy="1844675"/>
          </a:xfrm>
        </p:spPr>
        <p:txBody>
          <a:bodyPr anchor="t"/>
          <a:lstStyle>
            <a:lvl1pPr>
              <a:defRPr sz="3600" b="0">
                <a:solidFill>
                  <a:schemeClr val="tx1"/>
                </a:solidFill>
              </a:defRPr>
            </a:lvl1pPr>
          </a:lstStyle>
          <a:p>
            <a:r>
              <a:rPr lang="en-US"/>
              <a:t>Click to edit Master title style</a:t>
            </a:r>
            <a:endParaRPr lang="en-US" dirty="0"/>
          </a:p>
        </p:txBody>
      </p:sp>
      <p:sp>
        <p:nvSpPr>
          <p:cNvPr id="7" name="Text Placeholder 2">
            <a:extLst>
              <a:ext uri="{FF2B5EF4-FFF2-40B4-BE49-F238E27FC236}">
                <a16:creationId xmlns:a16="http://schemas.microsoft.com/office/drawing/2014/main" id="{3CEE43AE-91A9-4FCE-B4E7-BF4A26C91C1F}"/>
              </a:ext>
            </a:extLst>
          </p:cNvPr>
          <p:cNvSpPr>
            <a:spLocks noGrp="1"/>
          </p:cNvSpPr>
          <p:nvPr>
            <p:ph type="body" sz="quarter" idx="10" hasCustomPrompt="1"/>
          </p:nvPr>
        </p:nvSpPr>
        <p:spPr>
          <a:xfrm>
            <a:off x="10244138" y="352424"/>
            <a:ext cx="1436687" cy="1147763"/>
          </a:xfrm>
        </p:spPr>
        <p:txBody>
          <a:bodyPr anchor="b"/>
          <a:lstStyle>
            <a:lvl1pPr algn="r">
              <a:defRPr sz="9600">
                <a:solidFill>
                  <a:srgbClr val="003F2D"/>
                </a:solidFill>
              </a:defRPr>
            </a:lvl1pPr>
          </a:lstStyle>
          <a:p>
            <a:pPr lvl="0"/>
            <a:r>
              <a:rPr lang="en-US" dirty="0"/>
              <a:t>2</a:t>
            </a:r>
          </a:p>
        </p:txBody>
      </p:sp>
      <p:sp>
        <p:nvSpPr>
          <p:cNvPr id="5" name="Picture Placeholder 4">
            <a:extLst>
              <a:ext uri="{FF2B5EF4-FFF2-40B4-BE49-F238E27FC236}">
                <a16:creationId xmlns:a16="http://schemas.microsoft.com/office/drawing/2014/main" id="{1DA8FB3F-A95B-47BA-A641-1852818CC43D}"/>
              </a:ext>
            </a:extLst>
          </p:cNvPr>
          <p:cNvSpPr>
            <a:spLocks noGrp="1"/>
          </p:cNvSpPr>
          <p:nvPr>
            <p:ph type="pic" sz="quarter" idx="11"/>
          </p:nvPr>
        </p:nvSpPr>
        <p:spPr>
          <a:xfrm>
            <a:off x="3584575" y="2227263"/>
            <a:ext cx="8094663" cy="4154487"/>
          </a:xfrm>
        </p:spPr>
        <p:txBody>
          <a:bodyPr/>
          <a:lstStyle>
            <a:lvl1pPr>
              <a:defRPr>
                <a:solidFill>
                  <a:schemeClr val="accent5"/>
                </a:solidFill>
              </a:defRPr>
            </a:lvl1pPr>
          </a:lstStyle>
          <a:p>
            <a:r>
              <a:rPr lang="en-US" dirty="0"/>
              <a:t>Click icon to add picture</a:t>
            </a:r>
          </a:p>
        </p:txBody>
      </p:sp>
      <p:sp>
        <p:nvSpPr>
          <p:cNvPr id="8" name="Rectangle 7">
            <a:extLst>
              <a:ext uri="{FF2B5EF4-FFF2-40B4-BE49-F238E27FC236}">
                <a16:creationId xmlns:a16="http://schemas.microsoft.com/office/drawing/2014/main" id="{67115F19-7EBC-428B-BB66-1CCC4F0FAD33}"/>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41999704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with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additive="base">
                                        <p:cTn id="7" dur="2000" fill="hold"/>
                                        <p:tgtEl>
                                          <p:spTgt spid="12"/>
                                        </p:tgtEl>
                                        <p:attrNameLst>
                                          <p:attrName>ppt_x</p:attrName>
                                        </p:attrNameLst>
                                      </p:cBhvr>
                                      <p:tavLst>
                                        <p:tav tm="0">
                                          <p:val>
                                            <p:strVal val="0-#ppt_w/2"/>
                                          </p:val>
                                        </p:tav>
                                        <p:tav tm="100000">
                                          <p:val>
                                            <p:strVal val="#ppt_x"/>
                                          </p:val>
                                        </p:tav>
                                      </p:tavLst>
                                    </p:anim>
                                    <p:anim calcmode="lin" valueType="num">
                                      <p:cBhvr additive="base">
                                        <p:cTn id="8" dur="2000" fill="hold"/>
                                        <p:tgtEl>
                                          <p:spTgt spid="12"/>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Text Cover 3">
    <p:spTree>
      <p:nvGrpSpPr>
        <p:cNvPr id="1" name=""/>
        <p:cNvGrpSpPr/>
        <p:nvPr/>
      </p:nvGrpSpPr>
      <p:grpSpPr>
        <a:xfrm>
          <a:off x="0" y="0"/>
          <a:ext cx="0" cy="0"/>
          <a:chOff x="0" y="0"/>
          <a:chExt cx="0" cy="0"/>
        </a:xfrm>
      </p:grpSpPr>
      <p:cxnSp>
        <p:nvCxnSpPr>
          <p:cNvPr id="25" name="Straight Connector 24">
            <a:extLst>
              <a:ext uri="{FF2B5EF4-FFF2-40B4-BE49-F238E27FC236}">
                <a16:creationId xmlns:a16="http://schemas.microsoft.com/office/drawing/2014/main" id="{887340F4-9434-47C2-9CB2-6C0ACFBEFAB5}"/>
              </a:ext>
            </a:extLst>
          </p:cNvPr>
          <p:cNvCxnSpPr>
            <a:cxnSpLocks/>
          </p:cNvCxnSpPr>
          <p:nvPr/>
        </p:nvCxnSpPr>
        <p:spPr>
          <a:xfrm>
            <a:off x="3584575" y="571774"/>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5" y="1554448"/>
            <a:ext cx="1328469"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1" kern="1200" spc="-3" dirty="0" err="1" smtClean="0">
                <a:solidFill>
                  <a:schemeClr val="accent6"/>
                </a:solidFill>
                <a:latin typeface="Space Mono" panose="02000509040000020004" pitchFamily="49" charset="0"/>
                <a:ea typeface="+mn-ea"/>
                <a:cs typeface="Space Mono" panose="02000509040000020004" pitchFamily="49" charset="0"/>
              </a:defRPr>
            </a:lvl1pPr>
          </a:lstStyle>
          <a:p>
            <a:r>
              <a:rPr lang="en-US" dirty="0"/>
              <a:t>DAT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3584575" y="1457151"/>
            <a:ext cx="7070725" cy="3168821"/>
          </a:xfrm>
        </p:spPr>
        <p:txBody>
          <a:bodyPr/>
          <a:lstStyle>
            <a:lvl1pPr>
              <a:defRPr sz="6600">
                <a:solidFill>
                  <a:schemeClr val="accent6"/>
                </a:solidFill>
              </a:defRPr>
            </a:lvl1pPr>
          </a:lstStyle>
          <a:p>
            <a:r>
              <a:rPr lang="en-US"/>
              <a:t>Click to edit Master title style</a:t>
            </a:r>
            <a:endParaRPr lang="en-US" dirty="0"/>
          </a:p>
        </p:txBody>
      </p:sp>
      <p:sp>
        <p:nvSpPr>
          <p:cNvPr id="10" name="Content Placeholder 9">
            <a:extLst>
              <a:ext uri="{FF2B5EF4-FFF2-40B4-BE49-F238E27FC236}">
                <a16:creationId xmlns:a16="http://schemas.microsoft.com/office/drawing/2014/main" id="{7D9956ED-0AB6-478A-B82C-B67610F4E3D0}"/>
              </a:ext>
            </a:extLst>
          </p:cNvPr>
          <p:cNvSpPr>
            <a:spLocks noGrp="1"/>
          </p:cNvSpPr>
          <p:nvPr>
            <p:ph sz="quarter" idx="11" hasCustomPrompt="1"/>
          </p:nvPr>
        </p:nvSpPr>
        <p:spPr>
          <a:xfrm>
            <a:off x="3593749" y="4727575"/>
            <a:ext cx="5522912" cy="1250951"/>
          </a:xfrm>
        </p:spPr>
        <p:txBody>
          <a:bodyPr tIns="0">
            <a:noAutofit/>
          </a:bodyPr>
          <a:lstStyle>
            <a:lvl1pPr>
              <a:spcBef>
                <a:spcPts val="0"/>
              </a:spcBef>
              <a:spcAft>
                <a:spcPts val="0"/>
              </a:spcAft>
              <a:defRPr sz="1700">
                <a:solidFill>
                  <a:schemeClr val="tx1"/>
                </a:solidFill>
                <a:latin typeface="+mn-lt"/>
              </a:defRPr>
            </a:lvl1pPr>
            <a:lvl2pPr>
              <a:spcBef>
                <a:spcPts val="0"/>
              </a:spcBef>
              <a:spcAft>
                <a:spcPts val="0"/>
              </a:spcAft>
              <a:defRPr sz="1700">
                <a:solidFill>
                  <a:schemeClr val="tx1"/>
                </a:solidFill>
              </a:defRPr>
            </a:lvl2pPr>
            <a:lvl3pPr>
              <a:defRPr>
                <a:solidFill>
                  <a:schemeClr val="bg1"/>
                </a:solidFill>
              </a:defRPr>
            </a:lvl3pPr>
            <a:lvl4pPr>
              <a:defRPr>
                <a:solidFill>
                  <a:schemeClr val="bg1"/>
                </a:solidFill>
              </a:defRPr>
            </a:lvl4pPr>
            <a:lvl5pPr>
              <a:defRPr sz="1700" b="0">
                <a:solidFill>
                  <a:schemeClr val="accent6"/>
                </a:solidFill>
                <a:latin typeface="+mn-lt"/>
              </a:defRPr>
            </a:lvl5pPr>
          </a:lstStyle>
          <a:p>
            <a:pPr lvl="0"/>
            <a:r>
              <a:rPr lang="en-US" dirty="0"/>
              <a:t>Subheading</a:t>
            </a:r>
          </a:p>
          <a:p>
            <a:pPr lvl="1"/>
            <a:r>
              <a:rPr lang="en-US" dirty="0"/>
              <a:t>Subheading 2</a:t>
            </a:r>
          </a:p>
        </p:txBody>
      </p:sp>
      <p:sp>
        <p:nvSpPr>
          <p:cNvPr id="22" name="Rectangle 21">
            <a:extLst>
              <a:ext uri="{FF2B5EF4-FFF2-40B4-BE49-F238E27FC236}">
                <a16:creationId xmlns:a16="http://schemas.microsoft.com/office/drawing/2014/main" id="{51402F92-C298-4C9D-B165-225CA6300EEC}"/>
              </a:ext>
            </a:extLst>
          </p:cNvPr>
          <p:cNvSpPr/>
          <p:nvPr/>
        </p:nvSpPr>
        <p:spPr>
          <a:xfrm>
            <a:off x="0" y="0"/>
            <a:ext cx="3584575" cy="109165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CBRE Vector Logo">
            <a:extLst>
              <a:ext uri="{FF2B5EF4-FFF2-40B4-BE49-F238E27FC236}">
                <a16:creationId xmlns:a16="http://schemas.microsoft.com/office/drawing/2014/main" id="{DD23A135-161C-46FC-B786-381F0472101C}"/>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211839116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25"/>
                                        </p:tgtEl>
                                        <p:attrNameLst>
                                          <p:attrName>style.visibility</p:attrName>
                                        </p:attrNameLst>
                                      </p:cBhvr>
                                      <p:to>
                                        <p:strVal val="visible"/>
                                      </p:to>
                                    </p:set>
                                    <p:anim calcmode="lin" valueType="num">
                                      <p:cBhvr additive="base">
                                        <p:cTn id="7" dur="2250" fill="hold"/>
                                        <p:tgtEl>
                                          <p:spTgt spid="25"/>
                                        </p:tgtEl>
                                        <p:attrNameLst>
                                          <p:attrName>ppt_x</p:attrName>
                                        </p:attrNameLst>
                                      </p:cBhvr>
                                      <p:tavLst>
                                        <p:tav tm="0">
                                          <p:val>
                                            <p:strVal val="0-#ppt_w/2"/>
                                          </p:val>
                                        </p:tav>
                                        <p:tav tm="100000">
                                          <p:val>
                                            <p:strVal val="#ppt_x"/>
                                          </p:val>
                                        </p:tav>
                                      </p:tavLst>
                                    </p:anim>
                                    <p:anim calcmode="lin" valueType="num">
                                      <p:cBhvr additive="base">
                                        <p:cTn id="8" dur="2250" fill="hold"/>
                                        <p:tgtEl>
                                          <p:spTgt spid="25"/>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Image Section Opener 3 Light">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7FB38A9F-8015-4521-AE4E-20BA353E6D7F}"/>
              </a:ext>
            </a:extLst>
          </p:cNvPr>
          <p:cNvSpPr>
            <a:spLocks noGrp="1"/>
          </p:cNvSpPr>
          <p:nvPr>
            <p:ph type="title"/>
          </p:nvPr>
        </p:nvSpPr>
        <p:spPr>
          <a:xfrm>
            <a:off x="511175" y="1601788"/>
            <a:ext cx="2971800" cy="2398712"/>
          </a:xfrm>
        </p:spPr>
        <p:txBody>
          <a:bodyPr anchor="t"/>
          <a:lstStyle>
            <a:lvl1pPr>
              <a:defRPr sz="4400" b="0">
                <a:solidFill>
                  <a:schemeClr val="tx1"/>
                </a:solidFill>
              </a:defRPr>
            </a:lvl1pPr>
          </a:lstStyle>
          <a:p>
            <a:r>
              <a:rPr lang="en-US"/>
              <a:t>Click to edit Master title style</a:t>
            </a:r>
            <a:endParaRPr lang="en-US" dirty="0"/>
          </a:p>
        </p:txBody>
      </p:sp>
      <p:sp>
        <p:nvSpPr>
          <p:cNvPr id="7" name="Text Placeholder 2">
            <a:extLst>
              <a:ext uri="{FF2B5EF4-FFF2-40B4-BE49-F238E27FC236}">
                <a16:creationId xmlns:a16="http://schemas.microsoft.com/office/drawing/2014/main" id="{3CEE43AE-91A9-4FCE-B4E7-BF4A26C91C1F}"/>
              </a:ext>
            </a:extLst>
          </p:cNvPr>
          <p:cNvSpPr>
            <a:spLocks noGrp="1"/>
          </p:cNvSpPr>
          <p:nvPr>
            <p:ph type="body" sz="quarter" idx="10" hasCustomPrompt="1"/>
          </p:nvPr>
        </p:nvSpPr>
        <p:spPr>
          <a:xfrm>
            <a:off x="511175" y="352424"/>
            <a:ext cx="1436687" cy="1147763"/>
          </a:xfrm>
        </p:spPr>
        <p:txBody>
          <a:bodyPr anchor="b"/>
          <a:lstStyle>
            <a:lvl1pPr algn="l">
              <a:defRPr sz="9600">
                <a:solidFill>
                  <a:srgbClr val="003F2D"/>
                </a:solidFill>
              </a:defRPr>
            </a:lvl1pPr>
          </a:lstStyle>
          <a:p>
            <a:pPr lvl="0"/>
            <a:r>
              <a:rPr lang="en-US" dirty="0"/>
              <a:t>2</a:t>
            </a:r>
          </a:p>
        </p:txBody>
      </p:sp>
      <p:sp>
        <p:nvSpPr>
          <p:cNvPr id="5" name="Picture Placeholder 4">
            <a:extLst>
              <a:ext uri="{FF2B5EF4-FFF2-40B4-BE49-F238E27FC236}">
                <a16:creationId xmlns:a16="http://schemas.microsoft.com/office/drawing/2014/main" id="{1DA8FB3F-A95B-47BA-A641-1852818CC43D}"/>
              </a:ext>
            </a:extLst>
          </p:cNvPr>
          <p:cNvSpPr>
            <a:spLocks noGrp="1"/>
          </p:cNvSpPr>
          <p:nvPr>
            <p:ph type="pic" sz="quarter" idx="11"/>
          </p:nvPr>
        </p:nvSpPr>
        <p:spPr>
          <a:xfrm>
            <a:off x="7683500" y="476251"/>
            <a:ext cx="3995738" cy="5905500"/>
          </a:xfrm>
        </p:spPr>
        <p:txBody>
          <a:bodyPr/>
          <a:lstStyle>
            <a:lvl1pPr>
              <a:defRPr>
                <a:solidFill>
                  <a:schemeClr val="accent5"/>
                </a:solidFill>
              </a:defRPr>
            </a:lvl1pPr>
          </a:lstStyle>
          <a:p>
            <a:r>
              <a:rPr lang="en-US" dirty="0"/>
              <a:t>Click icon to add picture</a:t>
            </a:r>
          </a:p>
        </p:txBody>
      </p:sp>
      <p:sp>
        <p:nvSpPr>
          <p:cNvPr id="6" name="Rectangle 5">
            <a:extLst>
              <a:ext uri="{FF2B5EF4-FFF2-40B4-BE49-F238E27FC236}">
                <a16:creationId xmlns:a16="http://schemas.microsoft.com/office/drawing/2014/main" id="{80F33480-D468-4702-ADB1-1092F24E9066}"/>
              </a:ext>
            </a:extLst>
          </p:cNvPr>
          <p:cNvSpPr/>
          <p:nvPr userDrawn="1"/>
        </p:nvSpPr>
        <p:spPr>
          <a:xfrm>
            <a:off x="-1670070" y="-1"/>
            <a:ext cx="1377929" cy="973139"/>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o not add speakers to section break! </a:t>
            </a:r>
            <a:br>
              <a:rPr lang="en-US" sz="1200" dirty="0">
                <a:solidFill>
                  <a:schemeClr val="bg1"/>
                </a:solidFill>
                <a:latin typeface="Calibre-Semibold" panose="020B0703030202060203" pitchFamily="34" charset="0"/>
              </a:rPr>
            </a:br>
            <a:r>
              <a:rPr lang="en-US" sz="1200" dirty="0">
                <a:solidFill>
                  <a:schemeClr val="bg1"/>
                </a:solidFill>
              </a:rPr>
              <a:t>Use a separate </a:t>
            </a:r>
            <a:br>
              <a:rPr lang="en-US" sz="1200" dirty="0">
                <a:solidFill>
                  <a:schemeClr val="bg1"/>
                </a:solidFill>
              </a:rPr>
            </a:br>
            <a:r>
              <a:rPr lang="en-US" sz="1200" dirty="0">
                <a:solidFill>
                  <a:schemeClr val="bg1"/>
                </a:solidFill>
              </a:rPr>
              <a:t>slide following section break.</a:t>
            </a:r>
          </a:p>
        </p:txBody>
      </p:sp>
    </p:spTree>
    <p:extLst>
      <p:ext uri="{BB962C8B-B14F-4D97-AF65-F5344CB8AC3E}">
        <p14:creationId xmlns:p14="http://schemas.microsoft.com/office/powerpoint/2010/main" val="134799265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p:cSld name="Text Quote 1">
    <p:spTree>
      <p:nvGrpSpPr>
        <p:cNvPr id="1" name=""/>
        <p:cNvGrpSpPr/>
        <p:nvPr/>
      </p:nvGrpSpPr>
      <p:grpSpPr>
        <a:xfrm>
          <a:off x="0" y="0"/>
          <a:ext cx="0" cy="0"/>
          <a:chOff x="0" y="0"/>
          <a:chExt cx="0" cy="0"/>
        </a:xfrm>
      </p:grpSpPr>
      <p:sp>
        <p:nvSpPr>
          <p:cNvPr id="19" name="Text Placeholder 10">
            <a:extLst>
              <a:ext uri="{FF2B5EF4-FFF2-40B4-BE49-F238E27FC236}">
                <a16:creationId xmlns:a16="http://schemas.microsoft.com/office/drawing/2014/main" id="{86713B7F-2214-EC45-B16D-691521DFD097}"/>
              </a:ext>
            </a:extLst>
          </p:cNvPr>
          <p:cNvSpPr>
            <a:spLocks noGrp="1"/>
          </p:cNvSpPr>
          <p:nvPr>
            <p:ph type="body" sz="quarter" idx="15"/>
          </p:nvPr>
        </p:nvSpPr>
        <p:spPr>
          <a:xfrm>
            <a:off x="2047875" y="5978525"/>
            <a:ext cx="3484563" cy="377825"/>
          </a:xfrm>
          <a:prstGeom prst="rect">
            <a:avLst/>
          </a:prstGeom>
        </p:spPr>
        <p:txBody>
          <a:bodyPr anchor="b"/>
          <a:lstStyle>
            <a:lvl1pPr marL="7701" algn="l" defTabSz="554492" rtl="0" eaLnBrk="1" latinLnBrk="0" hangingPunct="1">
              <a:lnSpc>
                <a:spcPct val="100000"/>
              </a:lnSpc>
              <a:spcBef>
                <a:spcPts val="61"/>
              </a:spcBef>
              <a:defRPr lang="en-US" sz="1698" b="1" i="0" kern="0" dirty="0">
                <a:solidFill>
                  <a:srgbClr val="CAD1D2"/>
                </a:solidFill>
                <a:latin typeface="Calibre-Semibold"/>
                <a:ea typeface="+mj-ea"/>
                <a:cs typeface="Calibre-Semibold"/>
              </a:defRPr>
            </a:lvl1pPr>
          </a:lstStyle>
          <a:p>
            <a:pPr lvl="0"/>
            <a:r>
              <a:rPr lang="en-US"/>
              <a:t>Click to edit Master text styles</a:t>
            </a:r>
          </a:p>
        </p:txBody>
      </p:sp>
      <p:sp>
        <p:nvSpPr>
          <p:cNvPr id="17" name="Title 16">
            <a:extLst>
              <a:ext uri="{FF2B5EF4-FFF2-40B4-BE49-F238E27FC236}">
                <a16:creationId xmlns:a16="http://schemas.microsoft.com/office/drawing/2014/main" id="{84F3302C-956C-4D92-A7AC-A2576257DE4C}"/>
              </a:ext>
            </a:extLst>
          </p:cNvPr>
          <p:cNvSpPr>
            <a:spLocks noGrp="1"/>
          </p:cNvSpPr>
          <p:nvPr>
            <p:ph type="title"/>
          </p:nvPr>
        </p:nvSpPr>
        <p:spPr>
          <a:xfrm>
            <a:off x="2048404" y="452438"/>
            <a:ext cx="8094134" cy="5430837"/>
          </a:xfrm>
        </p:spPr>
        <p:txBody>
          <a:bodyPr tIns="0" anchor="ctr"/>
          <a:lstStyle>
            <a:lvl1pPr>
              <a:defRPr sz="7600">
                <a:solidFill>
                  <a:schemeClr val="accent3"/>
                </a:solidFill>
              </a:defRPr>
            </a:lvl1pPr>
          </a:lstStyle>
          <a:p>
            <a:r>
              <a:rPr lang="en-US"/>
              <a:t>Click to edit Master title style</a:t>
            </a:r>
            <a:endParaRPr lang="en-US" dirty="0"/>
          </a:p>
        </p:txBody>
      </p:sp>
      <p:sp>
        <p:nvSpPr>
          <p:cNvPr id="14" name="TextBox 13">
            <a:extLst>
              <a:ext uri="{FF2B5EF4-FFF2-40B4-BE49-F238E27FC236}">
                <a16:creationId xmlns:a16="http://schemas.microsoft.com/office/drawing/2014/main" id="{35D231BF-12DF-4AA6-8A1D-225A3C833697}"/>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12" name="TextBox 11">
            <a:extLst>
              <a:ext uri="{FF2B5EF4-FFF2-40B4-BE49-F238E27FC236}">
                <a16:creationId xmlns:a16="http://schemas.microsoft.com/office/drawing/2014/main" id="{E78127E9-DB37-431B-B7CA-4D1DA013E6F9}"/>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15" name="Opening Quote">
            <a:extLst>
              <a:ext uri="{FF2B5EF4-FFF2-40B4-BE49-F238E27FC236}">
                <a16:creationId xmlns:a16="http://schemas.microsoft.com/office/drawing/2014/main" id="{82769C9B-5FF1-4657-8617-4C106AC7AC3B}"/>
              </a:ext>
            </a:extLst>
          </p:cNvPr>
          <p:cNvSpPr>
            <a:spLocks noChangeAspect="1"/>
          </p:cNvSpPr>
          <p:nvPr userDrawn="1"/>
        </p:nvSpPr>
        <p:spPr>
          <a:xfrm>
            <a:off x="504470" y="2664569"/>
            <a:ext cx="923544" cy="712044"/>
          </a:xfrm>
          <a:custGeom>
            <a:avLst/>
            <a:gdLst>
              <a:gd name="connsiteX0" fmla="*/ 1710404 w 3999618"/>
              <a:gd name="connsiteY0" fmla="*/ 2274623 h 3083671"/>
              <a:gd name="connsiteX1" fmla="*/ 916567 w 3999618"/>
              <a:gd name="connsiteY1" fmla="*/ 3083700 h 3083671"/>
              <a:gd name="connsiteX2" fmla="*/ 619 w 3999618"/>
              <a:gd name="connsiteY2" fmla="*/ 1999827 h 3083671"/>
              <a:gd name="connsiteX3" fmla="*/ 1847850 w 3999618"/>
              <a:gd name="connsiteY3" fmla="*/ 29 h 3083671"/>
              <a:gd name="connsiteX4" fmla="*/ 1908905 w 3999618"/>
              <a:gd name="connsiteY4" fmla="*/ 259585 h 3083671"/>
              <a:gd name="connsiteX5" fmla="*/ 687586 w 3999618"/>
              <a:gd name="connsiteY5" fmla="*/ 1465546 h 3083671"/>
              <a:gd name="connsiteX6" fmla="*/ 1710404 w 3999618"/>
              <a:gd name="connsiteY6" fmla="*/ 2274623 h 3083671"/>
              <a:gd name="connsiteX7" fmla="*/ 3801785 w 3999618"/>
              <a:gd name="connsiteY7" fmla="*/ 2274623 h 3083671"/>
              <a:gd name="connsiteX8" fmla="*/ 3007971 w 3999618"/>
              <a:gd name="connsiteY8" fmla="*/ 3083700 h 3083671"/>
              <a:gd name="connsiteX9" fmla="*/ 2091999 w 3999618"/>
              <a:gd name="connsiteY9" fmla="*/ 1999827 h 3083671"/>
              <a:gd name="connsiteX10" fmla="*/ 3939159 w 3999618"/>
              <a:gd name="connsiteY10" fmla="*/ 29 h 3083671"/>
              <a:gd name="connsiteX11" fmla="*/ 4000238 w 3999618"/>
              <a:gd name="connsiteY11" fmla="*/ 259585 h 3083671"/>
              <a:gd name="connsiteX12" fmla="*/ 2778918 w 3999618"/>
              <a:gd name="connsiteY12" fmla="*/ 1465546 h 3083671"/>
              <a:gd name="connsiteX13" fmla="*/ 3801785 w 3999618"/>
              <a:gd name="connsiteY13" fmla="*/ 2274623 h 30836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3999618" h="3083671">
                <a:moveTo>
                  <a:pt x="1710404" y="2274623"/>
                </a:moveTo>
                <a:cubicBezTo>
                  <a:pt x="1710404" y="2732585"/>
                  <a:pt x="1328761" y="3083700"/>
                  <a:pt x="916567" y="3083700"/>
                </a:cubicBezTo>
                <a:cubicBezTo>
                  <a:pt x="397454" y="3083700"/>
                  <a:pt x="619" y="2732585"/>
                  <a:pt x="619" y="1999827"/>
                </a:cubicBezTo>
                <a:cubicBezTo>
                  <a:pt x="619" y="1053375"/>
                  <a:pt x="733425" y="167955"/>
                  <a:pt x="1847850" y="29"/>
                </a:cubicBezTo>
                <a:lnTo>
                  <a:pt x="1908905" y="259585"/>
                </a:lnTo>
                <a:cubicBezTo>
                  <a:pt x="1023437" y="473255"/>
                  <a:pt x="687586" y="1068639"/>
                  <a:pt x="687586" y="1465546"/>
                </a:cubicBezTo>
                <a:cubicBezTo>
                  <a:pt x="1176099" y="1358675"/>
                  <a:pt x="1710404" y="1679239"/>
                  <a:pt x="1710404" y="2274623"/>
                </a:cubicBezTo>
                <a:close/>
                <a:moveTo>
                  <a:pt x="3801785" y="2274623"/>
                </a:moveTo>
                <a:cubicBezTo>
                  <a:pt x="3801785" y="2732585"/>
                  <a:pt x="3420142" y="3083700"/>
                  <a:pt x="3007971" y="3083700"/>
                </a:cubicBezTo>
                <a:cubicBezTo>
                  <a:pt x="2488858" y="3083700"/>
                  <a:pt x="2091999" y="2732585"/>
                  <a:pt x="2091999" y="1999827"/>
                </a:cubicBezTo>
                <a:cubicBezTo>
                  <a:pt x="2091999" y="1053375"/>
                  <a:pt x="2824781" y="167955"/>
                  <a:pt x="3939159" y="29"/>
                </a:cubicBezTo>
                <a:lnTo>
                  <a:pt x="4000238" y="259585"/>
                </a:lnTo>
                <a:cubicBezTo>
                  <a:pt x="3114818" y="473255"/>
                  <a:pt x="2778918" y="1068639"/>
                  <a:pt x="2778918" y="1465546"/>
                </a:cubicBezTo>
                <a:cubicBezTo>
                  <a:pt x="3267480" y="1358675"/>
                  <a:pt x="3801785" y="1679239"/>
                  <a:pt x="3801785" y="2274623"/>
                </a:cubicBezTo>
                <a:close/>
              </a:path>
            </a:pathLst>
          </a:custGeom>
          <a:solidFill>
            <a:schemeClr val="accent3"/>
          </a:solidFill>
          <a:ln w="2381" cap="flat">
            <a:noFill/>
            <a:prstDash val="solid"/>
            <a:miter/>
          </a:ln>
        </p:spPr>
        <p:txBody>
          <a:bodyPr rtlCol="0" anchor="ctr"/>
          <a:lstStyle/>
          <a:p>
            <a:endParaRPr lang="en-US" dirty="0"/>
          </a:p>
        </p:txBody>
      </p:sp>
      <p:sp>
        <p:nvSpPr>
          <p:cNvPr id="20" name="Closing Quote">
            <a:extLst>
              <a:ext uri="{FF2B5EF4-FFF2-40B4-BE49-F238E27FC236}">
                <a16:creationId xmlns:a16="http://schemas.microsoft.com/office/drawing/2014/main" id="{76DE9EC9-E3B5-4208-8CB4-F198CB66496D}"/>
              </a:ext>
            </a:extLst>
          </p:cNvPr>
          <p:cNvSpPr>
            <a:spLocks noChangeAspect="1"/>
          </p:cNvSpPr>
          <p:nvPr userDrawn="1"/>
        </p:nvSpPr>
        <p:spPr>
          <a:xfrm>
            <a:off x="10755694" y="2664569"/>
            <a:ext cx="923544" cy="712044"/>
          </a:xfrm>
          <a:custGeom>
            <a:avLst/>
            <a:gdLst>
              <a:gd name="connsiteX0" fmla="*/ 712045 w 923544"/>
              <a:gd name="connsiteY0" fmla="*/ 0 h 712044"/>
              <a:gd name="connsiteX1" fmla="*/ 923544 w 923544"/>
              <a:gd name="connsiteY1" fmla="*/ 250275 h 712044"/>
              <a:gd name="connsiteX2" fmla="*/ 497004 w 923544"/>
              <a:gd name="connsiteY2" fmla="*/ 712044 h 712044"/>
              <a:gd name="connsiteX3" fmla="*/ 482906 w 923544"/>
              <a:gd name="connsiteY3" fmla="*/ 652111 h 712044"/>
              <a:gd name="connsiteX4" fmla="*/ 764918 w 923544"/>
              <a:gd name="connsiteY4" fmla="*/ 373645 h 712044"/>
              <a:gd name="connsiteX5" fmla="*/ 528741 w 923544"/>
              <a:gd name="connsiteY5" fmla="*/ 186823 h 712044"/>
              <a:gd name="connsiteX6" fmla="*/ 712045 w 923544"/>
              <a:gd name="connsiteY6" fmla="*/ 0 h 712044"/>
              <a:gd name="connsiteX7" fmla="*/ 229122 w 923544"/>
              <a:gd name="connsiteY7" fmla="*/ 0 h 712044"/>
              <a:gd name="connsiteX8" fmla="*/ 440628 w 923544"/>
              <a:gd name="connsiteY8" fmla="*/ 250275 h 712044"/>
              <a:gd name="connsiteX9" fmla="*/ 14103 w 923544"/>
              <a:gd name="connsiteY9" fmla="*/ 712044 h 712044"/>
              <a:gd name="connsiteX10" fmla="*/ 0 w 923544"/>
              <a:gd name="connsiteY10" fmla="*/ 652111 h 712044"/>
              <a:gd name="connsiteX11" fmla="*/ 282013 w 923544"/>
              <a:gd name="connsiteY11" fmla="*/ 373645 h 712044"/>
              <a:gd name="connsiteX12" fmla="*/ 45824 w 923544"/>
              <a:gd name="connsiteY12" fmla="*/ 186823 h 712044"/>
              <a:gd name="connsiteX13" fmla="*/ 229122 w 923544"/>
              <a:gd name="connsiteY13" fmla="*/ 0 h 7120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923544" h="712044">
                <a:moveTo>
                  <a:pt x="712045" y="0"/>
                </a:moveTo>
                <a:cubicBezTo>
                  <a:pt x="831912" y="0"/>
                  <a:pt x="923544" y="81076"/>
                  <a:pt x="923544" y="250275"/>
                </a:cubicBezTo>
                <a:cubicBezTo>
                  <a:pt x="923544" y="468818"/>
                  <a:pt x="754334" y="673269"/>
                  <a:pt x="497004" y="712044"/>
                </a:cubicBezTo>
                <a:lnTo>
                  <a:pt x="482906" y="652111"/>
                </a:lnTo>
                <a:cubicBezTo>
                  <a:pt x="687367" y="602773"/>
                  <a:pt x="764918" y="465294"/>
                  <a:pt x="764918" y="373645"/>
                </a:cubicBezTo>
                <a:cubicBezTo>
                  <a:pt x="652117" y="398322"/>
                  <a:pt x="528741" y="324301"/>
                  <a:pt x="528741" y="186823"/>
                </a:cubicBezTo>
                <a:cubicBezTo>
                  <a:pt x="528741" y="81076"/>
                  <a:pt x="616866" y="0"/>
                  <a:pt x="712045" y="0"/>
                </a:cubicBezTo>
                <a:close/>
                <a:moveTo>
                  <a:pt x="229122" y="0"/>
                </a:moveTo>
                <a:cubicBezTo>
                  <a:pt x="348990" y="0"/>
                  <a:pt x="440628" y="81076"/>
                  <a:pt x="440628" y="250275"/>
                </a:cubicBezTo>
                <a:cubicBezTo>
                  <a:pt x="440628" y="468818"/>
                  <a:pt x="271423" y="673269"/>
                  <a:pt x="14103" y="712044"/>
                </a:cubicBezTo>
                <a:lnTo>
                  <a:pt x="0" y="652111"/>
                </a:lnTo>
                <a:cubicBezTo>
                  <a:pt x="204450" y="602773"/>
                  <a:pt x="282013" y="465294"/>
                  <a:pt x="282013" y="373645"/>
                </a:cubicBezTo>
                <a:cubicBezTo>
                  <a:pt x="169199" y="398322"/>
                  <a:pt x="45824" y="324301"/>
                  <a:pt x="45824" y="186823"/>
                </a:cubicBezTo>
                <a:cubicBezTo>
                  <a:pt x="45824" y="81076"/>
                  <a:pt x="133948" y="0"/>
                  <a:pt x="229122" y="0"/>
                </a:cubicBezTo>
                <a:close/>
              </a:path>
            </a:pathLst>
          </a:custGeom>
          <a:solidFill>
            <a:schemeClr val="accent3"/>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square" lIns="45720" tIns="0" rIns="45720" bIns="0" rtlCol="0" anchor="ctr">
            <a:noAutofit/>
          </a:bodyP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1978004370"/>
      </p:ext>
    </p:extLst>
  </p:cSld>
  <p:clrMapOvr>
    <a:masterClrMapping/>
  </p:clrMapOvr>
  <p:extLst>
    <p:ext uri="{DCECCB84-F9BA-43D5-87BE-67443E8EF086}">
      <p15:sldGuideLst xmlns:p15="http://schemas.microsoft.com/office/powerpoint/2012/main"/>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p:cSld name="Text Quote 2">
    <p:spTree>
      <p:nvGrpSpPr>
        <p:cNvPr id="1" name=""/>
        <p:cNvGrpSpPr/>
        <p:nvPr/>
      </p:nvGrpSpPr>
      <p:grpSpPr>
        <a:xfrm>
          <a:off x="0" y="0"/>
          <a:ext cx="0" cy="0"/>
          <a:chOff x="0" y="0"/>
          <a:chExt cx="0" cy="0"/>
        </a:xfrm>
      </p:grpSpPr>
      <p:sp>
        <p:nvSpPr>
          <p:cNvPr id="8" name="Text Placeholder 10">
            <a:extLst>
              <a:ext uri="{FF2B5EF4-FFF2-40B4-BE49-F238E27FC236}">
                <a16:creationId xmlns:a16="http://schemas.microsoft.com/office/drawing/2014/main" id="{75403291-4461-41FB-9C05-5D224A319BFE}"/>
              </a:ext>
            </a:extLst>
          </p:cNvPr>
          <p:cNvSpPr>
            <a:spLocks noGrp="1"/>
          </p:cNvSpPr>
          <p:nvPr>
            <p:ph type="body" sz="quarter" idx="46"/>
          </p:nvPr>
        </p:nvSpPr>
        <p:spPr>
          <a:xfrm>
            <a:off x="504470" y="1556659"/>
            <a:ext cx="1687299" cy="243656"/>
          </a:xfrm>
          <a:prstGeom prst="rect">
            <a:avLst/>
          </a:prstGeom>
        </p:spPr>
        <p:txBody>
          <a:bodyPr anchor="b"/>
          <a:lstStyle>
            <a:lvl1pPr marL="7701" algn="l" defTabSz="554492" rtl="0" eaLnBrk="1" latinLnBrk="0" hangingPunct="1">
              <a:lnSpc>
                <a:spcPct val="100000"/>
              </a:lnSpc>
              <a:spcBef>
                <a:spcPts val="61"/>
              </a:spcBef>
              <a:defRPr lang="en-US" sz="1698" b="1" i="0" kern="0" dirty="0">
                <a:solidFill>
                  <a:srgbClr val="CAD1D2"/>
                </a:solidFill>
                <a:latin typeface="Calibre-Semibold"/>
                <a:ea typeface="+mj-ea"/>
                <a:cs typeface="Calibre-Semibold"/>
              </a:defRPr>
            </a:lvl1pPr>
          </a:lstStyle>
          <a:p>
            <a:pPr lvl="0"/>
            <a:r>
              <a:rPr lang="en-US"/>
              <a:t>Click to edit Master text styles</a:t>
            </a:r>
          </a:p>
        </p:txBody>
      </p:sp>
      <p:sp>
        <p:nvSpPr>
          <p:cNvPr id="9" name="Text Placeholder 10">
            <a:extLst>
              <a:ext uri="{FF2B5EF4-FFF2-40B4-BE49-F238E27FC236}">
                <a16:creationId xmlns:a16="http://schemas.microsoft.com/office/drawing/2014/main" id="{F20A762D-6EE7-4EA9-A463-536C42903C04}"/>
              </a:ext>
            </a:extLst>
          </p:cNvPr>
          <p:cNvSpPr>
            <a:spLocks noGrp="1"/>
          </p:cNvSpPr>
          <p:nvPr>
            <p:ph type="body" sz="quarter" idx="16"/>
          </p:nvPr>
        </p:nvSpPr>
        <p:spPr>
          <a:xfrm>
            <a:off x="504470" y="1811550"/>
            <a:ext cx="1687299" cy="243656"/>
          </a:xfrm>
          <a:prstGeom prst="rect">
            <a:avLst/>
          </a:prstGeom>
        </p:spPr>
        <p:txBody>
          <a:bodyPr tIns="0"/>
          <a:lstStyle>
            <a:lvl1pPr marL="7701" algn="l" defTabSz="554492" rtl="0" eaLnBrk="1" latinLnBrk="0" hangingPunct="1">
              <a:lnSpc>
                <a:spcPts val="1868"/>
              </a:lnSpc>
              <a:defRPr lang="en-US" sz="1698" b="0" i="0" kern="0" dirty="0">
                <a:solidFill>
                  <a:srgbClr val="CAD1D2"/>
                </a:solidFill>
                <a:latin typeface="Calibre"/>
                <a:ea typeface="+mj-ea"/>
                <a:cs typeface="Calibre"/>
              </a:defRPr>
            </a:lvl1pPr>
          </a:lstStyle>
          <a:p>
            <a:pPr lvl="0"/>
            <a:r>
              <a:rPr lang="en-US"/>
              <a:t>Click to edit Master text styles</a:t>
            </a:r>
          </a:p>
        </p:txBody>
      </p:sp>
      <p:sp>
        <p:nvSpPr>
          <p:cNvPr id="10" name="Title 16">
            <a:extLst>
              <a:ext uri="{FF2B5EF4-FFF2-40B4-BE49-F238E27FC236}">
                <a16:creationId xmlns:a16="http://schemas.microsoft.com/office/drawing/2014/main" id="{9FAFE378-6B41-4CCA-BF34-5E1D9ACE1F13}"/>
              </a:ext>
            </a:extLst>
          </p:cNvPr>
          <p:cNvSpPr>
            <a:spLocks noGrp="1"/>
          </p:cNvSpPr>
          <p:nvPr>
            <p:ph type="title"/>
          </p:nvPr>
        </p:nvSpPr>
        <p:spPr>
          <a:xfrm>
            <a:off x="4097866" y="1318057"/>
            <a:ext cx="6557434" cy="4034991"/>
          </a:xfrm>
        </p:spPr>
        <p:txBody>
          <a:bodyPr tIns="0"/>
          <a:lstStyle>
            <a:lvl1pPr>
              <a:defRPr sz="7600">
                <a:solidFill>
                  <a:srgbClr val="CAD1D2"/>
                </a:solidFill>
              </a:defRPr>
            </a:lvl1pPr>
          </a:lstStyle>
          <a:p>
            <a:r>
              <a:rPr lang="en-US"/>
              <a:t>Click to edit Master title style</a:t>
            </a:r>
            <a:endParaRPr lang="en-US" dirty="0"/>
          </a:p>
        </p:txBody>
      </p:sp>
      <p:sp>
        <p:nvSpPr>
          <p:cNvPr id="17" name="TextBox 16">
            <a:extLst>
              <a:ext uri="{FF2B5EF4-FFF2-40B4-BE49-F238E27FC236}">
                <a16:creationId xmlns:a16="http://schemas.microsoft.com/office/drawing/2014/main" id="{A6AD595E-9438-4AA7-AE3E-7A280FAB7713}"/>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18" name="TextBox 17">
            <a:extLst>
              <a:ext uri="{FF2B5EF4-FFF2-40B4-BE49-F238E27FC236}">
                <a16:creationId xmlns:a16="http://schemas.microsoft.com/office/drawing/2014/main" id="{176FE298-427E-4552-BF1F-AEEAA2F48BA5}"/>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20" name="Opening Quote">
            <a:extLst>
              <a:ext uri="{FF2B5EF4-FFF2-40B4-BE49-F238E27FC236}">
                <a16:creationId xmlns:a16="http://schemas.microsoft.com/office/drawing/2014/main" id="{58D3F7D6-A2FF-45F1-88DD-CDA086CC8602}"/>
              </a:ext>
            </a:extLst>
          </p:cNvPr>
          <p:cNvSpPr>
            <a:spLocks noChangeAspect="1"/>
          </p:cNvSpPr>
          <p:nvPr userDrawn="1"/>
        </p:nvSpPr>
        <p:spPr>
          <a:xfrm>
            <a:off x="4100610" y="353034"/>
            <a:ext cx="685800" cy="528746"/>
          </a:xfrm>
          <a:custGeom>
            <a:avLst/>
            <a:gdLst>
              <a:gd name="connsiteX0" fmla="*/ 1710404 w 3999618"/>
              <a:gd name="connsiteY0" fmla="*/ 2274623 h 3083671"/>
              <a:gd name="connsiteX1" fmla="*/ 916567 w 3999618"/>
              <a:gd name="connsiteY1" fmla="*/ 3083700 h 3083671"/>
              <a:gd name="connsiteX2" fmla="*/ 619 w 3999618"/>
              <a:gd name="connsiteY2" fmla="*/ 1999827 h 3083671"/>
              <a:gd name="connsiteX3" fmla="*/ 1847850 w 3999618"/>
              <a:gd name="connsiteY3" fmla="*/ 29 h 3083671"/>
              <a:gd name="connsiteX4" fmla="*/ 1908905 w 3999618"/>
              <a:gd name="connsiteY4" fmla="*/ 259585 h 3083671"/>
              <a:gd name="connsiteX5" fmla="*/ 687586 w 3999618"/>
              <a:gd name="connsiteY5" fmla="*/ 1465546 h 3083671"/>
              <a:gd name="connsiteX6" fmla="*/ 1710404 w 3999618"/>
              <a:gd name="connsiteY6" fmla="*/ 2274623 h 3083671"/>
              <a:gd name="connsiteX7" fmla="*/ 3801785 w 3999618"/>
              <a:gd name="connsiteY7" fmla="*/ 2274623 h 3083671"/>
              <a:gd name="connsiteX8" fmla="*/ 3007971 w 3999618"/>
              <a:gd name="connsiteY8" fmla="*/ 3083700 h 3083671"/>
              <a:gd name="connsiteX9" fmla="*/ 2091999 w 3999618"/>
              <a:gd name="connsiteY9" fmla="*/ 1999827 h 3083671"/>
              <a:gd name="connsiteX10" fmla="*/ 3939159 w 3999618"/>
              <a:gd name="connsiteY10" fmla="*/ 29 h 3083671"/>
              <a:gd name="connsiteX11" fmla="*/ 4000238 w 3999618"/>
              <a:gd name="connsiteY11" fmla="*/ 259585 h 3083671"/>
              <a:gd name="connsiteX12" fmla="*/ 2778918 w 3999618"/>
              <a:gd name="connsiteY12" fmla="*/ 1465546 h 3083671"/>
              <a:gd name="connsiteX13" fmla="*/ 3801785 w 3999618"/>
              <a:gd name="connsiteY13" fmla="*/ 2274623 h 30836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3999618" h="3083671">
                <a:moveTo>
                  <a:pt x="1710404" y="2274623"/>
                </a:moveTo>
                <a:cubicBezTo>
                  <a:pt x="1710404" y="2732585"/>
                  <a:pt x="1328761" y="3083700"/>
                  <a:pt x="916567" y="3083700"/>
                </a:cubicBezTo>
                <a:cubicBezTo>
                  <a:pt x="397454" y="3083700"/>
                  <a:pt x="619" y="2732585"/>
                  <a:pt x="619" y="1999827"/>
                </a:cubicBezTo>
                <a:cubicBezTo>
                  <a:pt x="619" y="1053375"/>
                  <a:pt x="733425" y="167955"/>
                  <a:pt x="1847850" y="29"/>
                </a:cubicBezTo>
                <a:lnTo>
                  <a:pt x="1908905" y="259585"/>
                </a:lnTo>
                <a:cubicBezTo>
                  <a:pt x="1023437" y="473255"/>
                  <a:pt x="687586" y="1068639"/>
                  <a:pt x="687586" y="1465546"/>
                </a:cubicBezTo>
                <a:cubicBezTo>
                  <a:pt x="1176099" y="1358675"/>
                  <a:pt x="1710404" y="1679239"/>
                  <a:pt x="1710404" y="2274623"/>
                </a:cubicBezTo>
                <a:close/>
                <a:moveTo>
                  <a:pt x="3801785" y="2274623"/>
                </a:moveTo>
                <a:cubicBezTo>
                  <a:pt x="3801785" y="2732585"/>
                  <a:pt x="3420142" y="3083700"/>
                  <a:pt x="3007971" y="3083700"/>
                </a:cubicBezTo>
                <a:cubicBezTo>
                  <a:pt x="2488858" y="3083700"/>
                  <a:pt x="2091999" y="2732585"/>
                  <a:pt x="2091999" y="1999827"/>
                </a:cubicBezTo>
                <a:cubicBezTo>
                  <a:pt x="2091999" y="1053375"/>
                  <a:pt x="2824781" y="167955"/>
                  <a:pt x="3939159" y="29"/>
                </a:cubicBezTo>
                <a:lnTo>
                  <a:pt x="4000238" y="259585"/>
                </a:lnTo>
                <a:cubicBezTo>
                  <a:pt x="3114818" y="473255"/>
                  <a:pt x="2778918" y="1068639"/>
                  <a:pt x="2778918" y="1465546"/>
                </a:cubicBezTo>
                <a:cubicBezTo>
                  <a:pt x="3267480" y="1358675"/>
                  <a:pt x="3801785" y="1679239"/>
                  <a:pt x="3801785" y="2274623"/>
                </a:cubicBezTo>
                <a:close/>
              </a:path>
            </a:pathLst>
          </a:custGeom>
          <a:solidFill>
            <a:schemeClr val="accent3"/>
          </a:solidFill>
          <a:ln w="2381" cap="flat">
            <a:noFill/>
            <a:prstDash val="solid"/>
            <a:miter/>
          </a:ln>
        </p:spPr>
        <p:txBody>
          <a:bodyPr rtlCol="0" anchor="ctr"/>
          <a:lstStyle/>
          <a:p>
            <a:endParaRPr lang="en-US" dirty="0"/>
          </a:p>
        </p:txBody>
      </p:sp>
      <p:sp>
        <p:nvSpPr>
          <p:cNvPr id="21" name="Closing Quote">
            <a:extLst>
              <a:ext uri="{FF2B5EF4-FFF2-40B4-BE49-F238E27FC236}">
                <a16:creationId xmlns:a16="http://schemas.microsoft.com/office/drawing/2014/main" id="{110AA37A-696F-461E-9566-F396BE874D7F}"/>
              </a:ext>
            </a:extLst>
          </p:cNvPr>
          <p:cNvSpPr>
            <a:spLocks noChangeAspect="1"/>
          </p:cNvSpPr>
          <p:nvPr userDrawn="1"/>
        </p:nvSpPr>
        <p:spPr>
          <a:xfrm>
            <a:off x="4097866" y="5843674"/>
            <a:ext cx="685800" cy="528746"/>
          </a:xfrm>
          <a:custGeom>
            <a:avLst/>
            <a:gdLst>
              <a:gd name="connsiteX0" fmla="*/ 712045 w 923544"/>
              <a:gd name="connsiteY0" fmla="*/ 0 h 712044"/>
              <a:gd name="connsiteX1" fmla="*/ 923544 w 923544"/>
              <a:gd name="connsiteY1" fmla="*/ 250275 h 712044"/>
              <a:gd name="connsiteX2" fmla="*/ 497004 w 923544"/>
              <a:gd name="connsiteY2" fmla="*/ 712044 h 712044"/>
              <a:gd name="connsiteX3" fmla="*/ 482906 w 923544"/>
              <a:gd name="connsiteY3" fmla="*/ 652111 h 712044"/>
              <a:gd name="connsiteX4" fmla="*/ 764918 w 923544"/>
              <a:gd name="connsiteY4" fmla="*/ 373645 h 712044"/>
              <a:gd name="connsiteX5" fmla="*/ 528741 w 923544"/>
              <a:gd name="connsiteY5" fmla="*/ 186823 h 712044"/>
              <a:gd name="connsiteX6" fmla="*/ 712045 w 923544"/>
              <a:gd name="connsiteY6" fmla="*/ 0 h 712044"/>
              <a:gd name="connsiteX7" fmla="*/ 229122 w 923544"/>
              <a:gd name="connsiteY7" fmla="*/ 0 h 712044"/>
              <a:gd name="connsiteX8" fmla="*/ 440628 w 923544"/>
              <a:gd name="connsiteY8" fmla="*/ 250275 h 712044"/>
              <a:gd name="connsiteX9" fmla="*/ 14103 w 923544"/>
              <a:gd name="connsiteY9" fmla="*/ 712044 h 712044"/>
              <a:gd name="connsiteX10" fmla="*/ 0 w 923544"/>
              <a:gd name="connsiteY10" fmla="*/ 652111 h 712044"/>
              <a:gd name="connsiteX11" fmla="*/ 282013 w 923544"/>
              <a:gd name="connsiteY11" fmla="*/ 373645 h 712044"/>
              <a:gd name="connsiteX12" fmla="*/ 45824 w 923544"/>
              <a:gd name="connsiteY12" fmla="*/ 186823 h 712044"/>
              <a:gd name="connsiteX13" fmla="*/ 229122 w 923544"/>
              <a:gd name="connsiteY13" fmla="*/ 0 h 7120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923544" h="712044">
                <a:moveTo>
                  <a:pt x="712045" y="0"/>
                </a:moveTo>
                <a:cubicBezTo>
                  <a:pt x="831912" y="0"/>
                  <a:pt x="923544" y="81076"/>
                  <a:pt x="923544" y="250275"/>
                </a:cubicBezTo>
                <a:cubicBezTo>
                  <a:pt x="923544" y="468818"/>
                  <a:pt x="754334" y="673269"/>
                  <a:pt x="497004" y="712044"/>
                </a:cubicBezTo>
                <a:lnTo>
                  <a:pt x="482906" y="652111"/>
                </a:lnTo>
                <a:cubicBezTo>
                  <a:pt x="687367" y="602773"/>
                  <a:pt x="764918" y="465294"/>
                  <a:pt x="764918" y="373645"/>
                </a:cubicBezTo>
                <a:cubicBezTo>
                  <a:pt x="652117" y="398322"/>
                  <a:pt x="528741" y="324301"/>
                  <a:pt x="528741" y="186823"/>
                </a:cubicBezTo>
                <a:cubicBezTo>
                  <a:pt x="528741" y="81076"/>
                  <a:pt x="616866" y="0"/>
                  <a:pt x="712045" y="0"/>
                </a:cubicBezTo>
                <a:close/>
                <a:moveTo>
                  <a:pt x="229122" y="0"/>
                </a:moveTo>
                <a:cubicBezTo>
                  <a:pt x="348990" y="0"/>
                  <a:pt x="440628" y="81076"/>
                  <a:pt x="440628" y="250275"/>
                </a:cubicBezTo>
                <a:cubicBezTo>
                  <a:pt x="440628" y="468818"/>
                  <a:pt x="271423" y="673269"/>
                  <a:pt x="14103" y="712044"/>
                </a:cubicBezTo>
                <a:lnTo>
                  <a:pt x="0" y="652111"/>
                </a:lnTo>
                <a:cubicBezTo>
                  <a:pt x="204450" y="602773"/>
                  <a:pt x="282013" y="465294"/>
                  <a:pt x="282013" y="373645"/>
                </a:cubicBezTo>
                <a:cubicBezTo>
                  <a:pt x="169199" y="398322"/>
                  <a:pt x="45824" y="324301"/>
                  <a:pt x="45824" y="186823"/>
                </a:cubicBezTo>
                <a:cubicBezTo>
                  <a:pt x="45824" y="81076"/>
                  <a:pt x="133948" y="0"/>
                  <a:pt x="229122" y="0"/>
                </a:cubicBezTo>
                <a:close/>
              </a:path>
            </a:pathLst>
          </a:custGeom>
          <a:solidFill>
            <a:schemeClr val="accent3"/>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square" lIns="45720" tIns="0" rIns="45720" bIns="0" rtlCol="0" anchor="ctr">
            <a:noAutofit/>
          </a:bodyP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2779537130"/>
      </p:ext>
    </p:extLst>
  </p:cSld>
  <p:clrMapOvr>
    <a:masterClrMapping/>
  </p:clrMapOvr>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p:cSld name="Text Quote 3">
    <p:spTree>
      <p:nvGrpSpPr>
        <p:cNvPr id="1" name=""/>
        <p:cNvGrpSpPr/>
        <p:nvPr/>
      </p:nvGrpSpPr>
      <p:grpSpPr>
        <a:xfrm>
          <a:off x="0" y="0"/>
          <a:ext cx="0" cy="0"/>
          <a:chOff x="0" y="0"/>
          <a:chExt cx="0" cy="0"/>
        </a:xfrm>
      </p:grpSpPr>
      <p:sp>
        <p:nvSpPr>
          <p:cNvPr id="2" name="Holder 2"/>
          <p:cNvSpPr>
            <a:spLocks noGrp="1"/>
          </p:cNvSpPr>
          <p:nvPr>
            <p:ph type="ctrTitle"/>
          </p:nvPr>
        </p:nvSpPr>
        <p:spPr>
          <a:xfrm>
            <a:off x="1536700" y="3092809"/>
            <a:ext cx="9118600" cy="637097"/>
          </a:xfrm>
          <a:prstGeom prst="rect">
            <a:avLst/>
          </a:prstGeom>
        </p:spPr>
        <p:txBody>
          <a:bodyPr wrap="square" lIns="0" tIns="0" rIns="0" bIns="0" anchor="b">
            <a:spAutoFit/>
          </a:bodyPr>
          <a:lstStyle>
            <a:lvl1pPr algn="ctr">
              <a:lnSpc>
                <a:spcPct val="90000"/>
              </a:lnSpc>
              <a:defRPr sz="4600" b="0" i="0">
                <a:solidFill>
                  <a:srgbClr val="CAD1D2"/>
                </a:solidFill>
                <a:latin typeface="Financier Display"/>
                <a:cs typeface="Financier Display"/>
              </a:defRPr>
            </a:lvl1pPr>
          </a:lstStyle>
          <a:p>
            <a:r>
              <a:rPr lang="en-US"/>
              <a:t>Click to edit Master title style</a:t>
            </a:r>
            <a:endParaRPr lang="en-US" dirty="0"/>
          </a:p>
        </p:txBody>
      </p:sp>
      <p:sp>
        <p:nvSpPr>
          <p:cNvPr id="16" name="Text Placeholder 10">
            <a:extLst>
              <a:ext uri="{FF2B5EF4-FFF2-40B4-BE49-F238E27FC236}">
                <a16:creationId xmlns:a16="http://schemas.microsoft.com/office/drawing/2014/main" id="{5750BA3A-52DC-41A4-A658-8078E25D0140}"/>
              </a:ext>
            </a:extLst>
          </p:cNvPr>
          <p:cNvSpPr>
            <a:spLocks noGrp="1"/>
          </p:cNvSpPr>
          <p:nvPr>
            <p:ph type="body" sz="quarter" idx="46" hasCustomPrompt="1"/>
          </p:nvPr>
        </p:nvSpPr>
        <p:spPr>
          <a:xfrm>
            <a:off x="8707438" y="4102100"/>
            <a:ext cx="1946276" cy="1590928"/>
          </a:xfrm>
          <a:prstGeom prst="rect">
            <a:avLst/>
          </a:prstGeom>
        </p:spPr>
        <p:txBody>
          <a:bodyPr anchor="t"/>
          <a:lstStyle>
            <a:lvl1pPr marL="7701" algn="r" defTabSz="554492" rtl="0" eaLnBrk="1" latinLnBrk="0" hangingPunct="1">
              <a:lnSpc>
                <a:spcPct val="90000"/>
              </a:lnSpc>
              <a:spcBef>
                <a:spcPts val="0"/>
              </a:spcBef>
              <a:spcAft>
                <a:spcPts val="0"/>
              </a:spcAft>
              <a:defRPr lang="en-US" sz="1700" b="0" i="0" kern="0" dirty="0">
                <a:solidFill>
                  <a:srgbClr val="CAD1D2"/>
                </a:solidFill>
                <a:latin typeface="Calibre-Semibold"/>
                <a:ea typeface="+mj-ea"/>
                <a:cs typeface="Calibre-Semibold"/>
              </a:defRPr>
            </a:lvl1pPr>
            <a:lvl2pPr algn="r">
              <a:lnSpc>
                <a:spcPct val="90000"/>
              </a:lnSpc>
              <a:spcAft>
                <a:spcPts val="0"/>
              </a:spcAft>
              <a:defRPr sz="1700">
                <a:solidFill>
                  <a:srgbClr val="CAD0D2"/>
                </a:solidFill>
                <a:latin typeface="+mn-lt"/>
              </a:defRPr>
            </a:lvl2pPr>
          </a:lstStyle>
          <a:p>
            <a:pPr lvl="0"/>
            <a:r>
              <a:rPr lang="en-US" dirty="0"/>
              <a:t>Name</a:t>
            </a:r>
          </a:p>
          <a:p>
            <a:pPr lvl="1"/>
            <a:r>
              <a:rPr lang="en-US" dirty="0"/>
              <a:t>Title</a:t>
            </a:r>
          </a:p>
        </p:txBody>
      </p:sp>
      <p:sp>
        <p:nvSpPr>
          <p:cNvPr id="14" name="TextBox 13">
            <a:extLst>
              <a:ext uri="{FF2B5EF4-FFF2-40B4-BE49-F238E27FC236}">
                <a16:creationId xmlns:a16="http://schemas.microsoft.com/office/drawing/2014/main" id="{1A4E8BEF-6622-4062-86F9-CE4DE20D0529}"/>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15" name="TextBox 14">
            <a:extLst>
              <a:ext uri="{FF2B5EF4-FFF2-40B4-BE49-F238E27FC236}">
                <a16:creationId xmlns:a16="http://schemas.microsoft.com/office/drawing/2014/main" id="{68AB1674-9492-4197-834A-32CF410DC24A}"/>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18" name="Opening Quote">
            <a:extLst>
              <a:ext uri="{FF2B5EF4-FFF2-40B4-BE49-F238E27FC236}">
                <a16:creationId xmlns:a16="http://schemas.microsoft.com/office/drawing/2014/main" id="{D6269C3F-E0E2-4BBC-9F9B-F8999172E0EF}"/>
              </a:ext>
            </a:extLst>
          </p:cNvPr>
          <p:cNvSpPr>
            <a:spLocks noChangeAspect="1"/>
          </p:cNvSpPr>
          <p:nvPr userDrawn="1"/>
        </p:nvSpPr>
        <p:spPr>
          <a:xfrm>
            <a:off x="578066" y="2229136"/>
            <a:ext cx="685800" cy="528746"/>
          </a:xfrm>
          <a:custGeom>
            <a:avLst/>
            <a:gdLst>
              <a:gd name="connsiteX0" fmla="*/ 1710404 w 3999618"/>
              <a:gd name="connsiteY0" fmla="*/ 2274623 h 3083671"/>
              <a:gd name="connsiteX1" fmla="*/ 916567 w 3999618"/>
              <a:gd name="connsiteY1" fmla="*/ 3083700 h 3083671"/>
              <a:gd name="connsiteX2" fmla="*/ 619 w 3999618"/>
              <a:gd name="connsiteY2" fmla="*/ 1999827 h 3083671"/>
              <a:gd name="connsiteX3" fmla="*/ 1847850 w 3999618"/>
              <a:gd name="connsiteY3" fmla="*/ 29 h 3083671"/>
              <a:gd name="connsiteX4" fmla="*/ 1908905 w 3999618"/>
              <a:gd name="connsiteY4" fmla="*/ 259585 h 3083671"/>
              <a:gd name="connsiteX5" fmla="*/ 687586 w 3999618"/>
              <a:gd name="connsiteY5" fmla="*/ 1465546 h 3083671"/>
              <a:gd name="connsiteX6" fmla="*/ 1710404 w 3999618"/>
              <a:gd name="connsiteY6" fmla="*/ 2274623 h 3083671"/>
              <a:gd name="connsiteX7" fmla="*/ 3801785 w 3999618"/>
              <a:gd name="connsiteY7" fmla="*/ 2274623 h 3083671"/>
              <a:gd name="connsiteX8" fmla="*/ 3007971 w 3999618"/>
              <a:gd name="connsiteY8" fmla="*/ 3083700 h 3083671"/>
              <a:gd name="connsiteX9" fmla="*/ 2091999 w 3999618"/>
              <a:gd name="connsiteY9" fmla="*/ 1999827 h 3083671"/>
              <a:gd name="connsiteX10" fmla="*/ 3939159 w 3999618"/>
              <a:gd name="connsiteY10" fmla="*/ 29 h 3083671"/>
              <a:gd name="connsiteX11" fmla="*/ 4000238 w 3999618"/>
              <a:gd name="connsiteY11" fmla="*/ 259585 h 3083671"/>
              <a:gd name="connsiteX12" fmla="*/ 2778918 w 3999618"/>
              <a:gd name="connsiteY12" fmla="*/ 1465546 h 3083671"/>
              <a:gd name="connsiteX13" fmla="*/ 3801785 w 3999618"/>
              <a:gd name="connsiteY13" fmla="*/ 2274623 h 30836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3999618" h="3083671">
                <a:moveTo>
                  <a:pt x="1710404" y="2274623"/>
                </a:moveTo>
                <a:cubicBezTo>
                  <a:pt x="1710404" y="2732585"/>
                  <a:pt x="1328761" y="3083700"/>
                  <a:pt x="916567" y="3083700"/>
                </a:cubicBezTo>
                <a:cubicBezTo>
                  <a:pt x="397454" y="3083700"/>
                  <a:pt x="619" y="2732585"/>
                  <a:pt x="619" y="1999827"/>
                </a:cubicBezTo>
                <a:cubicBezTo>
                  <a:pt x="619" y="1053375"/>
                  <a:pt x="733425" y="167955"/>
                  <a:pt x="1847850" y="29"/>
                </a:cubicBezTo>
                <a:lnTo>
                  <a:pt x="1908905" y="259585"/>
                </a:lnTo>
                <a:cubicBezTo>
                  <a:pt x="1023437" y="473255"/>
                  <a:pt x="687586" y="1068639"/>
                  <a:pt x="687586" y="1465546"/>
                </a:cubicBezTo>
                <a:cubicBezTo>
                  <a:pt x="1176099" y="1358675"/>
                  <a:pt x="1710404" y="1679239"/>
                  <a:pt x="1710404" y="2274623"/>
                </a:cubicBezTo>
                <a:close/>
                <a:moveTo>
                  <a:pt x="3801785" y="2274623"/>
                </a:moveTo>
                <a:cubicBezTo>
                  <a:pt x="3801785" y="2732585"/>
                  <a:pt x="3420142" y="3083700"/>
                  <a:pt x="3007971" y="3083700"/>
                </a:cubicBezTo>
                <a:cubicBezTo>
                  <a:pt x="2488858" y="3083700"/>
                  <a:pt x="2091999" y="2732585"/>
                  <a:pt x="2091999" y="1999827"/>
                </a:cubicBezTo>
                <a:cubicBezTo>
                  <a:pt x="2091999" y="1053375"/>
                  <a:pt x="2824781" y="167955"/>
                  <a:pt x="3939159" y="29"/>
                </a:cubicBezTo>
                <a:lnTo>
                  <a:pt x="4000238" y="259585"/>
                </a:lnTo>
                <a:cubicBezTo>
                  <a:pt x="3114818" y="473255"/>
                  <a:pt x="2778918" y="1068639"/>
                  <a:pt x="2778918" y="1465546"/>
                </a:cubicBezTo>
                <a:cubicBezTo>
                  <a:pt x="3267480" y="1358675"/>
                  <a:pt x="3801785" y="1679239"/>
                  <a:pt x="3801785" y="2274623"/>
                </a:cubicBezTo>
                <a:close/>
              </a:path>
            </a:pathLst>
          </a:custGeom>
          <a:solidFill>
            <a:schemeClr val="accent3"/>
          </a:solidFill>
          <a:ln w="2381" cap="flat">
            <a:noFill/>
            <a:prstDash val="solid"/>
            <a:miter/>
          </a:ln>
        </p:spPr>
        <p:txBody>
          <a:bodyPr rtlCol="0" anchor="ctr"/>
          <a:lstStyle/>
          <a:p>
            <a:endParaRPr lang="en-US" dirty="0"/>
          </a:p>
        </p:txBody>
      </p:sp>
      <p:sp>
        <p:nvSpPr>
          <p:cNvPr id="19" name="Closing Quote">
            <a:extLst>
              <a:ext uri="{FF2B5EF4-FFF2-40B4-BE49-F238E27FC236}">
                <a16:creationId xmlns:a16="http://schemas.microsoft.com/office/drawing/2014/main" id="{9B9B38E5-0096-413E-902E-55D8FAE3C3D7}"/>
              </a:ext>
            </a:extLst>
          </p:cNvPr>
          <p:cNvSpPr>
            <a:spLocks noChangeAspect="1"/>
          </p:cNvSpPr>
          <p:nvPr userDrawn="1"/>
        </p:nvSpPr>
        <p:spPr>
          <a:xfrm>
            <a:off x="11007081" y="4088580"/>
            <a:ext cx="685800" cy="528746"/>
          </a:xfrm>
          <a:custGeom>
            <a:avLst/>
            <a:gdLst>
              <a:gd name="connsiteX0" fmla="*/ 712045 w 923544"/>
              <a:gd name="connsiteY0" fmla="*/ 0 h 712044"/>
              <a:gd name="connsiteX1" fmla="*/ 923544 w 923544"/>
              <a:gd name="connsiteY1" fmla="*/ 250275 h 712044"/>
              <a:gd name="connsiteX2" fmla="*/ 497004 w 923544"/>
              <a:gd name="connsiteY2" fmla="*/ 712044 h 712044"/>
              <a:gd name="connsiteX3" fmla="*/ 482906 w 923544"/>
              <a:gd name="connsiteY3" fmla="*/ 652111 h 712044"/>
              <a:gd name="connsiteX4" fmla="*/ 764918 w 923544"/>
              <a:gd name="connsiteY4" fmla="*/ 373645 h 712044"/>
              <a:gd name="connsiteX5" fmla="*/ 528741 w 923544"/>
              <a:gd name="connsiteY5" fmla="*/ 186823 h 712044"/>
              <a:gd name="connsiteX6" fmla="*/ 712045 w 923544"/>
              <a:gd name="connsiteY6" fmla="*/ 0 h 712044"/>
              <a:gd name="connsiteX7" fmla="*/ 229122 w 923544"/>
              <a:gd name="connsiteY7" fmla="*/ 0 h 712044"/>
              <a:gd name="connsiteX8" fmla="*/ 440628 w 923544"/>
              <a:gd name="connsiteY8" fmla="*/ 250275 h 712044"/>
              <a:gd name="connsiteX9" fmla="*/ 14103 w 923544"/>
              <a:gd name="connsiteY9" fmla="*/ 712044 h 712044"/>
              <a:gd name="connsiteX10" fmla="*/ 0 w 923544"/>
              <a:gd name="connsiteY10" fmla="*/ 652111 h 712044"/>
              <a:gd name="connsiteX11" fmla="*/ 282013 w 923544"/>
              <a:gd name="connsiteY11" fmla="*/ 373645 h 712044"/>
              <a:gd name="connsiteX12" fmla="*/ 45824 w 923544"/>
              <a:gd name="connsiteY12" fmla="*/ 186823 h 712044"/>
              <a:gd name="connsiteX13" fmla="*/ 229122 w 923544"/>
              <a:gd name="connsiteY13" fmla="*/ 0 h 7120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923544" h="712044">
                <a:moveTo>
                  <a:pt x="712045" y="0"/>
                </a:moveTo>
                <a:cubicBezTo>
                  <a:pt x="831912" y="0"/>
                  <a:pt x="923544" y="81076"/>
                  <a:pt x="923544" y="250275"/>
                </a:cubicBezTo>
                <a:cubicBezTo>
                  <a:pt x="923544" y="468818"/>
                  <a:pt x="754334" y="673269"/>
                  <a:pt x="497004" y="712044"/>
                </a:cubicBezTo>
                <a:lnTo>
                  <a:pt x="482906" y="652111"/>
                </a:lnTo>
                <a:cubicBezTo>
                  <a:pt x="687367" y="602773"/>
                  <a:pt x="764918" y="465294"/>
                  <a:pt x="764918" y="373645"/>
                </a:cubicBezTo>
                <a:cubicBezTo>
                  <a:pt x="652117" y="398322"/>
                  <a:pt x="528741" y="324301"/>
                  <a:pt x="528741" y="186823"/>
                </a:cubicBezTo>
                <a:cubicBezTo>
                  <a:pt x="528741" y="81076"/>
                  <a:pt x="616866" y="0"/>
                  <a:pt x="712045" y="0"/>
                </a:cubicBezTo>
                <a:close/>
                <a:moveTo>
                  <a:pt x="229122" y="0"/>
                </a:moveTo>
                <a:cubicBezTo>
                  <a:pt x="348990" y="0"/>
                  <a:pt x="440628" y="81076"/>
                  <a:pt x="440628" y="250275"/>
                </a:cubicBezTo>
                <a:cubicBezTo>
                  <a:pt x="440628" y="468818"/>
                  <a:pt x="271423" y="673269"/>
                  <a:pt x="14103" y="712044"/>
                </a:cubicBezTo>
                <a:lnTo>
                  <a:pt x="0" y="652111"/>
                </a:lnTo>
                <a:cubicBezTo>
                  <a:pt x="204450" y="602773"/>
                  <a:pt x="282013" y="465294"/>
                  <a:pt x="282013" y="373645"/>
                </a:cubicBezTo>
                <a:cubicBezTo>
                  <a:pt x="169199" y="398322"/>
                  <a:pt x="45824" y="324301"/>
                  <a:pt x="45824" y="186823"/>
                </a:cubicBezTo>
                <a:cubicBezTo>
                  <a:pt x="45824" y="81076"/>
                  <a:pt x="133948" y="0"/>
                  <a:pt x="229122" y="0"/>
                </a:cubicBezTo>
                <a:close/>
              </a:path>
            </a:pathLst>
          </a:custGeom>
          <a:solidFill>
            <a:schemeClr val="accent3"/>
          </a:solidFill>
          <a:ln w="12700">
            <a:noFill/>
          </a:ln>
        </p:spPr>
        <p:style>
          <a:lnRef idx="2">
            <a:schemeClr val="accent1">
              <a:shade val="50000"/>
            </a:schemeClr>
          </a:lnRef>
          <a:fillRef idx="1">
            <a:schemeClr val="accent1"/>
          </a:fillRef>
          <a:effectRef idx="0">
            <a:schemeClr val="accent1"/>
          </a:effectRef>
          <a:fontRef idx="minor">
            <a:schemeClr val="lt1"/>
          </a:fontRef>
        </p:style>
        <p:txBody>
          <a:bodyPr wrap="square" lIns="45720" tIns="0" rIns="45720" bIns="0" rtlCol="0" anchor="ctr">
            <a:noAutofit/>
          </a:bodyP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3334906338"/>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Image Quote 1">
    <p:spTree>
      <p:nvGrpSpPr>
        <p:cNvPr id="1" name=""/>
        <p:cNvGrpSpPr/>
        <p:nvPr/>
      </p:nvGrpSpPr>
      <p:grpSpPr>
        <a:xfrm>
          <a:off x="0" y="0"/>
          <a:ext cx="0" cy="0"/>
          <a:chOff x="0" y="0"/>
          <a:chExt cx="0" cy="0"/>
        </a:xfrm>
      </p:grpSpPr>
      <p:sp>
        <p:nvSpPr>
          <p:cNvPr id="19" name="Picture Placeholder 17">
            <a:extLst>
              <a:ext uri="{FF2B5EF4-FFF2-40B4-BE49-F238E27FC236}">
                <a16:creationId xmlns:a16="http://schemas.microsoft.com/office/drawing/2014/main" id="{0AE1B65D-6907-E54F-BB4B-C41AFAAE8186}"/>
              </a:ext>
            </a:extLst>
          </p:cNvPr>
          <p:cNvSpPr>
            <a:spLocks noGrp="1"/>
          </p:cNvSpPr>
          <p:nvPr>
            <p:ph type="pic" sz="quarter" idx="12"/>
          </p:nvPr>
        </p:nvSpPr>
        <p:spPr>
          <a:xfrm>
            <a:off x="511175" y="457200"/>
            <a:ext cx="9118600" cy="5943600"/>
          </a:xfrm>
          <a:prstGeom prst="rect">
            <a:avLst/>
          </a:prstGeom>
          <a:noFill/>
        </p:spPr>
        <p:txBody>
          <a:bodyPr/>
          <a:lstStyle>
            <a:lvl1pPr>
              <a:defRPr>
                <a:solidFill>
                  <a:schemeClr val="bg1"/>
                </a:solidFill>
              </a:defRPr>
            </a:lvl1pPr>
          </a:lstStyle>
          <a:p>
            <a:r>
              <a:rPr lang="en-US" dirty="0"/>
              <a:t>Click icon to add picture</a:t>
            </a:r>
          </a:p>
        </p:txBody>
      </p:sp>
      <p:sp>
        <p:nvSpPr>
          <p:cNvPr id="3" name="Text Placeholder 2">
            <a:extLst>
              <a:ext uri="{FF2B5EF4-FFF2-40B4-BE49-F238E27FC236}">
                <a16:creationId xmlns:a16="http://schemas.microsoft.com/office/drawing/2014/main" id="{B0E5166B-DE21-4C78-873E-E08181E53E4F}"/>
              </a:ext>
            </a:extLst>
          </p:cNvPr>
          <p:cNvSpPr>
            <a:spLocks noGrp="1"/>
          </p:cNvSpPr>
          <p:nvPr>
            <p:ph type="body" sz="quarter" idx="13"/>
          </p:nvPr>
        </p:nvSpPr>
        <p:spPr>
          <a:xfrm>
            <a:off x="9731375" y="1596707"/>
            <a:ext cx="1947863" cy="3024188"/>
          </a:xfrm>
        </p:spPr>
        <p:txBody>
          <a:bodyPr tIns="0"/>
          <a:lstStyle>
            <a:lvl1pPr>
              <a:defRPr sz="1800">
                <a:solidFill>
                  <a:srgbClr val="CAD1D2"/>
                </a:solidFill>
              </a:defRPr>
            </a:lvl1pPr>
            <a:lvl2pPr>
              <a:defRPr>
                <a:solidFill>
                  <a:srgbClr val="CAD1D2"/>
                </a:solidFill>
              </a:defRPr>
            </a:lvl2pPr>
            <a:lvl3pPr>
              <a:defRPr>
                <a:solidFill>
                  <a:srgbClr val="CAD1D2"/>
                </a:solidFill>
              </a:defRPr>
            </a:lvl3pPr>
            <a:lvl4pPr>
              <a:buClr>
                <a:schemeClr val="bg1"/>
              </a:buClr>
              <a:defRPr>
                <a:solidFill>
                  <a:srgbClr val="CAD1D2"/>
                </a:solidFill>
              </a:defRPr>
            </a:lvl4pPr>
            <a:lvl5pPr>
              <a:defRPr>
                <a:solidFill>
                  <a:srgbClr val="CAD1D2"/>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9" name="Text Placeholder 10">
            <a:extLst>
              <a:ext uri="{FF2B5EF4-FFF2-40B4-BE49-F238E27FC236}">
                <a16:creationId xmlns:a16="http://schemas.microsoft.com/office/drawing/2014/main" id="{276E0B12-C8A6-47ED-AC2C-173E6E8D0380}"/>
              </a:ext>
            </a:extLst>
          </p:cNvPr>
          <p:cNvSpPr>
            <a:spLocks noGrp="1"/>
          </p:cNvSpPr>
          <p:nvPr>
            <p:ph type="body" sz="quarter" idx="46" hasCustomPrompt="1"/>
          </p:nvPr>
        </p:nvSpPr>
        <p:spPr>
          <a:xfrm>
            <a:off x="9731375" y="4727575"/>
            <a:ext cx="1687299" cy="1590928"/>
          </a:xfrm>
          <a:prstGeom prst="rect">
            <a:avLst/>
          </a:prstGeom>
        </p:spPr>
        <p:txBody>
          <a:bodyPr anchor="t"/>
          <a:lstStyle>
            <a:lvl1pPr marL="7701" algn="l" defTabSz="554492" rtl="0" eaLnBrk="1" latinLnBrk="0" hangingPunct="1">
              <a:lnSpc>
                <a:spcPct val="90000"/>
              </a:lnSpc>
              <a:spcBef>
                <a:spcPts val="0"/>
              </a:spcBef>
              <a:spcAft>
                <a:spcPts val="0"/>
              </a:spcAft>
              <a:defRPr lang="en-US" sz="1600" b="0" i="0" kern="0" dirty="0">
                <a:solidFill>
                  <a:srgbClr val="CAD1D2"/>
                </a:solidFill>
                <a:latin typeface="Calibre-Semibold"/>
                <a:ea typeface="+mj-ea"/>
                <a:cs typeface="Calibre-Semibold"/>
              </a:defRPr>
            </a:lvl1pPr>
            <a:lvl2pPr>
              <a:lnSpc>
                <a:spcPct val="90000"/>
              </a:lnSpc>
              <a:spcAft>
                <a:spcPts val="0"/>
              </a:spcAft>
              <a:defRPr sz="1600">
                <a:solidFill>
                  <a:srgbClr val="CAD0D2"/>
                </a:solidFill>
                <a:latin typeface="+mn-lt"/>
              </a:defRPr>
            </a:lvl2pPr>
          </a:lstStyle>
          <a:p>
            <a:pPr lvl="0"/>
            <a:r>
              <a:rPr lang="en-US" dirty="0"/>
              <a:t>Name</a:t>
            </a:r>
          </a:p>
          <a:p>
            <a:pPr lvl="1"/>
            <a:r>
              <a:rPr lang="en-US" dirty="0"/>
              <a:t>Title</a:t>
            </a:r>
          </a:p>
        </p:txBody>
      </p:sp>
      <p:sp>
        <p:nvSpPr>
          <p:cNvPr id="7" name="TextBox 6">
            <a:extLst>
              <a:ext uri="{FF2B5EF4-FFF2-40B4-BE49-F238E27FC236}">
                <a16:creationId xmlns:a16="http://schemas.microsoft.com/office/drawing/2014/main" id="{EB320D00-2ED6-4A6C-A2ED-CAFB5F812F66}"/>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8" name="TextBox 7">
            <a:extLst>
              <a:ext uri="{FF2B5EF4-FFF2-40B4-BE49-F238E27FC236}">
                <a16:creationId xmlns:a16="http://schemas.microsoft.com/office/drawing/2014/main" id="{0C2A81BA-DBC2-4E69-AE9E-2D54F2C02D04}"/>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Tree>
    <p:extLst>
      <p:ext uri="{BB962C8B-B14F-4D97-AF65-F5344CB8AC3E}">
        <p14:creationId xmlns:p14="http://schemas.microsoft.com/office/powerpoint/2010/main" val="2578872595"/>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p:cSld name="Image Quote 2">
    <p:spTree>
      <p:nvGrpSpPr>
        <p:cNvPr id="1" name=""/>
        <p:cNvGrpSpPr/>
        <p:nvPr/>
      </p:nvGrpSpPr>
      <p:grpSpPr>
        <a:xfrm>
          <a:off x="0" y="0"/>
          <a:ext cx="0" cy="0"/>
          <a:chOff x="0" y="0"/>
          <a:chExt cx="0" cy="0"/>
        </a:xfrm>
      </p:grpSpPr>
      <p:sp>
        <p:nvSpPr>
          <p:cNvPr id="19" name="Picture Placeholder 17">
            <a:extLst>
              <a:ext uri="{FF2B5EF4-FFF2-40B4-BE49-F238E27FC236}">
                <a16:creationId xmlns:a16="http://schemas.microsoft.com/office/drawing/2014/main" id="{0AE1B65D-6907-E54F-BB4B-C41AFAAE8186}"/>
              </a:ext>
            </a:extLst>
          </p:cNvPr>
          <p:cNvSpPr>
            <a:spLocks noGrp="1"/>
          </p:cNvSpPr>
          <p:nvPr>
            <p:ph type="pic" sz="quarter" idx="12"/>
          </p:nvPr>
        </p:nvSpPr>
        <p:spPr>
          <a:xfrm>
            <a:off x="3584575" y="1596706"/>
            <a:ext cx="3997325" cy="4785043"/>
          </a:xfrm>
          <a:prstGeom prst="rect">
            <a:avLst/>
          </a:prstGeom>
          <a:noFill/>
        </p:spPr>
        <p:txBody>
          <a:bodyPr/>
          <a:lstStyle>
            <a:lvl1pPr>
              <a:defRPr>
                <a:solidFill>
                  <a:schemeClr val="bg1"/>
                </a:solidFill>
              </a:defRPr>
            </a:lvl1pPr>
          </a:lstStyle>
          <a:p>
            <a:r>
              <a:rPr lang="en-US" dirty="0"/>
              <a:t>Click icon to add picture</a:t>
            </a:r>
          </a:p>
        </p:txBody>
      </p:sp>
      <p:sp>
        <p:nvSpPr>
          <p:cNvPr id="7" name="Text Placeholder 10">
            <a:extLst>
              <a:ext uri="{FF2B5EF4-FFF2-40B4-BE49-F238E27FC236}">
                <a16:creationId xmlns:a16="http://schemas.microsoft.com/office/drawing/2014/main" id="{10616811-862F-4B2B-8023-56408E854F51}"/>
              </a:ext>
            </a:extLst>
          </p:cNvPr>
          <p:cNvSpPr>
            <a:spLocks noGrp="1"/>
          </p:cNvSpPr>
          <p:nvPr>
            <p:ph type="body" sz="quarter" idx="46" hasCustomPrompt="1"/>
          </p:nvPr>
        </p:nvSpPr>
        <p:spPr>
          <a:xfrm>
            <a:off x="512762" y="435258"/>
            <a:ext cx="1946276" cy="1590928"/>
          </a:xfrm>
          <a:prstGeom prst="rect">
            <a:avLst/>
          </a:prstGeom>
        </p:spPr>
        <p:txBody>
          <a:bodyPr anchor="t"/>
          <a:lstStyle>
            <a:lvl1pPr marL="7701" algn="l" defTabSz="554492" rtl="0" eaLnBrk="1" latinLnBrk="0" hangingPunct="1">
              <a:lnSpc>
                <a:spcPct val="90000"/>
              </a:lnSpc>
              <a:spcBef>
                <a:spcPts val="0"/>
              </a:spcBef>
              <a:spcAft>
                <a:spcPts val="0"/>
              </a:spcAft>
              <a:defRPr lang="en-US" sz="1700" b="0" i="0" kern="0" dirty="0">
                <a:solidFill>
                  <a:srgbClr val="CAD1D2"/>
                </a:solidFill>
                <a:latin typeface="Calibre-Semibold"/>
                <a:ea typeface="+mj-ea"/>
                <a:cs typeface="Calibre-Semibold"/>
              </a:defRPr>
            </a:lvl1pPr>
            <a:lvl2pPr>
              <a:lnSpc>
                <a:spcPct val="90000"/>
              </a:lnSpc>
              <a:spcAft>
                <a:spcPts val="0"/>
              </a:spcAft>
              <a:defRPr sz="1700">
                <a:solidFill>
                  <a:srgbClr val="CAD0D2"/>
                </a:solidFill>
                <a:latin typeface="+mn-lt"/>
              </a:defRPr>
            </a:lvl2pPr>
          </a:lstStyle>
          <a:p>
            <a:pPr lvl="0"/>
            <a:r>
              <a:rPr lang="en-US" dirty="0"/>
              <a:t>Name</a:t>
            </a:r>
          </a:p>
          <a:p>
            <a:pPr lvl="1"/>
            <a:r>
              <a:rPr lang="en-US" dirty="0"/>
              <a:t>Title</a:t>
            </a:r>
          </a:p>
        </p:txBody>
      </p:sp>
      <p:cxnSp>
        <p:nvCxnSpPr>
          <p:cNvPr id="9" name="Straight Connector 8">
            <a:extLst>
              <a:ext uri="{FF2B5EF4-FFF2-40B4-BE49-F238E27FC236}">
                <a16:creationId xmlns:a16="http://schemas.microsoft.com/office/drawing/2014/main" id="{E1DD74FA-C762-48A2-89CD-3EF7EAB9017C}"/>
              </a:ext>
            </a:extLst>
          </p:cNvPr>
          <p:cNvCxnSpPr>
            <a:cxnSpLocks/>
          </p:cNvCxnSpPr>
          <p:nvPr userDrawn="1"/>
        </p:nvCxnSpPr>
        <p:spPr>
          <a:xfrm flipH="1">
            <a:off x="3584575" y="606041"/>
            <a:ext cx="3997325"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11" name="Title 16">
            <a:extLst>
              <a:ext uri="{FF2B5EF4-FFF2-40B4-BE49-F238E27FC236}">
                <a16:creationId xmlns:a16="http://schemas.microsoft.com/office/drawing/2014/main" id="{3FFE17E8-D69A-4AEE-8B9D-1B946AA990F9}"/>
              </a:ext>
            </a:extLst>
          </p:cNvPr>
          <p:cNvSpPr>
            <a:spLocks noGrp="1"/>
          </p:cNvSpPr>
          <p:nvPr>
            <p:ph type="title" hasCustomPrompt="1"/>
          </p:nvPr>
        </p:nvSpPr>
        <p:spPr>
          <a:xfrm>
            <a:off x="8194674" y="338012"/>
            <a:ext cx="3484564" cy="5076711"/>
          </a:xfrm>
        </p:spPr>
        <p:txBody>
          <a:bodyPr tIns="0"/>
          <a:lstStyle>
            <a:lvl1pPr marL="268288" indent="-268288">
              <a:lnSpc>
                <a:spcPct val="88000"/>
              </a:lnSpc>
              <a:defRPr sz="6600">
                <a:solidFill>
                  <a:srgbClr val="CAD1D2"/>
                </a:solidFill>
              </a:defRPr>
            </a:lvl1pPr>
          </a:lstStyle>
          <a:p>
            <a:r>
              <a:rPr lang="en-US" dirty="0"/>
              <a:t>“Click to edit Master title style</a:t>
            </a:r>
          </a:p>
        </p:txBody>
      </p:sp>
      <p:sp>
        <p:nvSpPr>
          <p:cNvPr id="8" name="TextBox 7">
            <a:extLst>
              <a:ext uri="{FF2B5EF4-FFF2-40B4-BE49-F238E27FC236}">
                <a16:creationId xmlns:a16="http://schemas.microsoft.com/office/drawing/2014/main" id="{248A47BC-4AFE-4833-ACB5-0154C03F0E07}"/>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13" name="TextBox 12">
            <a:extLst>
              <a:ext uri="{FF2B5EF4-FFF2-40B4-BE49-F238E27FC236}">
                <a16:creationId xmlns:a16="http://schemas.microsoft.com/office/drawing/2014/main" id="{79F49699-A770-49B7-92AD-617393C26B91}"/>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Tree>
    <p:extLst>
      <p:ext uri="{BB962C8B-B14F-4D97-AF65-F5344CB8AC3E}">
        <p14:creationId xmlns:p14="http://schemas.microsoft.com/office/powerpoint/2010/main" val="3392751871"/>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p:cSld name="Image Quote 3">
    <p:spTree>
      <p:nvGrpSpPr>
        <p:cNvPr id="1" name=""/>
        <p:cNvGrpSpPr/>
        <p:nvPr/>
      </p:nvGrpSpPr>
      <p:grpSpPr>
        <a:xfrm>
          <a:off x="0" y="0"/>
          <a:ext cx="0" cy="0"/>
          <a:chOff x="0" y="0"/>
          <a:chExt cx="0" cy="0"/>
        </a:xfrm>
      </p:grpSpPr>
      <p:sp>
        <p:nvSpPr>
          <p:cNvPr id="19" name="Picture Placeholder 17">
            <a:extLst>
              <a:ext uri="{FF2B5EF4-FFF2-40B4-BE49-F238E27FC236}">
                <a16:creationId xmlns:a16="http://schemas.microsoft.com/office/drawing/2014/main" id="{0AE1B65D-6907-E54F-BB4B-C41AFAAE8186}"/>
              </a:ext>
            </a:extLst>
          </p:cNvPr>
          <p:cNvSpPr>
            <a:spLocks noGrp="1"/>
          </p:cNvSpPr>
          <p:nvPr>
            <p:ph type="pic" sz="quarter" idx="12"/>
          </p:nvPr>
        </p:nvSpPr>
        <p:spPr>
          <a:xfrm>
            <a:off x="3584575" y="3478212"/>
            <a:ext cx="8094662" cy="2925763"/>
          </a:xfrm>
          <a:prstGeom prst="rect">
            <a:avLst/>
          </a:prstGeom>
          <a:noFill/>
        </p:spPr>
        <p:txBody>
          <a:bodyPr/>
          <a:lstStyle>
            <a:lvl1pPr>
              <a:defRPr>
                <a:solidFill>
                  <a:schemeClr val="bg1"/>
                </a:solidFill>
              </a:defRPr>
            </a:lvl1pPr>
          </a:lstStyle>
          <a:p>
            <a:r>
              <a:rPr lang="en-US" dirty="0"/>
              <a:t>Click icon to add picture</a:t>
            </a:r>
          </a:p>
        </p:txBody>
      </p:sp>
      <p:sp>
        <p:nvSpPr>
          <p:cNvPr id="9" name="Text Placeholder 10">
            <a:extLst>
              <a:ext uri="{FF2B5EF4-FFF2-40B4-BE49-F238E27FC236}">
                <a16:creationId xmlns:a16="http://schemas.microsoft.com/office/drawing/2014/main" id="{276E0B12-C8A6-47ED-AC2C-173E6E8D0380}"/>
              </a:ext>
            </a:extLst>
          </p:cNvPr>
          <p:cNvSpPr>
            <a:spLocks noGrp="1"/>
          </p:cNvSpPr>
          <p:nvPr>
            <p:ph type="body" sz="quarter" idx="46" hasCustomPrompt="1"/>
          </p:nvPr>
        </p:nvSpPr>
        <p:spPr>
          <a:xfrm>
            <a:off x="511175" y="1596707"/>
            <a:ext cx="1936443" cy="528956"/>
          </a:xfrm>
          <a:prstGeom prst="rect">
            <a:avLst/>
          </a:prstGeom>
        </p:spPr>
        <p:txBody>
          <a:bodyPr anchor="t"/>
          <a:lstStyle>
            <a:lvl1pPr marL="7701" algn="l" defTabSz="554492" rtl="0" eaLnBrk="1" latinLnBrk="0" hangingPunct="1">
              <a:lnSpc>
                <a:spcPct val="90000"/>
              </a:lnSpc>
              <a:spcBef>
                <a:spcPts val="0"/>
              </a:spcBef>
              <a:spcAft>
                <a:spcPts val="0"/>
              </a:spcAft>
              <a:defRPr lang="en-US" sz="1600" b="0" i="0" kern="0" dirty="0">
                <a:solidFill>
                  <a:srgbClr val="CAD1D2"/>
                </a:solidFill>
                <a:latin typeface="Calibre-Semibold"/>
                <a:ea typeface="+mj-ea"/>
                <a:cs typeface="Calibre-Semibold"/>
              </a:defRPr>
            </a:lvl1pPr>
            <a:lvl2pPr>
              <a:lnSpc>
                <a:spcPct val="90000"/>
              </a:lnSpc>
              <a:spcAft>
                <a:spcPts val="0"/>
              </a:spcAft>
              <a:defRPr sz="1600">
                <a:solidFill>
                  <a:srgbClr val="CAD0D2"/>
                </a:solidFill>
                <a:latin typeface="+mn-lt"/>
              </a:defRPr>
            </a:lvl2pPr>
          </a:lstStyle>
          <a:p>
            <a:pPr lvl="0"/>
            <a:r>
              <a:rPr lang="en-US" dirty="0"/>
              <a:t>Name</a:t>
            </a:r>
          </a:p>
          <a:p>
            <a:pPr lvl="1"/>
            <a:r>
              <a:rPr lang="en-US" dirty="0"/>
              <a:t>Title</a:t>
            </a:r>
          </a:p>
        </p:txBody>
      </p:sp>
      <p:sp>
        <p:nvSpPr>
          <p:cNvPr id="7" name="Title 6">
            <a:extLst>
              <a:ext uri="{FF2B5EF4-FFF2-40B4-BE49-F238E27FC236}">
                <a16:creationId xmlns:a16="http://schemas.microsoft.com/office/drawing/2014/main" id="{7A709320-8D2C-4D88-9E95-6858D92266C0}"/>
              </a:ext>
            </a:extLst>
          </p:cNvPr>
          <p:cNvSpPr>
            <a:spLocks noGrp="1"/>
          </p:cNvSpPr>
          <p:nvPr>
            <p:ph type="title"/>
          </p:nvPr>
        </p:nvSpPr>
        <p:spPr>
          <a:xfrm>
            <a:off x="3584574" y="352425"/>
            <a:ext cx="8094661" cy="3024188"/>
          </a:xfrm>
        </p:spPr>
        <p:txBody>
          <a:bodyPr/>
          <a:lstStyle>
            <a:lvl1pPr>
              <a:defRPr sz="4800">
                <a:solidFill>
                  <a:srgbClr val="CAD1D2"/>
                </a:solidFill>
              </a:defRPr>
            </a:lvl1pPr>
          </a:lstStyle>
          <a:p>
            <a:r>
              <a:rPr lang="en-US"/>
              <a:t>Click to edit Master title style</a:t>
            </a:r>
            <a:endParaRPr lang="en-US" dirty="0"/>
          </a:p>
        </p:txBody>
      </p:sp>
      <p:sp>
        <p:nvSpPr>
          <p:cNvPr id="8" name="TextBox 7">
            <a:extLst>
              <a:ext uri="{FF2B5EF4-FFF2-40B4-BE49-F238E27FC236}">
                <a16:creationId xmlns:a16="http://schemas.microsoft.com/office/drawing/2014/main" id="{0A99D6D6-2157-4BE4-A5C3-158FE0F3F650}"/>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10" name="TextBox 9">
            <a:extLst>
              <a:ext uri="{FF2B5EF4-FFF2-40B4-BE49-F238E27FC236}">
                <a16:creationId xmlns:a16="http://schemas.microsoft.com/office/drawing/2014/main" id="{84D951DE-5457-4F9D-993C-32430D8FDF76}"/>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Tree>
    <p:extLst>
      <p:ext uri="{BB962C8B-B14F-4D97-AF65-F5344CB8AC3E}">
        <p14:creationId xmlns:p14="http://schemas.microsoft.com/office/powerpoint/2010/main" val="2999633030"/>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p:cSld name="Text No. 1">
    <p:spTree>
      <p:nvGrpSpPr>
        <p:cNvPr id="1" name=""/>
        <p:cNvGrpSpPr/>
        <p:nvPr/>
      </p:nvGrpSpPr>
      <p:grpSpPr>
        <a:xfrm>
          <a:off x="0" y="0"/>
          <a:ext cx="0" cy="0"/>
          <a:chOff x="0" y="0"/>
          <a:chExt cx="0" cy="0"/>
        </a:xfrm>
      </p:grpSpPr>
      <p:sp>
        <p:nvSpPr>
          <p:cNvPr id="20" name="Text Placeholder 14">
            <a:extLst>
              <a:ext uri="{FF2B5EF4-FFF2-40B4-BE49-F238E27FC236}">
                <a16:creationId xmlns:a16="http://schemas.microsoft.com/office/drawing/2014/main" id="{8546D87C-2B93-704D-87D6-29E80BEE7F1A}"/>
              </a:ext>
            </a:extLst>
          </p:cNvPr>
          <p:cNvSpPr>
            <a:spLocks noGrp="1"/>
          </p:cNvSpPr>
          <p:nvPr>
            <p:ph type="body" sz="quarter" idx="30" hasCustomPrompt="1"/>
          </p:nvPr>
        </p:nvSpPr>
        <p:spPr>
          <a:xfrm>
            <a:off x="1536704" y="4969531"/>
            <a:ext cx="10142534" cy="650816"/>
          </a:xfrm>
          <a:prstGeom prst="rect">
            <a:avLst/>
          </a:prstGeom>
        </p:spPr>
        <p:txBody>
          <a:bodyPr/>
          <a:lstStyle>
            <a:lvl1pPr algn="l">
              <a:lnSpc>
                <a:spcPts val="2971"/>
              </a:lnSpc>
              <a:defRPr lang="en-US" sz="12000" kern="1200" spc="42" baseline="0" dirty="0">
                <a:solidFill>
                  <a:srgbClr val="CAD1D2"/>
                </a:solidFill>
                <a:latin typeface="Calibre-Light"/>
                <a:ea typeface="+mn-ea"/>
                <a:cs typeface="Calibre-Light"/>
              </a:defRPr>
            </a:lvl1pPr>
          </a:lstStyle>
          <a:p>
            <a:pPr lvl="0"/>
            <a:r>
              <a:rPr lang="en-US" dirty="0"/>
              <a:t>£1,004,0000p/m</a:t>
            </a:r>
          </a:p>
        </p:txBody>
      </p:sp>
      <p:cxnSp>
        <p:nvCxnSpPr>
          <p:cNvPr id="17" name="Straight Connector 16">
            <a:extLst>
              <a:ext uri="{FF2B5EF4-FFF2-40B4-BE49-F238E27FC236}">
                <a16:creationId xmlns:a16="http://schemas.microsoft.com/office/drawing/2014/main" id="{B158D830-F1AA-43AE-93A1-33D9E775437C}"/>
              </a:ext>
            </a:extLst>
          </p:cNvPr>
          <p:cNvCxnSpPr>
            <a:cxnSpLocks/>
          </p:cNvCxnSpPr>
          <p:nvPr userDrawn="1"/>
        </p:nvCxnSpPr>
        <p:spPr>
          <a:xfrm>
            <a:off x="922338" y="1712686"/>
            <a:ext cx="0" cy="3538766"/>
          </a:xfrm>
          <a:prstGeom prst="line">
            <a:avLst/>
          </a:prstGeom>
          <a:ln w="50800">
            <a:solidFill>
              <a:srgbClr val="17E891"/>
            </a:solidFill>
          </a:ln>
        </p:spPr>
        <p:style>
          <a:lnRef idx="1">
            <a:schemeClr val="accent1"/>
          </a:lnRef>
          <a:fillRef idx="0">
            <a:schemeClr val="accent1"/>
          </a:fillRef>
          <a:effectRef idx="0">
            <a:schemeClr val="accent1"/>
          </a:effectRef>
          <a:fontRef idx="minor">
            <a:schemeClr val="tx1"/>
          </a:fontRef>
        </p:style>
      </p:cxnSp>
      <p:sp>
        <p:nvSpPr>
          <p:cNvPr id="18" name="Text Placeholder 17">
            <a:extLst>
              <a:ext uri="{FF2B5EF4-FFF2-40B4-BE49-F238E27FC236}">
                <a16:creationId xmlns:a16="http://schemas.microsoft.com/office/drawing/2014/main" id="{D97178FD-4744-484F-9480-31F8AEE60AFF}"/>
              </a:ext>
            </a:extLst>
          </p:cNvPr>
          <p:cNvSpPr>
            <a:spLocks noGrp="1"/>
          </p:cNvSpPr>
          <p:nvPr>
            <p:ph type="body" sz="quarter" idx="34"/>
          </p:nvPr>
        </p:nvSpPr>
        <p:spPr>
          <a:xfrm>
            <a:off x="1536700" y="1601788"/>
            <a:ext cx="4508500" cy="1149350"/>
          </a:xfrm>
        </p:spPr>
        <p:txBody>
          <a:bodyPr/>
          <a:lstStyle>
            <a:lvl1pPr>
              <a:defRPr>
                <a:solidFill>
                  <a:srgbClr val="CAD1D2"/>
                </a:solidFill>
              </a:defRPr>
            </a:lvl1pPr>
            <a:lvl2pPr>
              <a:defRPr>
                <a:solidFill>
                  <a:srgbClr val="CAD1D2"/>
                </a:solidFill>
              </a:defRPr>
            </a:lvl2pPr>
            <a:lvl3pPr>
              <a:defRPr>
                <a:solidFill>
                  <a:srgbClr val="CAD1D2"/>
                </a:solidFill>
              </a:defRPr>
            </a:lvl3pPr>
            <a:lvl4pPr>
              <a:buClr>
                <a:schemeClr val="bg1"/>
              </a:buClr>
              <a:defRPr>
                <a:solidFill>
                  <a:srgbClr val="CAD1D2"/>
                </a:solidFill>
              </a:defRPr>
            </a:lvl4pPr>
            <a:lvl5pPr>
              <a:defRPr>
                <a:solidFill>
                  <a:srgbClr val="CAD1D2"/>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9" name="TextBox 8">
            <a:extLst>
              <a:ext uri="{FF2B5EF4-FFF2-40B4-BE49-F238E27FC236}">
                <a16:creationId xmlns:a16="http://schemas.microsoft.com/office/drawing/2014/main" id="{A912BE8A-B929-433E-BD03-CC8DBBEDE67B}"/>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10" name="TextBox 9">
            <a:extLst>
              <a:ext uri="{FF2B5EF4-FFF2-40B4-BE49-F238E27FC236}">
                <a16:creationId xmlns:a16="http://schemas.microsoft.com/office/drawing/2014/main" id="{8043A06C-F7F1-4C24-B615-6BA883809D88}"/>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Tree>
    <p:extLst>
      <p:ext uri="{BB962C8B-B14F-4D97-AF65-F5344CB8AC3E}">
        <p14:creationId xmlns:p14="http://schemas.microsoft.com/office/powerpoint/2010/main" val="362573161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1_Text No. 1">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A912BE8A-B929-433E-BD03-CC8DBBEDE67B}"/>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10" name="TextBox 9">
            <a:extLst>
              <a:ext uri="{FF2B5EF4-FFF2-40B4-BE49-F238E27FC236}">
                <a16:creationId xmlns:a16="http://schemas.microsoft.com/office/drawing/2014/main" id="{8043A06C-F7F1-4C24-B615-6BA883809D88}"/>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Tree>
    <p:extLst>
      <p:ext uri="{BB962C8B-B14F-4D97-AF65-F5344CB8AC3E}">
        <p14:creationId xmlns:p14="http://schemas.microsoft.com/office/powerpoint/2010/main" val="3432536469"/>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p:cSld name="Text No. 2">
    <p:spTree>
      <p:nvGrpSpPr>
        <p:cNvPr id="1" name=""/>
        <p:cNvGrpSpPr/>
        <p:nvPr/>
      </p:nvGrpSpPr>
      <p:grpSpPr>
        <a:xfrm>
          <a:off x="0" y="0"/>
          <a:ext cx="0" cy="0"/>
          <a:chOff x="0" y="0"/>
          <a:chExt cx="0" cy="0"/>
        </a:xfrm>
      </p:grpSpPr>
      <p:cxnSp>
        <p:nvCxnSpPr>
          <p:cNvPr id="17" name="Straight Connector 16">
            <a:extLst>
              <a:ext uri="{FF2B5EF4-FFF2-40B4-BE49-F238E27FC236}">
                <a16:creationId xmlns:a16="http://schemas.microsoft.com/office/drawing/2014/main" id="{B158D830-F1AA-43AE-93A1-33D9E775437C}"/>
              </a:ext>
            </a:extLst>
          </p:cNvPr>
          <p:cNvCxnSpPr>
            <a:cxnSpLocks/>
          </p:cNvCxnSpPr>
          <p:nvPr/>
        </p:nvCxnSpPr>
        <p:spPr>
          <a:xfrm flipV="1">
            <a:off x="1023938" y="3093899"/>
            <a:ext cx="10142539" cy="1"/>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12" name="Text Placeholder 14">
            <a:extLst>
              <a:ext uri="{FF2B5EF4-FFF2-40B4-BE49-F238E27FC236}">
                <a16:creationId xmlns:a16="http://schemas.microsoft.com/office/drawing/2014/main" id="{C172DE9B-13AA-4E87-8426-7B7B0BD7AA01}"/>
              </a:ext>
            </a:extLst>
          </p:cNvPr>
          <p:cNvSpPr>
            <a:spLocks noGrp="1"/>
          </p:cNvSpPr>
          <p:nvPr>
            <p:ph type="body" sz="quarter" idx="30" hasCustomPrompt="1"/>
          </p:nvPr>
        </p:nvSpPr>
        <p:spPr>
          <a:xfrm>
            <a:off x="1023938" y="3873428"/>
            <a:ext cx="10210089" cy="1199953"/>
          </a:xfrm>
          <a:prstGeom prst="rect">
            <a:avLst/>
          </a:prstGeom>
        </p:spPr>
        <p:txBody>
          <a:bodyPr anchor="ctr"/>
          <a:lstStyle>
            <a:lvl1pPr algn="r">
              <a:lnSpc>
                <a:spcPct val="100000"/>
              </a:lnSpc>
              <a:spcAft>
                <a:spcPts val="0"/>
              </a:spcAft>
              <a:defRPr lang="en-US" sz="28000" kern="1200" spc="-154" dirty="0">
                <a:solidFill>
                  <a:srgbClr val="CCCDCB"/>
                </a:solidFill>
                <a:latin typeface="Calibre-Light"/>
                <a:ea typeface="+mn-ea"/>
                <a:cs typeface="Calibre-Light"/>
              </a:defRPr>
            </a:lvl1pPr>
          </a:lstStyle>
          <a:p>
            <a:pPr lvl="0"/>
            <a:r>
              <a:rPr lang="en-US" dirty="0"/>
              <a:t>45K</a:t>
            </a:r>
          </a:p>
        </p:txBody>
      </p:sp>
      <p:cxnSp>
        <p:nvCxnSpPr>
          <p:cNvPr id="13" name="Straight Connector 12">
            <a:extLst>
              <a:ext uri="{FF2B5EF4-FFF2-40B4-BE49-F238E27FC236}">
                <a16:creationId xmlns:a16="http://schemas.microsoft.com/office/drawing/2014/main" id="{A9F57267-6257-4906-B429-8DBD08BB396D}"/>
              </a:ext>
            </a:extLst>
          </p:cNvPr>
          <p:cNvCxnSpPr>
            <a:cxnSpLocks/>
          </p:cNvCxnSpPr>
          <p:nvPr userDrawn="1"/>
        </p:nvCxnSpPr>
        <p:spPr>
          <a:xfrm flipV="1">
            <a:off x="1023938" y="3084373"/>
            <a:ext cx="10142539" cy="1"/>
          </a:xfrm>
          <a:prstGeom prst="line">
            <a:avLst/>
          </a:prstGeom>
          <a:ln w="50800">
            <a:solidFill>
              <a:srgbClr val="17E891"/>
            </a:solidFill>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8446F7BD-D621-4658-8FD4-E7F7670762AE}"/>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10" name="TextBox 9">
            <a:extLst>
              <a:ext uri="{FF2B5EF4-FFF2-40B4-BE49-F238E27FC236}">
                <a16:creationId xmlns:a16="http://schemas.microsoft.com/office/drawing/2014/main" id="{FEDB3B94-AC59-415F-B266-7727818737D8}"/>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18" name="Text Placeholder 17">
            <a:extLst>
              <a:ext uri="{FF2B5EF4-FFF2-40B4-BE49-F238E27FC236}">
                <a16:creationId xmlns:a16="http://schemas.microsoft.com/office/drawing/2014/main" id="{D97178FD-4744-484F-9480-31F8AEE60AFF}"/>
              </a:ext>
            </a:extLst>
          </p:cNvPr>
          <p:cNvSpPr>
            <a:spLocks noGrp="1"/>
          </p:cNvSpPr>
          <p:nvPr>
            <p:ph type="body" sz="quarter" idx="34"/>
          </p:nvPr>
        </p:nvSpPr>
        <p:spPr>
          <a:xfrm>
            <a:off x="1023938" y="1598512"/>
            <a:ext cx="3484562" cy="1149350"/>
          </a:xfrm>
        </p:spPr>
        <p:txBody>
          <a:bodyPr/>
          <a:lstStyle>
            <a:lvl1pPr>
              <a:defRPr>
                <a:solidFill>
                  <a:srgbClr val="CAD1D2"/>
                </a:solidFill>
              </a:defRPr>
            </a:lvl1pPr>
            <a:lvl2pPr>
              <a:defRPr>
                <a:solidFill>
                  <a:srgbClr val="CAD1D2"/>
                </a:solidFill>
              </a:defRPr>
            </a:lvl2pPr>
            <a:lvl3pPr>
              <a:defRPr>
                <a:solidFill>
                  <a:srgbClr val="CAD1D2"/>
                </a:solidFill>
              </a:defRPr>
            </a:lvl3pPr>
            <a:lvl4pPr>
              <a:buClr>
                <a:schemeClr val="bg1"/>
              </a:buClr>
              <a:defRPr>
                <a:solidFill>
                  <a:srgbClr val="CAD1D2"/>
                </a:solidFill>
              </a:defRPr>
            </a:lvl4pPr>
            <a:lvl5pPr>
              <a:defRPr>
                <a:solidFill>
                  <a:srgbClr val="CAD1D2"/>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55761015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ext Cover 4">
    <p:spTree>
      <p:nvGrpSpPr>
        <p:cNvPr id="1" name=""/>
        <p:cNvGrpSpPr/>
        <p:nvPr/>
      </p:nvGrpSpPr>
      <p:grpSpPr>
        <a:xfrm>
          <a:off x="0" y="0"/>
          <a:ext cx="0" cy="0"/>
          <a:chOff x="0" y="0"/>
          <a:chExt cx="0" cy="0"/>
        </a:xfrm>
      </p:grpSpPr>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5" y="1554448"/>
            <a:ext cx="1328469"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1" kern="1200" spc="-3" dirty="0" err="1" smtClean="0">
                <a:solidFill>
                  <a:schemeClr val="accent6"/>
                </a:solidFill>
                <a:latin typeface="Space Mono" panose="02000509040000020004" pitchFamily="49" charset="0"/>
                <a:ea typeface="+mn-ea"/>
                <a:cs typeface="Space Mono" panose="02000509040000020004" pitchFamily="49" charset="0"/>
              </a:defRPr>
            </a:lvl1pPr>
          </a:lstStyle>
          <a:p>
            <a:r>
              <a:rPr lang="en-US" dirty="0"/>
              <a:t>DAT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3584575" y="1524787"/>
            <a:ext cx="7543378" cy="3024184"/>
          </a:xfrm>
        </p:spPr>
        <p:txBody>
          <a:bodyPr/>
          <a:lstStyle>
            <a:lvl1pPr>
              <a:lnSpc>
                <a:spcPct val="80000"/>
              </a:lnSpc>
              <a:defRPr sz="9600">
                <a:solidFill>
                  <a:schemeClr val="accent6"/>
                </a:solidFill>
              </a:defRPr>
            </a:lvl1pPr>
          </a:lstStyle>
          <a:p>
            <a:r>
              <a:rPr lang="en-US"/>
              <a:t>Click to edit Master title style</a:t>
            </a:r>
            <a:endParaRPr lang="en-US" dirty="0"/>
          </a:p>
        </p:txBody>
      </p:sp>
      <p:cxnSp>
        <p:nvCxnSpPr>
          <p:cNvPr id="25" name="Straight Connector 24">
            <a:extLst>
              <a:ext uri="{FF2B5EF4-FFF2-40B4-BE49-F238E27FC236}">
                <a16:creationId xmlns:a16="http://schemas.microsoft.com/office/drawing/2014/main" id="{887340F4-9434-47C2-9CB2-6C0ACFBEFAB5}"/>
              </a:ext>
            </a:extLst>
          </p:cNvPr>
          <p:cNvCxnSpPr>
            <a:cxnSpLocks/>
          </p:cNvCxnSpPr>
          <p:nvPr userDrawn="1"/>
        </p:nvCxnSpPr>
        <p:spPr>
          <a:xfrm>
            <a:off x="3584575" y="571774"/>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2" name="Rectangle 21">
            <a:extLst>
              <a:ext uri="{FF2B5EF4-FFF2-40B4-BE49-F238E27FC236}">
                <a16:creationId xmlns:a16="http://schemas.microsoft.com/office/drawing/2014/main" id="{51402F92-C298-4C9D-B165-225CA6300EEC}"/>
              </a:ext>
            </a:extLst>
          </p:cNvPr>
          <p:cNvSpPr/>
          <p:nvPr/>
        </p:nvSpPr>
        <p:spPr>
          <a:xfrm>
            <a:off x="0" y="0"/>
            <a:ext cx="3584575" cy="109165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CBRE Vector Logo">
            <a:extLst>
              <a:ext uri="{FF2B5EF4-FFF2-40B4-BE49-F238E27FC236}">
                <a16:creationId xmlns:a16="http://schemas.microsoft.com/office/drawing/2014/main" id="{BBFCCC10-059A-481E-B4A5-FE05AAFBEF9A}"/>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68999678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25"/>
                                        </p:tgtEl>
                                        <p:attrNameLst>
                                          <p:attrName>style.visibility</p:attrName>
                                        </p:attrNameLst>
                                      </p:cBhvr>
                                      <p:to>
                                        <p:strVal val="visible"/>
                                      </p:to>
                                    </p:set>
                                    <p:anim calcmode="lin" valueType="num">
                                      <p:cBhvr additive="base">
                                        <p:cTn id="7" dur="2250" fill="hold"/>
                                        <p:tgtEl>
                                          <p:spTgt spid="25"/>
                                        </p:tgtEl>
                                        <p:attrNameLst>
                                          <p:attrName>ppt_x</p:attrName>
                                        </p:attrNameLst>
                                      </p:cBhvr>
                                      <p:tavLst>
                                        <p:tav tm="0">
                                          <p:val>
                                            <p:strVal val="0-#ppt_w/2"/>
                                          </p:val>
                                        </p:tav>
                                        <p:tav tm="100000">
                                          <p:val>
                                            <p:strVal val="#ppt_x"/>
                                          </p:val>
                                        </p:tav>
                                      </p:tavLst>
                                    </p:anim>
                                    <p:anim calcmode="lin" valueType="num">
                                      <p:cBhvr additive="base">
                                        <p:cTn id="8" dur="2250" fill="hold"/>
                                        <p:tgtEl>
                                          <p:spTgt spid="25"/>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Full Page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42EDB4F2-7D75-4BAC-93D5-85009027436B}"/>
              </a:ext>
            </a:extLst>
          </p:cNvPr>
          <p:cNvSpPr>
            <a:spLocks noGrp="1"/>
          </p:cNvSpPr>
          <p:nvPr>
            <p:ph type="pic" sz="quarter" idx="10"/>
          </p:nvPr>
        </p:nvSpPr>
        <p:spPr>
          <a:xfrm>
            <a:off x="-7412" y="0"/>
            <a:ext cx="12199412" cy="6858000"/>
          </a:xfrm>
          <a:solidFill>
            <a:schemeClr val="accent6"/>
          </a:solidFill>
        </p:spPr>
        <p:txBody>
          <a:bodyPr/>
          <a:lstStyle/>
          <a:p>
            <a:r>
              <a:rPr lang="en-US" dirty="0"/>
              <a:t>Click icon to add picture</a:t>
            </a:r>
          </a:p>
        </p:txBody>
      </p:sp>
      <p:sp>
        <p:nvSpPr>
          <p:cNvPr id="6" name="TextBox 5">
            <a:extLst>
              <a:ext uri="{FF2B5EF4-FFF2-40B4-BE49-F238E27FC236}">
                <a16:creationId xmlns:a16="http://schemas.microsoft.com/office/drawing/2014/main" id="{EF6DEBCB-FF96-4C09-8941-8A58FB267920}"/>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7" name="TextBox 6">
            <a:extLst>
              <a:ext uri="{FF2B5EF4-FFF2-40B4-BE49-F238E27FC236}">
                <a16:creationId xmlns:a16="http://schemas.microsoft.com/office/drawing/2014/main" id="{53C6E8C5-BE2F-4571-ADEA-9668A775F670}"/>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Tree>
    <p:extLst>
      <p:ext uri="{BB962C8B-B14F-4D97-AF65-F5344CB8AC3E}">
        <p14:creationId xmlns:p14="http://schemas.microsoft.com/office/powerpoint/2010/main" val="2678110733"/>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Photo Layout 1">
    <p:spTree>
      <p:nvGrpSpPr>
        <p:cNvPr id="1" name=""/>
        <p:cNvGrpSpPr/>
        <p:nvPr/>
      </p:nvGrpSpPr>
      <p:grpSpPr>
        <a:xfrm>
          <a:off x="0" y="0"/>
          <a:ext cx="0" cy="0"/>
          <a:chOff x="0" y="0"/>
          <a:chExt cx="0" cy="0"/>
        </a:xfrm>
      </p:grpSpPr>
      <p:sp>
        <p:nvSpPr>
          <p:cNvPr id="4" name="Picture Placeholder 1">
            <a:extLst>
              <a:ext uri="{FF2B5EF4-FFF2-40B4-BE49-F238E27FC236}">
                <a16:creationId xmlns:a16="http://schemas.microsoft.com/office/drawing/2014/main" id="{A8CF4032-7337-4CD7-9023-66A295B8BB17}"/>
              </a:ext>
            </a:extLst>
          </p:cNvPr>
          <p:cNvSpPr>
            <a:spLocks noGrp="1"/>
          </p:cNvSpPr>
          <p:nvPr>
            <p:ph type="pic" sz="quarter" idx="10"/>
          </p:nvPr>
        </p:nvSpPr>
        <p:spPr>
          <a:xfrm>
            <a:off x="511175" y="452438"/>
            <a:ext cx="9118600" cy="5953124"/>
          </a:xfrm>
        </p:spPr>
        <p:txBody>
          <a:bodyPr/>
          <a:lstStyle>
            <a:lvl1pPr>
              <a:defRPr/>
            </a:lvl1pPr>
          </a:lstStyle>
          <a:p>
            <a:r>
              <a:rPr lang="en-US" dirty="0"/>
              <a:t>Click icon to add picture</a:t>
            </a:r>
          </a:p>
        </p:txBody>
      </p:sp>
      <p:sp>
        <p:nvSpPr>
          <p:cNvPr id="6" name="Content Placeholder 1">
            <a:extLst>
              <a:ext uri="{FF2B5EF4-FFF2-40B4-BE49-F238E27FC236}">
                <a16:creationId xmlns:a16="http://schemas.microsoft.com/office/drawing/2014/main" id="{FA683CB5-8592-4C6F-8FB2-2BC3BC730742}"/>
              </a:ext>
            </a:extLst>
          </p:cNvPr>
          <p:cNvSpPr>
            <a:spLocks noGrp="1"/>
          </p:cNvSpPr>
          <p:nvPr>
            <p:ph sz="quarter" idx="11" hasCustomPrompt="1"/>
          </p:nvPr>
        </p:nvSpPr>
        <p:spPr>
          <a:xfrm>
            <a:off x="10244138" y="4102100"/>
            <a:ext cx="1435100" cy="2303462"/>
          </a:xfrm>
        </p:spPr>
        <p:txBody>
          <a:bodyPr anchor="b"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Tree>
    <p:extLst>
      <p:ext uri="{BB962C8B-B14F-4D97-AF65-F5344CB8AC3E}">
        <p14:creationId xmlns:p14="http://schemas.microsoft.com/office/powerpoint/2010/main" val="3554597031"/>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Photo Layout 2">
    <p:spTree>
      <p:nvGrpSpPr>
        <p:cNvPr id="1" name=""/>
        <p:cNvGrpSpPr/>
        <p:nvPr/>
      </p:nvGrpSpPr>
      <p:grpSpPr>
        <a:xfrm>
          <a:off x="0" y="0"/>
          <a:ext cx="0" cy="0"/>
          <a:chOff x="0" y="0"/>
          <a:chExt cx="0" cy="0"/>
        </a:xfrm>
      </p:grpSpPr>
      <p:sp>
        <p:nvSpPr>
          <p:cNvPr id="4" name="Picture Placeholder 1">
            <a:extLst>
              <a:ext uri="{FF2B5EF4-FFF2-40B4-BE49-F238E27FC236}">
                <a16:creationId xmlns:a16="http://schemas.microsoft.com/office/drawing/2014/main" id="{A8CF4032-7337-4CD7-9023-66A295B8BB17}"/>
              </a:ext>
            </a:extLst>
          </p:cNvPr>
          <p:cNvSpPr>
            <a:spLocks noGrp="1"/>
          </p:cNvSpPr>
          <p:nvPr>
            <p:ph type="pic" sz="quarter" idx="10"/>
          </p:nvPr>
        </p:nvSpPr>
        <p:spPr>
          <a:xfrm>
            <a:off x="511174" y="2227262"/>
            <a:ext cx="2971801" cy="4176713"/>
          </a:xfrm>
        </p:spPr>
        <p:txBody>
          <a:bodyPr/>
          <a:lstStyle>
            <a:lvl1pPr>
              <a:defRPr/>
            </a:lvl1pPr>
          </a:lstStyle>
          <a:p>
            <a:r>
              <a:rPr lang="en-US" dirty="0"/>
              <a:t>Click icon to add picture</a:t>
            </a:r>
          </a:p>
        </p:txBody>
      </p:sp>
      <p:sp>
        <p:nvSpPr>
          <p:cNvPr id="6" name="Content Placeholder 1">
            <a:extLst>
              <a:ext uri="{FF2B5EF4-FFF2-40B4-BE49-F238E27FC236}">
                <a16:creationId xmlns:a16="http://schemas.microsoft.com/office/drawing/2014/main" id="{FA683CB5-8592-4C6F-8FB2-2BC3BC730742}"/>
              </a:ext>
            </a:extLst>
          </p:cNvPr>
          <p:cNvSpPr>
            <a:spLocks noGrp="1"/>
          </p:cNvSpPr>
          <p:nvPr>
            <p:ph sz="quarter" idx="11" hasCustomPrompt="1"/>
          </p:nvPr>
        </p:nvSpPr>
        <p:spPr>
          <a:xfrm>
            <a:off x="511175" y="352425"/>
            <a:ext cx="1444625" cy="1781175"/>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1A724142-6E8A-400D-9290-420F84CBC41D}"/>
              </a:ext>
            </a:extLst>
          </p:cNvPr>
          <p:cNvSpPr>
            <a:spLocks noGrp="1"/>
          </p:cNvSpPr>
          <p:nvPr>
            <p:ph type="pic" sz="quarter" idx="12"/>
          </p:nvPr>
        </p:nvSpPr>
        <p:spPr>
          <a:xfrm>
            <a:off x="6657975" y="0"/>
            <a:ext cx="5534025" cy="6858000"/>
          </a:xfrm>
        </p:spPr>
        <p:txBody>
          <a:bodyPr/>
          <a:lstStyle/>
          <a:p>
            <a:r>
              <a:rPr lang="en-US" dirty="0"/>
              <a:t>Click icon to add picture</a:t>
            </a:r>
          </a:p>
        </p:txBody>
      </p:sp>
      <p:sp>
        <p:nvSpPr>
          <p:cNvPr id="7" name="Content Placeholder 2">
            <a:extLst>
              <a:ext uri="{FF2B5EF4-FFF2-40B4-BE49-F238E27FC236}">
                <a16:creationId xmlns:a16="http://schemas.microsoft.com/office/drawing/2014/main" id="{609965F0-607A-4013-A22C-5D6A13818A71}"/>
              </a:ext>
            </a:extLst>
          </p:cNvPr>
          <p:cNvSpPr>
            <a:spLocks noGrp="1"/>
          </p:cNvSpPr>
          <p:nvPr>
            <p:ph sz="quarter" idx="13" hasCustomPrompt="1"/>
          </p:nvPr>
        </p:nvSpPr>
        <p:spPr>
          <a:xfrm>
            <a:off x="2047875" y="352425"/>
            <a:ext cx="1435100" cy="1781175"/>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Tree>
    <p:extLst>
      <p:ext uri="{BB962C8B-B14F-4D97-AF65-F5344CB8AC3E}">
        <p14:creationId xmlns:p14="http://schemas.microsoft.com/office/powerpoint/2010/main" val="3769967437"/>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Photo Layout 3">
    <p:spTree>
      <p:nvGrpSpPr>
        <p:cNvPr id="1" name=""/>
        <p:cNvGrpSpPr/>
        <p:nvPr/>
      </p:nvGrpSpPr>
      <p:grpSpPr>
        <a:xfrm>
          <a:off x="0" y="0"/>
          <a:ext cx="0" cy="0"/>
          <a:chOff x="0" y="0"/>
          <a:chExt cx="0" cy="0"/>
        </a:xfrm>
      </p:grpSpPr>
      <p:sp>
        <p:nvSpPr>
          <p:cNvPr id="4" name="Picture Placeholder 1">
            <a:extLst>
              <a:ext uri="{FF2B5EF4-FFF2-40B4-BE49-F238E27FC236}">
                <a16:creationId xmlns:a16="http://schemas.microsoft.com/office/drawing/2014/main" id="{A8CF4032-7337-4CD7-9023-66A295B8BB17}"/>
              </a:ext>
            </a:extLst>
          </p:cNvPr>
          <p:cNvSpPr>
            <a:spLocks noGrp="1"/>
          </p:cNvSpPr>
          <p:nvPr>
            <p:ph type="pic" sz="quarter" idx="10"/>
          </p:nvPr>
        </p:nvSpPr>
        <p:spPr>
          <a:xfrm>
            <a:off x="511174" y="2852738"/>
            <a:ext cx="5534025" cy="3529011"/>
          </a:xfrm>
        </p:spPr>
        <p:txBody>
          <a:bodyPr/>
          <a:lstStyle>
            <a:lvl1pPr>
              <a:defRPr/>
            </a:lvl1pPr>
          </a:lstStyle>
          <a:p>
            <a:r>
              <a:rPr lang="en-US" dirty="0"/>
              <a:t>Click icon to add picture</a:t>
            </a:r>
          </a:p>
        </p:txBody>
      </p:sp>
      <p:sp>
        <p:nvSpPr>
          <p:cNvPr id="6" name="Content Placeholder 1">
            <a:extLst>
              <a:ext uri="{FF2B5EF4-FFF2-40B4-BE49-F238E27FC236}">
                <a16:creationId xmlns:a16="http://schemas.microsoft.com/office/drawing/2014/main" id="{FA683CB5-8592-4C6F-8FB2-2BC3BC730742}"/>
              </a:ext>
            </a:extLst>
          </p:cNvPr>
          <p:cNvSpPr>
            <a:spLocks noGrp="1"/>
          </p:cNvSpPr>
          <p:nvPr>
            <p:ph sz="quarter" idx="11" hasCustomPrompt="1"/>
          </p:nvPr>
        </p:nvSpPr>
        <p:spPr>
          <a:xfrm>
            <a:off x="511175" y="352425"/>
            <a:ext cx="1444625" cy="2398713"/>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1A724142-6E8A-400D-9290-420F84CBC41D}"/>
              </a:ext>
            </a:extLst>
          </p:cNvPr>
          <p:cNvSpPr>
            <a:spLocks noGrp="1"/>
          </p:cNvSpPr>
          <p:nvPr>
            <p:ph type="pic" sz="quarter" idx="12"/>
          </p:nvPr>
        </p:nvSpPr>
        <p:spPr>
          <a:xfrm>
            <a:off x="6146803" y="2852738"/>
            <a:ext cx="5532435" cy="3529012"/>
          </a:xfrm>
        </p:spPr>
        <p:txBody>
          <a:bodyPr/>
          <a:lstStyle/>
          <a:p>
            <a:r>
              <a:rPr lang="en-US" dirty="0"/>
              <a:t>Click icon to add picture</a:t>
            </a:r>
          </a:p>
        </p:txBody>
      </p:sp>
      <p:sp>
        <p:nvSpPr>
          <p:cNvPr id="7" name="Content Placeholder 2">
            <a:extLst>
              <a:ext uri="{FF2B5EF4-FFF2-40B4-BE49-F238E27FC236}">
                <a16:creationId xmlns:a16="http://schemas.microsoft.com/office/drawing/2014/main" id="{609965F0-607A-4013-A22C-5D6A13818A71}"/>
              </a:ext>
            </a:extLst>
          </p:cNvPr>
          <p:cNvSpPr>
            <a:spLocks noGrp="1"/>
          </p:cNvSpPr>
          <p:nvPr>
            <p:ph sz="quarter" idx="13" hasCustomPrompt="1"/>
          </p:nvPr>
        </p:nvSpPr>
        <p:spPr>
          <a:xfrm>
            <a:off x="6146803" y="352425"/>
            <a:ext cx="1435100" cy="2398713"/>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Tree>
    <p:extLst>
      <p:ext uri="{BB962C8B-B14F-4D97-AF65-F5344CB8AC3E}">
        <p14:creationId xmlns:p14="http://schemas.microsoft.com/office/powerpoint/2010/main" val="2867091021"/>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Photo Layout 4">
    <p:spTree>
      <p:nvGrpSpPr>
        <p:cNvPr id="1" name=""/>
        <p:cNvGrpSpPr/>
        <p:nvPr/>
      </p:nvGrpSpPr>
      <p:grpSpPr>
        <a:xfrm>
          <a:off x="0" y="0"/>
          <a:ext cx="0" cy="0"/>
          <a:chOff x="0" y="0"/>
          <a:chExt cx="0" cy="0"/>
        </a:xfrm>
      </p:grpSpPr>
      <p:sp>
        <p:nvSpPr>
          <p:cNvPr id="4" name="Picture Placeholder 1">
            <a:extLst>
              <a:ext uri="{FF2B5EF4-FFF2-40B4-BE49-F238E27FC236}">
                <a16:creationId xmlns:a16="http://schemas.microsoft.com/office/drawing/2014/main" id="{A8CF4032-7337-4CD7-9023-66A295B8BB17}"/>
              </a:ext>
            </a:extLst>
          </p:cNvPr>
          <p:cNvSpPr>
            <a:spLocks noGrp="1"/>
          </p:cNvSpPr>
          <p:nvPr>
            <p:ph type="pic" sz="quarter" idx="10"/>
          </p:nvPr>
        </p:nvSpPr>
        <p:spPr>
          <a:xfrm>
            <a:off x="511173" y="452437"/>
            <a:ext cx="4507992" cy="2929255"/>
          </a:xfrm>
        </p:spPr>
        <p:txBody>
          <a:bodyPr/>
          <a:lstStyle>
            <a:lvl1pPr>
              <a:defRPr/>
            </a:lvl1pPr>
          </a:lstStyle>
          <a:p>
            <a:r>
              <a:rPr lang="en-US" dirty="0"/>
              <a:t>Click icon to add picture</a:t>
            </a:r>
          </a:p>
        </p:txBody>
      </p:sp>
      <p:sp>
        <p:nvSpPr>
          <p:cNvPr id="6" name="Content Placeholder 1">
            <a:extLst>
              <a:ext uri="{FF2B5EF4-FFF2-40B4-BE49-F238E27FC236}">
                <a16:creationId xmlns:a16="http://schemas.microsoft.com/office/drawing/2014/main" id="{FA683CB5-8592-4C6F-8FB2-2BC3BC730742}"/>
              </a:ext>
            </a:extLst>
          </p:cNvPr>
          <p:cNvSpPr>
            <a:spLocks noGrp="1"/>
          </p:cNvSpPr>
          <p:nvPr>
            <p:ph sz="quarter" idx="11" hasCustomPrompt="1"/>
          </p:nvPr>
        </p:nvSpPr>
        <p:spPr>
          <a:xfrm>
            <a:off x="5120660" y="452438"/>
            <a:ext cx="923544" cy="1993392"/>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1A724142-6E8A-400D-9290-420F84CBC41D}"/>
              </a:ext>
            </a:extLst>
          </p:cNvPr>
          <p:cNvSpPr>
            <a:spLocks noGrp="1"/>
          </p:cNvSpPr>
          <p:nvPr>
            <p:ph type="pic" sz="quarter" idx="12"/>
          </p:nvPr>
        </p:nvSpPr>
        <p:spPr>
          <a:xfrm>
            <a:off x="7170738" y="452437"/>
            <a:ext cx="4507992" cy="2929255"/>
          </a:xfrm>
        </p:spPr>
        <p:txBody>
          <a:bodyPr/>
          <a:lstStyle>
            <a:lvl1pPr marL="0" marR="0" indent="0" defTabSz="914400" eaLnBrk="1" fontAlgn="auto" latinLnBrk="0" hangingPunct="1">
              <a:lnSpc>
                <a:spcPct val="100000"/>
              </a:lnSpc>
              <a:spcBef>
                <a:spcPts val="1200"/>
              </a:spcBef>
              <a:spcAft>
                <a:spcPts val="1200"/>
              </a:spcAft>
              <a:buClrTx/>
              <a:buSzTx/>
              <a:buFontTx/>
              <a:buNone/>
              <a:tabLst/>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7" name="Content Placeholder 2">
            <a:extLst>
              <a:ext uri="{FF2B5EF4-FFF2-40B4-BE49-F238E27FC236}">
                <a16:creationId xmlns:a16="http://schemas.microsoft.com/office/drawing/2014/main" id="{609965F0-607A-4013-A22C-5D6A13818A71}"/>
              </a:ext>
            </a:extLst>
          </p:cNvPr>
          <p:cNvSpPr>
            <a:spLocks noGrp="1"/>
          </p:cNvSpPr>
          <p:nvPr>
            <p:ph sz="quarter" idx="13" hasCustomPrompt="1"/>
          </p:nvPr>
        </p:nvSpPr>
        <p:spPr>
          <a:xfrm>
            <a:off x="6145699" y="452438"/>
            <a:ext cx="923544" cy="1993392"/>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5" name="Picture Placeholder 3">
            <a:extLst>
              <a:ext uri="{FF2B5EF4-FFF2-40B4-BE49-F238E27FC236}">
                <a16:creationId xmlns:a16="http://schemas.microsoft.com/office/drawing/2014/main" id="{5E306714-E926-4DD9-BBE5-131B471B1D3C}"/>
              </a:ext>
            </a:extLst>
          </p:cNvPr>
          <p:cNvSpPr>
            <a:spLocks noGrp="1"/>
          </p:cNvSpPr>
          <p:nvPr>
            <p:ph type="pic" sz="quarter" idx="14"/>
          </p:nvPr>
        </p:nvSpPr>
        <p:spPr>
          <a:xfrm>
            <a:off x="511173" y="3474719"/>
            <a:ext cx="4507992" cy="2929255"/>
          </a:xfrm>
        </p:spPr>
        <p:txBody>
          <a:bodyPr/>
          <a:lstStyle>
            <a:lvl1pPr marL="0" marR="0" indent="0" defTabSz="914400" eaLnBrk="1" fontAlgn="auto" latinLnBrk="0" hangingPunct="1">
              <a:lnSpc>
                <a:spcPct val="100000"/>
              </a:lnSpc>
              <a:spcBef>
                <a:spcPts val="1200"/>
              </a:spcBef>
              <a:spcAft>
                <a:spcPts val="1200"/>
              </a:spcAft>
              <a:buClrTx/>
              <a:buSzTx/>
              <a:buFontTx/>
              <a:buNone/>
              <a:tabLst/>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9" name="Content Placeholder 3">
            <a:extLst>
              <a:ext uri="{FF2B5EF4-FFF2-40B4-BE49-F238E27FC236}">
                <a16:creationId xmlns:a16="http://schemas.microsoft.com/office/drawing/2014/main" id="{470AD60A-7F17-4319-954E-75F5B403ED76}"/>
              </a:ext>
            </a:extLst>
          </p:cNvPr>
          <p:cNvSpPr>
            <a:spLocks noGrp="1"/>
          </p:cNvSpPr>
          <p:nvPr>
            <p:ph sz="quarter" idx="15" hasCustomPrompt="1"/>
          </p:nvPr>
        </p:nvSpPr>
        <p:spPr>
          <a:xfrm>
            <a:off x="5120660" y="3474720"/>
            <a:ext cx="923544" cy="1993392"/>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8" name="Content Placeholder 4">
            <a:extLst>
              <a:ext uri="{FF2B5EF4-FFF2-40B4-BE49-F238E27FC236}">
                <a16:creationId xmlns:a16="http://schemas.microsoft.com/office/drawing/2014/main" id="{07C2A20F-693D-463A-87C3-53A3DDC5B708}"/>
              </a:ext>
            </a:extLst>
          </p:cNvPr>
          <p:cNvSpPr>
            <a:spLocks noGrp="1"/>
          </p:cNvSpPr>
          <p:nvPr>
            <p:ph sz="quarter" idx="16" hasCustomPrompt="1"/>
          </p:nvPr>
        </p:nvSpPr>
        <p:spPr>
          <a:xfrm>
            <a:off x="6146800" y="3474720"/>
            <a:ext cx="922338" cy="1993392"/>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11" name="Picture Placeholder 4">
            <a:extLst>
              <a:ext uri="{FF2B5EF4-FFF2-40B4-BE49-F238E27FC236}">
                <a16:creationId xmlns:a16="http://schemas.microsoft.com/office/drawing/2014/main" id="{A08E27B9-492C-4EAD-9166-6BBEB06B7314}"/>
              </a:ext>
            </a:extLst>
          </p:cNvPr>
          <p:cNvSpPr>
            <a:spLocks noGrp="1"/>
          </p:cNvSpPr>
          <p:nvPr>
            <p:ph type="pic" sz="quarter" idx="17"/>
          </p:nvPr>
        </p:nvSpPr>
        <p:spPr>
          <a:xfrm>
            <a:off x="7170738" y="3474719"/>
            <a:ext cx="4507992" cy="2929255"/>
          </a:xfrm>
        </p:spPr>
        <p:txBody>
          <a:bodyPr/>
          <a:lstStyle/>
          <a:p>
            <a:r>
              <a:rPr lang="en-US" dirty="0"/>
              <a:t>Click icon to add picture</a:t>
            </a:r>
          </a:p>
        </p:txBody>
      </p:sp>
    </p:spTree>
    <p:extLst>
      <p:ext uri="{BB962C8B-B14F-4D97-AF65-F5344CB8AC3E}">
        <p14:creationId xmlns:p14="http://schemas.microsoft.com/office/powerpoint/2010/main" val="2002533218"/>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Photo Layout 5">
    <p:spTree>
      <p:nvGrpSpPr>
        <p:cNvPr id="1" name=""/>
        <p:cNvGrpSpPr/>
        <p:nvPr/>
      </p:nvGrpSpPr>
      <p:grpSpPr>
        <a:xfrm>
          <a:off x="0" y="0"/>
          <a:ext cx="0" cy="0"/>
          <a:chOff x="0" y="0"/>
          <a:chExt cx="0" cy="0"/>
        </a:xfrm>
      </p:grpSpPr>
      <p:sp>
        <p:nvSpPr>
          <p:cNvPr id="4" name="Picture Placeholder 1">
            <a:extLst>
              <a:ext uri="{FF2B5EF4-FFF2-40B4-BE49-F238E27FC236}">
                <a16:creationId xmlns:a16="http://schemas.microsoft.com/office/drawing/2014/main" id="{A8CF4032-7337-4CD7-9023-66A295B8BB17}"/>
              </a:ext>
            </a:extLst>
          </p:cNvPr>
          <p:cNvSpPr>
            <a:spLocks noGrp="1"/>
          </p:cNvSpPr>
          <p:nvPr>
            <p:ph type="pic" sz="quarter" idx="10"/>
          </p:nvPr>
        </p:nvSpPr>
        <p:spPr>
          <a:xfrm>
            <a:off x="511174" y="452439"/>
            <a:ext cx="5534025" cy="3548061"/>
          </a:xfrm>
        </p:spPr>
        <p:txBody>
          <a:bodyPr/>
          <a:lstStyle>
            <a:lvl1pPr>
              <a:defRPr/>
            </a:lvl1pPr>
          </a:lstStyle>
          <a:p>
            <a:r>
              <a:rPr lang="en-US" dirty="0"/>
              <a:t>Click icon to add picture</a:t>
            </a:r>
          </a:p>
        </p:txBody>
      </p:sp>
      <p:sp>
        <p:nvSpPr>
          <p:cNvPr id="6" name="Content Placeholder 1">
            <a:extLst>
              <a:ext uri="{FF2B5EF4-FFF2-40B4-BE49-F238E27FC236}">
                <a16:creationId xmlns:a16="http://schemas.microsoft.com/office/drawing/2014/main" id="{FA683CB5-8592-4C6F-8FB2-2BC3BC730742}"/>
              </a:ext>
            </a:extLst>
          </p:cNvPr>
          <p:cNvSpPr>
            <a:spLocks noGrp="1"/>
          </p:cNvSpPr>
          <p:nvPr>
            <p:ph sz="quarter" idx="11" hasCustomPrompt="1"/>
          </p:nvPr>
        </p:nvSpPr>
        <p:spPr>
          <a:xfrm>
            <a:off x="511175" y="4727574"/>
            <a:ext cx="1444625" cy="1676401"/>
          </a:xfrm>
        </p:spPr>
        <p:txBody>
          <a:bodyPr anchor="b"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1A724142-6E8A-400D-9290-420F84CBC41D}"/>
              </a:ext>
            </a:extLst>
          </p:cNvPr>
          <p:cNvSpPr>
            <a:spLocks noGrp="1"/>
          </p:cNvSpPr>
          <p:nvPr>
            <p:ph type="pic" sz="quarter" idx="12"/>
          </p:nvPr>
        </p:nvSpPr>
        <p:spPr>
          <a:xfrm>
            <a:off x="6146803" y="452439"/>
            <a:ext cx="5532435" cy="3548062"/>
          </a:xfrm>
        </p:spPr>
        <p:txBody>
          <a:bodyPr/>
          <a:lstStyle/>
          <a:p>
            <a:r>
              <a:rPr lang="en-US" dirty="0"/>
              <a:t>Click icon to add picture</a:t>
            </a:r>
          </a:p>
        </p:txBody>
      </p:sp>
      <p:sp>
        <p:nvSpPr>
          <p:cNvPr id="7" name="Content Placeholder 2">
            <a:extLst>
              <a:ext uri="{FF2B5EF4-FFF2-40B4-BE49-F238E27FC236}">
                <a16:creationId xmlns:a16="http://schemas.microsoft.com/office/drawing/2014/main" id="{609965F0-607A-4013-A22C-5D6A13818A71}"/>
              </a:ext>
            </a:extLst>
          </p:cNvPr>
          <p:cNvSpPr>
            <a:spLocks noGrp="1"/>
          </p:cNvSpPr>
          <p:nvPr>
            <p:ph sz="quarter" idx="13" hasCustomPrompt="1"/>
          </p:nvPr>
        </p:nvSpPr>
        <p:spPr>
          <a:xfrm>
            <a:off x="6146803" y="4727574"/>
            <a:ext cx="1435100" cy="1676401"/>
          </a:xfrm>
        </p:spPr>
        <p:txBody>
          <a:bodyPr anchor="b"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Tree>
    <p:extLst>
      <p:ext uri="{BB962C8B-B14F-4D97-AF65-F5344CB8AC3E}">
        <p14:creationId xmlns:p14="http://schemas.microsoft.com/office/powerpoint/2010/main" val="2182973475"/>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Photo Layout 6">
    <p:spTree>
      <p:nvGrpSpPr>
        <p:cNvPr id="1" name=""/>
        <p:cNvGrpSpPr/>
        <p:nvPr/>
      </p:nvGrpSpPr>
      <p:grpSpPr>
        <a:xfrm>
          <a:off x="0" y="0"/>
          <a:ext cx="0" cy="0"/>
          <a:chOff x="0" y="0"/>
          <a:chExt cx="0" cy="0"/>
        </a:xfrm>
      </p:grpSpPr>
      <p:sp>
        <p:nvSpPr>
          <p:cNvPr id="4" name="Picture Placeholder 1">
            <a:extLst>
              <a:ext uri="{FF2B5EF4-FFF2-40B4-BE49-F238E27FC236}">
                <a16:creationId xmlns:a16="http://schemas.microsoft.com/office/drawing/2014/main" id="{A8CF4032-7337-4CD7-9023-66A295B8BB17}"/>
              </a:ext>
            </a:extLst>
          </p:cNvPr>
          <p:cNvSpPr>
            <a:spLocks noGrp="1"/>
          </p:cNvSpPr>
          <p:nvPr>
            <p:ph type="pic" sz="quarter" idx="10"/>
          </p:nvPr>
        </p:nvSpPr>
        <p:spPr>
          <a:xfrm>
            <a:off x="2560638" y="454025"/>
            <a:ext cx="9118600" cy="5949950"/>
          </a:xfrm>
        </p:spPr>
        <p:txBody>
          <a:bodyPr/>
          <a:lstStyle>
            <a:lvl1pPr>
              <a:defRPr/>
            </a:lvl1pPr>
          </a:lstStyle>
          <a:p>
            <a:r>
              <a:rPr lang="en-US" dirty="0"/>
              <a:t>Click icon to add picture</a:t>
            </a:r>
          </a:p>
        </p:txBody>
      </p:sp>
      <p:sp>
        <p:nvSpPr>
          <p:cNvPr id="6" name="Content Placeholder 1">
            <a:extLst>
              <a:ext uri="{FF2B5EF4-FFF2-40B4-BE49-F238E27FC236}">
                <a16:creationId xmlns:a16="http://schemas.microsoft.com/office/drawing/2014/main" id="{FA683CB5-8592-4C6F-8FB2-2BC3BC730742}"/>
              </a:ext>
            </a:extLst>
          </p:cNvPr>
          <p:cNvSpPr>
            <a:spLocks noGrp="1"/>
          </p:cNvSpPr>
          <p:nvPr>
            <p:ph sz="quarter" idx="11" hasCustomPrompt="1"/>
          </p:nvPr>
        </p:nvSpPr>
        <p:spPr>
          <a:xfrm>
            <a:off x="512762" y="1601787"/>
            <a:ext cx="1435100" cy="4802187"/>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Tree>
    <p:extLst>
      <p:ext uri="{BB962C8B-B14F-4D97-AF65-F5344CB8AC3E}">
        <p14:creationId xmlns:p14="http://schemas.microsoft.com/office/powerpoint/2010/main" val="2869402679"/>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Photo Layout 7">
    <p:spTree>
      <p:nvGrpSpPr>
        <p:cNvPr id="1" name=""/>
        <p:cNvGrpSpPr/>
        <p:nvPr/>
      </p:nvGrpSpPr>
      <p:grpSpPr>
        <a:xfrm>
          <a:off x="0" y="0"/>
          <a:ext cx="0" cy="0"/>
          <a:chOff x="0" y="0"/>
          <a:chExt cx="0" cy="0"/>
        </a:xfrm>
      </p:grpSpPr>
      <p:sp>
        <p:nvSpPr>
          <p:cNvPr id="4" name="Picture Placeholder 1">
            <a:extLst>
              <a:ext uri="{FF2B5EF4-FFF2-40B4-BE49-F238E27FC236}">
                <a16:creationId xmlns:a16="http://schemas.microsoft.com/office/drawing/2014/main" id="{A8CF4032-7337-4CD7-9023-66A295B8BB17}"/>
              </a:ext>
            </a:extLst>
          </p:cNvPr>
          <p:cNvSpPr>
            <a:spLocks noGrp="1"/>
          </p:cNvSpPr>
          <p:nvPr>
            <p:ph type="pic" sz="quarter" idx="10"/>
          </p:nvPr>
        </p:nvSpPr>
        <p:spPr>
          <a:xfrm>
            <a:off x="511175" y="454025"/>
            <a:ext cx="3997326" cy="5949948"/>
          </a:xfrm>
        </p:spPr>
        <p:txBody>
          <a:bodyPr/>
          <a:lstStyle>
            <a:lvl1pPr>
              <a:defRPr/>
            </a:lvl1pPr>
          </a:lstStyle>
          <a:p>
            <a:r>
              <a:rPr lang="en-US" dirty="0"/>
              <a:t>Click icon to add picture</a:t>
            </a:r>
          </a:p>
        </p:txBody>
      </p:sp>
      <p:sp>
        <p:nvSpPr>
          <p:cNvPr id="6" name="Content Placeholder 1">
            <a:extLst>
              <a:ext uri="{FF2B5EF4-FFF2-40B4-BE49-F238E27FC236}">
                <a16:creationId xmlns:a16="http://schemas.microsoft.com/office/drawing/2014/main" id="{FA683CB5-8592-4C6F-8FB2-2BC3BC730742}"/>
              </a:ext>
            </a:extLst>
          </p:cNvPr>
          <p:cNvSpPr>
            <a:spLocks noGrp="1"/>
          </p:cNvSpPr>
          <p:nvPr>
            <p:ph sz="quarter" idx="11" hasCustomPrompt="1"/>
          </p:nvPr>
        </p:nvSpPr>
        <p:spPr>
          <a:xfrm>
            <a:off x="4600573" y="454025"/>
            <a:ext cx="1444625" cy="2297113"/>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1A724142-6E8A-400D-9290-420F84CBC41D}"/>
              </a:ext>
            </a:extLst>
          </p:cNvPr>
          <p:cNvSpPr>
            <a:spLocks noGrp="1"/>
          </p:cNvSpPr>
          <p:nvPr>
            <p:ph type="pic" sz="quarter" idx="12"/>
          </p:nvPr>
        </p:nvSpPr>
        <p:spPr>
          <a:xfrm>
            <a:off x="7681912" y="454025"/>
            <a:ext cx="3997326" cy="5949950"/>
          </a:xfrm>
        </p:spPr>
        <p:txBody>
          <a:bodyPr/>
          <a:lstStyle>
            <a:lvl1pPr marL="0" marR="0" indent="0" defTabSz="914400" eaLnBrk="1" fontAlgn="auto" latinLnBrk="0" hangingPunct="1">
              <a:lnSpc>
                <a:spcPct val="100000"/>
              </a:lnSpc>
              <a:spcBef>
                <a:spcPts val="1200"/>
              </a:spcBef>
              <a:spcAft>
                <a:spcPts val="1200"/>
              </a:spcAft>
              <a:buClrTx/>
              <a:buSzTx/>
              <a:buFontTx/>
              <a:buNone/>
              <a:tabLst/>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7" name="Content Placeholder 2">
            <a:extLst>
              <a:ext uri="{FF2B5EF4-FFF2-40B4-BE49-F238E27FC236}">
                <a16:creationId xmlns:a16="http://schemas.microsoft.com/office/drawing/2014/main" id="{609965F0-607A-4013-A22C-5D6A13818A71}"/>
              </a:ext>
            </a:extLst>
          </p:cNvPr>
          <p:cNvSpPr>
            <a:spLocks noGrp="1"/>
          </p:cNvSpPr>
          <p:nvPr>
            <p:ph sz="quarter" idx="13" hasCustomPrompt="1"/>
          </p:nvPr>
        </p:nvSpPr>
        <p:spPr>
          <a:xfrm>
            <a:off x="6146803" y="454025"/>
            <a:ext cx="1435100" cy="2297113"/>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Tree>
    <p:extLst>
      <p:ext uri="{BB962C8B-B14F-4D97-AF65-F5344CB8AC3E}">
        <p14:creationId xmlns:p14="http://schemas.microsoft.com/office/powerpoint/2010/main" val="237390194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Photo Layout 8">
    <p:spTree>
      <p:nvGrpSpPr>
        <p:cNvPr id="1" name=""/>
        <p:cNvGrpSpPr/>
        <p:nvPr/>
      </p:nvGrpSpPr>
      <p:grpSpPr>
        <a:xfrm>
          <a:off x="0" y="0"/>
          <a:ext cx="0" cy="0"/>
          <a:chOff x="0" y="0"/>
          <a:chExt cx="0" cy="0"/>
        </a:xfrm>
      </p:grpSpPr>
      <p:sp>
        <p:nvSpPr>
          <p:cNvPr id="4" name="Picture Placeholder 1">
            <a:extLst>
              <a:ext uri="{FF2B5EF4-FFF2-40B4-BE49-F238E27FC236}">
                <a16:creationId xmlns:a16="http://schemas.microsoft.com/office/drawing/2014/main" id="{A8CF4032-7337-4CD7-9023-66A295B8BB17}"/>
              </a:ext>
            </a:extLst>
          </p:cNvPr>
          <p:cNvSpPr>
            <a:spLocks noGrp="1"/>
          </p:cNvSpPr>
          <p:nvPr>
            <p:ph type="pic" sz="quarter" idx="10"/>
          </p:nvPr>
        </p:nvSpPr>
        <p:spPr>
          <a:xfrm>
            <a:off x="511174" y="2227262"/>
            <a:ext cx="2971801" cy="4176713"/>
          </a:xfrm>
        </p:spPr>
        <p:txBody>
          <a:bodyPr/>
          <a:lstStyle>
            <a:lvl1pPr>
              <a:defRPr/>
            </a:lvl1pPr>
          </a:lstStyle>
          <a:p>
            <a:r>
              <a:rPr lang="en-US" dirty="0"/>
              <a:t>Click icon to add picture</a:t>
            </a:r>
          </a:p>
        </p:txBody>
      </p:sp>
      <p:sp>
        <p:nvSpPr>
          <p:cNvPr id="6" name="Content Placeholder 1">
            <a:extLst>
              <a:ext uri="{FF2B5EF4-FFF2-40B4-BE49-F238E27FC236}">
                <a16:creationId xmlns:a16="http://schemas.microsoft.com/office/drawing/2014/main" id="{FA683CB5-8592-4C6F-8FB2-2BC3BC730742}"/>
              </a:ext>
            </a:extLst>
          </p:cNvPr>
          <p:cNvSpPr>
            <a:spLocks noGrp="1"/>
          </p:cNvSpPr>
          <p:nvPr>
            <p:ph sz="quarter" idx="11" hasCustomPrompt="1"/>
          </p:nvPr>
        </p:nvSpPr>
        <p:spPr>
          <a:xfrm>
            <a:off x="511175" y="452438"/>
            <a:ext cx="1444625" cy="1657350"/>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1A724142-6E8A-400D-9290-420F84CBC41D}"/>
              </a:ext>
            </a:extLst>
          </p:cNvPr>
          <p:cNvSpPr>
            <a:spLocks noGrp="1"/>
          </p:cNvSpPr>
          <p:nvPr>
            <p:ph type="pic" sz="quarter" idx="12"/>
          </p:nvPr>
        </p:nvSpPr>
        <p:spPr>
          <a:xfrm>
            <a:off x="4610101" y="2227262"/>
            <a:ext cx="2971800" cy="4176713"/>
          </a:xfrm>
        </p:spPr>
        <p:txBody>
          <a:bodyPr/>
          <a:lstStyle>
            <a:lvl1pPr marL="0" marR="0" indent="0" defTabSz="914400" eaLnBrk="1" fontAlgn="auto" latinLnBrk="0" hangingPunct="1">
              <a:lnSpc>
                <a:spcPct val="100000"/>
              </a:lnSpc>
              <a:spcBef>
                <a:spcPts val="1200"/>
              </a:spcBef>
              <a:spcAft>
                <a:spcPts val="1200"/>
              </a:spcAft>
              <a:buClrTx/>
              <a:buSzTx/>
              <a:buFontTx/>
              <a:buNone/>
              <a:tabLst/>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7" name="Content Placeholder 2">
            <a:extLst>
              <a:ext uri="{FF2B5EF4-FFF2-40B4-BE49-F238E27FC236}">
                <a16:creationId xmlns:a16="http://schemas.microsoft.com/office/drawing/2014/main" id="{609965F0-607A-4013-A22C-5D6A13818A71}"/>
              </a:ext>
            </a:extLst>
          </p:cNvPr>
          <p:cNvSpPr>
            <a:spLocks noGrp="1"/>
          </p:cNvSpPr>
          <p:nvPr>
            <p:ph sz="quarter" idx="13" hasCustomPrompt="1"/>
          </p:nvPr>
        </p:nvSpPr>
        <p:spPr>
          <a:xfrm>
            <a:off x="4610100" y="452438"/>
            <a:ext cx="1435100" cy="1657350"/>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5" name="Picture Placeholder 3">
            <a:extLst>
              <a:ext uri="{FF2B5EF4-FFF2-40B4-BE49-F238E27FC236}">
                <a16:creationId xmlns:a16="http://schemas.microsoft.com/office/drawing/2014/main" id="{5E306714-E926-4DD9-BBE5-131B471B1D3C}"/>
              </a:ext>
            </a:extLst>
          </p:cNvPr>
          <p:cNvSpPr>
            <a:spLocks noGrp="1"/>
          </p:cNvSpPr>
          <p:nvPr>
            <p:ph type="pic" sz="quarter" idx="14"/>
          </p:nvPr>
        </p:nvSpPr>
        <p:spPr>
          <a:xfrm>
            <a:off x="8707438" y="2227263"/>
            <a:ext cx="2971800" cy="4176713"/>
          </a:xfrm>
        </p:spPr>
        <p:txBody>
          <a:bodyPr/>
          <a:lstStyle>
            <a:lvl1pPr marL="0" marR="0" indent="0" defTabSz="914400" eaLnBrk="1" fontAlgn="auto" latinLnBrk="0" hangingPunct="1">
              <a:lnSpc>
                <a:spcPct val="100000"/>
              </a:lnSpc>
              <a:spcBef>
                <a:spcPts val="1200"/>
              </a:spcBef>
              <a:spcAft>
                <a:spcPts val="1200"/>
              </a:spcAft>
              <a:buClrTx/>
              <a:buSzTx/>
              <a:buFontTx/>
              <a:buNone/>
              <a:tabLst/>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9" name="Content Placeholder 3">
            <a:extLst>
              <a:ext uri="{FF2B5EF4-FFF2-40B4-BE49-F238E27FC236}">
                <a16:creationId xmlns:a16="http://schemas.microsoft.com/office/drawing/2014/main" id="{470AD60A-7F17-4319-954E-75F5B403ED76}"/>
              </a:ext>
            </a:extLst>
          </p:cNvPr>
          <p:cNvSpPr>
            <a:spLocks noGrp="1"/>
          </p:cNvSpPr>
          <p:nvPr>
            <p:ph sz="quarter" idx="15" hasCustomPrompt="1"/>
          </p:nvPr>
        </p:nvSpPr>
        <p:spPr>
          <a:xfrm>
            <a:off x="8707438" y="452438"/>
            <a:ext cx="1435100" cy="1657350"/>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Tree>
    <p:extLst>
      <p:ext uri="{BB962C8B-B14F-4D97-AF65-F5344CB8AC3E}">
        <p14:creationId xmlns:p14="http://schemas.microsoft.com/office/powerpoint/2010/main" val="2120429682"/>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Photo Layout 9">
    <p:spTree>
      <p:nvGrpSpPr>
        <p:cNvPr id="1" name=""/>
        <p:cNvGrpSpPr/>
        <p:nvPr/>
      </p:nvGrpSpPr>
      <p:grpSpPr>
        <a:xfrm>
          <a:off x="0" y="0"/>
          <a:ext cx="0" cy="0"/>
          <a:chOff x="0" y="0"/>
          <a:chExt cx="0" cy="0"/>
        </a:xfrm>
      </p:grpSpPr>
      <p:sp>
        <p:nvSpPr>
          <p:cNvPr id="4" name="Picture Placeholder 1">
            <a:extLst>
              <a:ext uri="{FF2B5EF4-FFF2-40B4-BE49-F238E27FC236}">
                <a16:creationId xmlns:a16="http://schemas.microsoft.com/office/drawing/2014/main" id="{A8CF4032-7337-4CD7-9023-66A295B8BB17}"/>
              </a:ext>
            </a:extLst>
          </p:cNvPr>
          <p:cNvSpPr>
            <a:spLocks noGrp="1"/>
          </p:cNvSpPr>
          <p:nvPr>
            <p:ph type="pic" sz="quarter" idx="10"/>
          </p:nvPr>
        </p:nvSpPr>
        <p:spPr>
          <a:xfrm>
            <a:off x="511174" y="2227262"/>
            <a:ext cx="2971801" cy="1773237"/>
          </a:xfrm>
        </p:spPr>
        <p:txBody>
          <a:bodyPr/>
          <a:lstStyle>
            <a:lvl1pPr>
              <a:defRPr/>
            </a:lvl1pPr>
          </a:lstStyle>
          <a:p>
            <a:r>
              <a:rPr lang="en-US" dirty="0"/>
              <a:t>Click icon to add picture</a:t>
            </a:r>
          </a:p>
        </p:txBody>
      </p:sp>
      <p:sp>
        <p:nvSpPr>
          <p:cNvPr id="6" name="Content Placeholder 1">
            <a:extLst>
              <a:ext uri="{FF2B5EF4-FFF2-40B4-BE49-F238E27FC236}">
                <a16:creationId xmlns:a16="http://schemas.microsoft.com/office/drawing/2014/main" id="{FA683CB5-8592-4C6F-8FB2-2BC3BC730742}"/>
              </a:ext>
            </a:extLst>
          </p:cNvPr>
          <p:cNvSpPr>
            <a:spLocks noGrp="1"/>
          </p:cNvSpPr>
          <p:nvPr>
            <p:ph sz="quarter" idx="11" hasCustomPrompt="1"/>
          </p:nvPr>
        </p:nvSpPr>
        <p:spPr>
          <a:xfrm>
            <a:off x="511175" y="452438"/>
            <a:ext cx="1444625" cy="1673225"/>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1A724142-6E8A-400D-9290-420F84CBC41D}"/>
              </a:ext>
            </a:extLst>
          </p:cNvPr>
          <p:cNvSpPr>
            <a:spLocks noGrp="1"/>
          </p:cNvSpPr>
          <p:nvPr>
            <p:ph type="pic" sz="quarter" idx="12"/>
          </p:nvPr>
        </p:nvSpPr>
        <p:spPr>
          <a:xfrm>
            <a:off x="4610101" y="2227262"/>
            <a:ext cx="2971800" cy="1773237"/>
          </a:xfrm>
        </p:spPr>
        <p:txBody>
          <a:bodyPr/>
          <a:lstStyle>
            <a:lvl1pPr marL="0" marR="0" indent="0" defTabSz="914400" eaLnBrk="1" fontAlgn="auto" latinLnBrk="0" hangingPunct="1">
              <a:lnSpc>
                <a:spcPct val="100000"/>
              </a:lnSpc>
              <a:spcBef>
                <a:spcPts val="1200"/>
              </a:spcBef>
              <a:spcAft>
                <a:spcPts val="1200"/>
              </a:spcAft>
              <a:buClrTx/>
              <a:buSzTx/>
              <a:buFontTx/>
              <a:buNone/>
              <a:tabLst/>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7" name="Content Placeholder 2">
            <a:extLst>
              <a:ext uri="{FF2B5EF4-FFF2-40B4-BE49-F238E27FC236}">
                <a16:creationId xmlns:a16="http://schemas.microsoft.com/office/drawing/2014/main" id="{609965F0-607A-4013-A22C-5D6A13818A71}"/>
              </a:ext>
            </a:extLst>
          </p:cNvPr>
          <p:cNvSpPr>
            <a:spLocks noGrp="1"/>
          </p:cNvSpPr>
          <p:nvPr>
            <p:ph sz="quarter" idx="13" hasCustomPrompt="1"/>
          </p:nvPr>
        </p:nvSpPr>
        <p:spPr>
          <a:xfrm>
            <a:off x="4610100" y="452438"/>
            <a:ext cx="1435100" cy="1673225"/>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
        <p:nvSpPr>
          <p:cNvPr id="5" name="Picture Placeholder 3">
            <a:extLst>
              <a:ext uri="{FF2B5EF4-FFF2-40B4-BE49-F238E27FC236}">
                <a16:creationId xmlns:a16="http://schemas.microsoft.com/office/drawing/2014/main" id="{5E306714-E926-4DD9-BBE5-131B471B1D3C}"/>
              </a:ext>
            </a:extLst>
          </p:cNvPr>
          <p:cNvSpPr>
            <a:spLocks noGrp="1"/>
          </p:cNvSpPr>
          <p:nvPr>
            <p:ph type="pic" sz="quarter" idx="14"/>
          </p:nvPr>
        </p:nvSpPr>
        <p:spPr>
          <a:xfrm>
            <a:off x="8707438" y="2227263"/>
            <a:ext cx="2971800" cy="1773237"/>
          </a:xfrm>
        </p:spPr>
        <p:txBody>
          <a:bodyPr/>
          <a:lstStyle>
            <a:lvl1pPr marL="0" marR="0" indent="0" defTabSz="914400" eaLnBrk="1" fontAlgn="auto" latinLnBrk="0" hangingPunct="1">
              <a:lnSpc>
                <a:spcPct val="100000"/>
              </a:lnSpc>
              <a:spcBef>
                <a:spcPts val="1200"/>
              </a:spcBef>
              <a:spcAft>
                <a:spcPts val="1200"/>
              </a:spcAft>
              <a:buClrTx/>
              <a:buSzTx/>
              <a:buFontTx/>
              <a:buNone/>
              <a:tabLst/>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9" name="Content Placeholder 3">
            <a:extLst>
              <a:ext uri="{FF2B5EF4-FFF2-40B4-BE49-F238E27FC236}">
                <a16:creationId xmlns:a16="http://schemas.microsoft.com/office/drawing/2014/main" id="{470AD60A-7F17-4319-954E-75F5B403ED76}"/>
              </a:ext>
            </a:extLst>
          </p:cNvPr>
          <p:cNvSpPr>
            <a:spLocks noGrp="1"/>
          </p:cNvSpPr>
          <p:nvPr>
            <p:ph sz="quarter" idx="15" hasCustomPrompt="1"/>
          </p:nvPr>
        </p:nvSpPr>
        <p:spPr>
          <a:xfrm>
            <a:off x="8707438" y="452438"/>
            <a:ext cx="1435100" cy="1673225"/>
          </a:xfrm>
        </p:spPr>
        <p:txBody>
          <a:bodyPr anchor="t" anchorCtr="0"/>
          <a:lstStyle>
            <a:lvl1pPr>
              <a:spcBef>
                <a:spcPts val="600"/>
              </a:spcBef>
              <a:spcAft>
                <a:spcPts val="0"/>
              </a:spcAft>
              <a:defRPr lang="en-US" sz="1200" dirty="0" smtClean="0">
                <a:solidFill>
                  <a:schemeClr val="tx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tx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tx1"/>
                </a:solidFill>
                <a:latin typeface="+mn-lt"/>
                <a:ea typeface="+mn-ea"/>
                <a:cs typeface="+mn-cs"/>
              </a:defRPr>
            </a:lvl3pPr>
            <a:lvl4pPr marL="356616">
              <a:spcBef>
                <a:spcPts val="0"/>
              </a:spcBef>
              <a:spcAft>
                <a:spcPts val="300"/>
              </a:spcAft>
              <a:defRPr lang="en-US" sz="105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Sub heading</a:t>
            </a:r>
          </a:p>
          <a:p>
            <a:pPr lvl="1"/>
            <a:r>
              <a:rPr lang="en-US" dirty="0"/>
              <a:t>Text</a:t>
            </a:r>
          </a:p>
        </p:txBody>
      </p:sp>
    </p:spTree>
    <p:extLst>
      <p:ext uri="{BB962C8B-B14F-4D97-AF65-F5344CB8AC3E}">
        <p14:creationId xmlns:p14="http://schemas.microsoft.com/office/powerpoint/2010/main" val="352516895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Image Cover 1">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6F222E5-437D-4D26-94F0-6DA259B5944D}"/>
              </a:ext>
            </a:extLst>
          </p:cNvPr>
          <p:cNvSpPr>
            <a:spLocks noGrp="1"/>
          </p:cNvSpPr>
          <p:nvPr>
            <p:ph type="pic" sz="quarter" idx="12"/>
          </p:nvPr>
        </p:nvSpPr>
        <p:spPr>
          <a:xfrm>
            <a:off x="3584575" y="1606550"/>
            <a:ext cx="8094664" cy="4775200"/>
          </a:xfrm>
        </p:spPr>
        <p:txBody>
          <a:bodyPr/>
          <a:lstStyle>
            <a:lvl1pPr>
              <a:defRPr>
                <a:solidFill>
                  <a:schemeClr val="bg1"/>
                </a:solidFill>
              </a:defRPr>
            </a:lvl1pPr>
          </a:lstStyle>
          <a:p>
            <a:r>
              <a:rPr lang="en-US" dirty="0"/>
              <a:t>Click icon to add picture</a:t>
            </a:r>
          </a:p>
        </p:txBody>
      </p:sp>
      <p:cxnSp>
        <p:nvCxnSpPr>
          <p:cNvPr id="7" name="Straight Connector 6">
            <a:extLst>
              <a:ext uri="{FF2B5EF4-FFF2-40B4-BE49-F238E27FC236}">
                <a16:creationId xmlns:a16="http://schemas.microsoft.com/office/drawing/2014/main" id="{4B50443A-8339-4B27-B4A9-FF02F1201B4A}"/>
              </a:ext>
            </a:extLst>
          </p:cNvPr>
          <p:cNvCxnSpPr>
            <a:cxnSpLocks/>
          </p:cNvCxnSpPr>
          <p:nvPr userDrawn="1"/>
        </p:nvCxnSpPr>
        <p:spPr>
          <a:xfrm>
            <a:off x="3584575" y="567246"/>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4" y="6245352"/>
            <a:ext cx="1435101"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0" kern="1200" spc="-3" dirty="0" err="1" smtClean="0">
                <a:solidFill>
                  <a:srgbClr val="FFFFFF"/>
                </a:solidFill>
                <a:latin typeface="Space Mono" panose="02000509040000020004" pitchFamily="49" charset="0"/>
                <a:ea typeface="+mn-ea"/>
                <a:cs typeface="Space Mono" panose="02000509040000020004" pitchFamily="49" charset="0"/>
              </a:defRPr>
            </a:lvl1pPr>
          </a:lstStyle>
          <a:p>
            <a:r>
              <a:rPr lang="en-US" dirty="0"/>
              <a:t>DAT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512764" y="1548314"/>
            <a:ext cx="2763835" cy="1929899"/>
          </a:xfrm>
        </p:spPr>
        <p:txBody>
          <a:bodyPr/>
          <a:lstStyle>
            <a:lvl1pPr>
              <a:lnSpc>
                <a:spcPct val="85000"/>
              </a:lnSpc>
              <a:defRPr sz="4400">
                <a:solidFill>
                  <a:schemeClr val="bg1"/>
                </a:solidFill>
              </a:defRPr>
            </a:lvl1pPr>
          </a:lstStyle>
          <a:p>
            <a:r>
              <a:rPr lang="en-US"/>
              <a:t>Click to edit Master title style</a:t>
            </a:r>
            <a:endParaRPr lang="en-US" dirty="0"/>
          </a:p>
        </p:txBody>
      </p:sp>
      <p:sp>
        <p:nvSpPr>
          <p:cNvPr id="10" name="Content Placeholder 9">
            <a:extLst>
              <a:ext uri="{FF2B5EF4-FFF2-40B4-BE49-F238E27FC236}">
                <a16:creationId xmlns:a16="http://schemas.microsoft.com/office/drawing/2014/main" id="{7D9956ED-0AB6-478A-B82C-B67610F4E3D0}"/>
              </a:ext>
            </a:extLst>
          </p:cNvPr>
          <p:cNvSpPr>
            <a:spLocks noGrp="1"/>
          </p:cNvSpPr>
          <p:nvPr>
            <p:ph sz="quarter" idx="11" hasCustomPrompt="1"/>
          </p:nvPr>
        </p:nvSpPr>
        <p:spPr>
          <a:xfrm>
            <a:off x="511174" y="4102100"/>
            <a:ext cx="2763835" cy="1149349"/>
          </a:xfrm>
        </p:spPr>
        <p:txBody>
          <a:bodyPr tIns="0">
            <a:noAutofit/>
          </a:bodyPr>
          <a:lstStyle>
            <a:lvl1pPr>
              <a:defRPr sz="1700">
                <a:solidFill>
                  <a:schemeClr val="bg1"/>
                </a:solidFill>
                <a:latin typeface="+mn-lt"/>
              </a:defRPr>
            </a:lvl1pPr>
            <a:lvl2pPr>
              <a:defRPr>
                <a:solidFill>
                  <a:schemeClr val="bg1"/>
                </a:solidFill>
              </a:defRPr>
            </a:lvl2pPr>
            <a:lvl3pPr>
              <a:defRPr>
                <a:solidFill>
                  <a:schemeClr val="bg1"/>
                </a:solidFill>
              </a:defRPr>
            </a:lvl3pPr>
            <a:lvl4pPr>
              <a:defRPr>
                <a:solidFill>
                  <a:schemeClr val="bg1"/>
                </a:solidFill>
              </a:defRPr>
            </a:lvl4pPr>
            <a:lvl5pPr>
              <a:defRPr sz="1700" b="0">
                <a:solidFill>
                  <a:schemeClr val="bg1"/>
                </a:solidFill>
                <a:latin typeface="+mn-lt"/>
              </a:defRPr>
            </a:lvl5pPr>
          </a:lstStyle>
          <a:p>
            <a:pPr lvl="0"/>
            <a:r>
              <a:rPr lang="en-US" dirty="0"/>
              <a:t>Fifth level</a:t>
            </a:r>
          </a:p>
        </p:txBody>
      </p:sp>
      <p:sp>
        <p:nvSpPr>
          <p:cNvPr id="22" name="Rectangle 21">
            <a:extLst>
              <a:ext uri="{FF2B5EF4-FFF2-40B4-BE49-F238E27FC236}">
                <a16:creationId xmlns:a16="http://schemas.microsoft.com/office/drawing/2014/main" id="{51402F92-C298-4C9D-B165-225CA6300EEC}"/>
              </a:ext>
            </a:extLst>
          </p:cNvPr>
          <p:cNvSpPr/>
          <p:nvPr userDrawn="1"/>
        </p:nvSpPr>
        <p:spPr>
          <a:xfrm>
            <a:off x="0" y="0"/>
            <a:ext cx="3584575" cy="109165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CBRE Vector Logo">
            <a:extLst>
              <a:ext uri="{FF2B5EF4-FFF2-40B4-BE49-F238E27FC236}">
                <a16:creationId xmlns:a16="http://schemas.microsoft.com/office/drawing/2014/main" id="{4B4D5FB6-8681-4D7A-879A-3239F2DEE883}"/>
              </a:ext>
            </a:extLst>
          </p:cNvPr>
          <p:cNvSpPr>
            <a:spLocks noChangeAspect="1"/>
          </p:cNvSpPr>
          <p:nvPr userDrawn="1"/>
        </p:nvSpPr>
        <p:spPr>
          <a:xfrm>
            <a:off x="10753434"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chemeClr val="bg1"/>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324755368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 Dark Photo Layout 1">
    <p:spTree>
      <p:nvGrpSpPr>
        <p:cNvPr id="1" name=""/>
        <p:cNvGrpSpPr/>
        <p:nvPr/>
      </p:nvGrpSpPr>
      <p:grpSpPr>
        <a:xfrm>
          <a:off x="0" y="0"/>
          <a:ext cx="0" cy="0"/>
          <a:chOff x="0" y="0"/>
          <a:chExt cx="0" cy="0"/>
        </a:xfrm>
      </p:grpSpPr>
      <p:sp>
        <p:nvSpPr>
          <p:cNvPr id="8" name="Page Number">
            <a:extLst>
              <a:ext uri="{FF2B5EF4-FFF2-40B4-BE49-F238E27FC236}">
                <a16:creationId xmlns:a16="http://schemas.microsoft.com/office/drawing/2014/main" id="{C98E66F1-6DBC-420B-A0A4-9CCF2CCB2A0A}"/>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7" name="Left Footer">
            <a:extLst>
              <a:ext uri="{FF2B5EF4-FFF2-40B4-BE49-F238E27FC236}">
                <a16:creationId xmlns:a16="http://schemas.microsoft.com/office/drawing/2014/main" id="{EAE2558A-5E81-4613-BD4F-4F510C334C43}"/>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4" name="Picture Placeholder 1">
            <a:extLst>
              <a:ext uri="{FF2B5EF4-FFF2-40B4-BE49-F238E27FC236}">
                <a16:creationId xmlns:a16="http://schemas.microsoft.com/office/drawing/2014/main" id="{1ED2B663-0A12-4E05-BFF4-4B98F51E00AD}"/>
              </a:ext>
            </a:extLst>
          </p:cNvPr>
          <p:cNvSpPr>
            <a:spLocks noGrp="1"/>
          </p:cNvSpPr>
          <p:nvPr>
            <p:ph type="pic" sz="quarter" idx="10"/>
          </p:nvPr>
        </p:nvSpPr>
        <p:spPr>
          <a:xfrm>
            <a:off x="511175" y="452438"/>
            <a:ext cx="9118600" cy="5953124"/>
          </a:xfrm>
        </p:spPr>
        <p:txBody>
          <a:bodyPr/>
          <a:lstStyle>
            <a:lvl1pPr>
              <a:defRPr>
                <a:solidFill>
                  <a:schemeClr val="bg1"/>
                </a:solidFill>
              </a:defRPr>
            </a:lvl1pPr>
          </a:lstStyle>
          <a:p>
            <a:r>
              <a:rPr lang="en-US" dirty="0"/>
              <a:t>Click icon to add picture</a:t>
            </a:r>
          </a:p>
        </p:txBody>
      </p:sp>
      <p:sp>
        <p:nvSpPr>
          <p:cNvPr id="6" name="Content Placeholder 1">
            <a:extLst>
              <a:ext uri="{FF2B5EF4-FFF2-40B4-BE49-F238E27FC236}">
                <a16:creationId xmlns:a16="http://schemas.microsoft.com/office/drawing/2014/main" id="{7CED3D3F-E05A-43E8-8434-506C9DB8CBD0}"/>
              </a:ext>
            </a:extLst>
          </p:cNvPr>
          <p:cNvSpPr>
            <a:spLocks noGrp="1"/>
          </p:cNvSpPr>
          <p:nvPr>
            <p:ph sz="quarter" idx="11" hasCustomPrompt="1"/>
          </p:nvPr>
        </p:nvSpPr>
        <p:spPr>
          <a:xfrm>
            <a:off x="10244138" y="4102099"/>
            <a:ext cx="1436687" cy="2301875"/>
          </a:xfrm>
        </p:spPr>
        <p:txBody>
          <a:bodyPr anchor="b"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Tree>
    <p:extLst>
      <p:ext uri="{BB962C8B-B14F-4D97-AF65-F5344CB8AC3E}">
        <p14:creationId xmlns:p14="http://schemas.microsoft.com/office/powerpoint/2010/main" val="189491061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Dark Photo Layout 2">
    <p:spTree>
      <p:nvGrpSpPr>
        <p:cNvPr id="1" name=""/>
        <p:cNvGrpSpPr/>
        <p:nvPr/>
      </p:nvGrpSpPr>
      <p:grpSpPr>
        <a:xfrm>
          <a:off x="0" y="0"/>
          <a:ext cx="0" cy="0"/>
          <a:chOff x="0" y="0"/>
          <a:chExt cx="0" cy="0"/>
        </a:xfrm>
      </p:grpSpPr>
      <p:sp>
        <p:nvSpPr>
          <p:cNvPr id="8" name="Page Number">
            <a:extLst>
              <a:ext uri="{FF2B5EF4-FFF2-40B4-BE49-F238E27FC236}">
                <a16:creationId xmlns:a16="http://schemas.microsoft.com/office/drawing/2014/main" id="{C98E66F1-6DBC-420B-A0A4-9CCF2CCB2A0A}"/>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7" name="Left Footer">
            <a:extLst>
              <a:ext uri="{FF2B5EF4-FFF2-40B4-BE49-F238E27FC236}">
                <a16:creationId xmlns:a16="http://schemas.microsoft.com/office/drawing/2014/main" id="{EAE2558A-5E81-4613-BD4F-4F510C334C43}"/>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4" name="Picture Placeholder 1">
            <a:extLst>
              <a:ext uri="{FF2B5EF4-FFF2-40B4-BE49-F238E27FC236}">
                <a16:creationId xmlns:a16="http://schemas.microsoft.com/office/drawing/2014/main" id="{1ED2B663-0A12-4E05-BFF4-4B98F51E00AD}"/>
              </a:ext>
            </a:extLst>
          </p:cNvPr>
          <p:cNvSpPr>
            <a:spLocks noGrp="1"/>
          </p:cNvSpPr>
          <p:nvPr>
            <p:ph type="pic" sz="quarter" idx="10"/>
          </p:nvPr>
        </p:nvSpPr>
        <p:spPr>
          <a:xfrm>
            <a:off x="511175" y="2227262"/>
            <a:ext cx="2971800" cy="4176713"/>
          </a:xfrm>
        </p:spPr>
        <p:txBody>
          <a:bodyPr/>
          <a:lstStyle>
            <a:lvl1pPr>
              <a:defRPr>
                <a:solidFill>
                  <a:schemeClr val="bg1"/>
                </a:solidFill>
              </a:defRPr>
            </a:lvl1pPr>
          </a:lstStyle>
          <a:p>
            <a:r>
              <a:rPr lang="en-US" dirty="0"/>
              <a:t>Click icon to add picture</a:t>
            </a:r>
          </a:p>
        </p:txBody>
      </p:sp>
      <p:sp>
        <p:nvSpPr>
          <p:cNvPr id="6" name="Content Placeholder 1">
            <a:extLst>
              <a:ext uri="{FF2B5EF4-FFF2-40B4-BE49-F238E27FC236}">
                <a16:creationId xmlns:a16="http://schemas.microsoft.com/office/drawing/2014/main" id="{7CED3D3F-E05A-43E8-8434-506C9DB8CBD0}"/>
              </a:ext>
            </a:extLst>
          </p:cNvPr>
          <p:cNvSpPr>
            <a:spLocks noGrp="1"/>
          </p:cNvSpPr>
          <p:nvPr>
            <p:ph sz="quarter" idx="11" hasCustomPrompt="1"/>
          </p:nvPr>
        </p:nvSpPr>
        <p:spPr>
          <a:xfrm>
            <a:off x="511175" y="352425"/>
            <a:ext cx="1436687" cy="1776664"/>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8EC09833-8A7C-41EA-9003-4BEABFE05487}"/>
              </a:ext>
            </a:extLst>
          </p:cNvPr>
          <p:cNvSpPr>
            <a:spLocks noGrp="1"/>
          </p:cNvSpPr>
          <p:nvPr>
            <p:ph type="pic" sz="quarter" idx="12"/>
          </p:nvPr>
        </p:nvSpPr>
        <p:spPr>
          <a:xfrm>
            <a:off x="6657975" y="0"/>
            <a:ext cx="5534025" cy="6858000"/>
          </a:xfrm>
        </p:spPr>
        <p:txBody>
          <a:bodyPr/>
          <a:lstStyle>
            <a:lvl1pPr marL="0" marR="0" indent="0" defTabSz="914400" eaLnBrk="1" fontAlgn="auto" latinLnBrk="0" hangingPunct="1">
              <a:lnSpc>
                <a:spcPct val="100000"/>
              </a:lnSpc>
              <a:spcBef>
                <a:spcPts val="1200"/>
              </a:spcBef>
              <a:spcAft>
                <a:spcPts val="1200"/>
              </a:spcAft>
              <a:buClrTx/>
              <a:buSzTx/>
              <a:buFontTx/>
              <a:buNone/>
              <a:tabLst/>
              <a:defRPr>
                <a:solidFill>
                  <a:schemeClr val="bg1"/>
                </a:solidFill>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9" name="Content Placeholder 2">
            <a:extLst>
              <a:ext uri="{FF2B5EF4-FFF2-40B4-BE49-F238E27FC236}">
                <a16:creationId xmlns:a16="http://schemas.microsoft.com/office/drawing/2014/main" id="{AADCA376-C974-4830-84A4-5CF228EA4B7A}"/>
              </a:ext>
            </a:extLst>
          </p:cNvPr>
          <p:cNvSpPr>
            <a:spLocks noGrp="1"/>
          </p:cNvSpPr>
          <p:nvPr>
            <p:ph sz="quarter" idx="13" hasCustomPrompt="1"/>
          </p:nvPr>
        </p:nvSpPr>
        <p:spPr>
          <a:xfrm>
            <a:off x="2047875" y="352425"/>
            <a:ext cx="1435100" cy="1781175"/>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Tree>
    <p:extLst>
      <p:ext uri="{BB962C8B-B14F-4D97-AF65-F5344CB8AC3E}">
        <p14:creationId xmlns:p14="http://schemas.microsoft.com/office/powerpoint/2010/main" val="3460731596"/>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Dark Photo Layout 3">
    <p:spTree>
      <p:nvGrpSpPr>
        <p:cNvPr id="1" name=""/>
        <p:cNvGrpSpPr/>
        <p:nvPr/>
      </p:nvGrpSpPr>
      <p:grpSpPr>
        <a:xfrm>
          <a:off x="0" y="0"/>
          <a:ext cx="0" cy="0"/>
          <a:chOff x="0" y="0"/>
          <a:chExt cx="0" cy="0"/>
        </a:xfrm>
      </p:grpSpPr>
      <p:sp>
        <p:nvSpPr>
          <p:cNvPr id="8" name="Page Number">
            <a:extLst>
              <a:ext uri="{FF2B5EF4-FFF2-40B4-BE49-F238E27FC236}">
                <a16:creationId xmlns:a16="http://schemas.microsoft.com/office/drawing/2014/main" id="{C98E66F1-6DBC-420B-A0A4-9CCF2CCB2A0A}"/>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7" name="Left Footer">
            <a:extLst>
              <a:ext uri="{FF2B5EF4-FFF2-40B4-BE49-F238E27FC236}">
                <a16:creationId xmlns:a16="http://schemas.microsoft.com/office/drawing/2014/main" id="{EAE2558A-5E81-4613-BD4F-4F510C334C43}"/>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4" name="Picture Placeholder 1">
            <a:extLst>
              <a:ext uri="{FF2B5EF4-FFF2-40B4-BE49-F238E27FC236}">
                <a16:creationId xmlns:a16="http://schemas.microsoft.com/office/drawing/2014/main" id="{1ED2B663-0A12-4E05-BFF4-4B98F51E00AD}"/>
              </a:ext>
            </a:extLst>
          </p:cNvPr>
          <p:cNvSpPr>
            <a:spLocks noGrp="1"/>
          </p:cNvSpPr>
          <p:nvPr>
            <p:ph type="pic" sz="quarter" idx="10"/>
          </p:nvPr>
        </p:nvSpPr>
        <p:spPr>
          <a:xfrm>
            <a:off x="511175" y="2852736"/>
            <a:ext cx="5534024" cy="3551237"/>
          </a:xfrm>
        </p:spPr>
        <p:txBody>
          <a:bodyPr/>
          <a:lstStyle>
            <a:lvl1pPr>
              <a:defRPr>
                <a:solidFill>
                  <a:schemeClr val="bg1"/>
                </a:solidFill>
              </a:defRPr>
            </a:lvl1pPr>
          </a:lstStyle>
          <a:p>
            <a:r>
              <a:rPr lang="en-US" dirty="0"/>
              <a:t>Click icon to add picture</a:t>
            </a:r>
          </a:p>
        </p:txBody>
      </p:sp>
      <p:sp>
        <p:nvSpPr>
          <p:cNvPr id="6" name="Content Placeholder 1">
            <a:extLst>
              <a:ext uri="{FF2B5EF4-FFF2-40B4-BE49-F238E27FC236}">
                <a16:creationId xmlns:a16="http://schemas.microsoft.com/office/drawing/2014/main" id="{7CED3D3F-E05A-43E8-8434-506C9DB8CBD0}"/>
              </a:ext>
            </a:extLst>
          </p:cNvPr>
          <p:cNvSpPr>
            <a:spLocks noGrp="1"/>
          </p:cNvSpPr>
          <p:nvPr>
            <p:ph sz="quarter" idx="11" hasCustomPrompt="1"/>
          </p:nvPr>
        </p:nvSpPr>
        <p:spPr>
          <a:xfrm>
            <a:off x="511175" y="352425"/>
            <a:ext cx="1436687" cy="2396056"/>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8EC09833-8A7C-41EA-9003-4BEABFE05487}"/>
              </a:ext>
            </a:extLst>
          </p:cNvPr>
          <p:cNvSpPr>
            <a:spLocks noGrp="1"/>
          </p:cNvSpPr>
          <p:nvPr>
            <p:ph type="pic" sz="quarter" idx="12"/>
          </p:nvPr>
        </p:nvSpPr>
        <p:spPr>
          <a:xfrm>
            <a:off x="6146804" y="2852737"/>
            <a:ext cx="5534022" cy="3551238"/>
          </a:xfrm>
        </p:spPr>
        <p:txBody>
          <a:bodyPr/>
          <a:lstStyle>
            <a:lvl1pPr marL="0" marR="0" indent="0" defTabSz="914400" eaLnBrk="1" fontAlgn="auto" latinLnBrk="0" hangingPunct="1">
              <a:lnSpc>
                <a:spcPct val="100000"/>
              </a:lnSpc>
              <a:spcBef>
                <a:spcPts val="1200"/>
              </a:spcBef>
              <a:spcAft>
                <a:spcPts val="1200"/>
              </a:spcAft>
              <a:buClrTx/>
              <a:buSzTx/>
              <a:buFontTx/>
              <a:buNone/>
              <a:tabLst/>
              <a:defRPr>
                <a:solidFill>
                  <a:schemeClr val="bg1"/>
                </a:solidFill>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9" name="Content Placeholder 2">
            <a:extLst>
              <a:ext uri="{FF2B5EF4-FFF2-40B4-BE49-F238E27FC236}">
                <a16:creationId xmlns:a16="http://schemas.microsoft.com/office/drawing/2014/main" id="{AADCA376-C974-4830-84A4-5CF228EA4B7A}"/>
              </a:ext>
            </a:extLst>
          </p:cNvPr>
          <p:cNvSpPr>
            <a:spLocks noGrp="1"/>
          </p:cNvSpPr>
          <p:nvPr>
            <p:ph sz="quarter" idx="13" hasCustomPrompt="1"/>
          </p:nvPr>
        </p:nvSpPr>
        <p:spPr>
          <a:xfrm>
            <a:off x="6146804" y="352425"/>
            <a:ext cx="1435100" cy="2402140"/>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Tree>
    <p:extLst>
      <p:ext uri="{BB962C8B-B14F-4D97-AF65-F5344CB8AC3E}">
        <p14:creationId xmlns:p14="http://schemas.microsoft.com/office/powerpoint/2010/main" val="3681425846"/>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Dark Photo Layout 4">
    <p:spTree>
      <p:nvGrpSpPr>
        <p:cNvPr id="1" name=""/>
        <p:cNvGrpSpPr/>
        <p:nvPr/>
      </p:nvGrpSpPr>
      <p:grpSpPr>
        <a:xfrm>
          <a:off x="0" y="0"/>
          <a:ext cx="0" cy="0"/>
          <a:chOff x="0" y="0"/>
          <a:chExt cx="0" cy="0"/>
        </a:xfrm>
      </p:grpSpPr>
      <p:sp>
        <p:nvSpPr>
          <p:cNvPr id="8" name="Page Number">
            <a:extLst>
              <a:ext uri="{FF2B5EF4-FFF2-40B4-BE49-F238E27FC236}">
                <a16:creationId xmlns:a16="http://schemas.microsoft.com/office/drawing/2014/main" id="{C98E66F1-6DBC-420B-A0A4-9CCF2CCB2A0A}"/>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7" name="Left Footer">
            <a:extLst>
              <a:ext uri="{FF2B5EF4-FFF2-40B4-BE49-F238E27FC236}">
                <a16:creationId xmlns:a16="http://schemas.microsoft.com/office/drawing/2014/main" id="{EAE2558A-5E81-4613-BD4F-4F510C334C43}"/>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4" name="Picture Placeholder 1">
            <a:extLst>
              <a:ext uri="{FF2B5EF4-FFF2-40B4-BE49-F238E27FC236}">
                <a16:creationId xmlns:a16="http://schemas.microsoft.com/office/drawing/2014/main" id="{1ED2B663-0A12-4E05-BFF4-4B98F51E00AD}"/>
              </a:ext>
            </a:extLst>
          </p:cNvPr>
          <p:cNvSpPr>
            <a:spLocks noGrp="1"/>
          </p:cNvSpPr>
          <p:nvPr>
            <p:ph type="pic" sz="quarter" idx="10"/>
          </p:nvPr>
        </p:nvSpPr>
        <p:spPr>
          <a:xfrm>
            <a:off x="511175" y="452438"/>
            <a:ext cx="4507992" cy="2925762"/>
          </a:xfrm>
        </p:spPr>
        <p:txBody>
          <a:bodyPr/>
          <a:lstStyle>
            <a:lvl1pPr>
              <a:defRPr>
                <a:solidFill>
                  <a:schemeClr val="bg1"/>
                </a:solidFill>
              </a:defRPr>
            </a:lvl1pPr>
          </a:lstStyle>
          <a:p>
            <a:r>
              <a:rPr lang="en-US" dirty="0"/>
              <a:t>Click icon to add picture</a:t>
            </a:r>
          </a:p>
        </p:txBody>
      </p:sp>
      <p:sp>
        <p:nvSpPr>
          <p:cNvPr id="6" name="Content Placeholder 1">
            <a:extLst>
              <a:ext uri="{FF2B5EF4-FFF2-40B4-BE49-F238E27FC236}">
                <a16:creationId xmlns:a16="http://schemas.microsoft.com/office/drawing/2014/main" id="{7CED3D3F-E05A-43E8-8434-506C9DB8CBD0}"/>
              </a:ext>
            </a:extLst>
          </p:cNvPr>
          <p:cNvSpPr>
            <a:spLocks noGrp="1"/>
          </p:cNvSpPr>
          <p:nvPr>
            <p:ph sz="quarter" idx="11" hasCustomPrompt="1"/>
          </p:nvPr>
        </p:nvSpPr>
        <p:spPr>
          <a:xfrm>
            <a:off x="5120047" y="452438"/>
            <a:ext cx="923544" cy="1993392"/>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8EC09833-8A7C-41EA-9003-4BEABFE05487}"/>
              </a:ext>
            </a:extLst>
          </p:cNvPr>
          <p:cNvSpPr>
            <a:spLocks noGrp="1"/>
          </p:cNvSpPr>
          <p:nvPr>
            <p:ph type="pic" sz="quarter" idx="12"/>
          </p:nvPr>
        </p:nvSpPr>
        <p:spPr>
          <a:xfrm>
            <a:off x="7168896" y="452438"/>
            <a:ext cx="4507992" cy="2925762"/>
          </a:xfrm>
        </p:spPr>
        <p:txBody>
          <a:bodyPr/>
          <a:lstStyle>
            <a:lvl1pPr marL="0" marR="0" indent="0" defTabSz="914400" eaLnBrk="1" fontAlgn="auto" latinLnBrk="0" hangingPunct="1">
              <a:lnSpc>
                <a:spcPct val="100000"/>
              </a:lnSpc>
              <a:spcBef>
                <a:spcPts val="1200"/>
              </a:spcBef>
              <a:spcAft>
                <a:spcPts val="1200"/>
              </a:spcAft>
              <a:buClrTx/>
              <a:buSzTx/>
              <a:buFontTx/>
              <a:buNone/>
              <a:tabLst/>
              <a:defRPr>
                <a:solidFill>
                  <a:schemeClr val="bg1"/>
                </a:solidFill>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9" name="Content Placeholder 2">
            <a:extLst>
              <a:ext uri="{FF2B5EF4-FFF2-40B4-BE49-F238E27FC236}">
                <a16:creationId xmlns:a16="http://schemas.microsoft.com/office/drawing/2014/main" id="{AADCA376-C974-4830-84A4-5CF228EA4B7A}"/>
              </a:ext>
            </a:extLst>
          </p:cNvPr>
          <p:cNvSpPr>
            <a:spLocks noGrp="1"/>
          </p:cNvSpPr>
          <p:nvPr>
            <p:ph sz="quarter" idx="13" hasCustomPrompt="1"/>
          </p:nvPr>
        </p:nvSpPr>
        <p:spPr>
          <a:xfrm>
            <a:off x="6144471" y="452438"/>
            <a:ext cx="923544" cy="1993392"/>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5" name="Picture Placeholder 3">
            <a:extLst>
              <a:ext uri="{FF2B5EF4-FFF2-40B4-BE49-F238E27FC236}">
                <a16:creationId xmlns:a16="http://schemas.microsoft.com/office/drawing/2014/main" id="{5D3782D6-4F01-4CAB-9D0C-BDEA972A9280}"/>
              </a:ext>
            </a:extLst>
          </p:cNvPr>
          <p:cNvSpPr>
            <a:spLocks noGrp="1"/>
          </p:cNvSpPr>
          <p:nvPr>
            <p:ph type="pic" sz="quarter" idx="14"/>
          </p:nvPr>
        </p:nvSpPr>
        <p:spPr>
          <a:xfrm>
            <a:off x="511683" y="3493198"/>
            <a:ext cx="4507992" cy="2907792"/>
          </a:xfrm>
        </p:spPr>
        <p:txBody>
          <a:bodyPr/>
          <a:lstStyle>
            <a:lvl1pPr>
              <a:defRPr>
                <a:solidFill>
                  <a:schemeClr val="bg1"/>
                </a:solidFill>
              </a:defRPr>
            </a:lvl1pPr>
          </a:lstStyle>
          <a:p>
            <a:r>
              <a:rPr lang="en-US" dirty="0"/>
              <a:t>Click icon to add picture</a:t>
            </a:r>
          </a:p>
        </p:txBody>
      </p:sp>
      <p:sp>
        <p:nvSpPr>
          <p:cNvPr id="11" name="Content Placeholder 3">
            <a:extLst>
              <a:ext uri="{FF2B5EF4-FFF2-40B4-BE49-F238E27FC236}">
                <a16:creationId xmlns:a16="http://schemas.microsoft.com/office/drawing/2014/main" id="{2521220F-8C54-4B2A-98AC-2B999019F3E3}"/>
              </a:ext>
            </a:extLst>
          </p:cNvPr>
          <p:cNvSpPr>
            <a:spLocks noGrp="1"/>
          </p:cNvSpPr>
          <p:nvPr>
            <p:ph sz="quarter" idx="15" hasCustomPrompt="1"/>
          </p:nvPr>
        </p:nvSpPr>
        <p:spPr>
          <a:xfrm>
            <a:off x="5120386" y="3493198"/>
            <a:ext cx="923544" cy="1993392"/>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10" name="Content Placeholder 4">
            <a:extLst>
              <a:ext uri="{FF2B5EF4-FFF2-40B4-BE49-F238E27FC236}">
                <a16:creationId xmlns:a16="http://schemas.microsoft.com/office/drawing/2014/main" id="{CA28E25F-7240-45CB-90E7-877309F80A79}"/>
              </a:ext>
            </a:extLst>
          </p:cNvPr>
          <p:cNvSpPr>
            <a:spLocks noGrp="1"/>
          </p:cNvSpPr>
          <p:nvPr>
            <p:ph sz="quarter" idx="16" hasCustomPrompt="1"/>
          </p:nvPr>
        </p:nvSpPr>
        <p:spPr>
          <a:xfrm>
            <a:off x="6144641" y="3493198"/>
            <a:ext cx="923544" cy="1993392"/>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13" name="Picture Placeholder 4">
            <a:extLst>
              <a:ext uri="{FF2B5EF4-FFF2-40B4-BE49-F238E27FC236}">
                <a16:creationId xmlns:a16="http://schemas.microsoft.com/office/drawing/2014/main" id="{5A4EAC89-642E-4AA0-990C-49DD3A6FDF15}"/>
              </a:ext>
            </a:extLst>
          </p:cNvPr>
          <p:cNvSpPr>
            <a:spLocks noGrp="1"/>
          </p:cNvSpPr>
          <p:nvPr>
            <p:ph type="pic" sz="quarter" idx="17"/>
          </p:nvPr>
        </p:nvSpPr>
        <p:spPr>
          <a:xfrm>
            <a:off x="7168896" y="3493198"/>
            <a:ext cx="4507992" cy="2907792"/>
          </a:xfrm>
        </p:spPr>
        <p:txBody>
          <a:bodyPr/>
          <a:lstStyle/>
          <a:p>
            <a:r>
              <a:rPr lang="en-US" dirty="0"/>
              <a:t>Click icon to add picture</a:t>
            </a:r>
          </a:p>
        </p:txBody>
      </p:sp>
    </p:spTree>
    <p:extLst>
      <p:ext uri="{BB962C8B-B14F-4D97-AF65-F5344CB8AC3E}">
        <p14:creationId xmlns:p14="http://schemas.microsoft.com/office/powerpoint/2010/main" val="1702552923"/>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Dark Photo Layout 5">
    <p:spTree>
      <p:nvGrpSpPr>
        <p:cNvPr id="1" name=""/>
        <p:cNvGrpSpPr/>
        <p:nvPr/>
      </p:nvGrpSpPr>
      <p:grpSpPr>
        <a:xfrm>
          <a:off x="0" y="0"/>
          <a:ext cx="0" cy="0"/>
          <a:chOff x="0" y="0"/>
          <a:chExt cx="0" cy="0"/>
        </a:xfrm>
      </p:grpSpPr>
      <p:sp>
        <p:nvSpPr>
          <p:cNvPr id="8" name="Page Number">
            <a:extLst>
              <a:ext uri="{FF2B5EF4-FFF2-40B4-BE49-F238E27FC236}">
                <a16:creationId xmlns:a16="http://schemas.microsoft.com/office/drawing/2014/main" id="{C98E66F1-6DBC-420B-A0A4-9CCF2CCB2A0A}"/>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7" name="Left Footer">
            <a:extLst>
              <a:ext uri="{FF2B5EF4-FFF2-40B4-BE49-F238E27FC236}">
                <a16:creationId xmlns:a16="http://schemas.microsoft.com/office/drawing/2014/main" id="{EAE2558A-5E81-4613-BD4F-4F510C334C43}"/>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4" name="Picture Placeholder 1">
            <a:extLst>
              <a:ext uri="{FF2B5EF4-FFF2-40B4-BE49-F238E27FC236}">
                <a16:creationId xmlns:a16="http://schemas.microsoft.com/office/drawing/2014/main" id="{1ED2B663-0A12-4E05-BFF4-4B98F51E00AD}"/>
              </a:ext>
            </a:extLst>
          </p:cNvPr>
          <p:cNvSpPr>
            <a:spLocks noGrp="1"/>
          </p:cNvSpPr>
          <p:nvPr>
            <p:ph type="pic" sz="quarter" idx="10"/>
          </p:nvPr>
        </p:nvSpPr>
        <p:spPr>
          <a:xfrm>
            <a:off x="511175" y="453969"/>
            <a:ext cx="5534024" cy="3549705"/>
          </a:xfrm>
        </p:spPr>
        <p:txBody>
          <a:bodyPr/>
          <a:lstStyle>
            <a:lvl1pPr>
              <a:defRPr>
                <a:solidFill>
                  <a:schemeClr val="bg1"/>
                </a:solidFill>
              </a:defRPr>
            </a:lvl1pPr>
          </a:lstStyle>
          <a:p>
            <a:r>
              <a:rPr lang="en-US" dirty="0"/>
              <a:t>Click icon to add picture</a:t>
            </a:r>
          </a:p>
        </p:txBody>
      </p:sp>
      <p:sp>
        <p:nvSpPr>
          <p:cNvPr id="6" name="Content Placeholder 1">
            <a:extLst>
              <a:ext uri="{FF2B5EF4-FFF2-40B4-BE49-F238E27FC236}">
                <a16:creationId xmlns:a16="http://schemas.microsoft.com/office/drawing/2014/main" id="{7CED3D3F-E05A-43E8-8434-506C9DB8CBD0}"/>
              </a:ext>
            </a:extLst>
          </p:cNvPr>
          <p:cNvSpPr>
            <a:spLocks noGrp="1"/>
          </p:cNvSpPr>
          <p:nvPr>
            <p:ph sz="quarter" idx="11" hasCustomPrompt="1"/>
          </p:nvPr>
        </p:nvSpPr>
        <p:spPr>
          <a:xfrm>
            <a:off x="511175" y="4731764"/>
            <a:ext cx="1436687" cy="1672211"/>
          </a:xfrm>
        </p:spPr>
        <p:txBody>
          <a:bodyPr anchor="b"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8EC09833-8A7C-41EA-9003-4BEABFE05487}"/>
              </a:ext>
            </a:extLst>
          </p:cNvPr>
          <p:cNvSpPr>
            <a:spLocks noGrp="1"/>
          </p:cNvSpPr>
          <p:nvPr>
            <p:ph type="pic" sz="quarter" idx="12"/>
          </p:nvPr>
        </p:nvSpPr>
        <p:spPr>
          <a:xfrm>
            <a:off x="6146804" y="453970"/>
            <a:ext cx="5534022" cy="3549706"/>
          </a:xfrm>
        </p:spPr>
        <p:txBody>
          <a:bodyPr/>
          <a:lstStyle>
            <a:lvl1pPr marL="0" marR="0" indent="0" defTabSz="914400" eaLnBrk="1" fontAlgn="auto" latinLnBrk="0" hangingPunct="1">
              <a:lnSpc>
                <a:spcPct val="100000"/>
              </a:lnSpc>
              <a:spcBef>
                <a:spcPts val="1200"/>
              </a:spcBef>
              <a:spcAft>
                <a:spcPts val="1200"/>
              </a:spcAft>
              <a:buClrTx/>
              <a:buSzTx/>
              <a:buFontTx/>
              <a:buNone/>
              <a:tabLst/>
              <a:defRPr>
                <a:solidFill>
                  <a:schemeClr val="bg1"/>
                </a:solidFill>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9" name="Content Placeholder 2">
            <a:extLst>
              <a:ext uri="{FF2B5EF4-FFF2-40B4-BE49-F238E27FC236}">
                <a16:creationId xmlns:a16="http://schemas.microsoft.com/office/drawing/2014/main" id="{AADCA376-C974-4830-84A4-5CF228EA4B7A}"/>
              </a:ext>
            </a:extLst>
          </p:cNvPr>
          <p:cNvSpPr>
            <a:spLocks noGrp="1"/>
          </p:cNvSpPr>
          <p:nvPr>
            <p:ph sz="quarter" idx="13" hasCustomPrompt="1"/>
          </p:nvPr>
        </p:nvSpPr>
        <p:spPr>
          <a:xfrm>
            <a:off x="6146804" y="4727575"/>
            <a:ext cx="1435100" cy="1676456"/>
          </a:xfrm>
        </p:spPr>
        <p:txBody>
          <a:bodyPr anchor="b"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Tree>
    <p:extLst>
      <p:ext uri="{BB962C8B-B14F-4D97-AF65-F5344CB8AC3E}">
        <p14:creationId xmlns:p14="http://schemas.microsoft.com/office/powerpoint/2010/main" val="605877943"/>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 Dark Photo Layout 6">
    <p:spTree>
      <p:nvGrpSpPr>
        <p:cNvPr id="1" name=""/>
        <p:cNvGrpSpPr/>
        <p:nvPr/>
      </p:nvGrpSpPr>
      <p:grpSpPr>
        <a:xfrm>
          <a:off x="0" y="0"/>
          <a:ext cx="0" cy="0"/>
          <a:chOff x="0" y="0"/>
          <a:chExt cx="0" cy="0"/>
        </a:xfrm>
      </p:grpSpPr>
      <p:sp>
        <p:nvSpPr>
          <p:cNvPr id="8" name="Page Number">
            <a:extLst>
              <a:ext uri="{FF2B5EF4-FFF2-40B4-BE49-F238E27FC236}">
                <a16:creationId xmlns:a16="http://schemas.microsoft.com/office/drawing/2014/main" id="{C98E66F1-6DBC-420B-A0A4-9CCF2CCB2A0A}"/>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7" name="Left Footer">
            <a:extLst>
              <a:ext uri="{FF2B5EF4-FFF2-40B4-BE49-F238E27FC236}">
                <a16:creationId xmlns:a16="http://schemas.microsoft.com/office/drawing/2014/main" id="{EAE2558A-5E81-4613-BD4F-4F510C334C43}"/>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4" name="Picture Placeholder 1">
            <a:extLst>
              <a:ext uri="{FF2B5EF4-FFF2-40B4-BE49-F238E27FC236}">
                <a16:creationId xmlns:a16="http://schemas.microsoft.com/office/drawing/2014/main" id="{1ED2B663-0A12-4E05-BFF4-4B98F51E00AD}"/>
              </a:ext>
            </a:extLst>
          </p:cNvPr>
          <p:cNvSpPr>
            <a:spLocks noGrp="1"/>
          </p:cNvSpPr>
          <p:nvPr>
            <p:ph type="pic" sz="quarter" idx="10"/>
          </p:nvPr>
        </p:nvSpPr>
        <p:spPr>
          <a:xfrm>
            <a:off x="2562225" y="452438"/>
            <a:ext cx="9118600" cy="5953124"/>
          </a:xfrm>
        </p:spPr>
        <p:txBody>
          <a:bodyPr/>
          <a:lstStyle>
            <a:lvl1pPr>
              <a:defRPr>
                <a:solidFill>
                  <a:schemeClr val="bg1"/>
                </a:solidFill>
              </a:defRPr>
            </a:lvl1pPr>
          </a:lstStyle>
          <a:p>
            <a:r>
              <a:rPr lang="en-US" dirty="0"/>
              <a:t>Click icon to add picture</a:t>
            </a:r>
          </a:p>
        </p:txBody>
      </p:sp>
      <p:sp>
        <p:nvSpPr>
          <p:cNvPr id="6" name="Content Placeholder 1">
            <a:extLst>
              <a:ext uri="{FF2B5EF4-FFF2-40B4-BE49-F238E27FC236}">
                <a16:creationId xmlns:a16="http://schemas.microsoft.com/office/drawing/2014/main" id="{7CED3D3F-E05A-43E8-8434-506C9DB8CBD0}"/>
              </a:ext>
            </a:extLst>
          </p:cNvPr>
          <p:cNvSpPr>
            <a:spLocks noGrp="1"/>
          </p:cNvSpPr>
          <p:nvPr>
            <p:ph sz="quarter" idx="11" hasCustomPrompt="1"/>
          </p:nvPr>
        </p:nvSpPr>
        <p:spPr>
          <a:xfrm>
            <a:off x="511175" y="1601788"/>
            <a:ext cx="1436687" cy="4803774"/>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Tree>
    <p:extLst>
      <p:ext uri="{BB962C8B-B14F-4D97-AF65-F5344CB8AC3E}">
        <p14:creationId xmlns:p14="http://schemas.microsoft.com/office/powerpoint/2010/main" val="2587990599"/>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Dark Photo Layout 7">
    <p:spTree>
      <p:nvGrpSpPr>
        <p:cNvPr id="1" name=""/>
        <p:cNvGrpSpPr/>
        <p:nvPr/>
      </p:nvGrpSpPr>
      <p:grpSpPr>
        <a:xfrm>
          <a:off x="0" y="0"/>
          <a:ext cx="0" cy="0"/>
          <a:chOff x="0" y="0"/>
          <a:chExt cx="0" cy="0"/>
        </a:xfrm>
      </p:grpSpPr>
      <p:sp>
        <p:nvSpPr>
          <p:cNvPr id="8" name="Page Number">
            <a:extLst>
              <a:ext uri="{FF2B5EF4-FFF2-40B4-BE49-F238E27FC236}">
                <a16:creationId xmlns:a16="http://schemas.microsoft.com/office/drawing/2014/main" id="{C98E66F1-6DBC-420B-A0A4-9CCF2CCB2A0A}"/>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7" name="Left Footer">
            <a:extLst>
              <a:ext uri="{FF2B5EF4-FFF2-40B4-BE49-F238E27FC236}">
                <a16:creationId xmlns:a16="http://schemas.microsoft.com/office/drawing/2014/main" id="{EAE2558A-5E81-4613-BD4F-4F510C334C43}"/>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4" name="Picture Placeholder 1">
            <a:extLst>
              <a:ext uri="{FF2B5EF4-FFF2-40B4-BE49-F238E27FC236}">
                <a16:creationId xmlns:a16="http://schemas.microsoft.com/office/drawing/2014/main" id="{1ED2B663-0A12-4E05-BFF4-4B98F51E00AD}"/>
              </a:ext>
            </a:extLst>
          </p:cNvPr>
          <p:cNvSpPr>
            <a:spLocks noGrp="1"/>
          </p:cNvSpPr>
          <p:nvPr>
            <p:ph type="pic" sz="quarter" idx="10"/>
          </p:nvPr>
        </p:nvSpPr>
        <p:spPr>
          <a:xfrm>
            <a:off x="511175" y="452437"/>
            <a:ext cx="3997325" cy="5951537"/>
          </a:xfrm>
        </p:spPr>
        <p:txBody>
          <a:bodyPr/>
          <a:lstStyle>
            <a:lvl1pPr>
              <a:defRPr>
                <a:solidFill>
                  <a:schemeClr val="bg1"/>
                </a:solidFill>
              </a:defRPr>
            </a:lvl1pPr>
          </a:lstStyle>
          <a:p>
            <a:r>
              <a:rPr lang="en-US" dirty="0"/>
              <a:t>Click icon to add picture</a:t>
            </a:r>
          </a:p>
        </p:txBody>
      </p:sp>
      <p:sp>
        <p:nvSpPr>
          <p:cNvPr id="6" name="Content Placeholder 1">
            <a:extLst>
              <a:ext uri="{FF2B5EF4-FFF2-40B4-BE49-F238E27FC236}">
                <a16:creationId xmlns:a16="http://schemas.microsoft.com/office/drawing/2014/main" id="{7CED3D3F-E05A-43E8-8434-506C9DB8CBD0}"/>
              </a:ext>
            </a:extLst>
          </p:cNvPr>
          <p:cNvSpPr>
            <a:spLocks noGrp="1"/>
          </p:cNvSpPr>
          <p:nvPr>
            <p:ph sz="quarter" idx="11" hasCustomPrompt="1"/>
          </p:nvPr>
        </p:nvSpPr>
        <p:spPr>
          <a:xfrm>
            <a:off x="4610100" y="452438"/>
            <a:ext cx="1436687" cy="2298700"/>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8EC09833-8A7C-41EA-9003-4BEABFE05487}"/>
              </a:ext>
            </a:extLst>
          </p:cNvPr>
          <p:cNvSpPr>
            <a:spLocks noGrp="1"/>
          </p:cNvSpPr>
          <p:nvPr>
            <p:ph type="pic" sz="quarter" idx="12"/>
          </p:nvPr>
        </p:nvSpPr>
        <p:spPr>
          <a:xfrm>
            <a:off x="7683500" y="452437"/>
            <a:ext cx="3997326" cy="5951537"/>
          </a:xfrm>
        </p:spPr>
        <p:txBody>
          <a:bodyPr/>
          <a:lstStyle>
            <a:lvl1pPr marL="0" marR="0" indent="0" defTabSz="914400" eaLnBrk="1" fontAlgn="auto" latinLnBrk="0" hangingPunct="1">
              <a:lnSpc>
                <a:spcPct val="100000"/>
              </a:lnSpc>
              <a:spcBef>
                <a:spcPts val="1200"/>
              </a:spcBef>
              <a:spcAft>
                <a:spcPts val="1200"/>
              </a:spcAft>
              <a:buClrTx/>
              <a:buSzTx/>
              <a:buFontTx/>
              <a:buNone/>
              <a:tabLst/>
              <a:defRPr>
                <a:solidFill>
                  <a:schemeClr val="bg1"/>
                </a:solidFill>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9" name="Content Placeholder 2">
            <a:extLst>
              <a:ext uri="{FF2B5EF4-FFF2-40B4-BE49-F238E27FC236}">
                <a16:creationId xmlns:a16="http://schemas.microsoft.com/office/drawing/2014/main" id="{AADCA376-C974-4830-84A4-5CF228EA4B7A}"/>
              </a:ext>
            </a:extLst>
          </p:cNvPr>
          <p:cNvSpPr>
            <a:spLocks noGrp="1"/>
          </p:cNvSpPr>
          <p:nvPr>
            <p:ph sz="quarter" idx="13" hasCustomPrompt="1"/>
          </p:nvPr>
        </p:nvSpPr>
        <p:spPr>
          <a:xfrm>
            <a:off x="6146804" y="452438"/>
            <a:ext cx="1435100" cy="2298700"/>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Tree>
    <p:extLst>
      <p:ext uri="{BB962C8B-B14F-4D97-AF65-F5344CB8AC3E}">
        <p14:creationId xmlns:p14="http://schemas.microsoft.com/office/powerpoint/2010/main" val="281066472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Dark Photo Layout 8">
    <p:spTree>
      <p:nvGrpSpPr>
        <p:cNvPr id="1" name=""/>
        <p:cNvGrpSpPr/>
        <p:nvPr/>
      </p:nvGrpSpPr>
      <p:grpSpPr>
        <a:xfrm>
          <a:off x="0" y="0"/>
          <a:ext cx="0" cy="0"/>
          <a:chOff x="0" y="0"/>
          <a:chExt cx="0" cy="0"/>
        </a:xfrm>
      </p:grpSpPr>
      <p:sp>
        <p:nvSpPr>
          <p:cNvPr id="8" name="Page Number">
            <a:extLst>
              <a:ext uri="{FF2B5EF4-FFF2-40B4-BE49-F238E27FC236}">
                <a16:creationId xmlns:a16="http://schemas.microsoft.com/office/drawing/2014/main" id="{C98E66F1-6DBC-420B-A0A4-9CCF2CCB2A0A}"/>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7" name="Left Footer">
            <a:extLst>
              <a:ext uri="{FF2B5EF4-FFF2-40B4-BE49-F238E27FC236}">
                <a16:creationId xmlns:a16="http://schemas.microsoft.com/office/drawing/2014/main" id="{EAE2558A-5E81-4613-BD4F-4F510C334C43}"/>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4" name="Picture Placeholder 1">
            <a:extLst>
              <a:ext uri="{FF2B5EF4-FFF2-40B4-BE49-F238E27FC236}">
                <a16:creationId xmlns:a16="http://schemas.microsoft.com/office/drawing/2014/main" id="{1ED2B663-0A12-4E05-BFF4-4B98F51E00AD}"/>
              </a:ext>
            </a:extLst>
          </p:cNvPr>
          <p:cNvSpPr>
            <a:spLocks noGrp="1"/>
          </p:cNvSpPr>
          <p:nvPr>
            <p:ph type="pic" sz="quarter" idx="10"/>
          </p:nvPr>
        </p:nvSpPr>
        <p:spPr>
          <a:xfrm>
            <a:off x="511175" y="2227262"/>
            <a:ext cx="2971800" cy="4178428"/>
          </a:xfrm>
        </p:spPr>
        <p:txBody>
          <a:bodyPr/>
          <a:lstStyle>
            <a:lvl1pPr>
              <a:defRPr>
                <a:solidFill>
                  <a:schemeClr val="bg1"/>
                </a:solidFill>
              </a:defRPr>
            </a:lvl1pPr>
          </a:lstStyle>
          <a:p>
            <a:r>
              <a:rPr lang="en-US" dirty="0"/>
              <a:t>Click icon to add picture</a:t>
            </a:r>
          </a:p>
        </p:txBody>
      </p:sp>
      <p:sp>
        <p:nvSpPr>
          <p:cNvPr id="6" name="Content Placeholder 1">
            <a:extLst>
              <a:ext uri="{FF2B5EF4-FFF2-40B4-BE49-F238E27FC236}">
                <a16:creationId xmlns:a16="http://schemas.microsoft.com/office/drawing/2014/main" id="{7CED3D3F-E05A-43E8-8434-506C9DB8CBD0}"/>
              </a:ext>
            </a:extLst>
          </p:cNvPr>
          <p:cNvSpPr>
            <a:spLocks noGrp="1"/>
          </p:cNvSpPr>
          <p:nvPr>
            <p:ph sz="quarter" idx="11" hasCustomPrompt="1"/>
          </p:nvPr>
        </p:nvSpPr>
        <p:spPr>
          <a:xfrm>
            <a:off x="511175" y="452432"/>
            <a:ext cx="1436687" cy="1673479"/>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8EC09833-8A7C-41EA-9003-4BEABFE05487}"/>
              </a:ext>
            </a:extLst>
          </p:cNvPr>
          <p:cNvSpPr>
            <a:spLocks noGrp="1"/>
          </p:cNvSpPr>
          <p:nvPr>
            <p:ph type="pic" sz="quarter" idx="12"/>
          </p:nvPr>
        </p:nvSpPr>
        <p:spPr>
          <a:xfrm>
            <a:off x="4610100" y="2230372"/>
            <a:ext cx="2971800" cy="4175299"/>
          </a:xfrm>
        </p:spPr>
        <p:txBody>
          <a:bodyPr/>
          <a:lstStyle>
            <a:lvl1pPr marL="0" marR="0" indent="0" defTabSz="914400" eaLnBrk="1" fontAlgn="auto" latinLnBrk="0" hangingPunct="1">
              <a:lnSpc>
                <a:spcPct val="100000"/>
              </a:lnSpc>
              <a:spcBef>
                <a:spcPts val="1200"/>
              </a:spcBef>
              <a:spcAft>
                <a:spcPts val="1200"/>
              </a:spcAft>
              <a:buClrTx/>
              <a:buSzTx/>
              <a:buFontTx/>
              <a:buNone/>
              <a:tabLst/>
              <a:defRPr>
                <a:solidFill>
                  <a:schemeClr val="bg1"/>
                </a:solidFill>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9" name="Content Placeholder 2">
            <a:extLst>
              <a:ext uri="{FF2B5EF4-FFF2-40B4-BE49-F238E27FC236}">
                <a16:creationId xmlns:a16="http://schemas.microsoft.com/office/drawing/2014/main" id="{AADCA376-C974-4830-84A4-5CF228EA4B7A}"/>
              </a:ext>
            </a:extLst>
          </p:cNvPr>
          <p:cNvSpPr>
            <a:spLocks noGrp="1"/>
          </p:cNvSpPr>
          <p:nvPr>
            <p:ph sz="quarter" idx="13" hasCustomPrompt="1"/>
          </p:nvPr>
        </p:nvSpPr>
        <p:spPr>
          <a:xfrm>
            <a:off x="4610100" y="452328"/>
            <a:ext cx="1435100" cy="1677728"/>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5" name="Picture Placeholder 3">
            <a:extLst>
              <a:ext uri="{FF2B5EF4-FFF2-40B4-BE49-F238E27FC236}">
                <a16:creationId xmlns:a16="http://schemas.microsoft.com/office/drawing/2014/main" id="{5D3782D6-4F01-4CAB-9D0C-BDEA972A9280}"/>
              </a:ext>
            </a:extLst>
          </p:cNvPr>
          <p:cNvSpPr>
            <a:spLocks noGrp="1"/>
          </p:cNvSpPr>
          <p:nvPr>
            <p:ph type="pic" sz="quarter" idx="14"/>
          </p:nvPr>
        </p:nvSpPr>
        <p:spPr>
          <a:xfrm>
            <a:off x="8709024" y="2227263"/>
            <a:ext cx="2971800" cy="4178428"/>
          </a:xfrm>
        </p:spPr>
        <p:txBody>
          <a:bodyPr/>
          <a:lstStyle>
            <a:lvl1pPr>
              <a:defRPr>
                <a:solidFill>
                  <a:schemeClr val="bg1"/>
                </a:solidFill>
              </a:defRPr>
            </a:lvl1pPr>
          </a:lstStyle>
          <a:p>
            <a:r>
              <a:rPr lang="en-US" dirty="0"/>
              <a:t>Click icon to add picture</a:t>
            </a:r>
          </a:p>
        </p:txBody>
      </p:sp>
      <p:sp>
        <p:nvSpPr>
          <p:cNvPr id="11" name="Content Placeholder 3">
            <a:extLst>
              <a:ext uri="{FF2B5EF4-FFF2-40B4-BE49-F238E27FC236}">
                <a16:creationId xmlns:a16="http://schemas.microsoft.com/office/drawing/2014/main" id="{2521220F-8C54-4B2A-98AC-2B999019F3E3}"/>
              </a:ext>
            </a:extLst>
          </p:cNvPr>
          <p:cNvSpPr>
            <a:spLocks noGrp="1"/>
          </p:cNvSpPr>
          <p:nvPr>
            <p:ph sz="quarter" idx="15" hasCustomPrompt="1"/>
          </p:nvPr>
        </p:nvSpPr>
        <p:spPr>
          <a:xfrm>
            <a:off x="8709025" y="452438"/>
            <a:ext cx="1435100" cy="1673225"/>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Tree>
    <p:extLst>
      <p:ext uri="{BB962C8B-B14F-4D97-AF65-F5344CB8AC3E}">
        <p14:creationId xmlns:p14="http://schemas.microsoft.com/office/powerpoint/2010/main" val="2214988032"/>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Dark Photo Layout 9">
    <p:spTree>
      <p:nvGrpSpPr>
        <p:cNvPr id="1" name=""/>
        <p:cNvGrpSpPr/>
        <p:nvPr/>
      </p:nvGrpSpPr>
      <p:grpSpPr>
        <a:xfrm>
          <a:off x="0" y="0"/>
          <a:ext cx="0" cy="0"/>
          <a:chOff x="0" y="0"/>
          <a:chExt cx="0" cy="0"/>
        </a:xfrm>
      </p:grpSpPr>
      <p:sp>
        <p:nvSpPr>
          <p:cNvPr id="8" name="Page Number">
            <a:extLst>
              <a:ext uri="{FF2B5EF4-FFF2-40B4-BE49-F238E27FC236}">
                <a16:creationId xmlns:a16="http://schemas.microsoft.com/office/drawing/2014/main" id="{C98E66F1-6DBC-420B-A0A4-9CCF2CCB2A0A}"/>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bg1"/>
                </a:solidFill>
                <a:latin typeface="+mn-lt"/>
                <a:ea typeface="+mn-ea"/>
                <a:cs typeface="+mn-cs"/>
              </a:rPr>
              <a:pPr marL="0" algn="r" defTabSz="914400" rtl="0" eaLnBrk="1" latinLnBrk="0" hangingPunct="1"/>
              <a:t>‹#›</a:t>
            </a:fld>
            <a:endParaRPr lang="en-US" sz="800" b="0" kern="1200" cap="none" baseline="0" dirty="0">
              <a:solidFill>
                <a:schemeClr val="bg1"/>
              </a:solidFill>
              <a:latin typeface="+mn-lt"/>
              <a:ea typeface="+mn-ea"/>
              <a:cs typeface="+mn-cs"/>
            </a:endParaRPr>
          </a:p>
        </p:txBody>
      </p:sp>
      <p:sp>
        <p:nvSpPr>
          <p:cNvPr id="7" name="Left Footer">
            <a:extLst>
              <a:ext uri="{FF2B5EF4-FFF2-40B4-BE49-F238E27FC236}">
                <a16:creationId xmlns:a16="http://schemas.microsoft.com/office/drawing/2014/main" id="{EAE2558A-5E81-4613-BD4F-4F510C334C43}"/>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bg1"/>
                </a:solidFill>
                <a:latin typeface="+mn-lt"/>
                <a:ea typeface="+mn-ea"/>
                <a:cs typeface="+mn-cs"/>
              </a:rPr>
              <a:t>Confidential &amp; Proprietary | © </a:t>
            </a:r>
            <a:fld id="{B068ACA0-8C9F-4E58-A054-F52B2223E874}" type="datetimeyyyy">
              <a:rPr lang="en-US" sz="800" b="0" kern="1200" cap="none" baseline="0" smtClean="0">
                <a:solidFill>
                  <a:schemeClr val="bg1"/>
                </a:solidFill>
                <a:latin typeface="+mn-lt"/>
                <a:ea typeface="+mn-ea"/>
                <a:cs typeface="+mn-cs"/>
              </a:rPr>
              <a:pPr marL="0" algn="l" defTabSz="914400" rtl="0" eaLnBrk="1" latinLnBrk="0" hangingPunct="1"/>
              <a:t>2024</a:t>
            </a:fld>
            <a:r>
              <a:rPr lang="en-US" sz="800" b="0" kern="1200" cap="none" baseline="0" dirty="0">
                <a:solidFill>
                  <a:schemeClr val="bg1"/>
                </a:solidFill>
                <a:latin typeface="+mn-lt"/>
                <a:ea typeface="+mn-ea"/>
                <a:cs typeface="+mn-cs"/>
              </a:rPr>
              <a:t> CBRE, Inc.</a:t>
            </a:r>
          </a:p>
        </p:txBody>
      </p:sp>
      <p:sp>
        <p:nvSpPr>
          <p:cNvPr id="4" name="Picture Placeholder 1">
            <a:extLst>
              <a:ext uri="{FF2B5EF4-FFF2-40B4-BE49-F238E27FC236}">
                <a16:creationId xmlns:a16="http://schemas.microsoft.com/office/drawing/2014/main" id="{1ED2B663-0A12-4E05-BFF4-4B98F51E00AD}"/>
              </a:ext>
            </a:extLst>
          </p:cNvPr>
          <p:cNvSpPr>
            <a:spLocks noGrp="1"/>
          </p:cNvSpPr>
          <p:nvPr>
            <p:ph type="pic" sz="quarter" idx="10"/>
          </p:nvPr>
        </p:nvSpPr>
        <p:spPr>
          <a:xfrm>
            <a:off x="511175" y="2227262"/>
            <a:ext cx="2971800" cy="1773237"/>
          </a:xfrm>
        </p:spPr>
        <p:txBody>
          <a:bodyPr/>
          <a:lstStyle>
            <a:lvl1pPr>
              <a:defRPr>
                <a:solidFill>
                  <a:schemeClr val="bg1"/>
                </a:solidFill>
              </a:defRPr>
            </a:lvl1pPr>
          </a:lstStyle>
          <a:p>
            <a:r>
              <a:rPr lang="en-US" dirty="0"/>
              <a:t>Click icon to add picture</a:t>
            </a:r>
          </a:p>
        </p:txBody>
      </p:sp>
      <p:sp>
        <p:nvSpPr>
          <p:cNvPr id="6" name="Content Placeholder 1">
            <a:extLst>
              <a:ext uri="{FF2B5EF4-FFF2-40B4-BE49-F238E27FC236}">
                <a16:creationId xmlns:a16="http://schemas.microsoft.com/office/drawing/2014/main" id="{7CED3D3F-E05A-43E8-8434-506C9DB8CBD0}"/>
              </a:ext>
            </a:extLst>
          </p:cNvPr>
          <p:cNvSpPr>
            <a:spLocks noGrp="1"/>
          </p:cNvSpPr>
          <p:nvPr>
            <p:ph sz="quarter" idx="11" hasCustomPrompt="1"/>
          </p:nvPr>
        </p:nvSpPr>
        <p:spPr>
          <a:xfrm>
            <a:off x="511175" y="452438"/>
            <a:ext cx="1435608" cy="1673225"/>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3" name="Picture Placeholder 2">
            <a:extLst>
              <a:ext uri="{FF2B5EF4-FFF2-40B4-BE49-F238E27FC236}">
                <a16:creationId xmlns:a16="http://schemas.microsoft.com/office/drawing/2014/main" id="{8EC09833-8A7C-41EA-9003-4BEABFE05487}"/>
              </a:ext>
            </a:extLst>
          </p:cNvPr>
          <p:cNvSpPr>
            <a:spLocks noGrp="1"/>
          </p:cNvSpPr>
          <p:nvPr>
            <p:ph type="pic" sz="quarter" idx="12"/>
          </p:nvPr>
        </p:nvSpPr>
        <p:spPr>
          <a:xfrm>
            <a:off x="4610100" y="2230373"/>
            <a:ext cx="2971800" cy="1771909"/>
          </a:xfrm>
        </p:spPr>
        <p:txBody>
          <a:bodyPr/>
          <a:lstStyle>
            <a:lvl1pPr marL="0" marR="0" indent="0" defTabSz="914400" eaLnBrk="1" fontAlgn="auto" latinLnBrk="0" hangingPunct="1">
              <a:lnSpc>
                <a:spcPct val="100000"/>
              </a:lnSpc>
              <a:spcBef>
                <a:spcPts val="1200"/>
              </a:spcBef>
              <a:spcAft>
                <a:spcPts val="1200"/>
              </a:spcAft>
              <a:buClrTx/>
              <a:buSzTx/>
              <a:buFontTx/>
              <a:buNone/>
              <a:tabLst/>
              <a:defRPr>
                <a:solidFill>
                  <a:schemeClr val="bg1"/>
                </a:solidFill>
              </a:defRPr>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icon to add picture</a:t>
            </a:r>
          </a:p>
        </p:txBody>
      </p:sp>
      <p:sp>
        <p:nvSpPr>
          <p:cNvPr id="9" name="Content Placeholder 2">
            <a:extLst>
              <a:ext uri="{FF2B5EF4-FFF2-40B4-BE49-F238E27FC236}">
                <a16:creationId xmlns:a16="http://schemas.microsoft.com/office/drawing/2014/main" id="{AADCA376-C974-4830-84A4-5CF228EA4B7A}"/>
              </a:ext>
            </a:extLst>
          </p:cNvPr>
          <p:cNvSpPr>
            <a:spLocks noGrp="1"/>
          </p:cNvSpPr>
          <p:nvPr>
            <p:ph sz="quarter" idx="13" hasCustomPrompt="1"/>
          </p:nvPr>
        </p:nvSpPr>
        <p:spPr>
          <a:xfrm>
            <a:off x="4610100" y="452438"/>
            <a:ext cx="1435608" cy="1673225"/>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
        <p:nvSpPr>
          <p:cNvPr id="5" name="Picture Placeholder 3">
            <a:extLst>
              <a:ext uri="{FF2B5EF4-FFF2-40B4-BE49-F238E27FC236}">
                <a16:creationId xmlns:a16="http://schemas.microsoft.com/office/drawing/2014/main" id="{5D3782D6-4F01-4CAB-9D0C-BDEA972A9280}"/>
              </a:ext>
            </a:extLst>
          </p:cNvPr>
          <p:cNvSpPr>
            <a:spLocks noGrp="1"/>
          </p:cNvSpPr>
          <p:nvPr>
            <p:ph type="pic" sz="quarter" idx="14"/>
          </p:nvPr>
        </p:nvSpPr>
        <p:spPr>
          <a:xfrm>
            <a:off x="8709024" y="2227263"/>
            <a:ext cx="2971800" cy="1773237"/>
          </a:xfrm>
        </p:spPr>
        <p:txBody>
          <a:bodyPr/>
          <a:lstStyle>
            <a:lvl1pPr>
              <a:defRPr>
                <a:solidFill>
                  <a:schemeClr val="bg1"/>
                </a:solidFill>
              </a:defRPr>
            </a:lvl1pPr>
          </a:lstStyle>
          <a:p>
            <a:r>
              <a:rPr lang="en-US" dirty="0"/>
              <a:t>Click icon to add picture</a:t>
            </a:r>
          </a:p>
        </p:txBody>
      </p:sp>
      <p:sp>
        <p:nvSpPr>
          <p:cNvPr id="11" name="Content Placeholder 3">
            <a:extLst>
              <a:ext uri="{FF2B5EF4-FFF2-40B4-BE49-F238E27FC236}">
                <a16:creationId xmlns:a16="http://schemas.microsoft.com/office/drawing/2014/main" id="{2521220F-8C54-4B2A-98AC-2B999019F3E3}"/>
              </a:ext>
            </a:extLst>
          </p:cNvPr>
          <p:cNvSpPr>
            <a:spLocks noGrp="1"/>
          </p:cNvSpPr>
          <p:nvPr>
            <p:ph sz="quarter" idx="15" hasCustomPrompt="1"/>
          </p:nvPr>
        </p:nvSpPr>
        <p:spPr>
          <a:xfrm>
            <a:off x="8709025" y="452438"/>
            <a:ext cx="1435608" cy="1673225"/>
          </a:xfrm>
        </p:spPr>
        <p:txBody>
          <a:bodyPr anchor="t" anchorCtr="0"/>
          <a:lstStyle>
            <a:lvl1pPr>
              <a:spcBef>
                <a:spcPts val="600"/>
              </a:spcBef>
              <a:spcAft>
                <a:spcPts val="0"/>
              </a:spcAft>
              <a:defRPr lang="en-US" sz="1200" dirty="0" smtClean="0">
                <a:solidFill>
                  <a:schemeClr val="bg1"/>
                </a:solidFill>
                <a:latin typeface="Calibre Semibold" panose="020B0703030202060203" pitchFamily="34" charset="0"/>
                <a:ea typeface="+mn-ea"/>
                <a:cs typeface="+mn-cs"/>
              </a:defRPr>
            </a:lvl1pPr>
            <a:lvl2pPr>
              <a:spcBef>
                <a:spcPts val="0"/>
              </a:spcBef>
              <a:spcAft>
                <a:spcPts val="300"/>
              </a:spcAft>
              <a:defRPr lang="en-US" sz="1050" dirty="0" smtClean="0">
                <a:solidFill>
                  <a:schemeClr val="bg1"/>
                </a:solidFill>
                <a:latin typeface="+mn-lt"/>
                <a:ea typeface="+mn-ea"/>
                <a:cs typeface="+mn-cs"/>
              </a:defRPr>
            </a:lvl2pPr>
            <a:lvl3pPr marL="171450" indent="-171450">
              <a:spcBef>
                <a:spcPts val="0"/>
              </a:spcBef>
              <a:spcAft>
                <a:spcPts val="300"/>
              </a:spcAft>
              <a:buFont typeface="Calibre" panose="020B0503030202060203" pitchFamily="34" charset="0"/>
              <a:buChar char="–"/>
              <a:defRPr lang="en-US" sz="1050" dirty="0" smtClean="0">
                <a:solidFill>
                  <a:schemeClr val="bg1"/>
                </a:solidFill>
                <a:latin typeface="+mn-lt"/>
                <a:ea typeface="+mn-ea"/>
                <a:cs typeface="+mn-cs"/>
              </a:defRPr>
            </a:lvl3pPr>
            <a:lvl4pPr marL="356616">
              <a:spcBef>
                <a:spcPts val="0"/>
              </a:spcBef>
              <a:spcAft>
                <a:spcPts val="300"/>
              </a:spcAft>
              <a:buClr>
                <a:schemeClr val="bg1"/>
              </a:buClr>
              <a:defRPr lang="en-US" sz="1050" b="0" dirty="0" smtClean="0">
                <a:solidFill>
                  <a:schemeClr val="bg1"/>
                </a:solidFill>
                <a:latin typeface="+mn-lt"/>
                <a:ea typeface="+mn-ea"/>
                <a:cs typeface="+mn-cs"/>
              </a:defRPr>
            </a:lvl4pPr>
            <a:lvl5pPr marL="0" indent="0">
              <a:spcBef>
                <a:spcPts val="600"/>
              </a:spcBef>
              <a:spcAft>
                <a:spcPts val="0"/>
              </a:spcAft>
              <a:buFontTx/>
              <a:buNone/>
              <a:defRPr lang="en-US" sz="1200" dirty="0" smtClean="0">
                <a:solidFill>
                  <a:schemeClr val="bg1"/>
                </a:solidFill>
                <a:latin typeface="Calibre Semibold" panose="020B07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Sub heading</a:t>
            </a:r>
          </a:p>
          <a:p>
            <a:pPr lvl="1"/>
            <a:r>
              <a:rPr lang="en-US" dirty="0"/>
              <a:t>Text</a:t>
            </a:r>
          </a:p>
        </p:txBody>
      </p:sp>
    </p:spTree>
    <p:extLst>
      <p:ext uri="{BB962C8B-B14F-4D97-AF65-F5344CB8AC3E}">
        <p14:creationId xmlns:p14="http://schemas.microsoft.com/office/powerpoint/2010/main" val="521933784"/>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1 Column Intro">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1601787"/>
            <a:ext cx="8092440" cy="4275137"/>
          </a:xfrm>
        </p:spPr>
        <p:txBody>
          <a:bodyPr/>
          <a:lstStyle>
            <a:lvl1pPr marL="0" indent="536575">
              <a:spcBef>
                <a:spcPts val="0"/>
              </a:spcBef>
              <a:spcAft>
                <a:spcPts val="600"/>
              </a:spcAft>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327272392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Image Cover 2">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6F222E5-437D-4D26-94F0-6DA259B5944D}"/>
              </a:ext>
            </a:extLst>
          </p:cNvPr>
          <p:cNvSpPr>
            <a:spLocks noGrp="1"/>
          </p:cNvSpPr>
          <p:nvPr>
            <p:ph type="pic" sz="quarter" idx="12"/>
          </p:nvPr>
        </p:nvSpPr>
        <p:spPr>
          <a:xfrm>
            <a:off x="511176" y="1612900"/>
            <a:ext cx="2460624" cy="4775200"/>
          </a:xfrm>
        </p:spPr>
        <p:txBody>
          <a:bodyPr/>
          <a:lstStyle>
            <a:lvl1pPr>
              <a:defRPr>
                <a:solidFill>
                  <a:schemeClr val="bg1"/>
                </a:solidFill>
              </a:defRPr>
            </a:lvl1pPr>
          </a:lstStyle>
          <a:p>
            <a:r>
              <a:rPr lang="en-US" dirty="0"/>
              <a:t>Click icon to add picture</a:t>
            </a:r>
          </a:p>
        </p:txBody>
      </p:sp>
      <p:cxnSp>
        <p:nvCxnSpPr>
          <p:cNvPr id="7" name="Straight Connector 6">
            <a:extLst>
              <a:ext uri="{FF2B5EF4-FFF2-40B4-BE49-F238E27FC236}">
                <a16:creationId xmlns:a16="http://schemas.microsoft.com/office/drawing/2014/main" id="{4B50443A-8339-4B27-B4A9-FF02F1201B4A}"/>
              </a:ext>
            </a:extLst>
          </p:cNvPr>
          <p:cNvCxnSpPr>
            <a:cxnSpLocks/>
          </p:cNvCxnSpPr>
          <p:nvPr/>
        </p:nvCxnSpPr>
        <p:spPr>
          <a:xfrm>
            <a:off x="3584575" y="576536"/>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10244137" y="6245352"/>
            <a:ext cx="1435101" cy="412100"/>
          </a:xfrm>
          <a:prstGeom prst="rect">
            <a:avLst/>
          </a:prstGeom>
        </p:spPr>
        <p:txBody>
          <a:bodyPr lIns="0" tIns="0" rIns="0" bIns="0"/>
          <a:lstStyle>
            <a:lvl1pPr marL="0" marR="0" indent="0" algn="r" defTabSz="554492" eaLnBrk="1" fontAlgn="auto" latinLnBrk="0" hangingPunct="1">
              <a:lnSpc>
                <a:spcPts val="1698"/>
              </a:lnSpc>
              <a:spcBef>
                <a:spcPts val="0"/>
              </a:spcBef>
              <a:spcAft>
                <a:spcPts val="0"/>
              </a:spcAft>
              <a:buClrTx/>
              <a:buSzTx/>
              <a:buFontTx/>
              <a:buNone/>
              <a:tabLst/>
              <a:defRPr lang="en-US" sz="1050" b="0" kern="1200" spc="-3" dirty="0" err="1" smtClean="0">
                <a:solidFill>
                  <a:srgbClr val="FFFFFF"/>
                </a:solidFill>
                <a:latin typeface="Space Mono" panose="02000509040000020004" pitchFamily="49" charset="0"/>
                <a:ea typeface="+mn-ea"/>
                <a:cs typeface="Space Mono" panose="02000509040000020004" pitchFamily="49" charset="0"/>
              </a:defRPr>
            </a:lvl1pPr>
          </a:lstStyle>
          <a:p>
            <a:r>
              <a:rPr lang="en-US" dirty="0"/>
              <a:t>DAT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3584575" y="1556510"/>
            <a:ext cx="5022844" cy="1820100"/>
          </a:xfrm>
        </p:spPr>
        <p:txBody>
          <a:bodyPr/>
          <a:lstStyle>
            <a:lvl1pPr>
              <a:lnSpc>
                <a:spcPct val="85000"/>
              </a:lnSpc>
              <a:defRPr sz="5400">
                <a:solidFill>
                  <a:schemeClr val="bg1"/>
                </a:solidFill>
              </a:defRPr>
            </a:lvl1pPr>
          </a:lstStyle>
          <a:p>
            <a:r>
              <a:rPr lang="en-US"/>
              <a:t>Click to edit Master title style</a:t>
            </a:r>
            <a:endParaRPr lang="en-US" dirty="0"/>
          </a:p>
        </p:txBody>
      </p:sp>
      <p:sp>
        <p:nvSpPr>
          <p:cNvPr id="22" name="Rectangle 21">
            <a:extLst>
              <a:ext uri="{FF2B5EF4-FFF2-40B4-BE49-F238E27FC236}">
                <a16:creationId xmlns:a16="http://schemas.microsoft.com/office/drawing/2014/main" id="{51402F92-C298-4C9D-B165-225CA6300EEC}"/>
              </a:ext>
            </a:extLst>
          </p:cNvPr>
          <p:cNvSpPr/>
          <p:nvPr/>
        </p:nvSpPr>
        <p:spPr>
          <a:xfrm>
            <a:off x="0" y="0"/>
            <a:ext cx="3584575" cy="1091651"/>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CBRE Vector Logo">
            <a:extLst>
              <a:ext uri="{FF2B5EF4-FFF2-40B4-BE49-F238E27FC236}">
                <a16:creationId xmlns:a16="http://schemas.microsoft.com/office/drawing/2014/main" id="{82DBAA3F-69EC-44A9-B319-FA842EEDB687}"/>
              </a:ext>
            </a:extLst>
          </p:cNvPr>
          <p:cNvSpPr>
            <a:spLocks noChangeAspect="1"/>
          </p:cNvSpPr>
          <p:nvPr userDrawn="1"/>
        </p:nvSpPr>
        <p:spPr>
          <a:xfrm>
            <a:off x="10755020" y="457200"/>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chemeClr val="bg1"/>
          </a:solidFill>
          <a:ln w="2617" cap="flat">
            <a:noFill/>
            <a:prstDash val="solid"/>
            <a:miter/>
          </a:ln>
        </p:spPr>
        <p:txBody>
          <a:bodyPr wrap="square" rtlCol="0" anchor="ctr">
            <a:noAutofit/>
          </a:bodyPr>
          <a:lstStyle/>
          <a:p>
            <a:endParaRPr lang="en-US" dirty="0"/>
          </a:p>
        </p:txBody>
      </p:sp>
      <p:pic>
        <p:nvPicPr>
          <p:cNvPr id="2" name="Picture 1" descr="A red flag on a white background&#10;&#10;Description automatically generated">
            <a:extLst>
              <a:ext uri="{FF2B5EF4-FFF2-40B4-BE49-F238E27FC236}">
                <a16:creationId xmlns:a16="http://schemas.microsoft.com/office/drawing/2014/main" id="{D28F4571-4C32-8632-591E-56D15C8D0424}"/>
              </a:ext>
            </a:extLst>
          </p:cNvPr>
          <p:cNvPicPr>
            <a:picLocks noChangeAspect="1"/>
          </p:cNvPicPr>
          <p:nvPr userDrawn="1"/>
        </p:nvPicPr>
        <p:blipFill>
          <a:blip r:embed="rId2" cstate="email">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Tree>
    <p:extLst>
      <p:ext uri="{BB962C8B-B14F-4D97-AF65-F5344CB8AC3E}">
        <p14:creationId xmlns:p14="http://schemas.microsoft.com/office/powerpoint/2010/main" val="291303960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1 Column + Subheading">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1601787"/>
            <a:ext cx="8092440" cy="427513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3584448" y="914400"/>
            <a:ext cx="2971800"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Tree>
    <p:extLst>
      <p:ext uri="{BB962C8B-B14F-4D97-AF65-F5344CB8AC3E}">
        <p14:creationId xmlns:p14="http://schemas.microsoft.com/office/powerpoint/2010/main" val="487871491"/>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1 Column Full Content Area">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452439"/>
            <a:ext cx="8092440" cy="59529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3041292562"/>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2 Column">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1601787"/>
            <a:ext cx="3484690" cy="480518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Content Placeholder 2">
            <a:extLst>
              <a:ext uri="{FF2B5EF4-FFF2-40B4-BE49-F238E27FC236}">
                <a16:creationId xmlns:a16="http://schemas.microsoft.com/office/drawing/2014/main" id="{062DCBD7-5BF0-4732-A229-4209A8A6C7F1}"/>
              </a:ext>
            </a:extLst>
          </p:cNvPr>
          <p:cNvSpPr>
            <a:spLocks noGrp="1"/>
          </p:cNvSpPr>
          <p:nvPr>
            <p:ph sz="quarter" idx="13"/>
          </p:nvPr>
        </p:nvSpPr>
        <p:spPr>
          <a:xfrm>
            <a:off x="7683500" y="1601787"/>
            <a:ext cx="3482975" cy="480218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3436028875"/>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2 Column + Subheadings">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1601788"/>
            <a:ext cx="3997452" cy="480123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3584447" y="914400"/>
            <a:ext cx="3986633"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9" name="Content Placeholder 2">
            <a:extLst>
              <a:ext uri="{FF2B5EF4-FFF2-40B4-BE49-F238E27FC236}">
                <a16:creationId xmlns:a16="http://schemas.microsoft.com/office/drawing/2014/main" id="{42EA3364-699E-4FFA-BD42-6EF5EA1F1F61}"/>
              </a:ext>
            </a:extLst>
          </p:cNvPr>
          <p:cNvSpPr>
            <a:spLocks noGrp="1"/>
          </p:cNvSpPr>
          <p:nvPr>
            <p:ph sz="quarter" idx="14"/>
          </p:nvPr>
        </p:nvSpPr>
        <p:spPr>
          <a:xfrm>
            <a:off x="7683500" y="1601787"/>
            <a:ext cx="3995738" cy="48021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Subheading Placeholder 2">
            <a:extLst>
              <a:ext uri="{FF2B5EF4-FFF2-40B4-BE49-F238E27FC236}">
                <a16:creationId xmlns:a16="http://schemas.microsoft.com/office/drawing/2014/main" id="{6FE6ECDB-AF0B-4645-9EF8-7E58A711A6A0}"/>
              </a:ext>
            </a:extLst>
          </p:cNvPr>
          <p:cNvSpPr>
            <a:spLocks noGrp="1"/>
          </p:cNvSpPr>
          <p:nvPr>
            <p:ph type="body" sz="quarter" idx="15" hasCustomPrompt="1"/>
          </p:nvPr>
        </p:nvSpPr>
        <p:spPr>
          <a:xfrm>
            <a:off x="7683499" y="914400"/>
            <a:ext cx="3986784"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Tree>
    <p:extLst>
      <p:ext uri="{BB962C8B-B14F-4D97-AF65-F5344CB8AC3E}">
        <p14:creationId xmlns:p14="http://schemas.microsoft.com/office/powerpoint/2010/main" val="967664731"/>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2 Column + Subheadings + Statement">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1601787"/>
            <a:ext cx="3997452" cy="480218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3584447" y="914400"/>
            <a:ext cx="3986633"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9" name="Content Placeholder 2">
            <a:extLst>
              <a:ext uri="{FF2B5EF4-FFF2-40B4-BE49-F238E27FC236}">
                <a16:creationId xmlns:a16="http://schemas.microsoft.com/office/drawing/2014/main" id="{42EA3364-699E-4FFA-BD42-6EF5EA1F1F61}"/>
              </a:ext>
            </a:extLst>
          </p:cNvPr>
          <p:cNvSpPr>
            <a:spLocks noGrp="1"/>
          </p:cNvSpPr>
          <p:nvPr>
            <p:ph sz="quarter" idx="14"/>
          </p:nvPr>
        </p:nvSpPr>
        <p:spPr>
          <a:xfrm>
            <a:off x="7683500" y="1601787"/>
            <a:ext cx="1938528" cy="4802187"/>
          </a:xfrm>
        </p:spPr>
        <p:txBody>
          <a:bodyPr/>
          <a:lstStyle>
            <a:lvl1pPr>
              <a:defRPr lang="en-US" sz="1600" b="0" dirty="0">
                <a:solidFill>
                  <a:schemeClr val="tx1"/>
                </a:solidFill>
                <a:latin typeface="Calibre Semibold" panose="020B0703030202060203" pitchFamily="34" charset="0"/>
                <a:ea typeface="+mn-ea"/>
                <a:cs typeface="+mn-cs"/>
              </a:defRPr>
            </a:lvl1pPr>
            <a:lvl2pPr>
              <a:defRPr lang="en-US" sz="1200" dirty="0">
                <a:solidFill>
                  <a:schemeClr val="tx1"/>
                </a:solidFill>
                <a:latin typeface="+mn-lt"/>
                <a:ea typeface="+mn-ea"/>
                <a:cs typeface="+mn-cs"/>
              </a:defRPr>
            </a:lvl2pPr>
            <a:lvl3pPr marL="171450" indent="-171450">
              <a:buFont typeface="Calibre" panose="020B0503030202060203" pitchFamily="34" charset="0"/>
              <a:buChar char="–"/>
              <a:defRPr lang="en-US" sz="1200" dirty="0">
                <a:solidFill>
                  <a:schemeClr val="tx1"/>
                </a:solidFill>
                <a:latin typeface="+mn-lt"/>
                <a:ea typeface="+mn-ea"/>
                <a:cs typeface="+mn-cs"/>
              </a:defRPr>
            </a:lvl3pPr>
            <a:lvl4pPr marL="356616">
              <a:defRPr lang="en-US" sz="1200" b="0" dirty="0">
                <a:solidFill>
                  <a:schemeClr val="tx1"/>
                </a:solidFill>
                <a:latin typeface="+mn-lt"/>
                <a:ea typeface="+mn-ea"/>
                <a:cs typeface="+mn-cs"/>
              </a:defRPr>
            </a:lvl4pPr>
            <a:lvl5pPr marL="0" indent="0">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defRPr lang="en-US" sz="1050" b="0" dirty="0" smtClean="0">
                <a:solidFill>
                  <a:schemeClr val="tx1"/>
                </a:solidFill>
                <a:latin typeface="+mn-lt"/>
                <a:ea typeface="+mn-ea"/>
                <a:cs typeface="+mn-cs"/>
              </a:defRPr>
            </a:lvl7pPr>
            <a:lvl8pPr marL="171450" indent="-171450">
              <a:buFont typeface="Calibre" panose="020B0503030202060203" pitchFamily="34" charset="0"/>
              <a:buChar char="–"/>
              <a:defRPr lang="en-US" sz="1050" dirty="0" smtClean="0">
                <a:solidFill>
                  <a:schemeClr val="tx1"/>
                </a:solidFill>
                <a:latin typeface="+mn-lt"/>
                <a:ea typeface="+mn-ea"/>
                <a:cs typeface="+mn-cs"/>
              </a:defRPr>
            </a:lvl8pPr>
          </a:lstStyle>
          <a:p>
            <a:pPr lvl="0"/>
            <a:r>
              <a:rPr lang="en-US"/>
              <a:t>Click to edit Master text styles</a:t>
            </a:r>
          </a:p>
          <a:p>
            <a:pPr lvl="1"/>
            <a:r>
              <a:rPr lang="en-US"/>
              <a:t>Second level</a:t>
            </a:r>
          </a:p>
          <a:p>
            <a:pPr lvl="2"/>
            <a:r>
              <a:rPr lang="en-US"/>
              <a:t>Third level</a:t>
            </a:r>
          </a:p>
          <a:p>
            <a:pPr lvl="3"/>
            <a:r>
              <a:rPr lang="en-US"/>
              <a:t>Fourth level</a:t>
            </a:r>
          </a:p>
        </p:txBody>
      </p:sp>
      <p:sp>
        <p:nvSpPr>
          <p:cNvPr id="11" name="Subheading Placeholder 2">
            <a:extLst>
              <a:ext uri="{FF2B5EF4-FFF2-40B4-BE49-F238E27FC236}">
                <a16:creationId xmlns:a16="http://schemas.microsoft.com/office/drawing/2014/main" id="{6FE6ECDB-AF0B-4645-9EF8-7E58A711A6A0}"/>
              </a:ext>
            </a:extLst>
          </p:cNvPr>
          <p:cNvSpPr>
            <a:spLocks noGrp="1"/>
          </p:cNvSpPr>
          <p:nvPr>
            <p:ph type="body" sz="quarter" idx="15" hasCustomPrompt="1"/>
          </p:nvPr>
        </p:nvSpPr>
        <p:spPr>
          <a:xfrm>
            <a:off x="7683499" y="914400"/>
            <a:ext cx="3986784"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10" name="Content Placeholder 3">
            <a:extLst>
              <a:ext uri="{FF2B5EF4-FFF2-40B4-BE49-F238E27FC236}">
                <a16:creationId xmlns:a16="http://schemas.microsoft.com/office/drawing/2014/main" id="{BB682FBA-E10C-49A4-BDD6-259592864FE4}"/>
              </a:ext>
            </a:extLst>
          </p:cNvPr>
          <p:cNvSpPr>
            <a:spLocks noGrp="1"/>
          </p:cNvSpPr>
          <p:nvPr>
            <p:ph sz="quarter" idx="16"/>
          </p:nvPr>
        </p:nvSpPr>
        <p:spPr>
          <a:xfrm>
            <a:off x="9731755" y="1601787"/>
            <a:ext cx="1938528" cy="4802187"/>
          </a:xfrm>
        </p:spPr>
        <p:txBody>
          <a:bodyPr/>
          <a:lstStyle>
            <a:lvl1pPr>
              <a:defRPr lang="en-US" sz="1600" b="0" dirty="0">
                <a:solidFill>
                  <a:schemeClr val="tx1"/>
                </a:solidFill>
                <a:latin typeface="Calibre Semibold" panose="020B0703030202060203" pitchFamily="34" charset="0"/>
                <a:ea typeface="+mn-ea"/>
                <a:cs typeface="+mn-cs"/>
              </a:defRPr>
            </a:lvl1pPr>
            <a:lvl2pPr>
              <a:defRPr lang="en-US" sz="1200" dirty="0">
                <a:solidFill>
                  <a:schemeClr val="tx1"/>
                </a:solidFill>
                <a:latin typeface="+mn-lt"/>
                <a:ea typeface="+mn-ea"/>
                <a:cs typeface="+mn-cs"/>
              </a:defRPr>
            </a:lvl2pPr>
            <a:lvl3pPr marL="171450" indent="-171450">
              <a:buFont typeface="Calibre" panose="020B0503030202060203" pitchFamily="34" charset="0"/>
              <a:buChar char="–"/>
              <a:defRPr lang="en-US" sz="1200" dirty="0">
                <a:solidFill>
                  <a:schemeClr val="tx1"/>
                </a:solidFill>
                <a:latin typeface="+mn-lt"/>
                <a:ea typeface="+mn-ea"/>
                <a:cs typeface="+mn-cs"/>
              </a:defRPr>
            </a:lvl3pPr>
            <a:lvl4pPr marL="356616">
              <a:defRPr lang="en-US" sz="1200" b="0" dirty="0">
                <a:solidFill>
                  <a:schemeClr val="tx1"/>
                </a:solidFill>
                <a:latin typeface="+mn-lt"/>
                <a:ea typeface="+mn-ea"/>
                <a:cs typeface="+mn-cs"/>
              </a:defRPr>
            </a:lvl4pPr>
            <a:lvl5pPr marL="0" indent="0">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defRPr lang="en-US" sz="1050" b="0" dirty="0" smtClean="0">
                <a:solidFill>
                  <a:schemeClr val="tx1"/>
                </a:solidFill>
                <a:latin typeface="+mn-lt"/>
                <a:ea typeface="+mn-ea"/>
                <a:cs typeface="+mn-cs"/>
              </a:defRPr>
            </a:lvl7pPr>
            <a:lvl8pPr marL="171450" indent="-171450">
              <a:buFont typeface="Calibre" panose="020B0503030202060203" pitchFamily="34" charset="0"/>
              <a:buChar char="–"/>
              <a:defRPr lang="en-US" sz="1050" dirty="0" smtClean="0">
                <a:solidFill>
                  <a:schemeClr val="tx1"/>
                </a:solidFill>
                <a:latin typeface="+mn-lt"/>
                <a:ea typeface="+mn-ea"/>
                <a:cs typeface="+mn-cs"/>
              </a:defRPr>
            </a:lvl8pPr>
          </a:lstStyle>
          <a:p>
            <a:pPr lvl="0"/>
            <a:r>
              <a:rPr lang="en-US"/>
              <a:t>Click to edit Master text styles</a:t>
            </a:r>
          </a:p>
          <a:p>
            <a:pPr lvl="1"/>
            <a:r>
              <a:rPr lang="en-US"/>
              <a:t>Second level</a:t>
            </a:r>
          </a:p>
          <a:p>
            <a:pPr lvl="2"/>
            <a:r>
              <a:rPr lang="en-US"/>
              <a:t>Third level</a:t>
            </a:r>
          </a:p>
          <a:p>
            <a:pPr lvl="3"/>
            <a:r>
              <a:rPr lang="en-US"/>
              <a:t>Fourth level</a:t>
            </a:r>
          </a:p>
        </p:txBody>
      </p:sp>
    </p:spTree>
    <p:extLst>
      <p:ext uri="{BB962C8B-B14F-4D97-AF65-F5344CB8AC3E}">
        <p14:creationId xmlns:p14="http://schemas.microsoft.com/office/powerpoint/2010/main" val="997792472"/>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2 Subheadings + 2 Content">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2851983"/>
            <a:ext cx="1938528" cy="355199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3584447" y="914400"/>
            <a:ext cx="3986633"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9" name="Content Placeholder 2">
            <a:extLst>
              <a:ext uri="{FF2B5EF4-FFF2-40B4-BE49-F238E27FC236}">
                <a16:creationId xmlns:a16="http://schemas.microsoft.com/office/drawing/2014/main" id="{42EA3364-699E-4FFA-BD42-6EF5EA1F1F61}"/>
              </a:ext>
            </a:extLst>
          </p:cNvPr>
          <p:cNvSpPr>
            <a:spLocks noGrp="1"/>
          </p:cNvSpPr>
          <p:nvPr>
            <p:ph sz="quarter" idx="14"/>
          </p:nvPr>
        </p:nvSpPr>
        <p:spPr>
          <a:xfrm>
            <a:off x="5641460" y="2851983"/>
            <a:ext cx="1938528" cy="355199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Subheading Placeholder 2">
            <a:extLst>
              <a:ext uri="{FF2B5EF4-FFF2-40B4-BE49-F238E27FC236}">
                <a16:creationId xmlns:a16="http://schemas.microsoft.com/office/drawing/2014/main" id="{6FE6ECDB-AF0B-4645-9EF8-7E58A711A6A0}"/>
              </a:ext>
            </a:extLst>
          </p:cNvPr>
          <p:cNvSpPr>
            <a:spLocks noGrp="1"/>
          </p:cNvSpPr>
          <p:nvPr>
            <p:ph type="body" sz="quarter" idx="15" hasCustomPrompt="1"/>
          </p:nvPr>
        </p:nvSpPr>
        <p:spPr>
          <a:xfrm>
            <a:off x="7683499" y="914400"/>
            <a:ext cx="3986784"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Tree>
    <p:extLst>
      <p:ext uri="{BB962C8B-B14F-4D97-AF65-F5344CB8AC3E}">
        <p14:creationId xmlns:p14="http://schemas.microsoft.com/office/powerpoint/2010/main" val="1122313912"/>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3 Column + Subheadings">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1601788"/>
            <a:ext cx="2450592" cy="479964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3584447" y="914400"/>
            <a:ext cx="2450592"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9" name="Content Placeholder 2">
            <a:extLst>
              <a:ext uri="{FF2B5EF4-FFF2-40B4-BE49-F238E27FC236}">
                <a16:creationId xmlns:a16="http://schemas.microsoft.com/office/drawing/2014/main" id="{42EA3364-699E-4FFA-BD42-6EF5EA1F1F61}"/>
              </a:ext>
            </a:extLst>
          </p:cNvPr>
          <p:cNvSpPr>
            <a:spLocks noGrp="1"/>
          </p:cNvSpPr>
          <p:nvPr>
            <p:ph sz="quarter" idx="14"/>
          </p:nvPr>
        </p:nvSpPr>
        <p:spPr>
          <a:xfrm>
            <a:off x="6146736" y="1601787"/>
            <a:ext cx="2450592" cy="480059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Subheading Placeholder 2">
            <a:extLst>
              <a:ext uri="{FF2B5EF4-FFF2-40B4-BE49-F238E27FC236}">
                <a16:creationId xmlns:a16="http://schemas.microsoft.com/office/drawing/2014/main" id="{6FE6ECDB-AF0B-4645-9EF8-7E58A711A6A0}"/>
              </a:ext>
            </a:extLst>
          </p:cNvPr>
          <p:cNvSpPr>
            <a:spLocks noGrp="1"/>
          </p:cNvSpPr>
          <p:nvPr>
            <p:ph type="body" sz="quarter" idx="15" hasCustomPrompt="1"/>
          </p:nvPr>
        </p:nvSpPr>
        <p:spPr>
          <a:xfrm>
            <a:off x="6145942" y="914400"/>
            <a:ext cx="2450592"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10" name="Content Placeholder 3">
            <a:extLst>
              <a:ext uri="{FF2B5EF4-FFF2-40B4-BE49-F238E27FC236}">
                <a16:creationId xmlns:a16="http://schemas.microsoft.com/office/drawing/2014/main" id="{96F8CE7E-C8FD-42CD-9FE2-33854B67611D}"/>
              </a:ext>
            </a:extLst>
          </p:cNvPr>
          <p:cNvSpPr>
            <a:spLocks noGrp="1"/>
          </p:cNvSpPr>
          <p:nvPr>
            <p:ph sz="quarter" idx="16"/>
          </p:nvPr>
        </p:nvSpPr>
        <p:spPr>
          <a:xfrm>
            <a:off x="8709024" y="1601787"/>
            <a:ext cx="2450592" cy="48021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Subheading Placeholder 3">
            <a:extLst>
              <a:ext uri="{FF2B5EF4-FFF2-40B4-BE49-F238E27FC236}">
                <a16:creationId xmlns:a16="http://schemas.microsoft.com/office/drawing/2014/main" id="{8D649D2F-7D7D-4802-A705-A08201E6D24D}"/>
              </a:ext>
            </a:extLst>
          </p:cNvPr>
          <p:cNvSpPr>
            <a:spLocks noGrp="1"/>
          </p:cNvSpPr>
          <p:nvPr>
            <p:ph type="body" sz="quarter" idx="17" hasCustomPrompt="1"/>
          </p:nvPr>
        </p:nvSpPr>
        <p:spPr>
          <a:xfrm>
            <a:off x="8707438" y="914400"/>
            <a:ext cx="2450592"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Tree>
    <p:extLst>
      <p:ext uri="{BB962C8B-B14F-4D97-AF65-F5344CB8AC3E}">
        <p14:creationId xmlns:p14="http://schemas.microsoft.com/office/powerpoint/2010/main" val="890083140"/>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3 Column + Footnotes">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476250"/>
            <a:ext cx="2450592" cy="415137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spcBef>
                <a:spcPts val="600"/>
              </a:spcBef>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Subtext Placeholder 1">
            <a:extLst>
              <a:ext uri="{FF2B5EF4-FFF2-40B4-BE49-F238E27FC236}">
                <a16:creationId xmlns:a16="http://schemas.microsoft.com/office/drawing/2014/main" id="{6C390E93-FB47-4508-8D69-B4A57B26C511}"/>
              </a:ext>
            </a:extLst>
          </p:cNvPr>
          <p:cNvSpPr>
            <a:spLocks noGrp="1"/>
          </p:cNvSpPr>
          <p:nvPr>
            <p:ph type="body" sz="quarter" idx="15"/>
          </p:nvPr>
        </p:nvSpPr>
        <p:spPr>
          <a:xfrm>
            <a:off x="3584448" y="4727573"/>
            <a:ext cx="2450592" cy="1676401"/>
          </a:xfrm>
          <a:solidFill>
            <a:schemeClr val="accent3">
              <a:alpha val="30000"/>
            </a:schemeClr>
          </a:solidFill>
        </p:spPr>
        <p:txBody>
          <a:bodyPr lIns="73152" bIns="73152"/>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a:t>Click to edit Master text styles</a:t>
            </a:r>
          </a:p>
          <a:p>
            <a:pPr lvl="1"/>
            <a:r>
              <a:rPr lang="en-US"/>
              <a:t>Second level</a:t>
            </a:r>
          </a:p>
          <a:p>
            <a:pPr lvl="2"/>
            <a:r>
              <a:rPr lang="en-US"/>
              <a:t>Third level</a:t>
            </a:r>
          </a:p>
          <a:p>
            <a:pPr lvl="3"/>
            <a:r>
              <a:rPr lang="en-US"/>
              <a:t>Fourth level</a:t>
            </a:r>
          </a:p>
        </p:txBody>
      </p:sp>
      <p:sp>
        <p:nvSpPr>
          <p:cNvPr id="8" name="Content Placeholder 2">
            <a:extLst>
              <a:ext uri="{FF2B5EF4-FFF2-40B4-BE49-F238E27FC236}">
                <a16:creationId xmlns:a16="http://schemas.microsoft.com/office/drawing/2014/main" id="{062DCBD7-5BF0-4732-A229-4209A8A6C7F1}"/>
              </a:ext>
            </a:extLst>
          </p:cNvPr>
          <p:cNvSpPr>
            <a:spLocks noGrp="1"/>
          </p:cNvSpPr>
          <p:nvPr>
            <p:ph sz="quarter" idx="13"/>
          </p:nvPr>
        </p:nvSpPr>
        <p:spPr>
          <a:xfrm>
            <a:off x="6145943" y="476250"/>
            <a:ext cx="2450592" cy="415137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spcBef>
                <a:spcPts val="600"/>
              </a:spcBef>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Subtext Placeholder 2">
            <a:extLst>
              <a:ext uri="{FF2B5EF4-FFF2-40B4-BE49-F238E27FC236}">
                <a16:creationId xmlns:a16="http://schemas.microsoft.com/office/drawing/2014/main" id="{9CB3A31D-1A3D-45AF-840F-64EED0DF25A0}"/>
              </a:ext>
            </a:extLst>
          </p:cNvPr>
          <p:cNvSpPr>
            <a:spLocks noGrp="1"/>
          </p:cNvSpPr>
          <p:nvPr>
            <p:ph type="body" sz="quarter" idx="16"/>
          </p:nvPr>
        </p:nvSpPr>
        <p:spPr>
          <a:xfrm>
            <a:off x="6145943" y="4727573"/>
            <a:ext cx="2450592" cy="1676401"/>
          </a:xfrm>
          <a:solidFill>
            <a:schemeClr val="accent3">
              <a:alpha val="30000"/>
            </a:schemeClr>
          </a:solidFill>
        </p:spPr>
        <p:txBody>
          <a:bodyPr lIns="73152" bIns="73152"/>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a:t>Click to edit Master text styles</a:t>
            </a:r>
          </a:p>
          <a:p>
            <a:pPr lvl="1"/>
            <a:r>
              <a:rPr lang="en-US"/>
              <a:t>Second level</a:t>
            </a:r>
          </a:p>
          <a:p>
            <a:pPr lvl="2"/>
            <a:r>
              <a:rPr lang="en-US"/>
              <a:t>Third level</a:t>
            </a:r>
          </a:p>
          <a:p>
            <a:pPr lvl="3"/>
            <a:r>
              <a:rPr lang="en-US"/>
              <a:t>Fourth level</a:t>
            </a:r>
          </a:p>
        </p:txBody>
      </p:sp>
      <p:sp>
        <p:nvSpPr>
          <p:cNvPr id="9" name="Content Placeholder 3">
            <a:extLst>
              <a:ext uri="{FF2B5EF4-FFF2-40B4-BE49-F238E27FC236}">
                <a16:creationId xmlns:a16="http://schemas.microsoft.com/office/drawing/2014/main" id="{88CABEE8-2F23-4BF8-BA5A-3753F2156D11}"/>
              </a:ext>
            </a:extLst>
          </p:cNvPr>
          <p:cNvSpPr>
            <a:spLocks noGrp="1"/>
          </p:cNvSpPr>
          <p:nvPr>
            <p:ph sz="quarter" idx="14"/>
          </p:nvPr>
        </p:nvSpPr>
        <p:spPr>
          <a:xfrm>
            <a:off x="8707438" y="476250"/>
            <a:ext cx="2450592" cy="415137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spcBef>
                <a:spcPts val="600"/>
              </a:spcBef>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5" name="Subtext Placeholder 3">
            <a:extLst>
              <a:ext uri="{FF2B5EF4-FFF2-40B4-BE49-F238E27FC236}">
                <a16:creationId xmlns:a16="http://schemas.microsoft.com/office/drawing/2014/main" id="{4CF881C7-C1D5-4173-84A6-6FBF2971565A}"/>
              </a:ext>
            </a:extLst>
          </p:cNvPr>
          <p:cNvSpPr>
            <a:spLocks noGrp="1"/>
          </p:cNvSpPr>
          <p:nvPr>
            <p:ph type="body" sz="quarter" idx="17"/>
          </p:nvPr>
        </p:nvSpPr>
        <p:spPr>
          <a:xfrm>
            <a:off x="8707438" y="4724399"/>
            <a:ext cx="2450592" cy="1676401"/>
          </a:xfrm>
          <a:solidFill>
            <a:schemeClr val="accent3">
              <a:alpha val="30000"/>
            </a:schemeClr>
          </a:solidFill>
        </p:spPr>
        <p:txBody>
          <a:bodyPr lIns="73152" bIns="73152"/>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a:t>Click to edit Master text styles</a:t>
            </a:r>
          </a:p>
          <a:p>
            <a:pPr lvl="1"/>
            <a:r>
              <a:rPr lang="en-US"/>
              <a:t>Second level</a:t>
            </a:r>
          </a:p>
          <a:p>
            <a:pPr lvl="2"/>
            <a:r>
              <a:rPr lang="en-US"/>
              <a:t>Third level</a:t>
            </a:r>
          </a:p>
          <a:p>
            <a:pPr lvl="3"/>
            <a:r>
              <a:rPr lang="en-US"/>
              <a:t>Fourth level</a:t>
            </a:r>
          </a:p>
        </p:txBody>
      </p:sp>
    </p:spTree>
    <p:extLst>
      <p:ext uri="{BB962C8B-B14F-4D97-AF65-F5344CB8AC3E}">
        <p14:creationId xmlns:p14="http://schemas.microsoft.com/office/powerpoint/2010/main" val="838597372"/>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3 Image Column">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7" y="3492063"/>
            <a:ext cx="2450592" cy="2911912"/>
          </a:xfrm>
        </p:spPr>
        <p:txBody>
          <a:bodyPr/>
          <a:lstStyle>
            <a:lvl1pPr>
              <a:spcAft>
                <a:spcPts val="0"/>
              </a:spcAft>
              <a:defRPr>
                <a:latin typeface="Calibre Semibold" panose="020B0703030202060203" pitchFamily="34" charset="0"/>
              </a:defRPr>
            </a:lvl1pPr>
            <a:lvl2pPr>
              <a:defRPr sz="2200">
                <a:latin typeface="Calibre Light" panose="020B03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3584447" y="914400"/>
            <a:ext cx="2450592"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12" name="Picture Placeholder 1">
            <a:extLst>
              <a:ext uri="{FF2B5EF4-FFF2-40B4-BE49-F238E27FC236}">
                <a16:creationId xmlns:a16="http://schemas.microsoft.com/office/drawing/2014/main" id="{8E24196C-EDCF-4421-93F5-2F0FC09A0AC8}"/>
              </a:ext>
            </a:extLst>
          </p:cNvPr>
          <p:cNvSpPr>
            <a:spLocks noGrp="1"/>
          </p:cNvSpPr>
          <p:nvPr>
            <p:ph type="pic" sz="quarter" idx="18"/>
          </p:nvPr>
        </p:nvSpPr>
        <p:spPr>
          <a:xfrm>
            <a:off x="3584447" y="1601788"/>
            <a:ext cx="2450592" cy="1563624"/>
          </a:xfrm>
        </p:spPr>
        <p:txBody>
          <a:bodyPr/>
          <a:lstStyle/>
          <a:p>
            <a:r>
              <a:rPr lang="en-US" dirty="0"/>
              <a:t>Click icon to add picture</a:t>
            </a:r>
          </a:p>
        </p:txBody>
      </p:sp>
      <p:sp>
        <p:nvSpPr>
          <p:cNvPr id="9" name="Content Placeholder 2">
            <a:extLst>
              <a:ext uri="{FF2B5EF4-FFF2-40B4-BE49-F238E27FC236}">
                <a16:creationId xmlns:a16="http://schemas.microsoft.com/office/drawing/2014/main" id="{42EA3364-699E-4FFA-BD42-6EF5EA1F1F61}"/>
              </a:ext>
            </a:extLst>
          </p:cNvPr>
          <p:cNvSpPr>
            <a:spLocks noGrp="1"/>
          </p:cNvSpPr>
          <p:nvPr>
            <p:ph sz="quarter" idx="14"/>
          </p:nvPr>
        </p:nvSpPr>
        <p:spPr>
          <a:xfrm>
            <a:off x="6146736" y="3492063"/>
            <a:ext cx="2450592" cy="2911912"/>
          </a:xfrm>
        </p:spPr>
        <p:txBody>
          <a:bodyPr/>
          <a:lstStyle>
            <a:lvl1pPr>
              <a:spcAft>
                <a:spcPts val="0"/>
              </a:spcAft>
              <a:defRPr>
                <a:latin typeface="Calibre Semibold" panose="020B0703030202060203" pitchFamily="34" charset="0"/>
              </a:defRPr>
            </a:lvl1pPr>
            <a:lvl2pPr>
              <a:defRPr sz="2200">
                <a:latin typeface="Calibre Light" panose="020B03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Subheading Placeholder 2">
            <a:extLst>
              <a:ext uri="{FF2B5EF4-FFF2-40B4-BE49-F238E27FC236}">
                <a16:creationId xmlns:a16="http://schemas.microsoft.com/office/drawing/2014/main" id="{6FE6ECDB-AF0B-4645-9EF8-7E58A711A6A0}"/>
              </a:ext>
            </a:extLst>
          </p:cNvPr>
          <p:cNvSpPr>
            <a:spLocks noGrp="1"/>
          </p:cNvSpPr>
          <p:nvPr>
            <p:ph type="body" sz="quarter" idx="15" hasCustomPrompt="1"/>
          </p:nvPr>
        </p:nvSpPr>
        <p:spPr>
          <a:xfrm>
            <a:off x="6145942" y="914400"/>
            <a:ext cx="2450592"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15" name="Picture Placeholder 2">
            <a:extLst>
              <a:ext uri="{FF2B5EF4-FFF2-40B4-BE49-F238E27FC236}">
                <a16:creationId xmlns:a16="http://schemas.microsoft.com/office/drawing/2014/main" id="{47A2DD19-B20B-483D-8660-233B1AD6C184}"/>
              </a:ext>
            </a:extLst>
          </p:cNvPr>
          <p:cNvSpPr>
            <a:spLocks noGrp="1"/>
          </p:cNvSpPr>
          <p:nvPr>
            <p:ph type="pic" sz="quarter" idx="19"/>
          </p:nvPr>
        </p:nvSpPr>
        <p:spPr>
          <a:xfrm>
            <a:off x="6145942" y="1601788"/>
            <a:ext cx="2450592" cy="1563624"/>
          </a:xfrm>
        </p:spPr>
        <p:txBody>
          <a:bodyPr/>
          <a:lstStyle/>
          <a:p>
            <a:r>
              <a:rPr lang="en-US" dirty="0"/>
              <a:t>Click icon to add picture</a:t>
            </a:r>
          </a:p>
        </p:txBody>
      </p:sp>
      <p:sp>
        <p:nvSpPr>
          <p:cNvPr id="10" name="Content Placeholder 3">
            <a:extLst>
              <a:ext uri="{FF2B5EF4-FFF2-40B4-BE49-F238E27FC236}">
                <a16:creationId xmlns:a16="http://schemas.microsoft.com/office/drawing/2014/main" id="{96F8CE7E-C8FD-42CD-9FE2-33854B67611D}"/>
              </a:ext>
            </a:extLst>
          </p:cNvPr>
          <p:cNvSpPr>
            <a:spLocks noGrp="1"/>
          </p:cNvSpPr>
          <p:nvPr>
            <p:ph sz="quarter" idx="16"/>
          </p:nvPr>
        </p:nvSpPr>
        <p:spPr>
          <a:xfrm>
            <a:off x="8709024" y="3492063"/>
            <a:ext cx="2450592" cy="2911912"/>
          </a:xfrm>
        </p:spPr>
        <p:txBody>
          <a:bodyPr/>
          <a:lstStyle>
            <a:lvl1pPr>
              <a:spcAft>
                <a:spcPts val="0"/>
              </a:spcAft>
              <a:defRPr>
                <a:latin typeface="Calibre Semibold" panose="020B0703030202060203" pitchFamily="34" charset="0"/>
              </a:defRPr>
            </a:lvl1pPr>
            <a:lvl2pPr>
              <a:defRPr sz="2200">
                <a:latin typeface="Calibre Light" panose="020B03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Subheading Placeholder 3">
            <a:extLst>
              <a:ext uri="{FF2B5EF4-FFF2-40B4-BE49-F238E27FC236}">
                <a16:creationId xmlns:a16="http://schemas.microsoft.com/office/drawing/2014/main" id="{8D649D2F-7D7D-4802-A705-A08201E6D24D}"/>
              </a:ext>
            </a:extLst>
          </p:cNvPr>
          <p:cNvSpPr>
            <a:spLocks noGrp="1"/>
          </p:cNvSpPr>
          <p:nvPr>
            <p:ph type="body" sz="quarter" idx="17" hasCustomPrompt="1"/>
          </p:nvPr>
        </p:nvSpPr>
        <p:spPr>
          <a:xfrm>
            <a:off x="8707438" y="914400"/>
            <a:ext cx="2450592"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17" name="Picture Placeholder 3">
            <a:extLst>
              <a:ext uri="{FF2B5EF4-FFF2-40B4-BE49-F238E27FC236}">
                <a16:creationId xmlns:a16="http://schemas.microsoft.com/office/drawing/2014/main" id="{F87E57F0-BBA5-46F3-8D80-066C33EA828B}"/>
              </a:ext>
            </a:extLst>
          </p:cNvPr>
          <p:cNvSpPr>
            <a:spLocks noGrp="1"/>
          </p:cNvSpPr>
          <p:nvPr>
            <p:ph type="pic" sz="quarter" idx="20"/>
          </p:nvPr>
        </p:nvSpPr>
        <p:spPr>
          <a:xfrm>
            <a:off x="8707438" y="1601788"/>
            <a:ext cx="2450592" cy="1563624"/>
          </a:xfrm>
        </p:spPr>
        <p:txBody>
          <a:bodyPr/>
          <a:lstStyle/>
          <a:p>
            <a:r>
              <a:rPr lang="en-US" dirty="0"/>
              <a:t>Click icon to add picture</a:t>
            </a:r>
          </a:p>
        </p:txBody>
      </p:sp>
    </p:spTree>
    <p:extLst>
      <p:ext uri="{BB962C8B-B14F-4D97-AF65-F5344CB8AC3E}">
        <p14:creationId xmlns:p14="http://schemas.microsoft.com/office/powerpoint/2010/main" val="4008848423"/>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eam 1">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hasCustomPrompt="1"/>
          </p:nvPr>
        </p:nvSpPr>
        <p:spPr>
          <a:xfrm>
            <a:off x="4096512" y="3429000"/>
            <a:ext cx="1673352" cy="2167128"/>
          </a:xfrm>
        </p:spPr>
        <p:txBody>
          <a:bodyPr tIns="0"/>
          <a:lstStyle>
            <a:lvl1pPr>
              <a:spcAft>
                <a:spcPts val="0"/>
              </a:spcAft>
              <a:defRPr sz="1000" cap="all" baseline="0">
                <a:latin typeface="+mn-lt"/>
              </a:defRPr>
            </a:lvl1pPr>
            <a:lvl2pPr>
              <a:spcAft>
                <a:spcPts val="1800"/>
              </a:spcAft>
              <a:defRPr sz="1400"/>
            </a:lvl2pPr>
            <a:lvl3pPr>
              <a:spcBef>
                <a:spcPts val="600"/>
              </a:spcBef>
              <a:spcAft>
                <a:spcPts val="0"/>
              </a:spcAft>
              <a:defRPr/>
            </a:lvl3pPr>
            <a:lvl4pPr marL="0" indent="0">
              <a:spcBef>
                <a:spcPts val="0"/>
              </a:spcBef>
              <a:spcAft>
                <a:spcPts val="0"/>
              </a:spcAft>
              <a:buNone/>
              <a:defRPr/>
            </a:lvl4pPr>
            <a:lvl5pPr marL="0" indent="0">
              <a:spcBef>
                <a:spcPts val="0"/>
              </a:spcBef>
              <a:spcAft>
                <a:spcPts val="600"/>
              </a:spcAft>
              <a:buNone/>
              <a:defRPr>
                <a:latin typeface="Calibre Bold" panose="020B0803030202060203" pitchFamily="34" charset="0"/>
              </a:defRPr>
            </a:lvl5pPr>
            <a:lvl6pPr>
              <a:defRPr/>
            </a:lvl6pPr>
            <a:lvl7pPr>
              <a:defRPr/>
            </a:lvl7pPr>
            <a:lvl8pPr>
              <a:defRPr/>
            </a:lvl8pPr>
          </a:lstStyle>
          <a:p>
            <a:pPr lvl="0"/>
            <a:r>
              <a:rPr lang="en-US" dirty="0"/>
              <a:t>industry</a:t>
            </a:r>
          </a:p>
          <a:p>
            <a:pPr lvl="1"/>
            <a:r>
              <a:rPr lang="en-US" dirty="0"/>
              <a:t>Name Surname</a:t>
            </a:r>
          </a:p>
          <a:p>
            <a:pPr lvl="2"/>
            <a:r>
              <a:rPr lang="en-US" dirty="0"/>
              <a:t>Job Title</a:t>
            </a:r>
          </a:p>
          <a:p>
            <a:pPr lvl="3"/>
            <a:r>
              <a:rPr lang="en-US" dirty="0"/>
              <a:t>Phone number</a:t>
            </a:r>
          </a:p>
          <a:p>
            <a:pPr lvl="4"/>
            <a:r>
              <a:rPr lang="en-US" dirty="0"/>
              <a:t>Fifth level</a:t>
            </a:r>
          </a:p>
        </p:txBody>
      </p:sp>
      <p:sp>
        <p:nvSpPr>
          <p:cNvPr id="8" name="Content Placeholder 2">
            <a:extLst>
              <a:ext uri="{FF2B5EF4-FFF2-40B4-BE49-F238E27FC236}">
                <a16:creationId xmlns:a16="http://schemas.microsoft.com/office/drawing/2014/main" id="{D2379CBC-8487-4C2E-BD6D-CAC2DD1F0623}"/>
              </a:ext>
            </a:extLst>
          </p:cNvPr>
          <p:cNvSpPr>
            <a:spLocks noGrp="1"/>
          </p:cNvSpPr>
          <p:nvPr>
            <p:ph sz="quarter" idx="13" hasCustomPrompt="1"/>
          </p:nvPr>
        </p:nvSpPr>
        <p:spPr>
          <a:xfrm>
            <a:off x="6657975" y="3429000"/>
            <a:ext cx="1673352" cy="2167128"/>
          </a:xfrm>
        </p:spPr>
        <p:txBody>
          <a:bodyPr tIns="0"/>
          <a:lstStyle>
            <a:lvl1pPr>
              <a:spcAft>
                <a:spcPts val="0"/>
              </a:spcAft>
              <a:defRPr sz="1000" cap="all" baseline="0">
                <a:latin typeface="+mn-lt"/>
              </a:defRPr>
            </a:lvl1pPr>
            <a:lvl2pPr>
              <a:spcAft>
                <a:spcPts val="1800"/>
              </a:spcAft>
              <a:defRPr sz="1400"/>
            </a:lvl2pPr>
            <a:lvl3pPr>
              <a:spcBef>
                <a:spcPts val="600"/>
              </a:spcBef>
              <a:spcAft>
                <a:spcPts val="0"/>
              </a:spcAft>
              <a:defRPr/>
            </a:lvl3pPr>
            <a:lvl4pPr marL="0" indent="0">
              <a:spcBef>
                <a:spcPts val="0"/>
              </a:spcBef>
              <a:spcAft>
                <a:spcPts val="0"/>
              </a:spcAft>
              <a:buNone/>
              <a:defRPr/>
            </a:lvl4pPr>
            <a:lvl5pPr marL="0" indent="0">
              <a:spcBef>
                <a:spcPts val="0"/>
              </a:spcBef>
              <a:spcAft>
                <a:spcPts val="600"/>
              </a:spcAft>
              <a:buNone/>
              <a:defRPr>
                <a:latin typeface="Calibre Bold" panose="020B0803030202060203" pitchFamily="34" charset="0"/>
              </a:defRPr>
            </a:lvl5pPr>
            <a:lvl6pPr>
              <a:defRPr/>
            </a:lvl6pPr>
            <a:lvl7pPr>
              <a:defRPr/>
            </a:lvl7pPr>
            <a:lvl8pPr>
              <a:defRPr/>
            </a:lvl8pPr>
          </a:lstStyle>
          <a:p>
            <a:pPr lvl="0"/>
            <a:r>
              <a:rPr lang="en-US" dirty="0"/>
              <a:t>industry</a:t>
            </a:r>
          </a:p>
          <a:p>
            <a:pPr lvl="1"/>
            <a:r>
              <a:rPr lang="en-US" dirty="0"/>
              <a:t>Name Surname</a:t>
            </a:r>
          </a:p>
          <a:p>
            <a:pPr lvl="2"/>
            <a:r>
              <a:rPr lang="en-US" dirty="0"/>
              <a:t>Job Title</a:t>
            </a:r>
          </a:p>
          <a:p>
            <a:pPr lvl="3"/>
            <a:r>
              <a:rPr lang="en-US" dirty="0"/>
              <a:t>Phone number</a:t>
            </a:r>
          </a:p>
          <a:p>
            <a:pPr lvl="4"/>
            <a:r>
              <a:rPr lang="en-US" dirty="0"/>
              <a:t>Fifth level</a:t>
            </a:r>
          </a:p>
        </p:txBody>
      </p:sp>
      <p:sp>
        <p:nvSpPr>
          <p:cNvPr id="10" name="Content Placeholder 3">
            <a:extLst>
              <a:ext uri="{FF2B5EF4-FFF2-40B4-BE49-F238E27FC236}">
                <a16:creationId xmlns:a16="http://schemas.microsoft.com/office/drawing/2014/main" id="{DD037744-B022-4244-8C34-B4E5304F9796}"/>
              </a:ext>
            </a:extLst>
          </p:cNvPr>
          <p:cNvSpPr>
            <a:spLocks noGrp="1"/>
          </p:cNvSpPr>
          <p:nvPr>
            <p:ph sz="quarter" idx="14" hasCustomPrompt="1"/>
          </p:nvPr>
        </p:nvSpPr>
        <p:spPr>
          <a:xfrm>
            <a:off x="9220200" y="3429000"/>
            <a:ext cx="1673352" cy="2167128"/>
          </a:xfrm>
        </p:spPr>
        <p:txBody>
          <a:bodyPr tIns="0"/>
          <a:lstStyle>
            <a:lvl1pPr>
              <a:spcAft>
                <a:spcPts val="0"/>
              </a:spcAft>
              <a:defRPr sz="1000" cap="all" baseline="0">
                <a:latin typeface="+mn-lt"/>
              </a:defRPr>
            </a:lvl1pPr>
            <a:lvl2pPr>
              <a:spcAft>
                <a:spcPts val="1800"/>
              </a:spcAft>
              <a:defRPr sz="1400"/>
            </a:lvl2pPr>
            <a:lvl3pPr>
              <a:spcBef>
                <a:spcPts val="600"/>
              </a:spcBef>
              <a:spcAft>
                <a:spcPts val="0"/>
              </a:spcAft>
              <a:defRPr/>
            </a:lvl3pPr>
            <a:lvl4pPr marL="0" indent="0">
              <a:spcBef>
                <a:spcPts val="0"/>
              </a:spcBef>
              <a:spcAft>
                <a:spcPts val="0"/>
              </a:spcAft>
              <a:buNone/>
              <a:defRPr/>
            </a:lvl4pPr>
            <a:lvl5pPr marL="0" indent="0">
              <a:spcBef>
                <a:spcPts val="0"/>
              </a:spcBef>
              <a:spcAft>
                <a:spcPts val="600"/>
              </a:spcAft>
              <a:buNone/>
              <a:defRPr>
                <a:latin typeface="Calibre Bold" panose="020B0803030202060203" pitchFamily="34" charset="0"/>
              </a:defRPr>
            </a:lvl5pPr>
            <a:lvl6pPr>
              <a:defRPr/>
            </a:lvl6pPr>
            <a:lvl7pPr>
              <a:defRPr/>
            </a:lvl7pPr>
            <a:lvl8pPr>
              <a:defRPr/>
            </a:lvl8pPr>
          </a:lstStyle>
          <a:p>
            <a:pPr lvl="0"/>
            <a:r>
              <a:rPr lang="en-US" dirty="0"/>
              <a:t>industry</a:t>
            </a:r>
          </a:p>
          <a:p>
            <a:pPr lvl="1"/>
            <a:r>
              <a:rPr lang="en-US" dirty="0"/>
              <a:t>Name Surname</a:t>
            </a:r>
          </a:p>
          <a:p>
            <a:pPr lvl="2"/>
            <a:r>
              <a:rPr lang="en-US" dirty="0"/>
              <a:t>Job Title</a:t>
            </a:r>
          </a:p>
          <a:p>
            <a:pPr lvl="3"/>
            <a:r>
              <a:rPr lang="en-US" dirty="0"/>
              <a:t>Phone number</a:t>
            </a:r>
          </a:p>
          <a:p>
            <a:pPr lvl="4"/>
            <a:r>
              <a:rPr lang="en-US" dirty="0"/>
              <a:t>Fifth level</a:t>
            </a:r>
          </a:p>
        </p:txBody>
      </p:sp>
      <p:sp>
        <p:nvSpPr>
          <p:cNvPr id="12" name="Picture Placeholder 1">
            <a:extLst>
              <a:ext uri="{FF2B5EF4-FFF2-40B4-BE49-F238E27FC236}">
                <a16:creationId xmlns:a16="http://schemas.microsoft.com/office/drawing/2014/main" id="{5AB9DF88-7CDB-43A2-834C-9ADC604F94F2}"/>
              </a:ext>
            </a:extLst>
          </p:cNvPr>
          <p:cNvSpPr>
            <a:spLocks noGrp="1"/>
          </p:cNvSpPr>
          <p:nvPr>
            <p:ph type="pic" sz="quarter" idx="15"/>
          </p:nvPr>
        </p:nvSpPr>
        <p:spPr>
          <a:xfrm>
            <a:off x="4096512" y="1601788"/>
            <a:ext cx="1426464" cy="1664208"/>
          </a:xfrm>
        </p:spPr>
        <p:txBody>
          <a:bodyPr/>
          <a:lstStyle/>
          <a:p>
            <a:r>
              <a:rPr lang="en-US" dirty="0"/>
              <a:t>Click icon to add picture</a:t>
            </a:r>
          </a:p>
        </p:txBody>
      </p:sp>
      <p:sp>
        <p:nvSpPr>
          <p:cNvPr id="14" name="Picture Placeholder 2">
            <a:extLst>
              <a:ext uri="{FF2B5EF4-FFF2-40B4-BE49-F238E27FC236}">
                <a16:creationId xmlns:a16="http://schemas.microsoft.com/office/drawing/2014/main" id="{2A5DD4CB-DCEB-4140-ACD5-668399B80792}"/>
              </a:ext>
            </a:extLst>
          </p:cNvPr>
          <p:cNvSpPr>
            <a:spLocks noGrp="1"/>
          </p:cNvSpPr>
          <p:nvPr>
            <p:ph type="pic" sz="quarter" idx="16"/>
          </p:nvPr>
        </p:nvSpPr>
        <p:spPr>
          <a:xfrm>
            <a:off x="6657975" y="1601788"/>
            <a:ext cx="1426464" cy="1664208"/>
          </a:xfrm>
        </p:spPr>
        <p:txBody>
          <a:bodyPr/>
          <a:lstStyle/>
          <a:p>
            <a:r>
              <a:rPr lang="en-US" dirty="0"/>
              <a:t>Click icon to add picture</a:t>
            </a:r>
          </a:p>
        </p:txBody>
      </p:sp>
      <p:sp>
        <p:nvSpPr>
          <p:cNvPr id="16" name="Picture Placeholder 3">
            <a:extLst>
              <a:ext uri="{FF2B5EF4-FFF2-40B4-BE49-F238E27FC236}">
                <a16:creationId xmlns:a16="http://schemas.microsoft.com/office/drawing/2014/main" id="{4157720F-FE81-4879-BD1A-4B07F7CB2920}"/>
              </a:ext>
            </a:extLst>
          </p:cNvPr>
          <p:cNvSpPr>
            <a:spLocks noGrp="1"/>
          </p:cNvSpPr>
          <p:nvPr>
            <p:ph type="pic" sz="quarter" idx="17"/>
          </p:nvPr>
        </p:nvSpPr>
        <p:spPr>
          <a:xfrm>
            <a:off x="9220200" y="1601788"/>
            <a:ext cx="1426464" cy="1664208"/>
          </a:xfrm>
        </p:spPr>
        <p:txBody>
          <a:bodyPr/>
          <a:lstStyle/>
          <a:p>
            <a:r>
              <a:rPr lang="en-US" dirty="0"/>
              <a:t>Click icon to add picture</a:t>
            </a:r>
          </a:p>
        </p:txBody>
      </p:sp>
      <p:sp>
        <p:nvSpPr>
          <p:cNvPr id="9" name="Text Placeholder 1">
            <a:extLst>
              <a:ext uri="{FF2B5EF4-FFF2-40B4-BE49-F238E27FC236}">
                <a16:creationId xmlns:a16="http://schemas.microsoft.com/office/drawing/2014/main" id="{C64749C2-A985-44CA-AEFE-E548FAF5B3E6}"/>
              </a:ext>
            </a:extLst>
          </p:cNvPr>
          <p:cNvSpPr>
            <a:spLocks noGrp="1"/>
          </p:cNvSpPr>
          <p:nvPr userDrawn="1">
            <p:ph type="body" sz="quarter" idx="18" hasCustomPrompt="1"/>
          </p:nvPr>
        </p:nvSpPr>
        <p:spPr>
          <a:xfrm>
            <a:off x="4093505" y="6250245"/>
            <a:ext cx="1673352" cy="192024"/>
          </a:xfrm>
        </p:spPr>
        <p:txBody>
          <a:bodyPr rIns="0" anchor="b" anchorCtr="0"/>
          <a:lstStyle>
            <a:lvl1pPr>
              <a:defRPr sz="1200" b="1" cap="all" baseline="0">
                <a:latin typeface="+mn-lt"/>
              </a:defRPr>
            </a:lvl1pPr>
          </a:lstStyle>
          <a:p>
            <a:pPr lvl="0"/>
            <a:r>
              <a:rPr lang="en-US" dirty="0"/>
              <a:t>Division name</a:t>
            </a:r>
          </a:p>
        </p:txBody>
      </p:sp>
      <p:sp>
        <p:nvSpPr>
          <p:cNvPr id="18" name="Text Placeholder 2">
            <a:extLst>
              <a:ext uri="{FF2B5EF4-FFF2-40B4-BE49-F238E27FC236}">
                <a16:creationId xmlns:a16="http://schemas.microsoft.com/office/drawing/2014/main" id="{8705AF12-00A4-4943-8DFF-6065C6A5EC52}"/>
              </a:ext>
            </a:extLst>
          </p:cNvPr>
          <p:cNvSpPr>
            <a:spLocks noGrp="1"/>
          </p:cNvSpPr>
          <p:nvPr userDrawn="1">
            <p:ph type="body" sz="quarter" idx="19" hasCustomPrompt="1"/>
          </p:nvPr>
        </p:nvSpPr>
        <p:spPr>
          <a:xfrm>
            <a:off x="5845639" y="6250245"/>
            <a:ext cx="5047913" cy="192024"/>
          </a:xfrm>
        </p:spPr>
        <p:txBody>
          <a:bodyPr rIns="0" anchor="b" anchorCtr="0"/>
          <a:lstStyle>
            <a:lvl1pPr>
              <a:defRPr sz="1200">
                <a:latin typeface="Calibre" panose="020B0503030202060203" pitchFamily="34" charset="0"/>
              </a:defRPr>
            </a:lvl1pPr>
          </a:lstStyle>
          <a:p>
            <a:pPr lvl="0"/>
            <a:r>
              <a:rPr lang="en-US" dirty="0"/>
              <a:t>Division address</a:t>
            </a:r>
          </a:p>
        </p:txBody>
      </p:sp>
    </p:spTree>
    <p:extLst>
      <p:ext uri="{BB962C8B-B14F-4D97-AF65-F5344CB8AC3E}">
        <p14:creationId xmlns:p14="http://schemas.microsoft.com/office/powerpoint/2010/main" val="890567732"/>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Image Cover 3">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6F222E5-437D-4D26-94F0-6DA259B5944D}"/>
              </a:ext>
            </a:extLst>
          </p:cNvPr>
          <p:cNvSpPr>
            <a:spLocks noGrp="1"/>
          </p:cNvSpPr>
          <p:nvPr>
            <p:ph type="pic" sz="quarter" idx="12"/>
          </p:nvPr>
        </p:nvSpPr>
        <p:spPr>
          <a:xfrm>
            <a:off x="3584575" y="1606550"/>
            <a:ext cx="8094663" cy="4775200"/>
          </a:xfrm>
        </p:spPr>
        <p:txBody>
          <a:bodyPr/>
          <a:lstStyle>
            <a:lvl1pPr>
              <a:defRPr>
                <a:solidFill>
                  <a:schemeClr val="accent3"/>
                </a:solidFill>
              </a:defRPr>
            </a:lvl1pPr>
          </a:lstStyle>
          <a:p>
            <a:r>
              <a:rPr lang="en-US" dirty="0"/>
              <a:t>Click icon to add picture</a:t>
            </a:r>
          </a:p>
        </p:txBody>
      </p:sp>
      <p:cxnSp>
        <p:nvCxnSpPr>
          <p:cNvPr id="7" name="Straight Connector 6">
            <a:extLst>
              <a:ext uri="{FF2B5EF4-FFF2-40B4-BE49-F238E27FC236}">
                <a16:creationId xmlns:a16="http://schemas.microsoft.com/office/drawing/2014/main" id="{4B50443A-8339-4B27-B4A9-FF02F1201B4A}"/>
              </a:ext>
            </a:extLst>
          </p:cNvPr>
          <p:cNvCxnSpPr>
            <a:cxnSpLocks/>
          </p:cNvCxnSpPr>
          <p:nvPr userDrawn="1"/>
        </p:nvCxnSpPr>
        <p:spPr>
          <a:xfrm>
            <a:off x="3584575" y="571774"/>
            <a:ext cx="6558602"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511174" y="6244042"/>
            <a:ext cx="1435101" cy="412100"/>
          </a:xfrm>
          <a:prstGeom prst="rect">
            <a:avLst/>
          </a:prstGeom>
        </p:spPr>
        <p:txBody>
          <a:bodyPr lIns="0" tIns="0" rIns="0" bIns="0"/>
          <a:lstStyle>
            <a:lvl1pPr marL="0" marR="0" indent="0" defTabSz="554492" eaLnBrk="1" fontAlgn="auto" latinLnBrk="0" hangingPunct="1">
              <a:lnSpc>
                <a:spcPts val="1698"/>
              </a:lnSpc>
              <a:spcBef>
                <a:spcPts val="0"/>
              </a:spcBef>
              <a:spcAft>
                <a:spcPts val="0"/>
              </a:spcAft>
              <a:buClrTx/>
              <a:buSzTx/>
              <a:buFontTx/>
              <a:buNone/>
              <a:tabLst/>
              <a:defRPr lang="en-US" sz="1050" b="0" kern="1200" spc="-3" dirty="0" err="1" smtClean="0">
                <a:solidFill>
                  <a:schemeClr val="accent6"/>
                </a:solidFill>
                <a:latin typeface="Space Mono" panose="02000509040000020004" pitchFamily="49" charset="0"/>
                <a:ea typeface="+mn-ea"/>
                <a:cs typeface="Space Mono" panose="02000509040000020004" pitchFamily="49" charset="0"/>
              </a:defRPr>
            </a:lvl1pPr>
          </a:lstStyle>
          <a:p>
            <a:r>
              <a:rPr lang="en-US" dirty="0"/>
              <a:t>DAT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511175" y="1548314"/>
            <a:ext cx="2761488" cy="1929899"/>
          </a:xfrm>
        </p:spPr>
        <p:txBody>
          <a:bodyPr/>
          <a:lstStyle>
            <a:lvl1pPr>
              <a:lnSpc>
                <a:spcPct val="85000"/>
              </a:lnSpc>
              <a:defRPr sz="4400">
                <a:solidFill>
                  <a:schemeClr val="accent6"/>
                </a:solidFill>
              </a:defRPr>
            </a:lvl1pPr>
          </a:lstStyle>
          <a:p>
            <a:r>
              <a:rPr lang="en-US"/>
              <a:t>Click to edit Master title style</a:t>
            </a:r>
            <a:endParaRPr lang="en-US" dirty="0"/>
          </a:p>
        </p:txBody>
      </p:sp>
      <p:sp>
        <p:nvSpPr>
          <p:cNvPr id="10" name="Content Placeholder 9">
            <a:extLst>
              <a:ext uri="{FF2B5EF4-FFF2-40B4-BE49-F238E27FC236}">
                <a16:creationId xmlns:a16="http://schemas.microsoft.com/office/drawing/2014/main" id="{7D9956ED-0AB6-478A-B82C-B67610F4E3D0}"/>
              </a:ext>
            </a:extLst>
          </p:cNvPr>
          <p:cNvSpPr>
            <a:spLocks noGrp="1"/>
          </p:cNvSpPr>
          <p:nvPr>
            <p:ph sz="quarter" idx="11" hasCustomPrompt="1"/>
          </p:nvPr>
        </p:nvSpPr>
        <p:spPr>
          <a:xfrm>
            <a:off x="511175" y="4129156"/>
            <a:ext cx="2761488" cy="1122293"/>
          </a:xfrm>
        </p:spPr>
        <p:txBody>
          <a:bodyPr tIns="0">
            <a:noAutofit/>
          </a:bodyPr>
          <a:lstStyle>
            <a:lvl1pPr>
              <a:spcAft>
                <a:spcPts val="0"/>
              </a:spcAft>
              <a:defRPr sz="1700">
                <a:solidFill>
                  <a:schemeClr val="tx1"/>
                </a:solidFill>
                <a:latin typeface="+mn-lt"/>
              </a:defRPr>
            </a:lvl1pPr>
            <a:lvl2pPr>
              <a:defRPr sz="1700">
                <a:solidFill>
                  <a:schemeClr val="tx1"/>
                </a:solidFill>
              </a:defRPr>
            </a:lvl2pPr>
            <a:lvl3pPr>
              <a:defRPr>
                <a:solidFill>
                  <a:schemeClr val="bg1"/>
                </a:solidFill>
              </a:defRPr>
            </a:lvl3pPr>
            <a:lvl4pPr>
              <a:defRPr>
                <a:solidFill>
                  <a:schemeClr val="bg1"/>
                </a:solidFill>
              </a:defRPr>
            </a:lvl4pPr>
            <a:lvl5pPr>
              <a:defRPr sz="1700" b="0">
                <a:solidFill>
                  <a:schemeClr val="accent6"/>
                </a:solidFill>
                <a:latin typeface="+mn-lt"/>
              </a:defRPr>
            </a:lvl5pPr>
          </a:lstStyle>
          <a:p>
            <a:pPr lvl="0"/>
            <a:r>
              <a:rPr lang="en-US" dirty="0"/>
              <a:t>Subheading</a:t>
            </a:r>
          </a:p>
        </p:txBody>
      </p:sp>
      <p:sp>
        <p:nvSpPr>
          <p:cNvPr id="22" name="Rectangle 21">
            <a:extLst>
              <a:ext uri="{FF2B5EF4-FFF2-40B4-BE49-F238E27FC236}">
                <a16:creationId xmlns:a16="http://schemas.microsoft.com/office/drawing/2014/main" id="{51402F92-C298-4C9D-B165-225CA6300EEC}"/>
              </a:ext>
            </a:extLst>
          </p:cNvPr>
          <p:cNvSpPr/>
          <p:nvPr/>
        </p:nvSpPr>
        <p:spPr>
          <a:xfrm>
            <a:off x="0" y="0"/>
            <a:ext cx="3584575" cy="109165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CBRE Vector Logo">
            <a:extLst>
              <a:ext uri="{FF2B5EF4-FFF2-40B4-BE49-F238E27FC236}">
                <a16:creationId xmlns:a16="http://schemas.microsoft.com/office/drawing/2014/main" id="{C56BE5B1-7E5E-48E5-86EF-238C8C404F73}"/>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46218979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eam 2">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hasCustomPrompt="1"/>
          </p:nvPr>
        </p:nvSpPr>
        <p:spPr>
          <a:xfrm>
            <a:off x="5540185" y="429768"/>
            <a:ext cx="2048256" cy="1069848"/>
          </a:xfrm>
        </p:spPr>
        <p:txBody>
          <a:bodyPr tIns="0"/>
          <a:lstStyle>
            <a:lvl1pPr>
              <a:spcAft>
                <a:spcPts val="0"/>
              </a:spcAft>
              <a:defRPr sz="1000" cap="all" baseline="0">
                <a:latin typeface="+mn-lt"/>
              </a:defRPr>
            </a:lvl1pPr>
            <a:lvl2pPr>
              <a:spcAft>
                <a:spcPts val="1800"/>
              </a:spcAft>
              <a:defRPr sz="1400"/>
            </a:lvl2pPr>
            <a:lvl3pPr>
              <a:spcBef>
                <a:spcPts val="600"/>
              </a:spcBef>
              <a:spcAft>
                <a:spcPts val="0"/>
              </a:spcAft>
              <a:defRPr/>
            </a:lvl3pPr>
            <a:lvl4pPr marL="0" indent="0">
              <a:spcBef>
                <a:spcPts val="0"/>
              </a:spcBef>
              <a:spcAft>
                <a:spcPts val="0"/>
              </a:spcAft>
              <a:buNone/>
              <a:defRPr/>
            </a:lvl4pPr>
            <a:lvl5pPr marL="0" indent="0">
              <a:spcBef>
                <a:spcPts val="0"/>
              </a:spcBef>
              <a:spcAft>
                <a:spcPts val="600"/>
              </a:spcAft>
              <a:buNone/>
              <a:defRPr>
                <a:latin typeface="Calibre Bold" panose="020B0803030202060203" pitchFamily="34" charset="0"/>
              </a:defRPr>
            </a:lvl5pPr>
            <a:lvl6pPr>
              <a:defRPr/>
            </a:lvl6pPr>
            <a:lvl7pPr>
              <a:defRPr/>
            </a:lvl7pPr>
            <a:lvl8pPr>
              <a:defRPr/>
            </a:lvl8pPr>
          </a:lstStyle>
          <a:p>
            <a:pPr lvl="0"/>
            <a:r>
              <a:rPr lang="en-US" dirty="0"/>
              <a:t>industry</a:t>
            </a:r>
          </a:p>
          <a:p>
            <a:pPr lvl="1"/>
            <a:r>
              <a:rPr lang="en-US" dirty="0"/>
              <a:t>Name Surname</a:t>
            </a:r>
          </a:p>
          <a:p>
            <a:pPr lvl="2"/>
            <a:r>
              <a:rPr lang="en-US" dirty="0"/>
              <a:t>Job Title</a:t>
            </a:r>
          </a:p>
          <a:p>
            <a:pPr lvl="3"/>
            <a:r>
              <a:rPr lang="en-US" dirty="0"/>
              <a:t>Phone number</a:t>
            </a:r>
          </a:p>
          <a:p>
            <a:pPr lvl="4"/>
            <a:r>
              <a:rPr lang="en-US" dirty="0"/>
              <a:t>Fifth level</a:t>
            </a:r>
          </a:p>
        </p:txBody>
      </p:sp>
      <p:sp>
        <p:nvSpPr>
          <p:cNvPr id="8" name="Content Placeholder 2">
            <a:extLst>
              <a:ext uri="{FF2B5EF4-FFF2-40B4-BE49-F238E27FC236}">
                <a16:creationId xmlns:a16="http://schemas.microsoft.com/office/drawing/2014/main" id="{D2379CBC-8487-4C2E-BD6D-CAC2DD1F0623}"/>
              </a:ext>
            </a:extLst>
          </p:cNvPr>
          <p:cNvSpPr>
            <a:spLocks noGrp="1"/>
          </p:cNvSpPr>
          <p:nvPr>
            <p:ph sz="quarter" idx="13" hasCustomPrompt="1"/>
          </p:nvPr>
        </p:nvSpPr>
        <p:spPr>
          <a:xfrm>
            <a:off x="9629775" y="429768"/>
            <a:ext cx="2048256" cy="1069848"/>
          </a:xfrm>
        </p:spPr>
        <p:txBody>
          <a:bodyPr tIns="0"/>
          <a:lstStyle>
            <a:lvl1pPr>
              <a:spcAft>
                <a:spcPts val="0"/>
              </a:spcAft>
              <a:defRPr sz="1000" cap="all" baseline="0">
                <a:latin typeface="+mn-lt"/>
              </a:defRPr>
            </a:lvl1pPr>
            <a:lvl2pPr>
              <a:spcAft>
                <a:spcPts val="1800"/>
              </a:spcAft>
              <a:defRPr sz="1400"/>
            </a:lvl2pPr>
            <a:lvl3pPr>
              <a:spcBef>
                <a:spcPts val="600"/>
              </a:spcBef>
              <a:spcAft>
                <a:spcPts val="0"/>
              </a:spcAft>
              <a:defRPr/>
            </a:lvl3pPr>
            <a:lvl4pPr marL="0" indent="0">
              <a:spcBef>
                <a:spcPts val="0"/>
              </a:spcBef>
              <a:spcAft>
                <a:spcPts val="0"/>
              </a:spcAft>
              <a:buNone/>
              <a:defRPr/>
            </a:lvl4pPr>
            <a:lvl5pPr marL="0" indent="0">
              <a:spcBef>
                <a:spcPts val="0"/>
              </a:spcBef>
              <a:spcAft>
                <a:spcPts val="600"/>
              </a:spcAft>
              <a:buNone/>
              <a:defRPr>
                <a:latin typeface="Calibre Bold" panose="020B0803030202060203" pitchFamily="34" charset="0"/>
              </a:defRPr>
            </a:lvl5pPr>
            <a:lvl6pPr>
              <a:defRPr/>
            </a:lvl6pPr>
            <a:lvl7pPr>
              <a:defRPr/>
            </a:lvl7pPr>
            <a:lvl8pPr>
              <a:defRPr/>
            </a:lvl8pPr>
          </a:lstStyle>
          <a:p>
            <a:pPr lvl="0"/>
            <a:r>
              <a:rPr lang="en-US" dirty="0"/>
              <a:t>industry</a:t>
            </a:r>
          </a:p>
          <a:p>
            <a:pPr lvl="1"/>
            <a:r>
              <a:rPr lang="en-US" dirty="0"/>
              <a:t>Name Surname</a:t>
            </a:r>
          </a:p>
          <a:p>
            <a:pPr lvl="2"/>
            <a:r>
              <a:rPr lang="en-US" dirty="0"/>
              <a:t>Job Title</a:t>
            </a:r>
          </a:p>
          <a:p>
            <a:pPr lvl="3"/>
            <a:r>
              <a:rPr lang="en-US" dirty="0"/>
              <a:t>Phone number</a:t>
            </a:r>
          </a:p>
          <a:p>
            <a:pPr lvl="4"/>
            <a:r>
              <a:rPr lang="en-US" dirty="0"/>
              <a:t>Fifth level</a:t>
            </a:r>
          </a:p>
        </p:txBody>
      </p:sp>
      <p:sp>
        <p:nvSpPr>
          <p:cNvPr id="12" name="Picture Placeholder 1">
            <a:extLst>
              <a:ext uri="{FF2B5EF4-FFF2-40B4-BE49-F238E27FC236}">
                <a16:creationId xmlns:a16="http://schemas.microsoft.com/office/drawing/2014/main" id="{5AB9DF88-7CDB-43A2-834C-9ADC604F94F2}"/>
              </a:ext>
            </a:extLst>
          </p:cNvPr>
          <p:cNvSpPr>
            <a:spLocks noGrp="1"/>
          </p:cNvSpPr>
          <p:nvPr>
            <p:ph type="pic" sz="quarter" idx="15"/>
          </p:nvPr>
        </p:nvSpPr>
        <p:spPr>
          <a:xfrm>
            <a:off x="4096512" y="484632"/>
            <a:ext cx="1014984" cy="1325880"/>
          </a:xfrm>
        </p:spPr>
        <p:txBody>
          <a:bodyPr/>
          <a:lstStyle/>
          <a:p>
            <a:r>
              <a:rPr lang="en-US" dirty="0"/>
              <a:t>Click icon to add picture</a:t>
            </a:r>
          </a:p>
        </p:txBody>
      </p:sp>
      <p:sp>
        <p:nvSpPr>
          <p:cNvPr id="14" name="Picture Placeholder 2">
            <a:extLst>
              <a:ext uri="{FF2B5EF4-FFF2-40B4-BE49-F238E27FC236}">
                <a16:creationId xmlns:a16="http://schemas.microsoft.com/office/drawing/2014/main" id="{2A5DD4CB-DCEB-4140-ACD5-668399B80792}"/>
              </a:ext>
            </a:extLst>
          </p:cNvPr>
          <p:cNvSpPr>
            <a:spLocks noGrp="1"/>
          </p:cNvSpPr>
          <p:nvPr>
            <p:ph type="pic" sz="quarter" idx="16"/>
          </p:nvPr>
        </p:nvSpPr>
        <p:spPr>
          <a:xfrm>
            <a:off x="8194675" y="484632"/>
            <a:ext cx="1014984" cy="1325880"/>
          </a:xfrm>
        </p:spPr>
        <p:txBody>
          <a:bodyPr/>
          <a:lstStyle/>
          <a:p>
            <a:r>
              <a:rPr lang="en-US" dirty="0"/>
              <a:t>Click icon to add picture</a:t>
            </a:r>
          </a:p>
        </p:txBody>
      </p:sp>
      <p:sp>
        <p:nvSpPr>
          <p:cNvPr id="11" name="Content Placeholder 3">
            <a:extLst>
              <a:ext uri="{FF2B5EF4-FFF2-40B4-BE49-F238E27FC236}">
                <a16:creationId xmlns:a16="http://schemas.microsoft.com/office/drawing/2014/main" id="{554C6034-081A-4BFE-B2CE-602FEB37E894}"/>
              </a:ext>
            </a:extLst>
          </p:cNvPr>
          <p:cNvSpPr>
            <a:spLocks noGrp="1"/>
          </p:cNvSpPr>
          <p:nvPr>
            <p:ph sz="quarter" idx="20"/>
          </p:nvPr>
        </p:nvSpPr>
        <p:spPr>
          <a:xfrm>
            <a:off x="5540185" y="2130552"/>
            <a:ext cx="2048256" cy="4261104"/>
          </a:xfrm>
        </p:spPr>
        <p:txBody>
          <a:bodyPr/>
          <a:lstStyle>
            <a:lvl1pPr>
              <a:spcAft>
                <a:spcPts val="600"/>
              </a:spcAft>
              <a:defRPr lang="en-US" sz="15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a:t>Click to edit Master text styles</a:t>
            </a:r>
          </a:p>
          <a:p>
            <a:pPr lvl="1"/>
            <a:r>
              <a:rPr lang="en-US"/>
              <a:t>Second level</a:t>
            </a:r>
          </a:p>
          <a:p>
            <a:pPr lvl="2"/>
            <a:r>
              <a:rPr lang="en-US"/>
              <a:t>Third level</a:t>
            </a:r>
          </a:p>
          <a:p>
            <a:pPr lvl="3"/>
            <a:r>
              <a:rPr lang="en-US"/>
              <a:t>Fourth level</a:t>
            </a:r>
          </a:p>
        </p:txBody>
      </p:sp>
      <p:sp>
        <p:nvSpPr>
          <p:cNvPr id="15" name="Content Placeholder 4">
            <a:extLst>
              <a:ext uri="{FF2B5EF4-FFF2-40B4-BE49-F238E27FC236}">
                <a16:creationId xmlns:a16="http://schemas.microsoft.com/office/drawing/2014/main" id="{67A48D65-8A27-42AE-A0D1-EE0630EC7252}"/>
              </a:ext>
            </a:extLst>
          </p:cNvPr>
          <p:cNvSpPr>
            <a:spLocks noGrp="1"/>
          </p:cNvSpPr>
          <p:nvPr>
            <p:ph sz="quarter" idx="21"/>
          </p:nvPr>
        </p:nvSpPr>
        <p:spPr>
          <a:xfrm>
            <a:off x="9629775" y="2130552"/>
            <a:ext cx="2048256" cy="4261104"/>
          </a:xfrm>
        </p:spPr>
        <p:txBody>
          <a:bodyPr/>
          <a:lstStyle>
            <a:lvl1pPr>
              <a:spcAft>
                <a:spcPts val="600"/>
              </a:spcAft>
              <a:defRPr lang="en-US" sz="15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a:t>Click to edit Master text styles</a:t>
            </a:r>
          </a:p>
          <a:p>
            <a:pPr lvl="1"/>
            <a:r>
              <a:rPr lang="en-US"/>
              <a:t>Second level</a:t>
            </a:r>
          </a:p>
          <a:p>
            <a:pPr lvl="2"/>
            <a:r>
              <a:rPr lang="en-US"/>
              <a:t>Third level</a:t>
            </a:r>
          </a:p>
          <a:p>
            <a:pPr lvl="3"/>
            <a:r>
              <a:rPr lang="en-US"/>
              <a:t>Fourth level</a:t>
            </a:r>
          </a:p>
        </p:txBody>
      </p:sp>
      <p:sp>
        <p:nvSpPr>
          <p:cNvPr id="19" name="Subtext Placeholder 1">
            <a:extLst>
              <a:ext uri="{FF2B5EF4-FFF2-40B4-BE49-F238E27FC236}">
                <a16:creationId xmlns:a16="http://schemas.microsoft.com/office/drawing/2014/main" id="{12865E1C-6DA8-498A-81C7-FD8C577ABDB4}"/>
              </a:ext>
            </a:extLst>
          </p:cNvPr>
          <p:cNvSpPr>
            <a:spLocks noGrp="1"/>
          </p:cNvSpPr>
          <p:nvPr>
            <p:ph type="body" sz="quarter" idx="22" hasCustomPrompt="1"/>
          </p:nvPr>
        </p:nvSpPr>
        <p:spPr>
          <a:xfrm>
            <a:off x="4096512" y="2852928"/>
            <a:ext cx="1014984" cy="3557016"/>
          </a:xfrm>
        </p:spPr>
        <p:txBody>
          <a:bodyPr tIns="0"/>
          <a:lstStyle>
            <a:lvl1pPr>
              <a:spcBef>
                <a:spcPts val="1800"/>
              </a:spcBef>
              <a:spcAft>
                <a:spcPts val="0"/>
              </a:spcAft>
              <a:defRPr sz="1050" b="1" cap="all" baseline="0">
                <a:latin typeface="Barlow Condensed" panose="00000506000000000000" pitchFamily="2" charset="0"/>
              </a:defRPr>
            </a:lvl1pPr>
            <a:lvl2pPr>
              <a:spcAft>
                <a:spcPts val="0"/>
              </a:spcAft>
              <a:defRPr sz="1050">
                <a:latin typeface="Barlow Condensed" panose="00000506000000000000" pitchFamily="2" charset="0"/>
              </a:defRPr>
            </a:lvl2pPr>
            <a:lvl3pPr marL="90488" indent="-90488">
              <a:spcBef>
                <a:spcPts val="0"/>
              </a:spcBef>
              <a:spcAft>
                <a:spcPts val="0"/>
              </a:spcAft>
              <a:buFont typeface="+mn-lt" panose="04000400000000000000" pitchFamily="82" charset="0"/>
              <a:buChar char="–"/>
              <a:defRPr sz="1050">
                <a:latin typeface="Barlow Condensed" panose="00000506000000000000" pitchFamily="2" charset="0"/>
              </a:defRPr>
            </a:lvl3pPr>
            <a:lvl5pPr>
              <a:defRPr>
                <a:latin typeface="Calibre Bold" panose="020B0803030202060203" pitchFamily="34" charset="0"/>
              </a:defRPr>
            </a:lvl5pPr>
          </a:lstStyle>
          <a:p>
            <a:pPr lvl="0"/>
            <a:r>
              <a:rPr lang="en-US" dirty="0"/>
              <a:t>subheading</a:t>
            </a:r>
          </a:p>
          <a:p>
            <a:pPr lvl="1"/>
            <a:r>
              <a:rPr lang="en-US" dirty="0"/>
              <a:t>Second level</a:t>
            </a:r>
          </a:p>
          <a:p>
            <a:pPr lvl="2"/>
            <a:r>
              <a:rPr lang="en-US" dirty="0"/>
              <a:t>Third level</a:t>
            </a:r>
          </a:p>
        </p:txBody>
      </p:sp>
      <p:sp>
        <p:nvSpPr>
          <p:cNvPr id="21" name="Subtext Placeholder 2">
            <a:extLst>
              <a:ext uri="{FF2B5EF4-FFF2-40B4-BE49-F238E27FC236}">
                <a16:creationId xmlns:a16="http://schemas.microsoft.com/office/drawing/2014/main" id="{C6251289-5F50-41B5-B26E-DBEFC133FB8A}"/>
              </a:ext>
            </a:extLst>
          </p:cNvPr>
          <p:cNvSpPr>
            <a:spLocks noGrp="1"/>
          </p:cNvSpPr>
          <p:nvPr>
            <p:ph type="body" sz="quarter" idx="23" hasCustomPrompt="1"/>
          </p:nvPr>
        </p:nvSpPr>
        <p:spPr>
          <a:xfrm>
            <a:off x="8194675" y="2852928"/>
            <a:ext cx="1014984" cy="3557016"/>
          </a:xfrm>
        </p:spPr>
        <p:txBody>
          <a:bodyPr tIns="0"/>
          <a:lstStyle>
            <a:lvl1pPr>
              <a:spcBef>
                <a:spcPts val="1800"/>
              </a:spcBef>
              <a:spcAft>
                <a:spcPts val="0"/>
              </a:spcAft>
              <a:defRPr sz="1050" b="1" cap="all" baseline="0">
                <a:latin typeface="Barlow Condensed" panose="00000506000000000000" pitchFamily="2" charset="0"/>
              </a:defRPr>
            </a:lvl1pPr>
            <a:lvl2pPr>
              <a:spcAft>
                <a:spcPts val="0"/>
              </a:spcAft>
              <a:defRPr sz="1050">
                <a:latin typeface="Barlow Condensed" panose="00000506000000000000" pitchFamily="2" charset="0"/>
              </a:defRPr>
            </a:lvl2pPr>
            <a:lvl3pPr marL="90488" indent="-90488">
              <a:spcBef>
                <a:spcPts val="0"/>
              </a:spcBef>
              <a:spcAft>
                <a:spcPts val="0"/>
              </a:spcAft>
              <a:buFont typeface="+mn-lt" panose="04000400000000000000" pitchFamily="82" charset="0"/>
              <a:buChar char="–"/>
              <a:defRPr sz="1050">
                <a:latin typeface="Barlow Condensed" panose="00000506000000000000" pitchFamily="2" charset="0"/>
              </a:defRPr>
            </a:lvl3pPr>
            <a:lvl5pPr>
              <a:defRPr>
                <a:latin typeface="Calibre Bold" panose="020B0803030202060203" pitchFamily="34" charset="0"/>
              </a:defRPr>
            </a:lvl5pPr>
          </a:lstStyle>
          <a:p>
            <a:pPr lvl="0"/>
            <a:r>
              <a:rPr lang="en-US" dirty="0"/>
              <a:t>subheading</a:t>
            </a:r>
          </a:p>
          <a:p>
            <a:pPr lvl="1"/>
            <a:r>
              <a:rPr lang="en-US" dirty="0"/>
              <a:t>Second level</a:t>
            </a:r>
          </a:p>
          <a:p>
            <a:pPr lvl="2"/>
            <a:r>
              <a:rPr lang="en-US" dirty="0"/>
              <a:t>Third level</a:t>
            </a:r>
          </a:p>
        </p:txBody>
      </p:sp>
    </p:spTree>
    <p:extLst>
      <p:ext uri="{BB962C8B-B14F-4D97-AF65-F5344CB8AC3E}">
        <p14:creationId xmlns:p14="http://schemas.microsoft.com/office/powerpoint/2010/main" val="3459657860"/>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Profile">
    <p:spTree>
      <p:nvGrpSpPr>
        <p:cNvPr id="1" name=""/>
        <p:cNvGrpSpPr/>
        <p:nvPr/>
      </p:nvGrpSpPr>
      <p:grpSpPr>
        <a:xfrm>
          <a:off x="0" y="0"/>
          <a:ext cx="0" cy="0"/>
          <a:chOff x="0" y="0"/>
          <a:chExt cx="0" cy="0"/>
        </a:xfrm>
      </p:grpSpPr>
      <p:sp>
        <p:nvSpPr>
          <p:cNvPr id="24" name="Content Placeholder 4">
            <a:extLst>
              <a:ext uri="{FF2B5EF4-FFF2-40B4-BE49-F238E27FC236}">
                <a16:creationId xmlns:a16="http://schemas.microsoft.com/office/drawing/2014/main" id="{3BF08F72-5DA5-4CDC-BD31-56B19D41274D}"/>
              </a:ext>
            </a:extLst>
          </p:cNvPr>
          <p:cNvSpPr>
            <a:spLocks noGrp="1"/>
          </p:cNvSpPr>
          <p:nvPr>
            <p:ph sz="quarter" idx="20"/>
          </p:nvPr>
        </p:nvSpPr>
        <p:spPr>
          <a:xfrm>
            <a:off x="9731375" y="4730749"/>
            <a:ext cx="1949450" cy="1673225"/>
          </a:xfrm>
          <a:solidFill>
            <a:srgbClr val="CAD1D3">
              <a:alpha val="50000"/>
            </a:srgbClr>
          </a:solidFill>
        </p:spPr>
        <p:txBody>
          <a:bodyPr lIns="91440" tIns="54864" rIns="91440"/>
          <a:lstStyle>
            <a:lvl1pPr>
              <a:spcBef>
                <a:spcPts val="900"/>
              </a:spcBef>
              <a:spcAft>
                <a:spcPts val="0"/>
              </a:spcAft>
              <a:defRPr sz="1200">
                <a:latin typeface="Calibre Semibold" panose="020B0703030202060203" pitchFamily="34" charset="0"/>
              </a:defRPr>
            </a:lvl1pPr>
            <a:lvl2pPr>
              <a:spcBef>
                <a:spcPts val="600"/>
              </a:spcBef>
              <a:spcAft>
                <a:spcPts val="300"/>
              </a:spcAft>
              <a:defRPr sz="1200">
                <a:latin typeface="+mn-lt"/>
              </a:defRPr>
            </a:lvl2pPr>
            <a:lvl3pPr marL="171450" indent="-171450">
              <a:spcBef>
                <a:spcPts val="0"/>
              </a:spcBef>
              <a:buFont typeface="Financier Display" panose="02020503070506060203" pitchFamily="18" charset="0"/>
              <a:buChar char="—"/>
              <a:defRPr>
                <a:latin typeface="Calibre Light" panose="020B0303030202060203" pitchFamily="34" charset="0"/>
              </a:defRPr>
            </a:lvl3pPr>
            <a:lvl4pPr marL="342900" indent="-171450">
              <a:spcBef>
                <a:spcPts val="0"/>
              </a:spcBef>
              <a:buFont typeface="Financier Display" panose="02020503070506060203" pitchFamily="18" charset="0"/>
              <a:buChar char="—"/>
              <a:defRPr>
                <a:latin typeface="Calibre Light" panose="020B0303030202060203" pitchFamily="34" charset="0"/>
              </a:defRPr>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22" name="Content Placeholder 3">
            <a:extLst>
              <a:ext uri="{FF2B5EF4-FFF2-40B4-BE49-F238E27FC236}">
                <a16:creationId xmlns:a16="http://schemas.microsoft.com/office/drawing/2014/main" id="{FF7615E5-57D3-4615-A52B-F47F9839A106}"/>
              </a:ext>
            </a:extLst>
          </p:cNvPr>
          <p:cNvSpPr>
            <a:spLocks noGrp="1"/>
          </p:cNvSpPr>
          <p:nvPr>
            <p:ph sz="quarter" idx="19"/>
          </p:nvPr>
        </p:nvSpPr>
        <p:spPr>
          <a:xfrm>
            <a:off x="9731375" y="1601787"/>
            <a:ext cx="1949450" cy="3028951"/>
          </a:xfrm>
          <a:solidFill>
            <a:srgbClr val="C0D4CB"/>
          </a:solidFill>
        </p:spPr>
        <p:txBody>
          <a:bodyPr lIns="91440" tIns="54864" rIns="91440"/>
          <a:lstStyle>
            <a:lvl1pPr>
              <a:spcBef>
                <a:spcPts val="900"/>
              </a:spcBef>
              <a:spcAft>
                <a:spcPts val="0"/>
              </a:spcAft>
              <a:defRPr sz="1200">
                <a:solidFill>
                  <a:srgbClr val="012A2D"/>
                </a:solidFill>
                <a:latin typeface="Calibre Semibold" panose="020B0703030202060203" pitchFamily="34" charset="0"/>
              </a:defRPr>
            </a:lvl1pPr>
            <a:lvl2pPr>
              <a:spcBef>
                <a:spcPts val="600"/>
              </a:spcBef>
              <a:spcAft>
                <a:spcPts val="300"/>
              </a:spcAft>
              <a:defRPr sz="1200">
                <a:solidFill>
                  <a:srgbClr val="012A2D"/>
                </a:solidFill>
                <a:latin typeface="+mn-lt"/>
              </a:defRPr>
            </a:lvl2pPr>
            <a:lvl3pPr marL="171450" indent="-171450">
              <a:spcBef>
                <a:spcPts val="0"/>
              </a:spcBef>
              <a:buFont typeface="Financier Display" panose="02020503070506060203" pitchFamily="18" charset="0"/>
              <a:buChar char="—"/>
              <a:defRPr>
                <a:solidFill>
                  <a:srgbClr val="012A2D"/>
                </a:solidFill>
                <a:latin typeface="Calibre Light" panose="020B0303030202060203" pitchFamily="34" charset="0"/>
              </a:defRPr>
            </a:lvl3pPr>
            <a:lvl4pPr marL="342900" indent="-171450">
              <a:spcBef>
                <a:spcPts val="0"/>
              </a:spcBef>
              <a:buFont typeface="Financier Display" panose="02020503070506060203" pitchFamily="18" charset="0"/>
              <a:buChar char="—"/>
              <a:defRPr>
                <a:solidFill>
                  <a:srgbClr val="012A2D"/>
                </a:solidFill>
                <a:latin typeface="Calibre Light" panose="020B0303030202060203" pitchFamily="34" charset="0"/>
              </a:defRPr>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20" name="Content Placeholder 2">
            <a:extLst>
              <a:ext uri="{FF2B5EF4-FFF2-40B4-BE49-F238E27FC236}">
                <a16:creationId xmlns:a16="http://schemas.microsoft.com/office/drawing/2014/main" id="{C3F90BDD-7ED1-4CD6-81EA-BFD58FE03CBD}"/>
              </a:ext>
            </a:extLst>
          </p:cNvPr>
          <p:cNvSpPr>
            <a:spLocks noGrp="1"/>
          </p:cNvSpPr>
          <p:nvPr>
            <p:ph sz="quarter" idx="18"/>
          </p:nvPr>
        </p:nvSpPr>
        <p:spPr>
          <a:xfrm>
            <a:off x="5119688" y="4105275"/>
            <a:ext cx="4511675" cy="2276475"/>
          </a:xfrm>
        </p:spPr>
        <p:txBody>
          <a:bodyPr/>
          <a:lstStyle>
            <a:lvl1pPr>
              <a:spcBef>
                <a:spcPts val="900"/>
              </a:spcBef>
              <a:spcAft>
                <a:spcPts val="0"/>
              </a:spcAft>
              <a:defRPr sz="1200">
                <a:latin typeface="Calibre Semibold" panose="020B0703030202060203" pitchFamily="34" charset="0"/>
              </a:defRPr>
            </a:lvl1pPr>
            <a:lvl2pPr>
              <a:spcBef>
                <a:spcPts val="600"/>
              </a:spcBef>
              <a:spcAft>
                <a:spcPts val="300"/>
              </a:spcAft>
              <a:defRPr sz="1200">
                <a:latin typeface="+mn-lt"/>
              </a:defRPr>
            </a:lvl2pPr>
            <a:lvl3pPr marL="171450" indent="-171450">
              <a:spcBef>
                <a:spcPts val="0"/>
              </a:spcBef>
              <a:buFont typeface="Financier Display" panose="02020503070506060203" pitchFamily="18" charset="0"/>
              <a:buChar char="—"/>
              <a:defRPr>
                <a:latin typeface="Calibre Light" panose="020B0303030202060203" pitchFamily="34" charset="0"/>
              </a:defRPr>
            </a:lvl3pPr>
            <a:lvl4pPr marL="342900" indent="-171450">
              <a:spcBef>
                <a:spcPts val="0"/>
              </a:spcBef>
              <a:buFont typeface="Financier Display" panose="02020503070506060203" pitchFamily="18" charset="0"/>
              <a:buChar char="—"/>
              <a:defRPr>
                <a:latin typeface="Calibre Light" panose="020B0303030202060203" pitchFamily="34" charset="0"/>
              </a:defRPr>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16" name="Table Placeholder 1">
            <a:extLst>
              <a:ext uri="{FF2B5EF4-FFF2-40B4-BE49-F238E27FC236}">
                <a16:creationId xmlns:a16="http://schemas.microsoft.com/office/drawing/2014/main" id="{146D3712-06DF-4D30-8F2A-CC5D2D7B0B37}"/>
              </a:ext>
            </a:extLst>
          </p:cNvPr>
          <p:cNvSpPr>
            <a:spLocks noGrp="1"/>
          </p:cNvSpPr>
          <p:nvPr>
            <p:ph type="tbl" sz="quarter" idx="17" hasCustomPrompt="1"/>
          </p:nvPr>
        </p:nvSpPr>
        <p:spPr>
          <a:xfrm>
            <a:off x="5119688" y="2852738"/>
            <a:ext cx="4511675" cy="1149350"/>
          </a:xfrm>
        </p:spPr>
        <p:txBody>
          <a:bodyPr/>
          <a:lstStyle>
            <a:lvl1pPr>
              <a:defRPr sz="1200"/>
            </a:lvl1pPr>
          </a:lstStyle>
          <a:p>
            <a:r>
              <a:rPr lang="en-US" dirty="0"/>
              <a:t>Insert table here as needed</a:t>
            </a:r>
          </a:p>
        </p:txBody>
      </p:sp>
      <p:sp>
        <p:nvSpPr>
          <p:cNvPr id="8" name="Content Placeholder 1">
            <a:extLst>
              <a:ext uri="{FF2B5EF4-FFF2-40B4-BE49-F238E27FC236}">
                <a16:creationId xmlns:a16="http://schemas.microsoft.com/office/drawing/2014/main" id="{26CBCABB-0850-4F03-9016-D2536E7E069E}"/>
              </a:ext>
            </a:extLst>
          </p:cNvPr>
          <p:cNvSpPr>
            <a:spLocks noGrp="1"/>
          </p:cNvSpPr>
          <p:nvPr>
            <p:ph sz="quarter" idx="16"/>
          </p:nvPr>
        </p:nvSpPr>
        <p:spPr>
          <a:xfrm>
            <a:off x="5119688" y="1601788"/>
            <a:ext cx="4511675" cy="1149350"/>
          </a:xfrm>
        </p:spPr>
        <p:txBody>
          <a:bodyPr/>
          <a:lstStyle>
            <a:lvl1pPr>
              <a:spcBef>
                <a:spcPts val="900"/>
              </a:spcBef>
              <a:spcAft>
                <a:spcPts val="0"/>
              </a:spcAft>
              <a:defRPr sz="1200">
                <a:latin typeface="Calibre Semibold" panose="020B0703030202060203" pitchFamily="34" charset="0"/>
              </a:defRPr>
            </a:lvl1pPr>
            <a:lvl2pPr>
              <a:spcBef>
                <a:spcPts val="600"/>
              </a:spcBef>
              <a:spcAft>
                <a:spcPts val="300"/>
              </a:spcAft>
              <a:defRPr sz="1200">
                <a:latin typeface="+mn-lt"/>
              </a:defRPr>
            </a:lvl2pPr>
            <a:lvl3pPr marL="171450" indent="-171450">
              <a:spcBef>
                <a:spcPts val="0"/>
              </a:spcBef>
              <a:buFont typeface="Financier Display" panose="02020503070506060203" pitchFamily="18" charset="0"/>
              <a:buChar char="—"/>
              <a:defRPr>
                <a:latin typeface="Calibre Light" panose="020B0303030202060203" pitchFamily="34" charset="0"/>
              </a:defRPr>
            </a:lvl3pPr>
            <a:lvl4pPr marL="342900" indent="-171450">
              <a:spcBef>
                <a:spcPts val="0"/>
              </a:spcBef>
              <a:buFont typeface="Financier Display" panose="02020503070506060203" pitchFamily="18" charset="0"/>
              <a:buChar char="—"/>
              <a:defRPr>
                <a:latin typeface="Calibre Light" panose="020B0303030202060203" pitchFamily="34" charset="0"/>
              </a:defRPr>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15" name="Speaker Placeholder 1">
            <a:extLst>
              <a:ext uri="{FF2B5EF4-FFF2-40B4-BE49-F238E27FC236}">
                <a16:creationId xmlns:a16="http://schemas.microsoft.com/office/drawing/2014/main" id="{1580652B-9E6F-4260-9DEC-3A38C7F88E83}"/>
              </a:ext>
            </a:extLst>
          </p:cNvPr>
          <p:cNvSpPr>
            <a:spLocks noGrp="1"/>
          </p:cNvSpPr>
          <p:nvPr>
            <p:ph sz="quarter" idx="15" hasCustomPrompt="1"/>
          </p:nvPr>
        </p:nvSpPr>
        <p:spPr>
          <a:xfrm>
            <a:off x="3584575" y="3478213"/>
            <a:ext cx="1435100" cy="2903354"/>
          </a:xfrm>
        </p:spPr>
        <p:txBody>
          <a:bodyPr/>
          <a:lstStyle>
            <a:lvl1pPr>
              <a:spcBef>
                <a:spcPts val="0"/>
              </a:spcBef>
              <a:spcAft>
                <a:spcPts val="0"/>
              </a:spcAft>
              <a:defRPr sz="1200">
                <a:latin typeface="Calibre Semibold" panose="020B0703030202060203" pitchFamily="34" charset="0"/>
              </a:defRPr>
            </a:lvl1pPr>
            <a:lvl2pPr>
              <a:spcAft>
                <a:spcPts val="300"/>
              </a:spcAft>
              <a:defRPr sz="1200">
                <a:latin typeface="+mn-lt"/>
              </a:defRPr>
            </a:lvl2pPr>
            <a:lvl3pPr>
              <a:spcBef>
                <a:spcPts val="0"/>
              </a:spcBef>
              <a:spcAft>
                <a:spcPts val="0"/>
              </a:spcAft>
              <a:defRPr sz="1200">
                <a:latin typeface="Calibre Light" panose="020B0303030202060203" pitchFamily="34" charset="0"/>
              </a:defRPr>
            </a:lvl3pPr>
            <a:lvl4pPr>
              <a:defRPr sz="1050">
                <a:latin typeface="Calibre Light" panose="020B0303030202060203" pitchFamily="34" charset="0"/>
              </a:defRPr>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5" name="Headshot Placeholder 1">
            <a:extLst>
              <a:ext uri="{FF2B5EF4-FFF2-40B4-BE49-F238E27FC236}">
                <a16:creationId xmlns:a16="http://schemas.microsoft.com/office/drawing/2014/main" id="{D1623E2B-E1E3-403F-AC41-B00361F97368}"/>
              </a:ext>
            </a:extLst>
          </p:cNvPr>
          <p:cNvSpPr>
            <a:spLocks noGrp="1" noChangeAspect="1"/>
          </p:cNvSpPr>
          <p:nvPr>
            <p:ph type="pic" sz="quarter" idx="12" hasCustomPrompt="1"/>
          </p:nvPr>
        </p:nvSpPr>
        <p:spPr>
          <a:xfrm>
            <a:off x="3584575" y="1601788"/>
            <a:ext cx="1435100" cy="1676148"/>
          </a:xfrm>
          <a:solidFill>
            <a:srgbClr val="F6F6F6"/>
          </a:solidFill>
        </p:spPr>
        <p:txBody>
          <a:bodyPr rIns="0" anchor="ctr" anchorCtr="0"/>
          <a:lstStyle>
            <a:lvl1pPr algn="ctr">
              <a:defRPr sz="1600"/>
            </a:lvl1pPr>
          </a:lstStyle>
          <a:p>
            <a:r>
              <a:rPr lang="en-US" dirty="0"/>
              <a:t>Click here to insert headshot</a:t>
            </a:r>
          </a:p>
        </p:txBody>
      </p:sp>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84157569"/>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4 Column">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2851983"/>
            <a:ext cx="1947672" cy="355199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Content Placeholder 2">
            <a:extLst>
              <a:ext uri="{FF2B5EF4-FFF2-40B4-BE49-F238E27FC236}">
                <a16:creationId xmlns:a16="http://schemas.microsoft.com/office/drawing/2014/main" id="{062DCBD7-5BF0-4732-A229-4209A8A6C7F1}"/>
              </a:ext>
            </a:extLst>
          </p:cNvPr>
          <p:cNvSpPr>
            <a:spLocks noGrp="1"/>
          </p:cNvSpPr>
          <p:nvPr>
            <p:ph sz="quarter" idx="13"/>
          </p:nvPr>
        </p:nvSpPr>
        <p:spPr>
          <a:xfrm>
            <a:off x="5631346" y="2851983"/>
            <a:ext cx="1947672" cy="355199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9" name="Content Placeholder 3">
            <a:extLst>
              <a:ext uri="{FF2B5EF4-FFF2-40B4-BE49-F238E27FC236}">
                <a16:creationId xmlns:a16="http://schemas.microsoft.com/office/drawing/2014/main" id="{9EADD532-B75A-4258-AC29-C8D025BF20A7}"/>
              </a:ext>
            </a:extLst>
          </p:cNvPr>
          <p:cNvSpPr>
            <a:spLocks noGrp="1"/>
          </p:cNvSpPr>
          <p:nvPr>
            <p:ph sz="quarter" idx="14"/>
          </p:nvPr>
        </p:nvSpPr>
        <p:spPr>
          <a:xfrm>
            <a:off x="7678244" y="2851983"/>
            <a:ext cx="1947672" cy="355199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Content Placeholder 4">
            <a:extLst>
              <a:ext uri="{FF2B5EF4-FFF2-40B4-BE49-F238E27FC236}">
                <a16:creationId xmlns:a16="http://schemas.microsoft.com/office/drawing/2014/main" id="{24BB281D-39A9-4C36-9770-9CE2852F74CE}"/>
              </a:ext>
            </a:extLst>
          </p:cNvPr>
          <p:cNvSpPr>
            <a:spLocks noGrp="1"/>
          </p:cNvSpPr>
          <p:nvPr>
            <p:ph sz="quarter" idx="15"/>
          </p:nvPr>
        </p:nvSpPr>
        <p:spPr>
          <a:xfrm>
            <a:off x="9725143" y="2851983"/>
            <a:ext cx="1947672" cy="355199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2196767253"/>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4 Column + 2 Subheadings">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1601787"/>
            <a:ext cx="1947672" cy="480218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3584447" y="914400"/>
            <a:ext cx="3986633"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9" name="Content Placeholder 2">
            <a:extLst>
              <a:ext uri="{FF2B5EF4-FFF2-40B4-BE49-F238E27FC236}">
                <a16:creationId xmlns:a16="http://schemas.microsoft.com/office/drawing/2014/main" id="{42EA3364-699E-4FFA-BD42-6EF5EA1F1F61}"/>
              </a:ext>
            </a:extLst>
          </p:cNvPr>
          <p:cNvSpPr>
            <a:spLocks noGrp="1"/>
          </p:cNvSpPr>
          <p:nvPr>
            <p:ph sz="quarter" idx="14"/>
          </p:nvPr>
        </p:nvSpPr>
        <p:spPr>
          <a:xfrm>
            <a:off x="5635245" y="1601787"/>
            <a:ext cx="1947672" cy="480218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Subheading Placeholder 2">
            <a:extLst>
              <a:ext uri="{FF2B5EF4-FFF2-40B4-BE49-F238E27FC236}">
                <a16:creationId xmlns:a16="http://schemas.microsoft.com/office/drawing/2014/main" id="{6FE6ECDB-AF0B-4645-9EF8-7E58A711A6A0}"/>
              </a:ext>
            </a:extLst>
          </p:cNvPr>
          <p:cNvSpPr>
            <a:spLocks noGrp="1"/>
          </p:cNvSpPr>
          <p:nvPr>
            <p:ph type="body" sz="quarter" idx="15" hasCustomPrompt="1"/>
          </p:nvPr>
        </p:nvSpPr>
        <p:spPr>
          <a:xfrm>
            <a:off x="7683499" y="914400"/>
            <a:ext cx="3986784"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10" name="Content Placeholder 3">
            <a:extLst>
              <a:ext uri="{FF2B5EF4-FFF2-40B4-BE49-F238E27FC236}">
                <a16:creationId xmlns:a16="http://schemas.microsoft.com/office/drawing/2014/main" id="{BB682FBA-E10C-49A4-BDD6-259592864FE4}"/>
              </a:ext>
            </a:extLst>
          </p:cNvPr>
          <p:cNvSpPr>
            <a:spLocks noGrp="1"/>
          </p:cNvSpPr>
          <p:nvPr>
            <p:ph sz="quarter" idx="16"/>
          </p:nvPr>
        </p:nvSpPr>
        <p:spPr>
          <a:xfrm>
            <a:off x="7683500" y="1601787"/>
            <a:ext cx="1947672" cy="480218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Content Placeholder 4">
            <a:extLst>
              <a:ext uri="{FF2B5EF4-FFF2-40B4-BE49-F238E27FC236}">
                <a16:creationId xmlns:a16="http://schemas.microsoft.com/office/drawing/2014/main" id="{492675E5-115E-49D4-9D4F-88FD98AD1529}"/>
              </a:ext>
            </a:extLst>
          </p:cNvPr>
          <p:cNvSpPr>
            <a:spLocks noGrp="1"/>
          </p:cNvSpPr>
          <p:nvPr>
            <p:ph sz="quarter" idx="17"/>
          </p:nvPr>
        </p:nvSpPr>
        <p:spPr>
          <a:xfrm>
            <a:off x="9722611" y="1601788"/>
            <a:ext cx="1947672" cy="480454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346179330"/>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4 Image Column">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7" y="3492063"/>
            <a:ext cx="1947991" cy="2911912"/>
          </a:xfrm>
        </p:spPr>
        <p:txBody>
          <a:bodyPr/>
          <a:lstStyle>
            <a:lvl1pPr>
              <a:spcAft>
                <a:spcPts val="0"/>
              </a:spcAft>
              <a:defRPr>
                <a:latin typeface="Calibre Semibold" panose="020B0703030202060203" pitchFamily="34" charset="0"/>
              </a:defRPr>
            </a:lvl1pPr>
            <a:lvl2pPr>
              <a:defRPr sz="2200">
                <a:latin typeface="Calibre Light" panose="020B03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Picture Placeholder 1">
            <a:extLst>
              <a:ext uri="{FF2B5EF4-FFF2-40B4-BE49-F238E27FC236}">
                <a16:creationId xmlns:a16="http://schemas.microsoft.com/office/drawing/2014/main" id="{8E24196C-EDCF-4421-93F5-2F0FC09A0AC8}"/>
              </a:ext>
            </a:extLst>
          </p:cNvPr>
          <p:cNvSpPr>
            <a:spLocks noGrp="1"/>
          </p:cNvSpPr>
          <p:nvPr>
            <p:ph type="pic" sz="quarter" idx="18"/>
          </p:nvPr>
        </p:nvSpPr>
        <p:spPr>
          <a:xfrm>
            <a:off x="3584447" y="1601788"/>
            <a:ext cx="1947991" cy="1563624"/>
          </a:xfrm>
        </p:spPr>
        <p:txBody>
          <a:bodyPr/>
          <a:lstStyle/>
          <a:p>
            <a:r>
              <a:rPr lang="en-US" dirty="0"/>
              <a:t>Click icon to add picture</a:t>
            </a:r>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3584447" y="914400"/>
            <a:ext cx="1947991"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9" name="Content Placeholder 2">
            <a:extLst>
              <a:ext uri="{FF2B5EF4-FFF2-40B4-BE49-F238E27FC236}">
                <a16:creationId xmlns:a16="http://schemas.microsoft.com/office/drawing/2014/main" id="{42EA3364-699E-4FFA-BD42-6EF5EA1F1F61}"/>
              </a:ext>
            </a:extLst>
          </p:cNvPr>
          <p:cNvSpPr>
            <a:spLocks noGrp="1"/>
          </p:cNvSpPr>
          <p:nvPr>
            <p:ph sz="quarter" idx="14"/>
          </p:nvPr>
        </p:nvSpPr>
        <p:spPr>
          <a:xfrm>
            <a:off x="5633909" y="3492063"/>
            <a:ext cx="1947991" cy="2911912"/>
          </a:xfrm>
        </p:spPr>
        <p:txBody>
          <a:bodyPr/>
          <a:lstStyle>
            <a:lvl1pPr>
              <a:spcAft>
                <a:spcPts val="0"/>
              </a:spcAft>
              <a:defRPr>
                <a:latin typeface="Calibre Semibold" panose="020B0703030202060203" pitchFamily="34" charset="0"/>
              </a:defRPr>
            </a:lvl1pPr>
            <a:lvl2pPr>
              <a:defRPr sz="2200">
                <a:latin typeface="Calibre Light" panose="020B03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5" name="Picture Placeholder 2">
            <a:extLst>
              <a:ext uri="{FF2B5EF4-FFF2-40B4-BE49-F238E27FC236}">
                <a16:creationId xmlns:a16="http://schemas.microsoft.com/office/drawing/2014/main" id="{47A2DD19-B20B-483D-8660-233B1AD6C184}"/>
              </a:ext>
            </a:extLst>
          </p:cNvPr>
          <p:cNvSpPr>
            <a:spLocks noGrp="1"/>
          </p:cNvSpPr>
          <p:nvPr>
            <p:ph type="pic" sz="quarter" idx="19"/>
          </p:nvPr>
        </p:nvSpPr>
        <p:spPr>
          <a:xfrm>
            <a:off x="5633115" y="1601788"/>
            <a:ext cx="1947991" cy="1563624"/>
          </a:xfrm>
        </p:spPr>
        <p:txBody>
          <a:bodyPr/>
          <a:lstStyle/>
          <a:p>
            <a:r>
              <a:rPr lang="en-US" dirty="0"/>
              <a:t>Click icon to add picture</a:t>
            </a:r>
          </a:p>
        </p:txBody>
      </p:sp>
      <p:sp>
        <p:nvSpPr>
          <p:cNvPr id="11" name="Subheading Placeholder 2">
            <a:extLst>
              <a:ext uri="{FF2B5EF4-FFF2-40B4-BE49-F238E27FC236}">
                <a16:creationId xmlns:a16="http://schemas.microsoft.com/office/drawing/2014/main" id="{6FE6ECDB-AF0B-4645-9EF8-7E58A711A6A0}"/>
              </a:ext>
            </a:extLst>
          </p:cNvPr>
          <p:cNvSpPr>
            <a:spLocks noGrp="1"/>
          </p:cNvSpPr>
          <p:nvPr>
            <p:ph type="body" sz="quarter" idx="15" hasCustomPrompt="1"/>
          </p:nvPr>
        </p:nvSpPr>
        <p:spPr>
          <a:xfrm>
            <a:off x="5633115" y="914400"/>
            <a:ext cx="1947991"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10" name="Content Placeholder 3">
            <a:extLst>
              <a:ext uri="{FF2B5EF4-FFF2-40B4-BE49-F238E27FC236}">
                <a16:creationId xmlns:a16="http://schemas.microsoft.com/office/drawing/2014/main" id="{96F8CE7E-C8FD-42CD-9FE2-33854B67611D}"/>
              </a:ext>
            </a:extLst>
          </p:cNvPr>
          <p:cNvSpPr>
            <a:spLocks noGrp="1"/>
          </p:cNvSpPr>
          <p:nvPr>
            <p:ph sz="quarter" idx="16"/>
          </p:nvPr>
        </p:nvSpPr>
        <p:spPr>
          <a:xfrm>
            <a:off x="7683372" y="3492063"/>
            <a:ext cx="1947991" cy="2911912"/>
          </a:xfrm>
        </p:spPr>
        <p:txBody>
          <a:bodyPr/>
          <a:lstStyle>
            <a:lvl1pPr>
              <a:spcAft>
                <a:spcPts val="0"/>
              </a:spcAft>
              <a:defRPr>
                <a:latin typeface="Calibre Semibold" panose="020B0703030202060203" pitchFamily="34" charset="0"/>
              </a:defRPr>
            </a:lvl1pPr>
            <a:lvl2pPr>
              <a:defRPr sz="2200">
                <a:latin typeface="Calibre Light" panose="020B03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7" name="Picture Placeholder 3">
            <a:extLst>
              <a:ext uri="{FF2B5EF4-FFF2-40B4-BE49-F238E27FC236}">
                <a16:creationId xmlns:a16="http://schemas.microsoft.com/office/drawing/2014/main" id="{F87E57F0-BBA5-46F3-8D80-066C33EA828B}"/>
              </a:ext>
            </a:extLst>
          </p:cNvPr>
          <p:cNvSpPr>
            <a:spLocks noGrp="1"/>
          </p:cNvSpPr>
          <p:nvPr>
            <p:ph type="pic" sz="quarter" idx="20"/>
          </p:nvPr>
        </p:nvSpPr>
        <p:spPr>
          <a:xfrm>
            <a:off x="7681786" y="1601788"/>
            <a:ext cx="1947991" cy="1563624"/>
          </a:xfrm>
        </p:spPr>
        <p:txBody>
          <a:bodyPr/>
          <a:lstStyle/>
          <a:p>
            <a:r>
              <a:rPr lang="en-US" dirty="0"/>
              <a:t>Click icon to add picture</a:t>
            </a:r>
          </a:p>
        </p:txBody>
      </p:sp>
      <p:sp>
        <p:nvSpPr>
          <p:cNvPr id="13" name="Subheading Placeholder 3">
            <a:extLst>
              <a:ext uri="{FF2B5EF4-FFF2-40B4-BE49-F238E27FC236}">
                <a16:creationId xmlns:a16="http://schemas.microsoft.com/office/drawing/2014/main" id="{8D649D2F-7D7D-4802-A705-A08201E6D24D}"/>
              </a:ext>
            </a:extLst>
          </p:cNvPr>
          <p:cNvSpPr>
            <a:spLocks noGrp="1"/>
          </p:cNvSpPr>
          <p:nvPr>
            <p:ph type="body" sz="quarter" idx="17" hasCustomPrompt="1"/>
          </p:nvPr>
        </p:nvSpPr>
        <p:spPr>
          <a:xfrm>
            <a:off x="7681786" y="914400"/>
            <a:ext cx="1947991"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20" name="Content Placeholder 4">
            <a:extLst>
              <a:ext uri="{FF2B5EF4-FFF2-40B4-BE49-F238E27FC236}">
                <a16:creationId xmlns:a16="http://schemas.microsoft.com/office/drawing/2014/main" id="{E8AF4775-5960-4028-BD81-98CE17CB9110}"/>
              </a:ext>
            </a:extLst>
          </p:cNvPr>
          <p:cNvSpPr>
            <a:spLocks noGrp="1"/>
          </p:cNvSpPr>
          <p:nvPr>
            <p:ph sz="quarter" idx="23"/>
          </p:nvPr>
        </p:nvSpPr>
        <p:spPr>
          <a:xfrm>
            <a:off x="9731375" y="3492500"/>
            <a:ext cx="1947863" cy="2911475"/>
          </a:xfrm>
        </p:spPr>
        <p:txBody>
          <a:bodyPr/>
          <a:lstStyle>
            <a:lvl1pPr>
              <a:spcAft>
                <a:spcPts val="0"/>
              </a:spcAft>
              <a:defRPr>
                <a:latin typeface="Calibre Semibold" panose="020B0703030202060203" pitchFamily="34" charset="0"/>
              </a:defRPr>
            </a:lvl1pPr>
            <a:lvl2pPr>
              <a:defRPr sz="2200">
                <a:latin typeface="Calibre Light" panose="020B0303030202060203" pitchFamily="34" charset="0"/>
              </a:defRPr>
            </a:lvl2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Picture Placeholder 4">
            <a:extLst>
              <a:ext uri="{FF2B5EF4-FFF2-40B4-BE49-F238E27FC236}">
                <a16:creationId xmlns:a16="http://schemas.microsoft.com/office/drawing/2014/main" id="{90576EDB-876E-43D9-B5AB-42B0946B0D46}"/>
              </a:ext>
            </a:extLst>
          </p:cNvPr>
          <p:cNvSpPr>
            <a:spLocks noGrp="1"/>
          </p:cNvSpPr>
          <p:nvPr>
            <p:ph type="pic" sz="quarter" idx="22"/>
          </p:nvPr>
        </p:nvSpPr>
        <p:spPr>
          <a:xfrm>
            <a:off x="9731375" y="1601788"/>
            <a:ext cx="1947991" cy="1563687"/>
          </a:xfrm>
        </p:spPr>
        <p:txBody>
          <a:bodyPr/>
          <a:lstStyle/>
          <a:p>
            <a:r>
              <a:rPr lang="en-US" dirty="0"/>
              <a:t>Click icon to add picture</a:t>
            </a:r>
            <a:endParaRPr lang="en-GB" dirty="0"/>
          </a:p>
        </p:txBody>
      </p:sp>
      <p:sp>
        <p:nvSpPr>
          <p:cNvPr id="14" name="Subheading Placeholder 4">
            <a:extLst>
              <a:ext uri="{FF2B5EF4-FFF2-40B4-BE49-F238E27FC236}">
                <a16:creationId xmlns:a16="http://schemas.microsoft.com/office/drawing/2014/main" id="{8747FC40-DD0F-400B-B030-B52E1E681067}"/>
              </a:ext>
            </a:extLst>
          </p:cNvPr>
          <p:cNvSpPr>
            <a:spLocks noGrp="1"/>
          </p:cNvSpPr>
          <p:nvPr>
            <p:ph type="body" sz="quarter" idx="21" hasCustomPrompt="1"/>
          </p:nvPr>
        </p:nvSpPr>
        <p:spPr>
          <a:xfrm>
            <a:off x="9731375" y="914400"/>
            <a:ext cx="1947991" cy="584200"/>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Tree>
    <p:extLst>
      <p:ext uri="{BB962C8B-B14F-4D97-AF65-F5344CB8AC3E}">
        <p14:creationId xmlns:p14="http://schemas.microsoft.com/office/powerpoint/2010/main" val="839981134"/>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1 Column Infographic">
    <p:spTree>
      <p:nvGrpSpPr>
        <p:cNvPr id="1" name=""/>
        <p:cNvGrpSpPr/>
        <p:nvPr/>
      </p:nvGrpSpPr>
      <p:grpSpPr>
        <a:xfrm>
          <a:off x="0" y="0"/>
          <a:ext cx="0" cy="0"/>
          <a:chOff x="0" y="0"/>
          <a:chExt cx="0" cy="0"/>
        </a:xfrm>
      </p:grpSpPr>
      <p:sp>
        <p:nvSpPr>
          <p:cNvPr id="8" name="GFX BG">
            <a:extLst>
              <a:ext uri="{FF2B5EF4-FFF2-40B4-BE49-F238E27FC236}">
                <a16:creationId xmlns:a16="http://schemas.microsoft.com/office/drawing/2014/main" id="{5D5A16FE-A1C9-492B-8503-3E55B28F933A}"/>
              </a:ext>
            </a:extLst>
          </p:cNvPr>
          <p:cNvSpPr/>
          <p:nvPr userDrawn="1"/>
        </p:nvSpPr>
        <p:spPr>
          <a:xfrm>
            <a:off x="511177" y="2852739"/>
            <a:ext cx="11168062" cy="3529012"/>
          </a:xfrm>
          <a:prstGeom prst="rect">
            <a:avLst/>
          </a:prstGeom>
          <a:solidFill>
            <a:schemeClr val="accent3">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1601788"/>
            <a:ext cx="7068312" cy="1133856"/>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122565510"/>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2 Column Infographic">
    <p:spTree>
      <p:nvGrpSpPr>
        <p:cNvPr id="1" name=""/>
        <p:cNvGrpSpPr/>
        <p:nvPr/>
      </p:nvGrpSpPr>
      <p:grpSpPr>
        <a:xfrm>
          <a:off x="0" y="0"/>
          <a:ext cx="0" cy="0"/>
          <a:chOff x="0" y="0"/>
          <a:chExt cx="0" cy="0"/>
        </a:xfrm>
      </p:grpSpPr>
      <p:sp>
        <p:nvSpPr>
          <p:cNvPr id="8" name="GFX BG">
            <a:extLst>
              <a:ext uri="{FF2B5EF4-FFF2-40B4-BE49-F238E27FC236}">
                <a16:creationId xmlns:a16="http://schemas.microsoft.com/office/drawing/2014/main" id="{5D5A16FE-A1C9-492B-8503-3E55B28F933A}"/>
              </a:ext>
            </a:extLst>
          </p:cNvPr>
          <p:cNvSpPr/>
          <p:nvPr userDrawn="1"/>
        </p:nvSpPr>
        <p:spPr>
          <a:xfrm>
            <a:off x="511177" y="2852739"/>
            <a:ext cx="11168062" cy="3529012"/>
          </a:xfrm>
          <a:prstGeom prst="rect">
            <a:avLst/>
          </a:prstGeom>
          <a:solidFill>
            <a:schemeClr val="accent3">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1601788"/>
            <a:ext cx="3483864" cy="113385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spcBef>
                <a:spcPts val="600"/>
              </a:spcBef>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Content Placeholder 6">
            <a:extLst>
              <a:ext uri="{FF2B5EF4-FFF2-40B4-BE49-F238E27FC236}">
                <a16:creationId xmlns:a16="http://schemas.microsoft.com/office/drawing/2014/main" id="{D56F0673-94EF-48CC-9CE4-73C172F82EC0}"/>
              </a:ext>
            </a:extLst>
          </p:cNvPr>
          <p:cNvSpPr>
            <a:spLocks noGrp="1"/>
          </p:cNvSpPr>
          <p:nvPr>
            <p:ph sz="quarter" idx="13"/>
          </p:nvPr>
        </p:nvSpPr>
        <p:spPr>
          <a:xfrm>
            <a:off x="7169784" y="1601788"/>
            <a:ext cx="3483864" cy="113385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spcBef>
                <a:spcPts val="600"/>
              </a:spcBef>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492890929"/>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3 Stats">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6" y="1601788"/>
            <a:ext cx="2971800" cy="1325563"/>
          </a:xfrm>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3584448" y="4983479"/>
            <a:ext cx="7589010" cy="899795"/>
          </a:xfrm>
        </p:spPr>
        <p:txBody>
          <a:bodyPr tIns="100584"/>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a:t>Click to edit Master text styles</a:t>
            </a:r>
          </a:p>
          <a:p>
            <a:pPr lvl="1"/>
            <a:r>
              <a:rPr lang="en-US"/>
              <a:t>Second level</a:t>
            </a:r>
          </a:p>
        </p:txBody>
      </p:sp>
      <p:sp>
        <p:nvSpPr>
          <p:cNvPr id="8" name="Stat Placeholder 1">
            <a:extLst>
              <a:ext uri="{FF2B5EF4-FFF2-40B4-BE49-F238E27FC236}">
                <a16:creationId xmlns:a16="http://schemas.microsoft.com/office/drawing/2014/main" id="{BD5B0268-6D86-4322-907B-D2857B858C19}"/>
              </a:ext>
            </a:extLst>
          </p:cNvPr>
          <p:cNvSpPr>
            <a:spLocks noGrp="1"/>
          </p:cNvSpPr>
          <p:nvPr>
            <p:ph sz="quarter" idx="13" hasCustomPrompt="1"/>
          </p:nvPr>
        </p:nvSpPr>
        <p:spPr>
          <a:xfrm>
            <a:off x="3584448" y="1601788"/>
            <a:ext cx="2459736" cy="3026664"/>
          </a:xfrm>
          <a:solidFill>
            <a:schemeClr val="bg2"/>
          </a:solidFill>
        </p:spPr>
        <p:txBody>
          <a:bodyPr lIns="182880" tIns="182880" rIns="182880" bIns="182880"/>
          <a:lstStyle>
            <a:lvl1pPr marL="0" indent="0">
              <a:spcAft>
                <a:spcPts val="0"/>
              </a:spcAft>
              <a:buFontTx/>
              <a:buNone/>
              <a:defRPr lang="en-US" sz="6000" b="0" dirty="0" smtClean="0">
                <a:solidFill>
                  <a:srgbClr val="012A2D"/>
                </a:solidFill>
                <a:latin typeface="Calibre Light" panose="020B0303030202060203" pitchFamily="34" charset="0"/>
                <a:ea typeface="+mn-ea"/>
                <a:cs typeface="+mn-cs"/>
              </a:defRPr>
            </a:lvl1pPr>
            <a:lvl2pPr>
              <a:spcBef>
                <a:spcPts val="0"/>
              </a:spcBef>
              <a:spcAft>
                <a:spcPts val="600"/>
              </a:spcAft>
              <a:defRPr lang="en-US" sz="2200" dirty="0" smtClean="0">
                <a:solidFill>
                  <a:srgbClr val="012A2D"/>
                </a:solidFill>
                <a:latin typeface="Calibre Light" panose="020B0303030202060203" pitchFamily="34" charset="0"/>
                <a:ea typeface="+mn-ea"/>
                <a:cs typeface="+mn-cs"/>
              </a:defRPr>
            </a:lvl2pPr>
            <a:lvl3pPr marL="0" indent="0">
              <a:spcBef>
                <a:spcPts val="3400"/>
              </a:spcBef>
              <a:spcAft>
                <a:spcPts val="600"/>
              </a:spcAft>
              <a:buFontTx/>
              <a:buNone/>
              <a:defRPr lang="en-US" sz="1600" dirty="0" smtClean="0">
                <a:solidFill>
                  <a:srgbClr val="012A2D"/>
                </a:solidFill>
                <a:latin typeface="Calibre Semibold" panose="020B0703030202060203" pitchFamily="34" charset="0"/>
                <a:ea typeface="+mn-ea"/>
                <a:cs typeface="+mn-cs"/>
              </a:defRPr>
            </a:lvl3pPr>
            <a:lvl4pPr marL="173736">
              <a:spcBef>
                <a:spcPts val="300"/>
              </a:spcBef>
              <a:spcAft>
                <a:spcPts val="300"/>
              </a:spcAft>
              <a:defRPr lang="en-US" sz="1200" b="0" dirty="0">
                <a:solidFill>
                  <a:schemeClr val="tx1"/>
                </a:solidFill>
                <a:latin typeface="+mn-lt"/>
                <a:ea typeface="+mn-ea"/>
                <a:cs typeface="+mn-cs"/>
              </a:defRPr>
            </a:lvl4pPr>
            <a:lvl5pPr marL="356616" indent="-171450">
              <a:spcBef>
                <a:spcPts val="600"/>
              </a:spcBef>
              <a:spcAft>
                <a:spcPts val="0"/>
              </a:spcAft>
              <a:buFont typeface="Calibre" panose="020B0503030202060203" pitchFamily="34" charset="0"/>
              <a:buChar char="–"/>
              <a:defRPr lang="en-US" sz="1200" dirty="0" smtClean="0">
                <a:solidFill>
                  <a:schemeClr val="tx1"/>
                </a:solidFill>
                <a:latin typeface="Calibre" panose="020B05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value</a:t>
            </a:r>
          </a:p>
          <a:p>
            <a:pPr lvl="1"/>
            <a:r>
              <a:rPr lang="en-US" dirty="0"/>
              <a:t>unit</a:t>
            </a:r>
          </a:p>
          <a:p>
            <a:pPr lvl="2"/>
            <a:r>
              <a:rPr lang="en-US" dirty="0"/>
              <a:t>Description</a:t>
            </a:r>
          </a:p>
        </p:txBody>
      </p:sp>
      <p:sp>
        <p:nvSpPr>
          <p:cNvPr id="10" name="Stat Placeholder 2">
            <a:extLst>
              <a:ext uri="{FF2B5EF4-FFF2-40B4-BE49-F238E27FC236}">
                <a16:creationId xmlns:a16="http://schemas.microsoft.com/office/drawing/2014/main" id="{59502AB8-1EEA-43E9-995E-A64DEF4206AF}"/>
              </a:ext>
            </a:extLst>
          </p:cNvPr>
          <p:cNvSpPr>
            <a:spLocks noGrp="1"/>
          </p:cNvSpPr>
          <p:nvPr>
            <p:ph sz="quarter" idx="14" hasCustomPrompt="1"/>
          </p:nvPr>
        </p:nvSpPr>
        <p:spPr>
          <a:xfrm>
            <a:off x="6149085" y="1601788"/>
            <a:ext cx="2459736" cy="3026664"/>
          </a:xfrm>
          <a:solidFill>
            <a:schemeClr val="tx1"/>
          </a:solidFill>
        </p:spPr>
        <p:txBody>
          <a:bodyPr lIns="182880" tIns="182880" rIns="182880" bIns="182880"/>
          <a:lstStyle>
            <a:lvl1pPr marL="0" indent="0">
              <a:spcAft>
                <a:spcPts val="0"/>
              </a:spcAft>
              <a:buFontTx/>
              <a:buNone/>
              <a:defRPr lang="en-US" sz="6000" b="0" dirty="0" smtClean="0">
                <a:solidFill>
                  <a:schemeClr val="bg1"/>
                </a:solidFill>
                <a:latin typeface="Calibre Light" panose="020B0303030202060203" pitchFamily="34" charset="0"/>
                <a:ea typeface="+mn-ea"/>
                <a:cs typeface="+mn-cs"/>
              </a:defRPr>
            </a:lvl1pPr>
            <a:lvl2pPr>
              <a:spcBef>
                <a:spcPts val="0"/>
              </a:spcBef>
              <a:spcAft>
                <a:spcPts val="600"/>
              </a:spcAft>
              <a:defRPr lang="en-US" sz="2200" dirty="0" smtClean="0">
                <a:solidFill>
                  <a:schemeClr val="bg1"/>
                </a:solidFill>
                <a:latin typeface="Calibre Light" panose="020B0303030202060203" pitchFamily="34" charset="0"/>
                <a:ea typeface="+mn-ea"/>
                <a:cs typeface="+mn-cs"/>
              </a:defRPr>
            </a:lvl2pPr>
            <a:lvl3pPr marL="0" indent="0">
              <a:spcBef>
                <a:spcPts val="3400"/>
              </a:spcBef>
              <a:spcAft>
                <a:spcPts val="600"/>
              </a:spcAft>
              <a:buFontTx/>
              <a:buNone/>
              <a:defRPr lang="en-US" sz="1600" dirty="0" smtClean="0">
                <a:solidFill>
                  <a:schemeClr val="bg1"/>
                </a:solidFill>
                <a:latin typeface="Calibre Semibold" panose="020B0703030202060203" pitchFamily="34" charset="0"/>
                <a:ea typeface="+mn-ea"/>
                <a:cs typeface="+mn-cs"/>
              </a:defRPr>
            </a:lvl3pPr>
            <a:lvl4pPr marL="173736">
              <a:spcBef>
                <a:spcPts val="300"/>
              </a:spcBef>
              <a:spcAft>
                <a:spcPts val="300"/>
              </a:spcAft>
              <a:buClr>
                <a:schemeClr val="bg1"/>
              </a:buClr>
              <a:defRPr lang="en-US" sz="1200" b="0" dirty="0">
                <a:solidFill>
                  <a:schemeClr val="bg1"/>
                </a:solidFill>
                <a:latin typeface="+mn-lt"/>
                <a:ea typeface="+mn-ea"/>
                <a:cs typeface="+mn-cs"/>
              </a:defRPr>
            </a:lvl4pPr>
            <a:lvl5pPr marL="356616" indent="-171450">
              <a:spcBef>
                <a:spcPts val="600"/>
              </a:spcBef>
              <a:spcAft>
                <a:spcPts val="0"/>
              </a:spcAft>
              <a:buFont typeface="Calibre" panose="020B0503030202060203" pitchFamily="34" charset="0"/>
              <a:buChar char="–"/>
              <a:defRPr lang="en-US" sz="1200" dirty="0" smtClean="0">
                <a:solidFill>
                  <a:schemeClr val="bg1"/>
                </a:solidFill>
                <a:latin typeface="Calibre" panose="020B0503030202060203" pitchFamily="34" charset="0"/>
                <a:ea typeface="+mn-ea"/>
                <a:cs typeface="+mn-cs"/>
              </a:defRPr>
            </a:lvl5pPr>
            <a:lvl6pPr>
              <a:defRPr>
                <a:solidFill>
                  <a:schemeClr val="bg1"/>
                </a:solidFill>
              </a:defRPr>
            </a:lvl6pPr>
            <a:lvl7pPr>
              <a:spcBef>
                <a:spcPts val="300"/>
              </a:spcBef>
              <a:spcAft>
                <a:spcPts val="300"/>
              </a:spcAft>
              <a:defRPr lang="en-US" sz="1050" dirty="0" smtClean="0">
                <a:solidFill>
                  <a:schemeClr val="bg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bg1"/>
                </a:solidFill>
                <a:latin typeface="+mn-lt"/>
                <a:ea typeface="+mn-ea"/>
                <a:cs typeface="+mn-cs"/>
              </a:defRPr>
            </a:lvl8pPr>
            <a:lvl9pPr>
              <a:defRPr>
                <a:solidFill>
                  <a:schemeClr val="bg1"/>
                </a:solidFill>
              </a:defRPr>
            </a:lvl9pPr>
          </a:lstStyle>
          <a:p>
            <a:pPr lvl="0"/>
            <a:r>
              <a:rPr lang="en-US" dirty="0"/>
              <a:t>#value</a:t>
            </a:r>
          </a:p>
          <a:p>
            <a:pPr lvl="1"/>
            <a:r>
              <a:rPr lang="en-US" dirty="0"/>
              <a:t>unit</a:t>
            </a:r>
          </a:p>
          <a:p>
            <a:pPr lvl="2"/>
            <a:r>
              <a:rPr lang="en-US" dirty="0"/>
              <a:t>Description</a:t>
            </a:r>
          </a:p>
        </p:txBody>
      </p:sp>
      <p:sp>
        <p:nvSpPr>
          <p:cNvPr id="12" name="Stat Placeholder 3">
            <a:extLst>
              <a:ext uri="{FF2B5EF4-FFF2-40B4-BE49-F238E27FC236}">
                <a16:creationId xmlns:a16="http://schemas.microsoft.com/office/drawing/2014/main" id="{24107E57-4088-4008-A2A0-5AE3E7C5938D}"/>
              </a:ext>
            </a:extLst>
          </p:cNvPr>
          <p:cNvSpPr>
            <a:spLocks noGrp="1"/>
          </p:cNvSpPr>
          <p:nvPr>
            <p:ph sz="quarter" idx="15" hasCustomPrompt="1"/>
          </p:nvPr>
        </p:nvSpPr>
        <p:spPr>
          <a:xfrm>
            <a:off x="8713722" y="1601788"/>
            <a:ext cx="2459736" cy="3026664"/>
          </a:xfrm>
          <a:solidFill>
            <a:schemeClr val="tx2"/>
          </a:solidFill>
        </p:spPr>
        <p:txBody>
          <a:bodyPr lIns="182880" tIns="182880" rIns="182880" bIns="182880"/>
          <a:lstStyle>
            <a:lvl1pPr marL="0" indent="0">
              <a:spcAft>
                <a:spcPts val="0"/>
              </a:spcAft>
              <a:buFontTx/>
              <a:buNone/>
              <a:defRPr lang="en-US" sz="6000" b="0" dirty="0" smtClean="0">
                <a:solidFill>
                  <a:schemeClr val="tx1"/>
                </a:solidFill>
                <a:latin typeface="Calibre Light" panose="020B0303030202060203" pitchFamily="34" charset="0"/>
                <a:ea typeface="+mn-ea"/>
                <a:cs typeface="+mn-cs"/>
              </a:defRPr>
            </a:lvl1pPr>
            <a:lvl2pPr>
              <a:spcBef>
                <a:spcPts val="0"/>
              </a:spcBef>
              <a:spcAft>
                <a:spcPts val="600"/>
              </a:spcAft>
              <a:defRPr lang="en-US" sz="2200" dirty="0" smtClean="0">
                <a:solidFill>
                  <a:schemeClr val="tx1"/>
                </a:solidFill>
                <a:latin typeface="Calibre Light" panose="020B0303030202060203" pitchFamily="34" charset="0"/>
                <a:ea typeface="+mn-ea"/>
                <a:cs typeface="+mn-cs"/>
              </a:defRPr>
            </a:lvl2pPr>
            <a:lvl3pPr marL="0" indent="0">
              <a:spcBef>
                <a:spcPts val="3400"/>
              </a:spcBef>
              <a:spcAft>
                <a:spcPts val="600"/>
              </a:spcAft>
              <a:buFontTx/>
              <a:buNone/>
              <a:defRPr lang="en-US" sz="1600" dirty="0" smtClean="0">
                <a:solidFill>
                  <a:schemeClr val="tx1"/>
                </a:solidFill>
                <a:latin typeface="Calibre Semibold" panose="020B0703030202060203" pitchFamily="34" charset="0"/>
                <a:ea typeface="+mn-ea"/>
                <a:cs typeface="+mn-cs"/>
              </a:defRPr>
            </a:lvl3pPr>
            <a:lvl4pPr marL="173736">
              <a:spcBef>
                <a:spcPts val="300"/>
              </a:spcBef>
              <a:spcAft>
                <a:spcPts val="300"/>
              </a:spcAft>
              <a:defRPr lang="en-US" sz="1200" b="0" dirty="0">
                <a:solidFill>
                  <a:schemeClr val="tx1"/>
                </a:solidFill>
                <a:latin typeface="+mn-lt"/>
                <a:ea typeface="+mn-ea"/>
                <a:cs typeface="+mn-cs"/>
              </a:defRPr>
            </a:lvl4pPr>
            <a:lvl5pPr marL="356616" indent="-171450">
              <a:spcBef>
                <a:spcPts val="600"/>
              </a:spcBef>
              <a:spcAft>
                <a:spcPts val="0"/>
              </a:spcAft>
              <a:buFont typeface="Calibre" panose="020B0503030202060203" pitchFamily="34" charset="0"/>
              <a:buChar char="–"/>
              <a:defRPr lang="en-US" sz="1200" dirty="0" smtClean="0">
                <a:solidFill>
                  <a:schemeClr val="tx1"/>
                </a:solidFill>
                <a:latin typeface="Calibre" panose="020B0503030202060203" pitchFamily="34" charset="0"/>
                <a:ea typeface="+mn-ea"/>
                <a:cs typeface="+mn-cs"/>
              </a:defRPr>
            </a:lvl5pPr>
            <a:lvl7pPr>
              <a:spcBef>
                <a:spcPts val="300"/>
              </a:spcBef>
              <a:spcAft>
                <a:spcPts val="300"/>
              </a:spcAft>
              <a:defRPr lang="en-US" sz="1050" dirty="0" smtClean="0">
                <a:solidFill>
                  <a:schemeClr val="tx1"/>
                </a:solidFill>
                <a:latin typeface="Calibre Semibold" panose="020B0703030202060203" pitchFamily="34" charset="0"/>
                <a:ea typeface="+mn-ea"/>
                <a:cs typeface="+mn-cs"/>
              </a:defRPr>
            </a:lvl7pPr>
            <a:lvl8pPr>
              <a:spcBef>
                <a:spcPts val="300"/>
              </a:spcBef>
              <a:spcAft>
                <a:spcPts val="300"/>
              </a:spcAft>
              <a:defRPr lang="en-US" sz="1050" dirty="0" smtClean="0">
                <a:solidFill>
                  <a:schemeClr val="tx1"/>
                </a:solidFill>
                <a:latin typeface="+mn-lt"/>
                <a:ea typeface="+mn-ea"/>
                <a:cs typeface="+mn-cs"/>
              </a:defRPr>
            </a:lvl8pPr>
          </a:lstStyle>
          <a:p>
            <a:pPr lvl="0"/>
            <a:r>
              <a:rPr lang="en-US" dirty="0"/>
              <a:t>#value</a:t>
            </a:r>
          </a:p>
          <a:p>
            <a:pPr lvl="1"/>
            <a:r>
              <a:rPr lang="en-US" dirty="0"/>
              <a:t>unit</a:t>
            </a:r>
          </a:p>
          <a:p>
            <a:pPr lvl="2"/>
            <a:r>
              <a:rPr lang="en-US" dirty="0"/>
              <a:t>Description</a:t>
            </a:r>
          </a:p>
        </p:txBody>
      </p:sp>
    </p:spTree>
    <p:extLst>
      <p:ext uri="{BB962C8B-B14F-4D97-AF65-F5344CB8AC3E}">
        <p14:creationId xmlns:p14="http://schemas.microsoft.com/office/powerpoint/2010/main" val="3430304334"/>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meline 1">
    <p:spTree>
      <p:nvGrpSpPr>
        <p:cNvPr id="1" name=""/>
        <p:cNvGrpSpPr/>
        <p:nvPr/>
      </p:nvGrpSpPr>
      <p:grpSpPr>
        <a:xfrm>
          <a:off x="0" y="0"/>
          <a:ext cx="0" cy="0"/>
          <a:chOff x="0" y="0"/>
          <a:chExt cx="0" cy="0"/>
        </a:xfrm>
      </p:grpSpPr>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hasCustomPrompt="1"/>
          </p:nvPr>
        </p:nvSpPr>
        <p:spPr>
          <a:xfrm>
            <a:off x="511175" y="1984248"/>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4097338" y="914400"/>
            <a:ext cx="2971800" cy="585216"/>
          </a:xfrm>
        </p:spPr>
        <p:txBody>
          <a:bodyPr/>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13" name="Content Placeholder 2">
            <a:extLst>
              <a:ext uri="{FF2B5EF4-FFF2-40B4-BE49-F238E27FC236}">
                <a16:creationId xmlns:a16="http://schemas.microsoft.com/office/drawing/2014/main" id="{D109E005-B2BA-4999-8A04-E6B566F973B6}"/>
              </a:ext>
            </a:extLst>
          </p:cNvPr>
          <p:cNvSpPr>
            <a:spLocks noGrp="1"/>
          </p:cNvSpPr>
          <p:nvPr>
            <p:ph sz="quarter" idx="14" hasCustomPrompt="1"/>
          </p:nvPr>
        </p:nvSpPr>
        <p:spPr>
          <a:xfrm>
            <a:off x="2430234" y="1984248"/>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Content Placeholder 3">
            <a:extLst>
              <a:ext uri="{FF2B5EF4-FFF2-40B4-BE49-F238E27FC236}">
                <a16:creationId xmlns:a16="http://schemas.microsoft.com/office/drawing/2014/main" id="{F45962CF-14ED-433A-BEBC-3DEED0C8B537}"/>
              </a:ext>
            </a:extLst>
          </p:cNvPr>
          <p:cNvSpPr>
            <a:spLocks noGrp="1"/>
          </p:cNvSpPr>
          <p:nvPr>
            <p:ph sz="quarter" idx="15" hasCustomPrompt="1"/>
          </p:nvPr>
        </p:nvSpPr>
        <p:spPr>
          <a:xfrm>
            <a:off x="4349293" y="1984248"/>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7" name="Content Placeholder 4">
            <a:extLst>
              <a:ext uri="{FF2B5EF4-FFF2-40B4-BE49-F238E27FC236}">
                <a16:creationId xmlns:a16="http://schemas.microsoft.com/office/drawing/2014/main" id="{518F096B-0147-4946-81A3-07EB1711EDC7}"/>
              </a:ext>
            </a:extLst>
          </p:cNvPr>
          <p:cNvSpPr>
            <a:spLocks noGrp="1"/>
          </p:cNvSpPr>
          <p:nvPr>
            <p:ph sz="quarter" idx="16" hasCustomPrompt="1"/>
          </p:nvPr>
        </p:nvSpPr>
        <p:spPr>
          <a:xfrm>
            <a:off x="6268352" y="1984248"/>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9" name="Content Placeholder 5">
            <a:extLst>
              <a:ext uri="{FF2B5EF4-FFF2-40B4-BE49-F238E27FC236}">
                <a16:creationId xmlns:a16="http://schemas.microsoft.com/office/drawing/2014/main" id="{EA40C76A-4A1B-426F-A0F3-27766FBEEA41}"/>
              </a:ext>
            </a:extLst>
          </p:cNvPr>
          <p:cNvSpPr>
            <a:spLocks noGrp="1"/>
          </p:cNvSpPr>
          <p:nvPr>
            <p:ph sz="quarter" idx="17" hasCustomPrompt="1"/>
          </p:nvPr>
        </p:nvSpPr>
        <p:spPr>
          <a:xfrm>
            <a:off x="8187411" y="1984248"/>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1" name="Content Placeholder 6">
            <a:extLst>
              <a:ext uri="{FF2B5EF4-FFF2-40B4-BE49-F238E27FC236}">
                <a16:creationId xmlns:a16="http://schemas.microsoft.com/office/drawing/2014/main" id="{00880DC7-B2DC-443C-BD83-32F04028CCEB}"/>
              </a:ext>
            </a:extLst>
          </p:cNvPr>
          <p:cNvSpPr>
            <a:spLocks noGrp="1"/>
          </p:cNvSpPr>
          <p:nvPr>
            <p:ph sz="quarter" idx="18" hasCustomPrompt="1"/>
          </p:nvPr>
        </p:nvSpPr>
        <p:spPr>
          <a:xfrm>
            <a:off x="10106470" y="1984248"/>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3" name="Content Placeholder 7">
            <a:extLst>
              <a:ext uri="{FF2B5EF4-FFF2-40B4-BE49-F238E27FC236}">
                <a16:creationId xmlns:a16="http://schemas.microsoft.com/office/drawing/2014/main" id="{6DDE0339-BB90-41F5-96AE-14CB971FF015}"/>
              </a:ext>
            </a:extLst>
          </p:cNvPr>
          <p:cNvSpPr>
            <a:spLocks noGrp="1"/>
          </p:cNvSpPr>
          <p:nvPr>
            <p:ph sz="quarter" idx="19" hasCustomPrompt="1"/>
          </p:nvPr>
        </p:nvSpPr>
        <p:spPr>
          <a:xfrm>
            <a:off x="511175" y="4626864"/>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5" name="Content Placeholder 8">
            <a:extLst>
              <a:ext uri="{FF2B5EF4-FFF2-40B4-BE49-F238E27FC236}">
                <a16:creationId xmlns:a16="http://schemas.microsoft.com/office/drawing/2014/main" id="{A1F04957-65BD-46E7-8548-07F8CDAC2190}"/>
              </a:ext>
            </a:extLst>
          </p:cNvPr>
          <p:cNvSpPr>
            <a:spLocks noGrp="1"/>
          </p:cNvSpPr>
          <p:nvPr>
            <p:ph sz="quarter" idx="20" hasCustomPrompt="1"/>
          </p:nvPr>
        </p:nvSpPr>
        <p:spPr>
          <a:xfrm>
            <a:off x="2430234" y="4626864"/>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7" name="Content Placeholder 9">
            <a:extLst>
              <a:ext uri="{FF2B5EF4-FFF2-40B4-BE49-F238E27FC236}">
                <a16:creationId xmlns:a16="http://schemas.microsoft.com/office/drawing/2014/main" id="{740494B8-C381-414A-BB7A-A8D06AE30DB3}"/>
              </a:ext>
            </a:extLst>
          </p:cNvPr>
          <p:cNvSpPr>
            <a:spLocks noGrp="1"/>
          </p:cNvSpPr>
          <p:nvPr>
            <p:ph sz="quarter" idx="21" hasCustomPrompt="1"/>
          </p:nvPr>
        </p:nvSpPr>
        <p:spPr>
          <a:xfrm>
            <a:off x="4349293" y="4626864"/>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Content Placeholder 10">
            <a:extLst>
              <a:ext uri="{FF2B5EF4-FFF2-40B4-BE49-F238E27FC236}">
                <a16:creationId xmlns:a16="http://schemas.microsoft.com/office/drawing/2014/main" id="{2C81939D-325D-4011-9F79-84C4BFECFDF8}"/>
              </a:ext>
            </a:extLst>
          </p:cNvPr>
          <p:cNvSpPr>
            <a:spLocks noGrp="1"/>
          </p:cNvSpPr>
          <p:nvPr>
            <p:ph sz="quarter" idx="22" hasCustomPrompt="1"/>
          </p:nvPr>
        </p:nvSpPr>
        <p:spPr>
          <a:xfrm>
            <a:off x="6268352" y="4626864"/>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1" name="Content Placeholder 11">
            <a:extLst>
              <a:ext uri="{FF2B5EF4-FFF2-40B4-BE49-F238E27FC236}">
                <a16:creationId xmlns:a16="http://schemas.microsoft.com/office/drawing/2014/main" id="{756E2DB3-5433-44FE-AD07-FBBE3D440AB4}"/>
              </a:ext>
            </a:extLst>
          </p:cNvPr>
          <p:cNvSpPr>
            <a:spLocks noGrp="1"/>
          </p:cNvSpPr>
          <p:nvPr>
            <p:ph sz="quarter" idx="23" hasCustomPrompt="1"/>
          </p:nvPr>
        </p:nvSpPr>
        <p:spPr>
          <a:xfrm>
            <a:off x="8187411" y="4626864"/>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3" name="Content Placeholder 12">
            <a:extLst>
              <a:ext uri="{FF2B5EF4-FFF2-40B4-BE49-F238E27FC236}">
                <a16:creationId xmlns:a16="http://schemas.microsoft.com/office/drawing/2014/main" id="{357A8F6B-63E2-4777-82D3-6D7B324D3ED2}"/>
              </a:ext>
            </a:extLst>
          </p:cNvPr>
          <p:cNvSpPr>
            <a:spLocks noGrp="1"/>
          </p:cNvSpPr>
          <p:nvPr>
            <p:ph sz="quarter" idx="24" hasCustomPrompt="1"/>
          </p:nvPr>
        </p:nvSpPr>
        <p:spPr>
          <a:xfrm>
            <a:off x="10106470" y="4626864"/>
            <a:ext cx="1572768" cy="1883664"/>
          </a:xfrm>
          <a:ln w="12700">
            <a:solidFill>
              <a:schemeClr val="accent3"/>
            </a:solidFill>
          </a:ln>
        </p:spPr>
        <p:txBody>
          <a:bodyPr wrap="square" lIns="72000" tIns="72000" rIns="72000" bIns="72000">
            <a:noAutofit/>
          </a:bodyPr>
          <a:lstStyle>
            <a:lvl1pPr>
              <a:spcAft>
                <a:spcPts val="600"/>
              </a:spcAft>
              <a:defRPr sz="900" cap="all" baseline="0">
                <a:latin typeface="Calibre Semibold" panose="020B0703030202060203" pitchFamily="34" charset="0"/>
              </a:defRPr>
            </a:lvl1pPr>
            <a:lvl2pPr>
              <a:spcAft>
                <a:spcPts val="600"/>
              </a:spcAft>
              <a:defRPr sz="900"/>
            </a:lvl2pPr>
            <a:lvl3pPr>
              <a:spcBef>
                <a:spcPts val="200"/>
              </a:spcBef>
              <a:spcAft>
                <a:spcPts val="200"/>
              </a:spcAft>
              <a:defRPr sz="800"/>
            </a:lvl3pPr>
            <a:lvl4pPr>
              <a:spcBef>
                <a:spcPts val="200"/>
              </a:spcBef>
              <a:spcAft>
                <a:spcPts val="200"/>
              </a:spcAft>
              <a:defRPr sz="800"/>
            </a:lvl4pPr>
            <a:lvl5pPr>
              <a:defRPr sz="800"/>
            </a:lvl5pPr>
          </a:lstStyle>
          <a:p>
            <a:pPr lvl="0"/>
            <a:r>
              <a:rPr lang="en-US" dirty="0"/>
              <a:t>subtitle</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2317063241"/>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Title + Notes">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Tree>
    <p:extLst>
      <p:ext uri="{BB962C8B-B14F-4D97-AF65-F5344CB8AC3E}">
        <p14:creationId xmlns:p14="http://schemas.microsoft.com/office/powerpoint/2010/main" val="264090745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Image Cover 4">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6F222E5-437D-4D26-94F0-6DA259B5944D}"/>
              </a:ext>
            </a:extLst>
          </p:cNvPr>
          <p:cNvSpPr>
            <a:spLocks noGrp="1"/>
          </p:cNvSpPr>
          <p:nvPr>
            <p:ph type="pic" sz="quarter" idx="12"/>
          </p:nvPr>
        </p:nvSpPr>
        <p:spPr>
          <a:xfrm>
            <a:off x="511176" y="1612900"/>
            <a:ext cx="2460624" cy="4775200"/>
          </a:xfrm>
        </p:spPr>
        <p:txBody>
          <a:bodyPr/>
          <a:lstStyle>
            <a:lvl1pPr>
              <a:defRPr>
                <a:solidFill>
                  <a:schemeClr val="accent6"/>
                </a:solidFill>
              </a:defRPr>
            </a:lvl1pPr>
          </a:lstStyle>
          <a:p>
            <a:r>
              <a:rPr lang="en-US" dirty="0"/>
              <a:t>Click icon to add picture</a:t>
            </a:r>
          </a:p>
        </p:txBody>
      </p:sp>
      <p:cxnSp>
        <p:nvCxnSpPr>
          <p:cNvPr id="7" name="Straight Connector 6">
            <a:extLst>
              <a:ext uri="{FF2B5EF4-FFF2-40B4-BE49-F238E27FC236}">
                <a16:creationId xmlns:a16="http://schemas.microsoft.com/office/drawing/2014/main" id="{4B50443A-8339-4B27-B4A9-FF02F1201B4A}"/>
              </a:ext>
            </a:extLst>
          </p:cNvPr>
          <p:cNvCxnSpPr>
            <a:cxnSpLocks/>
          </p:cNvCxnSpPr>
          <p:nvPr userDrawn="1"/>
        </p:nvCxnSpPr>
        <p:spPr>
          <a:xfrm>
            <a:off x="3584576" y="571774"/>
            <a:ext cx="6558601"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26" name="Holder 3">
            <a:extLst>
              <a:ext uri="{FF2B5EF4-FFF2-40B4-BE49-F238E27FC236}">
                <a16:creationId xmlns:a16="http://schemas.microsoft.com/office/drawing/2014/main" id="{76276979-8C48-B54F-A483-0C1D538B4166}"/>
              </a:ext>
            </a:extLst>
          </p:cNvPr>
          <p:cNvSpPr>
            <a:spLocks noGrp="1"/>
          </p:cNvSpPr>
          <p:nvPr>
            <p:ph type="body" idx="10" hasCustomPrompt="1"/>
          </p:nvPr>
        </p:nvSpPr>
        <p:spPr>
          <a:xfrm>
            <a:off x="10244137" y="6245352"/>
            <a:ext cx="1435101" cy="412100"/>
          </a:xfrm>
          <a:prstGeom prst="rect">
            <a:avLst/>
          </a:prstGeom>
        </p:spPr>
        <p:txBody>
          <a:bodyPr lIns="0" tIns="0" rIns="0" bIns="0"/>
          <a:lstStyle>
            <a:lvl1pPr marL="0" marR="0" indent="0" algn="r" defTabSz="554492" eaLnBrk="1" fontAlgn="auto" latinLnBrk="0" hangingPunct="1">
              <a:lnSpc>
                <a:spcPts val="1698"/>
              </a:lnSpc>
              <a:spcBef>
                <a:spcPts val="0"/>
              </a:spcBef>
              <a:spcAft>
                <a:spcPts val="0"/>
              </a:spcAft>
              <a:buClrTx/>
              <a:buSzTx/>
              <a:buFontTx/>
              <a:buNone/>
              <a:tabLst/>
              <a:defRPr lang="en-US" sz="1050" b="0" kern="1200" spc="-3" dirty="0" err="1" smtClean="0">
                <a:solidFill>
                  <a:schemeClr val="tx1"/>
                </a:solidFill>
                <a:latin typeface="Space Mono" panose="02000509040000020004" pitchFamily="49" charset="0"/>
                <a:ea typeface="+mn-ea"/>
                <a:cs typeface="Space Mono" panose="02000509040000020004" pitchFamily="49" charset="0"/>
              </a:defRPr>
            </a:lvl1pPr>
          </a:lstStyle>
          <a:p>
            <a:r>
              <a:rPr lang="en-US" dirty="0"/>
              <a:t>DATE</a:t>
            </a:r>
          </a:p>
        </p:txBody>
      </p:sp>
      <p:sp>
        <p:nvSpPr>
          <p:cNvPr id="8" name="Title 7">
            <a:extLst>
              <a:ext uri="{FF2B5EF4-FFF2-40B4-BE49-F238E27FC236}">
                <a16:creationId xmlns:a16="http://schemas.microsoft.com/office/drawing/2014/main" id="{51B9FA0E-E9B2-48CD-AB3E-621C23814C7E}"/>
              </a:ext>
            </a:extLst>
          </p:cNvPr>
          <p:cNvSpPr>
            <a:spLocks noGrp="1"/>
          </p:cNvSpPr>
          <p:nvPr>
            <p:ph type="title"/>
          </p:nvPr>
        </p:nvSpPr>
        <p:spPr>
          <a:xfrm>
            <a:off x="3584576" y="1556510"/>
            <a:ext cx="5022844" cy="1820100"/>
          </a:xfrm>
        </p:spPr>
        <p:txBody>
          <a:bodyPr/>
          <a:lstStyle>
            <a:lvl1pPr>
              <a:lnSpc>
                <a:spcPct val="85000"/>
              </a:lnSpc>
              <a:defRPr sz="5400">
                <a:solidFill>
                  <a:schemeClr val="accent6"/>
                </a:solidFill>
              </a:defRPr>
            </a:lvl1pPr>
          </a:lstStyle>
          <a:p>
            <a:r>
              <a:rPr lang="en-US"/>
              <a:t>Click to edit Master title style</a:t>
            </a:r>
            <a:endParaRPr lang="en-US" dirty="0"/>
          </a:p>
        </p:txBody>
      </p:sp>
      <p:sp>
        <p:nvSpPr>
          <p:cNvPr id="22" name="Rectangle 21">
            <a:extLst>
              <a:ext uri="{FF2B5EF4-FFF2-40B4-BE49-F238E27FC236}">
                <a16:creationId xmlns:a16="http://schemas.microsoft.com/office/drawing/2014/main" id="{51402F92-C298-4C9D-B165-225CA6300EEC}"/>
              </a:ext>
            </a:extLst>
          </p:cNvPr>
          <p:cNvSpPr/>
          <p:nvPr/>
        </p:nvSpPr>
        <p:spPr>
          <a:xfrm>
            <a:off x="1" y="0"/>
            <a:ext cx="3584576" cy="109165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CBRE Vector Logo">
            <a:extLst>
              <a:ext uri="{FF2B5EF4-FFF2-40B4-BE49-F238E27FC236}">
                <a16:creationId xmlns:a16="http://schemas.microsoft.com/office/drawing/2014/main" id="{2E2EAA08-5BCE-48AA-B638-B6BB3E345AA7}"/>
              </a:ext>
            </a:extLst>
          </p:cNvPr>
          <p:cNvSpPr>
            <a:spLocks noChangeAspect="1"/>
          </p:cNvSpPr>
          <p:nvPr userDrawn="1"/>
        </p:nvSpPr>
        <p:spPr>
          <a:xfrm>
            <a:off x="10755020" y="452438"/>
            <a:ext cx="924217" cy="229615"/>
          </a:xfrm>
          <a:custGeom>
            <a:avLst/>
            <a:gdLst>
              <a:gd name="connsiteX0" fmla="*/ 306851 w 924217"/>
              <a:gd name="connsiteY0" fmla="*/ 137455 h 229615"/>
              <a:gd name="connsiteX1" fmla="*/ 306851 w 924217"/>
              <a:gd name="connsiteY1" fmla="*/ 175680 h 229615"/>
              <a:gd name="connsiteX2" fmla="*/ 383040 w 924217"/>
              <a:gd name="connsiteY2" fmla="*/ 175680 h 229615"/>
              <a:gd name="connsiteX3" fmla="*/ 402153 w 924217"/>
              <a:gd name="connsiteY3" fmla="*/ 156305 h 229615"/>
              <a:gd name="connsiteX4" fmla="*/ 385134 w 924217"/>
              <a:gd name="connsiteY4" fmla="*/ 137455 h 229615"/>
              <a:gd name="connsiteX5" fmla="*/ 384873 w 924217"/>
              <a:gd name="connsiteY5" fmla="*/ 137455 h 229615"/>
              <a:gd name="connsiteX6" fmla="*/ 384611 w 924217"/>
              <a:gd name="connsiteY6" fmla="*/ 137455 h 229615"/>
              <a:gd name="connsiteX7" fmla="*/ 539868 w 924217"/>
              <a:gd name="connsiteY7" fmla="*/ 50530 h 229615"/>
              <a:gd name="connsiteX8" fmla="*/ 539868 w 924217"/>
              <a:gd name="connsiteY8" fmla="*/ 87185 h 229615"/>
              <a:gd name="connsiteX9" fmla="*/ 618414 w 924217"/>
              <a:gd name="connsiteY9" fmla="*/ 87185 h 229615"/>
              <a:gd name="connsiteX10" fmla="*/ 636479 w 924217"/>
              <a:gd name="connsiteY10" fmla="*/ 71476 h 229615"/>
              <a:gd name="connsiteX11" fmla="*/ 636218 w 924217"/>
              <a:gd name="connsiteY11" fmla="*/ 71476 h 229615"/>
              <a:gd name="connsiteX12" fmla="*/ 636218 w 924217"/>
              <a:gd name="connsiteY12" fmla="*/ 66501 h 229615"/>
              <a:gd name="connsiteX13" fmla="*/ 618414 w 924217"/>
              <a:gd name="connsiteY13" fmla="*/ 50530 h 229615"/>
              <a:gd name="connsiteX14" fmla="*/ 306589 w 924217"/>
              <a:gd name="connsiteY14" fmla="*/ 49745 h 229615"/>
              <a:gd name="connsiteX15" fmla="*/ 306851 w 924217"/>
              <a:gd name="connsiteY15" fmla="*/ 87447 h 229615"/>
              <a:gd name="connsiteX16" fmla="*/ 386443 w 924217"/>
              <a:gd name="connsiteY16" fmla="*/ 87185 h 229615"/>
              <a:gd name="connsiteX17" fmla="*/ 402676 w 924217"/>
              <a:gd name="connsiteY17" fmla="*/ 68073 h 229615"/>
              <a:gd name="connsiteX18" fmla="*/ 386967 w 924217"/>
              <a:gd name="connsiteY18" fmla="*/ 49745 h 229615"/>
              <a:gd name="connsiteX19" fmla="*/ 386705 w 924217"/>
              <a:gd name="connsiteY19" fmla="*/ 49745 h 229615"/>
              <a:gd name="connsiteX20" fmla="*/ 386443 w 924217"/>
              <a:gd name="connsiteY20" fmla="*/ 49745 h 229615"/>
              <a:gd name="connsiteX21" fmla="*/ 484363 w 924217"/>
              <a:gd name="connsiteY21" fmla="*/ 261 h 229615"/>
              <a:gd name="connsiteX22" fmla="*/ 606108 w 924217"/>
              <a:gd name="connsiteY22" fmla="*/ 261 h 229615"/>
              <a:gd name="connsiteX23" fmla="*/ 688581 w 924217"/>
              <a:gd name="connsiteY23" fmla="*/ 60479 h 229615"/>
              <a:gd name="connsiteX24" fmla="*/ 654807 w 924217"/>
              <a:gd name="connsiteY24" fmla="*/ 111010 h 229615"/>
              <a:gd name="connsiteX25" fmla="*/ 687796 w 924217"/>
              <a:gd name="connsiteY25" fmla="*/ 155519 h 229615"/>
              <a:gd name="connsiteX26" fmla="*/ 687796 w 924217"/>
              <a:gd name="connsiteY26" fmla="*/ 229614 h 229615"/>
              <a:gd name="connsiteX27" fmla="*/ 633076 w 924217"/>
              <a:gd name="connsiteY27" fmla="*/ 229614 h 229615"/>
              <a:gd name="connsiteX28" fmla="*/ 633076 w 924217"/>
              <a:gd name="connsiteY28" fmla="*/ 169396 h 229615"/>
              <a:gd name="connsiteX29" fmla="*/ 601658 w 924217"/>
              <a:gd name="connsiteY29" fmla="*/ 136930 h 229615"/>
              <a:gd name="connsiteX30" fmla="*/ 540130 w 924217"/>
              <a:gd name="connsiteY30" fmla="*/ 136930 h 229615"/>
              <a:gd name="connsiteX31" fmla="*/ 540130 w 924217"/>
              <a:gd name="connsiteY31" fmla="*/ 229614 h 229615"/>
              <a:gd name="connsiteX32" fmla="*/ 484363 w 924217"/>
              <a:gd name="connsiteY32" fmla="*/ 229614 h 229615"/>
              <a:gd name="connsiteX33" fmla="*/ 722879 w 924217"/>
              <a:gd name="connsiteY33" fmla="*/ 0 h 229615"/>
              <a:gd name="connsiteX34" fmla="*/ 923955 w 924217"/>
              <a:gd name="connsiteY34" fmla="*/ 0 h 229615"/>
              <a:gd name="connsiteX35" fmla="*/ 923955 w 924217"/>
              <a:gd name="connsiteY35" fmla="*/ 50007 h 229615"/>
              <a:gd name="connsiteX36" fmla="*/ 778908 w 924217"/>
              <a:gd name="connsiteY36" fmla="*/ 50007 h 229615"/>
              <a:gd name="connsiteX37" fmla="*/ 779170 w 924217"/>
              <a:gd name="connsiteY37" fmla="*/ 86924 h 229615"/>
              <a:gd name="connsiteX38" fmla="*/ 909817 w 924217"/>
              <a:gd name="connsiteY38" fmla="*/ 86924 h 229615"/>
              <a:gd name="connsiteX39" fmla="*/ 909817 w 924217"/>
              <a:gd name="connsiteY39" fmla="*/ 137193 h 229615"/>
              <a:gd name="connsiteX40" fmla="*/ 779170 w 924217"/>
              <a:gd name="connsiteY40" fmla="*/ 137193 h 229615"/>
              <a:gd name="connsiteX41" fmla="*/ 779170 w 924217"/>
              <a:gd name="connsiteY41" fmla="*/ 177251 h 229615"/>
              <a:gd name="connsiteX42" fmla="*/ 924217 w 924217"/>
              <a:gd name="connsiteY42" fmla="*/ 177251 h 229615"/>
              <a:gd name="connsiteX43" fmla="*/ 924217 w 924217"/>
              <a:gd name="connsiteY43" fmla="*/ 229615 h 229615"/>
              <a:gd name="connsiteX44" fmla="*/ 723141 w 924217"/>
              <a:gd name="connsiteY44" fmla="*/ 229615 h 229615"/>
              <a:gd name="connsiteX45" fmla="*/ 722879 w 924217"/>
              <a:gd name="connsiteY45" fmla="*/ 0 h 229615"/>
              <a:gd name="connsiteX46" fmla="*/ 250298 w 924217"/>
              <a:gd name="connsiteY46" fmla="*/ 0 h 229615"/>
              <a:gd name="connsiteX47" fmla="*/ 369163 w 924217"/>
              <a:gd name="connsiteY47" fmla="*/ 0 h 229615"/>
              <a:gd name="connsiteX48" fmla="*/ 454254 w 924217"/>
              <a:gd name="connsiteY48" fmla="*/ 56815 h 229615"/>
              <a:gd name="connsiteX49" fmla="*/ 419956 w 924217"/>
              <a:gd name="connsiteY49" fmla="*/ 111011 h 229615"/>
              <a:gd name="connsiteX50" fmla="*/ 456611 w 924217"/>
              <a:gd name="connsiteY50" fmla="*/ 163113 h 229615"/>
              <a:gd name="connsiteX51" fmla="*/ 368902 w 924217"/>
              <a:gd name="connsiteY51" fmla="*/ 229091 h 229615"/>
              <a:gd name="connsiteX52" fmla="*/ 250298 w 924217"/>
              <a:gd name="connsiteY52" fmla="*/ 229091 h 229615"/>
              <a:gd name="connsiteX53" fmla="*/ 250298 w 924217"/>
              <a:gd name="connsiteY53" fmla="*/ 0 h 229615"/>
              <a:gd name="connsiteX54" fmla="*/ 213644 w 924217"/>
              <a:gd name="connsiteY54" fmla="*/ 0 h 229615"/>
              <a:gd name="connsiteX55" fmla="*/ 215476 w 924217"/>
              <a:gd name="connsiteY55" fmla="*/ 0 h 229615"/>
              <a:gd name="connsiteX56" fmla="*/ 215215 w 924217"/>
              <a:gd name="connsiteY56" fmla="*/ 52102 h 229615"/>
              <a:gd name="connsiteX57" fmla="*/ 213382 w 924217"/>
              <a:gd name="connsiteY57" fmla="*/ 52102 h 229615"/>
              <a:gd name="connsiteX58" fmla="*/ 109702 w 924217"/>
              <a:gd name="connsiteY58" fmla="*/ 53149 h 229615"/>
              <a:gd name="connsiteX59" fmla="*/ 54720 w 924217"/>
              <a:gd name="connsiteY59" fmla="*/ 112582 h 229615"/>
              <a:gd name="connsiteX60" fmla="*/ 111535 w 924217"/>
              <a:gd name="connsiteY60" fmla="*/ 173062 h 229615"/>
              <a:gd name="connsiteX61" fmla="*/ 213905 w 924217"/>
              <a:gd name="connsiteY61" fmla="*/ 174109 h 229615"/>
              <a:gd name="connsiteX62" fmla="*/ 216000 w 924217"/>
              <a:gd name="connsiteY62" fmla="*/ 174109 h 229615"/>
              <a:gd name="connsiteX63" fmla="*/ 215738 w 924217"/>
              <a:gd name="connsiteY63" fmla="*/ 229353 h 229615"/>
              <a:gd name="connsiteX64" fmla="*/ 213905 w 924217"/>
              <a:gd name="connsiteY64" fmla="*/ 229353 h 229615"/>
              <a:gd name="connsiteX65" fmla="*/ 145309 w 924217"/>
              <a:gd name="connsiteY65" fmla="*/ 229353 h 229615"/>
              <a:gd name="connsiteX66" fmla="*/ 126720 w 924217"/>
              <a:gd name="connsiteY66" fmla="*/ 229091 h 229615"/>
              <a:gd name="connsiteX67" fmla="*/ 64407 w 924217"/>
              <a:gd name="connsiteY67" fmla="*/ 216524 h 229615"/>
              <a:gd name="connsiteX68" fmla="*/ 1833 w 924217"/>
              <a:gd name="connsiteY68" fmla="*/ 137455 h 229615"/>
              <a:gd name="connsiteX69" fmla="*/ 0 w 924217"/>
              <a:gd name="connsiteY69" fmla="*/ 114415 h 229615"/>
              <a:gd name="connsiteX70" fmla="*/ 22516 w 924217"/>
              <a:gd name="connsiteY70" fmla="*/ 46080 h 229615"/>
              <a:gd name="connsiteX71" fmla="*/ 67811 w 924217"/>
              <a:gd name="connsiteY71" fmla="*/ 9687 h 229615"/>
              <a:gd name="connsiteX72" fmla="*/ 115462 w 924217"/>
              <a:gd name="connsiteY72" fmla="*/ 262 h 229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Lst>
            <a:rect l="l" t="t" r="r" b="b"/>
            <a:pathLst>
              <a:path w="924217" h="229615">
                <a:moveTo>
                  <a:pt x="306851" y="137455"/>
                </a:moveTo>
                <a:lnTo>
                  <a:pt x="306851" y="175680"/>
                </a:lnTo>
                <a:lnTo>
                  <a:pt x="383040" y="175680"/>
                </a:lnTo>
                <a:cubicBezTo>
                  <a:pt x="393251" y="175680"/>
                  <a:pt x="402153" y="166778"/>
                  <a:pt x="402153" y="156305"/>
                </a:cubicBezTo>
                <a:cubicBezTo>
                  <a:pt x="402153" y="146618"/>
                  <a:pt x="394822" y="138502"/>
                  <a:pt x="385134" y="137455"/>
                </a:cubicBezTo>
                <a:lnTo>
                  <a:pt x="384873" y="137455"/>
                </a:lnTo>
                <a:lnTo>
                  <a:pt x="384611" y="137455"/>
                </a:lnTo>
                <a:close/>
                <a:moveTo>
                  <a:pt x="539868" y="50530"/>
                </a:moveTo>
                <a:lnTo>
                  <a:pt x="539868" y="87185"/>
                </a:lnTo>
                <a:lnTo>
                  <a:pt x="618414" y="87185"/>
                </a:lnTo>
                <a:cubicBezTo>
                  <a:pt x="627839" y="87185"/>
                  <a:pt x="635432" y="79068"/>
                  <a:pt x="636479" y="71476"/>
                </a:cubicBezTo>
                <a:lnTo>
                  <a:pt x="636218" y="71476"/>
                </a:lnTo>
                <a:lnTo>
                  <a:pt x="636218" y="66501"/>
                </a:lnTo>
                <a:cubicBezTo>
                  <a:pt x="635170" y="57337"/>
                  <a:pt x="627839" y="50530"/>
                  <a:pt x="618414" y="50530"/>
                </a:cubicBezTo>
                <a:close/>
                <a:moveTo>
                  <a:pt x="306589" y="49745"/>
                </a:moveTo>
                <a:lnTo>
                  <a:pt x="306851" y="87447"/>
                </a:lnTo>
                <a:lnTo>
                  <a:pt x="386443" y="87185"/>
                </a:lnTo>
                <a:cubicBezTo>
                  <a:pt x="395607" y="85876"/>
                  <a:pt x="402676" y="77236"/>
                  <a:pt x="402676" y="68073"/>
                </a:cubicBezTo>
                <a:cubicBezTo>
                  <a:pt x="402676" y="58909"/>
                  <a:pt x="396131" y="51316"/>
                  <a:pt x="386967" y="49745"/>
                </a:cubicBezTo>
                <a:lnTo>
                  <a:pt x="386705" y="49745"/>
                </a:lnTo>
                <a:lnTo>
                  <a:pt x="386443" y="49745"/>
                </a:lnTo>
                <a:close/>
                <a:moveTo>
                  <a:pt x="484363" y="261"/>
                </a:moveTo>
                <a:lnTo>
                  <a:pt x="606108" y="261"/>
                </a:lnTo>
                <a:cubicBezTo>
                  <a:pt x="645643" y="261"/>
                  <a:pt x="688319" y="10734"/>
                  <a:pt x="688581" y="60479"/>
                </a:cubicBezTo>
                <a:cubicBezTo>
                  <a:pt x="688581" y="100799"/>
                  <a:pt x="654807" y="111010"/>
                  <a:pt x="654807" y="111010"/>
                </a:cubicBezTo>
                <a:cubicBezTo>
                  <a:pt x="654807" y="111010"/>
                  <a:pt x="687796" y="121221"/>
                  <a:pt x="687796" y="155519"/>
                </a:cubicBezTo>
                <a:lnTo>
                  <a:pt x="687796" y="229614"/>
                </a:lnTo>
                <a:lnTo>
                  <a:pt x="633076" y="229614"/>
                </a:lnTo>
                <a:lnTo>
                  <a:pt x="633076" y="169396"/>
                </a:lnTo>
                <a:cubicBezTo>
                  <a:pt x="633076" y="151592"/>
                  <a:pt x="619199" y="137192"/>
                  <a:pt x="601658" y="136930"/>
                </a:cubicBezTo>
                <a:cubicBezTo>
                  <a:pt x="601658" y="136930"/>
                  <a:pt x="540130" y="136930"/>
                  <a:pt x="540130" y="136930"/>
                </a:cubicBezTo>
                <a:cubicBezTo>
                  <a:pt x="540130" y="136930"/>
                  <a:pt x="540130" y="223068"/>
                  <a:pt x="540130" y="229614"/>
                </a:cubicBezTo>
                <a:cubicBezTo>
                  <a:pt x="534370" y="229614"/>
                  <a:pt x="484363" y="229614"/>
                  <a:pt x="484363" y="229614"/>
                </a:cubicBezTo>
                <a:close/>
                <a:moveTo>
                  <a:pt x="722879" y="0"/>
                </a:moveTo>
                <a:lnTo>
                  <a:pt x="923955" y="0"/>
                </a:lnTo>
                <a:lnTo>
                  <a:pt x="923955" y="50007"/>
                </a:lnTo>
                <a:lnTo>
                  <a:pt x="778908" y="50007"/>
                </a:lnTo>
                <a:lnTo>
                  <a:pt x="779170" y="86924"/>
                </a:lnTo>
                <a:lnTo>
                  <a:pt x="909817" y="86924"/>
                </a:lnTo>
                <a:lnTo>
                  <a:pt x="909817" y="137193"/>
                </a:lnTo>
                <a:lnTo>
                  <a:pt x="779170" y="137193"/>
                </a:lnTo>
                <a:lnTo>
                  <a:pt x="779170" y="177251"/>
                </a:lnTo>
                <a:lnTo>
                  <a:pt x="924217" y="177251"/>
                </a:lnTo>
                <a:lnTo>
                  <a:pt x="924217" y="229615"/>
                </a:lnTo>
                <a:cubicBezTo>
                  <a:pt x="924217" y="229615"/>
                  <a:pt x="729948" y="229615"/>
                  <a:pt x="723141" y="229615"/>
                </a:cubicBezTo>
                <a:cubicBezTo>
                  <a:pt x="722879" y="223069"/>
                  <a:pt x="722879" y="0"/>
                  <a:pt x="722879" y="0"/>
                </a:cubicBezTo>
                <a:close/>
                <a:moveTo>
                  <a:pt x="250298" y="0"/>
                </a:moveTo>
                <a:lnTo>
                  <a:pt x="369163" y="0"/>
                </a:lnTo>
                <a:cubicBezTo>
                  <a:pt x="432785" y="0"/>
                  <a:pt x="454516" y="26444"/>
                  <a:pt x="454254" y="56815"/>
                </a:cubicBezTo>
                <a:cubicBezTo>
                  <a:pt x="454516" y="76713"/>
                  <a:pt x="449280" y="101324"/>
                  <a:pt x="419956" y="111011"/>
                </a:cubicBezTo>
                <a:cubicBezTo>
                  <a:pt x="419956" y="111011"/>
                  <a:pt x="456611" y="123316"/>
                  <a:pt x="456611" y="163113"/>
                </a:cubicBezTo>
                <a:cubicBezTo>
                  <a:pt x="456611" y="196102"/>
                  <a:pt x="433047" y="229091"/>
                  <a:pt x="368902" y="229091"/>
                </a:cubicBezTo>
                <a:cubicBezTo>
                  <a:pt x="368902" y="229091"/>
                  <a:pt x="256843" y="229091"/>
                  <a:pt x="250298" y="229091"/>
                </a:cubicBezTo>
                <a:cubicBezTo>
                  <a:pt x="250298" y="222545"/>
                  <a:pt x="250298" y="0"/>
                  <a:pt x="250298" y="0"/>
                </a:cubicBezTo>
                <a:close/>
                <a:moveTo>
                  <a:pt x="213644" y="0"/>
                </a:moveTo>
                <a:lnTo>
                  <a:pt x="215476" y="0"/>
                </a:lnTo>
                <a:lnTo>
                  <a:pt x="215215" y="52102"/>
                </a:lnTo>
                <a:lnTo>
                  <a:pt x="213382" y="52102"/>
                </a:lnTo>
                <a:cubicBezTo>
                  <a:pt x="212596" y="52102"/>
                  <a:pt x="125673" y="51055"/>
                  <a:pt x="109702" y="53149"/>
                </a:cubicBezTo>
                <a:cubicBezTo>
                  <a:pt x="76189" y="57600"/>
                  <a:pt x="54720" y="80902"/>
                  <a:pt x="54720" y="112582"/>
                </a:cubicBezTo>
                <a:cubicBezTo>
                  <a:pt x="54720" y="137978"/>
                  <a:pt x="69644" y="168873"/>
                  <a:pt x="111535" y="173062"/>
                </a:cubicBezTo>
                <a:cubicBezTo>
                  <a:pt x="137716" y="175680"/>
                  <a:pt x="213120" y="174109"/>
                  <a:pt x="213905" y="174109"/>
                </a:cubicBezTo>
                <a:lnTo>
                  <a:pt x="216000" y="174109"/>
                </a:lnTo>
                <a:lnTo>
                  <a:pt x="215738" y="229353"/>
                </a:lnTo>
                <a:lnTo>
                  <a:pt x="213905" y="229353"/>
                </a:lnTo>
                <a:cubicBezTo>
                  <a:pt x="213905" y="229353"/>
                  <a:pt x="145309" y="229353"/>
                  <a:pt x="145309" y="229353"/>
                </a:cubicBezTo>
                <a:cubicBezTo>
                  <a:pt x="145309" y="229353"/>
                  <a:pt x="126720" y="229091"/>
                  <a:pt x="126720" y="229091"/>
                </a:cubicBezTo>
                <a:cubicBezTo>
                  <a:pt x="92422" y="227258"/>
                  <a:pt x="75404" y="221498"/>
                  <a:pt x="64407" y="216524"/>
                </a:cubicBezTo>
                <a:cubicBezTo>
                  <a:pt x="31680" y="201076"/>
                  <a:pt x="8902" y="172276"/>
                  <a:pt x="1833" y="137455"/>
                </a:cubicBezTo>
                <a:cubicBezTo>
                  <a:pt x="524" y="129862"/>
                  <a:pt x="0" y="122269"/>
                  <a:pt x="0" y="114415"/>
                </a:cubicBezTo>
                <a:cubicBezTo>
                  <a:pt x="0" y="89542"/>
                  <a:pt x="7855" y="65978"/>
                  <a:pt x="22516" y="46080"/>
                </a:cubicBezTo>
                <a:cubicBezTo>
                  <a:pt x="34298" y="30371"/>
                  <a:pt x="49745" y="17804"/>
                  <a:pt x="67811" y="9687"/>
                </a:cubicBezTo>
                <a:cubicBezTo>
                  <a:pt x="86400" y="2095"/>
                  <a:pt x="104465" y="1047"/>
                  <a:pt x="115462" y="262"/>
                </a:cubicBezTo>
                <a:close/>
              </a:path>
            </a:pathLst>
          </a:custGeom>
          <a:solidFill>
            <a:srgbClr val="003F2D"/>
          </a:solidFill>
          <a:ln w="2617"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326382923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after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2250" fill="hold"/>
                                        <p:tgtEl>
                                          <p:spTgt spid="7"/>
                                        </p:tgtEl>
                                        <p:attrNameLst>
                                          <p:attrName>ppt_x</p:attrName>
                                        </p:attrNameLst>
                                      </p:cBhvr>
                                      <p:tavLst>
                                        <p:tav tm="0">
                                          <p:val>
                                            <p:strVal val="0-#ppt_w/2"/>
                                          </p:val>
                                        </p:tav>
                                        <p:tav tm="100000">
                                          <p:val>
                                            <p:strVal val="#ppt_x"/>
                                          </p:val>
                                        </p:tav>
                                      </p:tavLst>
                                    </p:anim>
                                    <p:anim calcmode="lin" valueType="num">
                                      <p:cBhvr additive="base">
                                        <p:cTn id="8" dur="22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37828714"/>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Tree>
    <p:extLst>
      <p:ext uri="{BB962C8B-B14F-4D97-AF65-F5344CB8AC3E}">
        <p14:creationId xmlns:p14="http://schemas.microsoft.com/office/powerpoint/2010/main" val="3242732807"/>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DataViz - Text &amp; Chart">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hasCustomPrompt="1"/>
          </p:nvPr>
        </p:nvSpPr>
        <p:spPr>
          <a:xfrm>
            <a:off x="508000" y="6272784"/>
            <a:ext cx="11173968" cy="128016"/>
          </a:xfrm>
        </p:spPr>
        <p:txBody>
          <a:bodyPr/>
          <a:lstStyle>
            <a:lvl1pPr>
              <a:spcBef>
                <a:spcPts val="600"/>
              </a:spcBef>
              <a:spcAft>
                <a:spcPts val="0"/>
              </a:spcAft>
              <a:defRPr sz="900">
                <a:latin typeface="+mn-lt"/>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dirty="0"/>
              <a:t>Source:</a:t>
            </a:r>
          </a:p>
        </p:txBody>
      </p:sp>
      <p:sp>
        <p:nvSpPr>
          <p:cNvPr id="11" name="Chart Placeholder 1">
            <a:extLst>
              <a:ext uri="{FF2B5EF4-FFF2-40B4-BE49-F238E27FC236}">
                <a16:creationId xmlns:a16="http://schemas.microsoft.com/office/drawing/2014/main" id="{F069B3FF-2A85-4684-B67A-A15E60817978}"/>
              </a:ext>
            </a:extLst>
          </p:cNvPr>
          <p:cNvSpPr>
            <a:spLocks noGrp="1"/>
          </p:cNvSpPr>
          <p:nvPr>
            <p:ph type="chart" sz="quarter" idx="15"/>
          </p:nvPr>
        </p:nvSpPr>
        <p:spPr>
          <a:xfrm>
            <a:off x="3582988" y="1600200"/>
            <a:ext cx="8097837" cy="4495800"/>
          </a:xfrm>
        </p:spPr>
        <p:txBody>
          <a:bodyPr/>
          <a:lstStyle/>
          <a:p>
            <a:r>
              <a:rPr lang="en-US" dirty="0"/>
              <a:t>Click icon to add chart</a:t>
            </a:r>
          </a:p>
        </p:txBody>
      </p:sp>
      <p:sp>
        <p:nvSpPr>
          <p:cNvPr id="5" name="Content Placeholder 1">
            <a:extLst>
              <a:ext uri="{FF2B5EF4-FFF2-40B4-BE49-F238E27FC236}">
                <a16:creationId xmlns:a16="http://schemas.microsoft.com/office/drawing/2014/main" id="{6B1107DB-399B-4B4B-8DCC-7D73ACC954D7}"/>
              </a:ext>
            </a:extLst>
          </p:cNvPr>
          <p:cNvSpPr>
            <a:spLocks noGrp="1"/>
          </p:cNvSpPr>
          <p:nvPr>
            <p:ph sz="quarter" idx="12"/>
          </p:nvPr>
        </p:nvSpPr>
        <p:spPr>
          <a:xfrm>
            <a:off x="508000" y="1601787"/>
            <a:ext cx="2973388" cy="44942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3582987" y="973138"/>
            <a:ext cx="8097837" cy="526478"/>
          </a:xfrm>
        </p:spPr>
        <p:txBody>
          <a:bodyPr anchor="b" anchorCtr="0"/>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5" y="477903"/>
            <a:ext cx="8094663" cy="398398"/>
          </a:xfrm>
        </p:spPr>
        <p:txBody>
          <a:bodyPr/>
          <a:lstStyle/>
          <a:p>
            <a:r>
              <a:rPr lang="en-US"/>
              <a:t>Click to edit Master title style</a:t>
            </a:r>
            <a:endParaRPr lang="en-US" dirty="0"/>
          </a:p>
        </p:txBody>
      </p:sp>
      <p:sp>
        <p:nvSpPr>
          <p:cNvPr id="9" name="Rectangle 8">
            <a:extLst>
              <a:ext uri="{FF2B5EF4-FFF2-40B4-BE49-F238E27FC236}">
                <a16:creationId xmlns:a16="http://schemas.microsoft.com/office/drawing/2014/main" id="{CEB4F623-0894-4D0D-8978-0BFBBCC955C5}"/>
              </a:ext>
            </a:extLst>
          </p:cNvPr>
          <p:cNvSpPr/>
          <p:nvPr userDrawn="1"/>
        </p:nvSpPr>
        <p:spPr>
          <a:xfrm>
            <a:off x="-1600200" y="-2"/>
            <a:ext cx="1308059" cy="2362201"/>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ataViz layout options are </a:t>
            </a:r>
            <a:br>
              <a:rPr lang="en-US" sz="1200" dirty="0">
                <a:solidFill>
                  <a:schemeClr val="bg1"/>
                </a:solidFill>
                <a:latin typeface="Calibre-Semibold" panose="020B0703030202060203" pitchFamily="34" charset="0"/>
              </a:rPr>
            </a:br>
            <a:r>
              <a:rPr lang="en-US" sz="1200" dirty="0">
                <a:solidFill>
                  <a:schemeClr val="bg1"/>
                </a:solidFill>
                <a:latin typeface="Calibre-Semibold" panose="020B0703030202060203" pitchFamily="34" charset="0"/>
              </a:rPr>
              <a:t>only for:</a:t>
            </a:r>
          </a:p>
          <a:p>
            <a:pPr marL="171450" lvl="1" indent="-171450" algn="l">
              <a:spcAft>
                <a:spcPts val="300"/>
              </a:spcAft>
              <a:buFont typeface="+mj-lt"/>
              <a:buAutoNum type="arabicPeriod"/>
            </a:pPr>
            <a:r>
              <a:rPr lang="en-US" sz="1200" dirty="0">
                <a:solidFill>
                  <a:schemeClr val="bg1"/>
                </a:solidFill>
                <a:latin typeface="+mn-lt"/>
              </a:rPr>
              <a:t>speaker presentations where charts need to be larger to be legible</a:t>
            </a:r>
          </a:p>
          <a:p>
            <a:pPr marL="171450" lvl="1" indent="-171450" algn="l">
              <a:spcAft>
                <a:spcPts val="300"/>
              </a:spcAft>
              <a:buFont typeface="+mj-lt"/>
              <a:buAutoNum type="arabicPeriod"/>
            </a:pPr>
            <a:r>
              <a:rPr lang="en-US" sz="1200" dirty="0">
                <a:solidFill>
                  <a:schemeClr val="bg1"/>
                </a:solidFill>
                <a:latin typeface="+mn-lt"/>
              </a:rPr>
              <a:t>Complex charts requiring extra room such as org or Gantt charts</a:t>
            </a:r>
          </a:p>
        </p:txBody>
      </p:sp>
    </p:spTree>
    <p:extLst>
      <p:ext uri="{BB962C8B-B14F-4D97-AF65-F5344CB8AC3E}">
        <p14:creationId xmlns:p14="http://schemas.microsoft.com/office/powerpoint/2010/main" val="270876578"/>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DataViz - 1 Chart">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hasCustomPrompt="1"/>
          </p:nvPr>
        </p:nvSpPr>
        <p:spPr>
          <a:xfrm>
            <a:off x="508000" y="6272784"/>
            <a:ext cx="11173968" cy="128016"/>
          </a:xfrm>
        </p:spPr>
        <p:txBody>
          <a:bodyPr/>
          <a:lstStyle>
            <a:lvl1pPr>
              <a:spcBef>
                <a:spcPts val="600"/>
              </a:spcBef>
              <a:spcAft>
                <a:spcPts val="0"/>
              </a:spcAft>
              <a:defRPr sz="900">
                <a:latin typeface="+mn-lt"/>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dirty="0"/>
              <a:t>Source:</a:t>
            </a:r>
          </a:p>
        </p:txBody>
      </p:sp>
      <p:sp>
        <p:nvSpPr>
          <p:cNvPr id="11" name="Chart Placeholder 1">
            <a:extLst>
              <a:ext uri="{FF2B5EF4-FFF2-40B4-BE49-F238E27FC236}">
                <a16:creationId xmlns:a16="http://schemas.microsoft.com/office/drawing/2014/main" id="{F069B3FF-2A85-4684-B67A-A15E60817978}"/>
              </a:ext>
            </a:extLst>
          </p:cNvPr>
          <p:cNvSpPr>
            <a:spLocks noGrp="1"/>
          </p:cNvSpPr>
          <p:nvPr>
            <p:ph type="chart" sz="quarter" idx="15"/>
          </p:nvPr>
        </p:nvSpPr>
        <p:spPr>
          <a:xfrm>
            <a:off x="508000" y="1600200"/>
            <a:ext cx="11172825" cy="4495800"/>
          </a:xfrm>
        </p:spPr>
        <p:txBody>
          <a:bodyPr/>
          <a:lstStyle/>
          <a:p>
            <a:r>
              <a:rPr lang="en-US" dirty="0"/>
              <a:t>Click icon to add chart</a:t>
            </a:r>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507999" y="973138"/>
            <a:ext cx="8097839" cy="526478"/>
          </a:xfrm>
        </p:spPr>
        <p:txBody>
          <a:bodyPr anchor="b" anchorCtr="0"/>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5" y="477903"/>
            <a:ext cx="8094661" cy="398398"/>
          </a:xfrm>
        </p:spPr>
        <p:txBody>
          <a:bodyPr/>
          <a:lstStyle/>
          <a:p>
            <a:r>
              <a:rPr lang="en-US"/>
              <a:t>Click to edit Master title style</a:t>
            </a:r>
            <a:endParaRPr lang="en-US" dirty="0"/>
          </a:p>
        </p:txBody>
      </p:sp>
      <p:sp>
        <p:nvSpPr>
          <p:cNvPr id="9" name="Rectangle 8">
            <a:extLst>
              <a:ext uri="{FF2B5EF4-FFF2-40B4-BE49-F238E27FC236}">
                <a16:creationId xmlns:a16="http://schemas.microsoft.com/office/drawing/2014/main" id="{0891508E-3D5B-4491-9DE0-5F5F108BBF2E}"/>
              </a:ext>
            </a:extLst>
          </p:cNvPr>
          <p:cNvSpPr/>
          <p:nvPr userDrawn="1"/>
        </p:nvSpPr>
        <p:spPr>
          <a:xfrm>
            <a:off x="-1600200" y="-2"/>
            <a:ext cx="1308059" cy="2362201"/>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ataViz layout options are </a:t>
            </a:r>
            <a:br>
              <a:rPr lang="en-US" sz="1200" dirty="0">
                <a:solidFill>
                  <a:schemeClr val="bg1"/>
                </a:solidFill>
                <a:latin typeface="Calibre-Semibold" panose="020B0703030202060203" pitchFamily="34" charset="0"/>
              </a:rPr>
            </a:br>
            <a:r>
              <a:rPr lang="en-US" sz="1200" dirty="0">
                <a:solidFill>
                  <a:schemeClr val="bg1"/>
                </a:solidFill>
                <a:latin typeface="Calibre-Semibold" panose="020B0703030202060203" pitchFamily="34" charset="0"/>
              </a:rPr>
              <a:t>only for:</a:t>
            </a:r>
          </a:p>
          <a:p>
            <a:pPr marL="171450" lvl="1" indent="-171450" algn="l">
              <a:spcAft>
                <a:spcPts val="300"/>
              </a:spcAft>
              <a:buFont typeface="+mj-lt"/>
              <a:buAutoNum type="arabicPeriod"/>
            </a:pPr>
            <a:r>
              <a:rPr lang="en-US" sz="1200" dirty="0">
                <a:solidFill>
                  <a:schemeClr val="bg1"/>
                </a:solidFill>
                <a:latin typeface="+mn-lt"/>
              </a:rPr>
              <a:t>speaker presentations where charts need to be larger to be legible</a:t>
            </a:r>
          </a:p>
          <a:p>
            <a:pPr marL="171450" lvl="1" indent="-171450" algn="l">
              <a:spcAft>
                <a:spcPts val="300"/>
              </a:spcAft>
              <a:buFont typeface="+mj-lt"/>
              <a:buAutoNum type="arabicPeriod"/>
            </a:pPr>
            <a:r>
              <a:rPr lang="en-US" sz="1200" dirty="0">
                <a:solidFill>
                  <a:schemeClr val="bg1"/>
                </a:solidFill>
                <a:latin typeface="+mn-lt"/>
              </a:rPr>
              <a:t>Complex charts requiring extra room such as org or Gantt charts</a:t>
            </a:r>
          </a:p>
        </p:txBody>
      </p:sp>
    </p:spTree>
    <p:extLst>
      <p:ext uri="{BB962C8B-B14F-4D97-AF65-F5344CB8AC3E}">
        <p14:creationId xmlns:p14="http://schemas.microsoft.com/office/powerpoint/2010/main" val="2308318260"/>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DataViz - 2 Charts 1:2">
    <p:spTree>
      <p:nvGrpSpPr>
        <p:cNvPr id="1" name=""/>
        <p:cNvGrpSpPr/>
        <p:nvPr/>
      </p:nvGrpSpPr>
      <p:grpSpPr>
        <a:xfrm>
          <a:off x="0" y="0"/>
          <a:ext cx="0" cy="0"/>
          <a:chOff x="0" y="0"/>
          <a:chExt cx="0" cy="0"/>
        </a:xfrm>
      </p:grpSpPr>
      <p:sp>
        <p:nvSpPr>
          <p:cNvPr id="10" name="Source Placeholder 2">
            <a:extLst>
              <a:ext uri="{FF2B5EF4-FFF2-40B4-BE49-F238E27FC236}">
                <a16:creationId xmlns:a16="http://schemas.microsoft.com/office/drawing/2014/main" id="{404A0EDF-1C0E-4A60-9F6A-5BBEC4A08262}"/>
              </a:ext>
            </a:extLst>
          </p:cNvPr>
          <p:cNvSpPr>
            <a:spLocks noGrp="1"/>
          </p:cNvSpPr>
          <p:nvPr>
            <p:ph type="body" sz="quarter" idx="18" hasCustomPrompt="1"/>
          </p:nvPr>
        </p:nvSpPr>
        <p:spPr>
          <a:xfrm>
            <a:off x="3582988" y="6272784"/>
            <a:ext cx="8101012" cy="129669"/>
          </a:xfrm>
        </p:spPr>
        <p:txBody>
          <a:bodyPr/>
          <a:lstStyle>
            <a:lvl1pPr>
              <a:spcBef>
                <a:spcPts val="600"/>
              </a:spcBef>
              <a:spcAft>
                <a:spcPts val="0"/>
              </a:spcAft>
              <a:defRPr sz="900">
                <a:latin typeface="+mn-lt"/>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dirty="0"/>
              <a:t>Source:</a:t>
            </a:r>
          </a:p>
        </p:txBody>
      </p:sp>
      <p:sp>
        <p:nvSpPr>
          <p:cNvPr id="6" name="Chart Placeholder 2">
            <a:extLst>
              <a:ext uri="{FF2B5EF4-FFF2-40B4-BE49-F238E27FC236}">
                <a16:creationId xmlns:a16="http://schemas.microsoft.com/office/drawing/2014/main" id="{7F799BFF-9B81-4666-8735-69E578E73846}"/>
              </a:ext>
            </a:extLst>
          </p:cNvPr>
          <p:cNvSpPr>
            <a:spLocks noGrp="1"/>
          </p:cNvSpPr>
          <p:nvPr>
            <p:ph type="chart" sz="quarter" idx="17"/>
          </p:nvPr>
        </p:nvSpPr>
        <p:spPr>
          <a:xfrm>
            <a:off x="3582988" y="1600200"/>
            <a:ext cx="8101012" cy="4495800"/>
          </a:xfrm>
        </p:spPr>
        <p:txBody>
          <a:bodyPr/>
          <a:lstStyle/>
          <a:p>
            <a:r>
              <a:rPr lang="en-US" dirty="0"/>
              <a:t>Click icon to add chart</a:t>
            </a:r>
          </a:p>
        </p:txBody>
      </p:sp>
      <p:sp>
        <p:nvSpPr>
          <p:cNvPr id="4" name="Subheading Placeholder 2">
            <a:extLst>
              <a:ext uri="{FF2B5EF4-FFF2-40B4-BE49-F238E27FC236}">
                <a16:creationId xmlns:a16="http://schemas.microsoft.com/office/drawing/2014/main" id="{1A90358D-2B37-4C05-B07A-D213892133E0}"/>
              </a:ext>
            </a:extLst>
          </p:cNvPr>
          <p:cNvSpPr>
            <a:spLocks noGrp="1"/>
          </p:cNvSpPr>
          <p:nvPr>
            <p:ph type="body" sz="quarter" idx="16" hasCustomPrompt="1"/>
          </p:nvPr>
        </p:nvSpPr>
        <p:spPr>
          <a:xfrm>
            <a:off x="3582988" y="973138"/>
            <a:ext cx="8101012" cy="525462"/>
          </a:xfrm>
        </p:spPr>
        <p:txBody>
          <a:bodyPr anchor="b" anchorCtr="0"/>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hasCustomPrompt="1"/>
          </p:nvPr>
        </p:nvSpPr>
        <p:spPr>
          <a:xfrm>
            <a:off x="508000" y="6272784"/>
            <a:ext cx="2973388" cy="128016"/>
          </a:xfrm>
        </p:spPr>
        <p:txBody>
          <a:bodyPr/>
          <a:lstStyle>
            <a:lvl1pPr>
              <a:spcBef>
                <a:spcPts val="600"/>
              </a:spcBef>
              <a:spcAft>
                <a:spcPts val="0"/>
              </a:spcAft>
              <a:defRPr sz="900">
                <a:latin typeface="+mn-lt"/>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dirty="0"/>
              <a:t>Source:</a:t>
            </a:r>
          </a:p>
        </p:txBody>
      </p:sp>
      <p:sp>
        <p:nvSpPr>
          <p:cNvPr id="11" name="Chart Placeholder 1">
            <a:extLst>
              <a:ext uri="{FF2B5EF4-FFF2-40B4-BE49-F238E27FC236}">
                <a16:creationId xmlns:a16="http://schemas.microsoft.com/office/drawing/2014/main" id="{F069B3FF-2A85-4684-B67A-A15E60817978}"/>
              </a:ext>
            </a:extLst>
          </p:cNvPr>
          <p:cNvSpPr>
            <a:spLocks noGrp="1"/>
          </p:cNvSpPr>
          <p:nvPr>
            <p:ph type="chart" sz="quarter" idx="15"/>
          </p:nvPr>
        </p:nvSpPr>
        <p:spPr>
          <a:xfrm>
            <a:off x="508000" y="1600200"/>
            <a:ext cx="2973388" cy="4495800"/>
          </a:xfrm>
        </p:spPr>
        <p:txBody>
          <a:bodyPr/>
          <a:lstStyle/>
          <a:p>
            <a:r>
              <a:rPr lang="en-US" dirty="0"/>
              <a:t>Click icon to add chart</a:t>
            </a:r>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507999" y="973138"/>
            <a:ext cx="2973388" cy="526478"/>
          </a:xfrm>
        </p:spPr>
        <p:txBody>
          <a:bodyPr anchor="b" anchorCtr="0"/>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5" y="477903"/>
            <a:ext cx="8094661" cy="398398"/>
          </a:xfrm>
        </p:spPr>
        <p:txBody>
          <a:bodyPr/>
          <a:lstStyle/>
          <a:p>
            <a:r>
              <a:rPr lang="en-US"/>
              <a:t>Click to edit Master title style</a:t>
            </a:r>
            <a:endParaRPr lang="en-US" dirty="0"/>
          </a:p>
        </p:txBody>
      </p:sp>
      <p:sp>
        <p:nvSpPr>
          <p:cNvPr id="12" name="Rectangle 11">
            <a:extLst>
              <a:ext uri="{FF2B5EF4-FFF2-40B4-BE49-F238E27FC236}">
                <a16:creationId xmlns:a16="http://schemas.microsoft.com/office/drawing/2014/main" id="{73B0B34B-8B5C-45C7-8ED6-E6E702F7860F}"/>
              </a:ext>
            </a:extLst>
          </p:cNvPr>
          <p:cNvSpPr/>
          <p:nvPr userDrawn="1"/>
        </p:nvSpPr>
        <p:spPr>
          <a:xfrm>
            <a:off x="-1600200" y="-2"/>
            <a:ext cx="1308059" cy="2362201"/>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ataViz layout options are </a:t>
            </a:r>
            <a:br>
              <a:rPr lang="en-US" sz="1200" dirty="0">
                <a:solidFill>
                  <a:schemeClr val="bg1"/>
                </a:solidFill>
                <a:latin typeface="Calibre-Semibold" panose="020B0703030202060203" pitchFamily="34" charset="0"/>
              </a:rPr>
            </a:br>
            <a:r>
              <a:rPr lang="en-US" sz="1200" dirty="0">
                <a:solidFill>
                  <a:schemeClr val="bg1"/>
                </a:solidFill>
                <a:latin typeface="Calibre-Semibold" panose="020B0703030202060203" pitchFamily="34" charset="0"/>
              </a:rPr>
              <a:t>only for:</a:t>
            </a:r>
          </a:p>
          <a:p>
            <a:pPr marL="171450" lvl="1" indent="-171450" algn="l">
              <a:spcAft>
                <a:spcPts val="300"/>
              </a:spcAft>
              <a:buFont typeface="+mj-lt"/>
              <a:buAutoNum type="arabicPeriod"/>
            </a:pPr>
            <a:r>
              <a:rPr lang="en-US" sz="1200" dirty="0">
                <a:solidFill>
                  <a:schemeClr val="bg1"/>
                </a:solidFill>
                <a:latin typeface="+mn-lt"/>
              </a:rPr>
              <a:t>speaker presentations where charts need to be larger to be legible</a:t>
            </a:r>
          </a:p>
          <a:p>
            <a:pPr marL="171450" lvl="1" indent="-171450" algn="l">
              <a:spcAft>
                <a:spcPts val="300"/>
              </a:spcAft>
              <a:buFont typeface="+mj-lt"/>
              <a:buAutoNum type="arabicPeriod"/>
            </a:pPr>
            <a:r>
              <a:rPr lang="en-US" sz="1200" dirty="0">
                <a:solidFill>
                  <a:schemeClr val="bg1"/>
                </a:solidFill>
                <a:latin typeface="+mn-lt"/>
              </a:rPr>
              <a:t>Complex charts requiring extra room such as org or Gantt charts</a:t>
            </a:r>
          </a:p>
        </p:txBody>
      </p:sp>
    </p:spTree>
    <p:extLst>
      <p:ext uri="{BB962C8B-B14F-4D97-AF65-F5344CB8AC3E}">
        <p14:creationId xmlns:p14="http://schemas.microsoft.com/office/powerpoint/2010/main" val="3469895422"/>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DataViz - 2 Charts 1:1">
    <p:spTree>
      <p:nvGrpSpPr>
        <p:cNvPr id="1" name=""/>
        <p:cNvGrpSpPr/>
        <p:nvPr/>
      </p:nvGrpSpPr>
      <p:grpSpPr>
        <a:xfrm>
          <a:off x="0" y="0"/>
          <a:ext cx="0" cy="0"/>
          <a:chOff x="0" y="0"/>
          <a:chExt cx="0" cy="0"/>
        </a:xfrm>
      </p:grpSpPr>
      <p:sp>
        <p:nvSpPr>
          <p:cNvPr id="10" name="Source Placeholder 2">
            <a:extLst>
              <a:ext uri="{FF2B5EF4-FFF2-40B4-BE49-F238E27FC236}">
                <a16:creationId xmlns:a16="http://schemas.microsoft.com/office/drawing/2014/main" id="{404A0EDF-1C0E-4A60-9F6A-5BBEC4A08262}"/>
              </a:ext>
            </a:extLst>
          </p:cNvPr>
          <p:cNvSpPr>
            <a:spLocks noGrp="1"/>
          </p:cNvSpPr>
          <p:nvPr>
            <p:ph type="body" sz="quarter" idx="18" hasCustomPrompt="1"/>
          </p:nvPr>
        </p:nvSpPr>
        <p:spPr>
          <a:xfrm>
            <a:off x="6148386" y="6272784"/>
            <a:ext cx="5535614" cy="129669"/>
          </a:xfrm>
        </p:spPr>
        <p:txBody>
          <a:bodyPr/>
          <a:lstStyle>
            <a:lvl1pPr>
              <a:spcBef>
                <a:spcPts val="600"/>
              </a:spcBef>
              <a:spcAft>
                <a:spcPts val="0"/>
              </a:spcAft>
              <a:defRPr sz="900">
                <a:latin typeface="+mn-lt"/>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dirty="0"/>
              <a:t>Source:</a:t>
            </a:r>
          </a:p>
        </p:txBody>
      </p:sp>
      <p:sp>
        <p:nvSpPr>
          <p:cNvPr id="6" name="Chart Placeholder 2">
            <a:extLst>
              <a:ext uri="{FF2B5EF4-FFF2-40B4-BE49-F238E27FC236}">
                <a16:creationId xmlns:a16="http://schemas.microsoft.com/office/drawing/2014/main" id="{7F799BFF-9B81-4666-8735-69E578E73846}"/>
              </a:ext>
            </a:extLst>
          </p:cNvPr>
          <p:cNvSpPr>
            <a:spLocks noGrp="1"/>
          </p:cNvSpPr>
          <p:nvPr>
            <p:ph type="chart" sz="quarter" idx="17"/>
          </p:nvPr>
        </p:nvSpPr>
        <p:spPr>
          <a:xfrm>
            <a:off x="6148386" y="1600200"/>
            <a:ext cx="5535614" cy="4495800"/>
          </a:xfrm>
        </p:spPr>
        <p:txBody>
          <a:bodyPr/>
          <a:lstStyle/>
          <a:p>
            <a:r>
              <a:rPr lang="en-US" dirty="0"/>
              <a:t>Click icon to add chart</a:t>
            </a:r>
          </a:p>
        </p:txBody>
      </p:sp>
      <p:sp>
        <p:nvSpPr>
          <p:cNvPr id="4" name="Subheading Placeholder 2">
            <a:extLst>
              <a:ext uri="{FF2B5EF4-FFF2-40B4-BE49-F238E27FC236}">
                <a16:creationId xmlns:a16="http://schemas.microsoft.com/office/drawing/2014/main" id="{1A90358D-2B37-4C05-B07A-D213892133E0}"/>
              </a:ext>
            </a:extLst>
          </p:cNvPr>
          <p:cNvSpPr>
            <a:spLocks noGrp="1"/>
          </p:cNvSpPr>
          <p:nvPr>
            <p:ph type="body" sz="quarter" idx="16" hasCustomPrompt="1"/>
          </p:nvPr>
        </p:nvSpPr>
        <p:spPr>
          <a:xfrm>
            <a:off x="6148386" y="973138"/>
            <a:ext cx="5535614" cy="525462"/>
          </a:xfrm>
        </p:spPr>
        <p:txBody>
          <a:bodyPr anchor="b" anchorCtr="0"/>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hasCustomPrompt="1"/>
          </p:nvPr>
        </p:nvSpPr>
        <p:spPr>
          <a:xfrm>
            <a:off x="507999" y="6272784"/>
            <a:ext cx="5535613" cy="128016"/>
          </a:xfrm>
        </p:spPr>
        <p:txBody>
          <a:bodyPr/>
          <a:lstStyle>
            <a:lvl1pPr>
              <a:spcBef>
                <a:spcPts val="600"/>
              </a:spcBef>
              <a:spcAft>
                <a:spcPts val="0"/>
              </a:spcAft>
              <a:defRPr sz="900">
                <a:latin typeface="+mn-lt"/>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dirty="0"/>
              <a:t>Source:</a:t>
            </a:r>
          </a:p>
        </p:txBody>
      </p:sp>
      <p:sp>
        <p:nvSpPr>
          <p:cNvPr id="11" name="Chart Placeholder 1">
            <a:extLst>
              <a:ext uri="{FF2B5EF4-FFF2-40B4-BE49-F238E27FC236}">
                <a16:creationId xmlns:a16="http://schemas.microsoft.com/office/drawing/2014/main" id="{F069B3FF-2A85-4684-B67A-A15E60817978}"/>
              </a:ext>
            </a:extLst>
          </p:cNvPr>
          <p:cNvSpPr>
            <a:spLocks noGrp="1"/>
          </p:cNvSpPr>
          <p:nvPr>
            <p:ph type="chart" sz="quarter" idx="15"/>
          </p:nvPr>
        </p:nvSpPr>
        <p:spPr>
          <a:xfrm>
            <a:off x="507999" y="1600200"/>
            <a:ext cx="5535613" cy="4495800"/>
          </a:xfrm>
        </p:spPr>
        <p:txBody>
          <a:bodyPr/>
          <a:lstStyle/>
          <a:p>
            <a:r>
              <a:rPr lang="en-US" dirty="0"/>
              <a:t>Click icon to add chart</a:t>
            </a:r>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507998" y="974154"/>
            <a:ext cx="5535613" cy="525462"/>
          </a:xfrm>
        </p:spPr>
        <p:txBody>
          <a:bodyPr anchor="b" anchorCtr="0"/>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5" y="477903"/>
            <a:ext cx="8094661" cy="398398"/>
          </a:xfrm>
        </p:spPr>
        <p:txBody>
          <a:bodyPr/>
          <a:lstStyle/>
          <a:p>
            <a:r>
              <a:rPr lang="en-US"/>
              <a:t>Click to edit Master title style</a:t>
            </a:r>
            <a:endParaRPr lang="en-US" dirty="0"/>
          </a:p>
        </p:txBody>
      </p:sp>
      <p:sp>
        <p:nvSpPr>
          <p:cNvPr id="12" name="Rectangle 11">
            <a:extLst>
              <a:ext uri="{FF2B5EF4-FFF2-40B4-BE49-F238E27FC236}">
                <a16:creationId xmlns:a16="http://schemas.microsoft.com/office/drawing/2014/main" id="{539BB95B-E1EA-4AF4-B13C-51870DBAC215}"/>
              </a:ext>
            </a:extLst>
          </p:cNvPr>
          <p:cNvSpPr/>
          <p:nvPr userDrawn="1"/>
        </p:nvSpPr>
        <p:spPr>
          <a:xfrm>
            <a:off x="-1600200" y="-2"/>
            <a:ext cx="1308059" cy="2362201"/>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ataViz layout options are </a:t>
            </a:r>
            <a:br>
              <a:rPr lang="en-US" sz="1200" dirty="0">
                <a:solidFill>
                  <a:schemeClr val="bg1"/>
                </a:solidFill>
                <a:latin typeface="Calibre-Semibold" panose="020B0703030202060203" pitchFamily="34" charset="0"/>
              </a:rPr>
            </a:br>
            <a:r>
              <a:rPr lang="en-US" sz="1200" dirty="0">
                <a:solidFill>
                  <a:schemeClr val="bg1"/>
                </a:solidFill>
                <a:latin typeface="Calibre-Semibold" panose="020B0703030202060203" pitchFamily="34" charset="0"/>
              </a:rPr>
              <a:t>only for:</a:t>
            </a:r>
          </a:p>
          <a:p>
            <a:pPr marL="171450" lvl="1" indent="-171450" algn="l">
              <a:spcAft>
                <a:spcPts val="300"/>
              </a:spcAft>
              <a:buFont typeface="+mj-lt"/>
              <a:buAutoNum type="arabicPeriod"/>
            </a:pPr>
            <a:r>
              <a:rPr lang="en-US" sz="1200" dirty="0">
                <a:solidFill>
                  <a:schemeClr val="bg1"/>
                </a:solidFill>
                <a:latin typeface="+mn-lt"/>
              </a:rPr>
              <a:t>speaker presentations where charts need to be larger to be legible</a:t>
            </a:r>
          </a:p>
          <a:p>
            <a:pPr marL="171450" lvl="1" indent="-171450" algn="l">
              <a:spcAft>
                <a:spcPts val="300"/>
              </a:spcAft>
              <a:buFont typeface="+mj-lt"/>
              <a:buAutoNum type="arabicPeriod"/>
            </a:pPr>
            <a:r>
              <a:rPr lang="en-US" sz="1200" dirty="0">
                <a:solidFill>
                  <a:schemeClr val="bg1"/>
                </a:solidFill>
                <a:latin typeface="+mn-lt"/>
              </a:rPr>
              <a:t>Complex charts requiring extra room such as org or Gantt charts</a:t>
            </a:r>
          </a:p>
        </p:txBody>
      </p:sp>
    </p:spTree>
    <p:extLst>
      <p:ext uri="{BB962C8B-B14F-4D97-AF65-F5344CB8AC3E}">
        <p14:creationId xmlns:p14="http://schemas.microsoft.com/office/powerpoint/2010/main" val="704777001"/>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DataViz - 3 Charts">
    <p:spTree>
      <p:nvGrpSpPr>
        <p:cNvPr id="1" name=""/>
        <p:cNvGrpSpPr/>
        <p:nvPr/>
      </p:nvGrpSpPr>
      <p:grpSpPr>
        <a:xfrm>
          <a:off x="0" y="0"/>
          <a:ext cx="0" cy="0"/>
          <a:chOff x="0" y="0"/>
          <a:chExt cx="0" cy="0"/>
        </a:xfrm>
      </p:grpSpPr>
      <p:sp>
        <p:nvSpPr>
          <p:cNvPr id="14" name="Source Placeholder 3">
            <a:extLst>
              <a:ext uri="{FF2B5EF4-FFF2-40B4-BE49-F238E27FC236}">
                <a16:creationId xmlns:a16="http://schemas.microsoft.com/office/drawing/2014/main" id="{D6AE0AA0-FEF7-46E7-8BC9-EB6D66ADC8E4}"/>
              </a:ext>
            </a:extLst>
          </p:cNvPr>
          <p:cNvSpPr>
            <a:spLocks noGrp="1"/>
          </p:cNvSpPr>
          <p:nvPr>
            <p:ph type="body" sz="quarter" idx="21" hasCustomPrompt="1"/>
          </p:nvPr>
        </p:nvSpPr>
        <p:spPr>
          <a:xfrm>
            <a:off x="7678040" y="6272784"/>
            <a:ext cx="3483864" cy="129669"/>
          </a:xfrm>
        </p:spPr>
        <p:txBody>
          <a:bodyPr/>
          <a:lstStyle>
            <a:lvl1pPr>
              <a:spcBef>
                <a:spcPts val="600"/>
              </a:spcBef>
              <a:spcAft>
                <a:spcPts val="0"/>
              </a:spcAft>
              <a:defRPr sz="900">
                <a:latin typeface="+mn-lt"/>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dirty="0"/>
              <a:t>Source:</a:t>
            </a:r>
          </a:p>
        </p:txBody>
      </p:sp>
      <p:sp>
        <p:nvSpPr>
          <p:cNvPr id="12" name="Chart Placeholder 3">
            <a:extLst>
              <a:ext uri="{FF2B5EF4-FFF2-40B4-BE49-F238E27FC236}">
                <a16:creationId xmlns:a16="http://schemas.microsoft.com/office/drawing/2014/main" id="{41D3DC06-D2A2-4F90-B91A-8FFA8737D3B8}"/>
              </a:ext>
            </a:extLst>
          </p:cNvPr>
          <p:cNvSpPr>
            <a:spLocks noGrp="1"/>
          </p:cNvSpPr>
          <p:nvPr>
            <p:ph type="chart" sz="quarter" idx="20"/>
          </p:nvPr>
        </p:nvSpPr>
        <p:spPr>
          <a:xfrm>
            <a:off x="7678040" y="1600200"/>
            <a:ext cx="3483864" cy="4495800"/>
          </a:xfrm>
        </p:spPr>
        <p:txBody>
          <a:bodyPr/>
          <a:lstStyle/>
          <a:p>
            <a:r>
              <a:rPr lang="en-US" dirty="0"/>
              <a:t>Click icon to add chart</a:t>
            </a:r>
          </a:p>
        </p:txBody>
      </p:sp>
      <p:sp>
        <p:nvSpPr>
          <p:cNvPr id="5" name="Subheading Placeholder 3">
            <a:extLst>
              <a:ext uri="{FF2B5EF4-FFF2-40B4-BE49-F238E27FC236}">
                <a16:creationId xmlns:a16="http://schemas.microsoft.com/office/drawing/2014/main" id="{0CCB7705-183B-47CB-8EBE-D47E0F723930}"/>
              </a:ext>
            </a:extLst>
          </p:cNvPr>
          <p:cNvSpPr>
            <a:spLocks noGrp="1"/>
          </p:cNvSpPr>
          <p:nvPr>
            <p:ph type="body" sz="quarter" idx="19" hasCustomPrompt="1"/>
          </p:nvPr>
        </p:nvSpPr>
        <p:spPr>
          <a:xfrm>
            <a:off x="7678040" y="973138"/>
            <a:ext cx="3483864" cy="525462"/>
          </a:xfrm>
        </p:spPr>
        <p:txBody>
          <a:bodyPr anchor="b" anchorCtr="0"/>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10" name="Source Placeholder 2">
            <a:extLst>
              <a:ext uri="{FF2B5EF4-FFF2-40B4-BE49-F238E27FC236}">
                <a16:creationId xmlns:a16="http://schemas.microsoft.com/office/drawing/2014/main" id="{404A0EDF-1C0E-4A60-9F6A-5BBEC4A08262}"/>
              </a:ext>
            </a:extLst>
          </p:cNvPr>
          <p:cNvSpPr>
            <a:spLocks noGrp="1"/>
          </p:cNvSpPr>
          <p:nvPr>
            <p:ph type="body" sz="quarter" idx="18" hasCustomPrompt="1"/>
          </p:nvPr>
        </p:nvSpPr>
        <p:spPr>
          <a:xfrm>
            <a:off x="4094163" y="6272784"/>
            <a:ext cx="3483864" cy="129669"/>
          </a:xfrm>
        </p:spPr>
        <p:txBody>
          <a:bodyPr/>
          <a:lstStyle>
            <a:lvl1pPr>
              <a:spcBef>
                <a:spcPts val="600"/>
              </a:spcBef>
              <a:spcAft>
                <a:spcPts val="0"/>
              </a:spcAft>
              <a:defRPr sz="900">
                <a:latin typeface="+mn-lt"/>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dirty="0"/>
              <a:t>Source:</a:t>
            </a:r>
          </a:p>
        </p:txBody>
      </p:sp>
      <p:sp>
        <p:nvSpPr>
          <p:cNvPr id="6" name="Chart Placeholder 2">
            <a:extLst>
              <a:ext uri="{FF2B5EF4-FFF2-40B4-BE49-F238E27FC236}">
                <a16:creationId xmlns:a16="http://schemas.microsoft.com/office/drawing/2014/main" id="{7F799BFF-9B81-4666-8735-69E578E73846}"/>
              </a:ext>
            </a:extLst>
          </p:cNvPr>
          <p:cNvSpPr>
            <a:spLocks noGrp="1"/>
          </p:cNvSpPr>
          <p:nvPr>
            <p:ph type="chart" sz="quarter" idx="17"/>
          </p:nvPr>
        </p:nvSpPr>
        <p:spPr>
          <a:xfrm>
            <a:off x="4094163" y="1600200"/>
            <a:ext cx="3483864" cy="4495800"/>
          </a:xfrm>
        </p:spPr>
        <p:txBody>
          <a:bodyPr/>
          <a:lstStyle/>
          <a:p>
            <a:r>
              <a:rPr lang="en-US" dirty="0"/>
              <a:t>Click icon to add chart</a:t>
            </a:r>
          </a:p>
        </p:txBody>
      </p:sp>
      <p:sp>
        <p:nvSpPr>
          <p:cNvPr id="4" name="Subheading Placeholder 2">
            <a:extLst>
              <a:ext uri="{FF2B5EF4-FFF2-40B4-BE49-F238E27FC236}">
                <a16:creationId xmlns:a16="http://schemas.microsoft.com/office/drawing/2014/main" id="{1A90358D-2B37-4C05-B07A-D213892133E0}"/>
              </a:ext>
            </a:extLst>
          </p:cNvPr>
          <p:cNvSpPr>
            <a:spLocks noGrp="1"/>
          </p:cNvSpPr>
          <p:nvPr>
            <p:ph type="body" sz="quarter" idx="16" hasCustomPrompt="1"/>
          </p:nvPr>
        </p:nvSpPr>
        <p:spPr>
          <a:xfrm>
            <a:off x="4094163" y="973138"/>
            <a:ext cx="3483864" cy="525462"/>
          </a:xfrm>
        </p:spPr>
        <p:txBody>
          <a:bodyPr anchor="b" anchorCtr="0"/>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hasCustomPrompt="1"/>
          </p:nvPr>
        </p:nvSpPr>
        <p:spPr>
          <a:xfrm>
            <a:off x="508000" y="6274437"/>
            <a:ext cx="3486150" cy="128016"/>
          </a:xfrm>
        </p:spPr>
        <p:txBody>
          <a:bodyPr/>
          <a:lstStyle>
            <a:lvl1pPr>
              <a:spcBef>
                <a:spcPts val="600"/>
              </a:spcBef>
              <a:spcAft>
                <a:spcPts val="0"/>
              </a:spcAft>
              <a:defRPr sz="900">
                <a:latin typeface="+mn-lt"/>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dirty="0"/>
              <a:t>Source:</a:t>
            </a:r>
          </a:p>
        </p:txBody>
      </p:sp>
      <p:sp>
        <p:nvSpPr>
          <p:cNvPr id="11" name="Chart Placeholder 1">
            <a:extLst>
              <a:ext uri="{FF2B5EF4-FFF2-40B4-BE49-F238E27FC236}">
                <a16:creationId xmlns:a16="http://schemas.microsoft.com/office/drawing/2014/main" id="{F069B3FF-2A85-4684-B67A-A15E60817978}"/>
              </a:ext>
            </a:extLst>
          </p:cNvPr>
          <p:cNvSpPr>
            <a:spLocks noGrp="1"/>
          </p:cNvSpPr>
          <p:nvPr>
            <p:ph type="chart" sz="quarter" idx="15"/>
          </p:nvPr>
        </p:nvSpPr>
        <p:spPr>
          <a:xfrm>
            <a:off x="508000" y="1600200"/>
            <a:ext cx="3486150" cy="4495800"/>
          </a:xfrm>
        </p:spPr>
        <p:txBody>
          <a:bodyPr/>
          <a:lstStyle/>
          <a:p>
            <a:r>
              <a:rPr lang="en-US" dirty="0"/>
              <a:t>Click icon to add chart</a:t>
            </a:r>
          </a:p>
        </p:txBody>
      </p:sp>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507999" y="973138"/>
            <a:ext cx="3486150" cy="526478"/>
          </a:xfrm>
        </p:spPr>
        <p:txBody>
          <a:bodyPr anchor="b" anchorCtr="0"/>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5" y="477903"/>
            <a:ext cx="8094661" cy="398398"/>
          </a:xfrm>
        </p:spPr>
        <p:txBody>
          <a:bodyPr/>
          <a:lstStyle/>
          <a:p>
            <a:r>
              <a:rPr lang="en-US"/>
              <a:t>Click to edit Master title style</a:t>
            </a:r>
            <a:endParaRPr lang="en-US" dirty="0"/>
          </a:p>
        </p:txBody>
      </p:sp>
      <p:sp>
        <p:nvSpPr>
          <p:cNvPr id="15" name="Rectangle 14">
            <a:extLst>
              <a:ext uri="{FF2B5EF4-FFF2-40B4-BE49-F238E27FC236}">
                <a16:creationId xmlns:a16="http://schemas.microsoft.com/office/drawing/2014/main" id="{ABCA4E9F-9C9D-48B1-801F-C93D4283947C}"/>
              </a:ext>
            </a:extLst>
          </p:cNvPr>
          <p:cNvSpPr/>
          <p:nvPr userDrawn="1"/>
        </p:nvSpPr>
        <p:spPr>
          <a:xfrm>
            <a:off x="-1600200" y="-2"/>
            <a:ext cx="1308059" cy="2362201"/>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ataViz layout options are </a:t>
            </a:r>
            <a:br>
              <a:rPr lang="en-US" sz="1200" dirty="0">
                <a:solidFill>
                  <a:schemeClr val="bg1"/>
                </a:solidFill>
                <a:latin typeface="Calibre-Semibold" panose="020B0703030202060203" pitchFamily="34" charset="0"/>
              </a:rPr>
            </a:br>
            <a:r>
              <a:rPr lang="en-US" sz="1200" dirty="0">
                <a:solidFill>
                  <a:schemeClr val="bg1"/>
                </a:solidFill>
                <a:latin typeface="Calibre-Semibold" panose="020B0703030202060203" pitchFamily="34" charset="0"/>
              </a:rPr>
              <a:t>only for:</a:t>
            </a:r>
          </a:p>
          <a:p>
            <a:pPr marL="171450" lvl="1" indent="-171450" algn="l">
              <a:spcAft>
                <a:spcPts val="300"/>
              </a:spcAft>
              <a:buFont typeface="+mj-lt"/>
              <a:buAutoNum type="arabicPeriod"/>
            </a:pPr>
            <a:r>
              <a:rPr lang="en-US" sz="1200" dirty="0">
                <a:solidFill>
                  <a:schemeClr val="bg1"/>
                </a:solidFill>
                <a:latin typeface="+mn-lt"/>
              </a:rPr>
              <a:t>speaker presentations where charts need to be larger to be legible</a:t>
            </a:r>
          </a:p>
          <a:p>
            <a:pPr marL="171450" lvl="1" indent="-171450" algn="l">
              <a:spcAft>
                <a:spcPts val="300"/>
              </a:spcAft>
              <a:buFont typeface="+mj-lt"/>
              <a:buAutoNum type="arabicPeriod"/>
            </a:pPr>
            <a:r>
              <a:rPr lang="en-US" sz="1200" dirty="0">
                <a:solidFill>
                  <a:schemeClr val="bg1"/>
                </a:solidFill>
                <a:latin typeface="+mn-lt"/>
              </a:rPr>
              <a:t>Complex charts requiring extra room such as org or Gantt charts</a:t>
            </a:r>
          </a:p>
        </p:txBody>
      </p:sp>
    </p:spTree>
    <p:extLst>
      <p:ext uri="{BB962C8B-B14F-4D97-AF65-F5344CB8AC3E}">
        <p14:creationId xmlns:p14="http://schemas.microsoft.com/office/powerpoint/2010/main" val="1983566024"/>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DataViz - Title Only">
    <p:spTree>
      <p:nvGrpSpPr>
        <p:cNvPr id="1" name=""/>
        <p:cNvGrpSpPr/>
        <p:nvPr/>
      </p:nvGrpSpPr>
      <p:grpSpPr>
        <a:xfrm>
          <a:off x="0" y="0"/>
          <a:ext cx="0" cy="0"/>
          <a:chOff x="0" y="0"/>
          <a:chExt cx="0" cy="0"/>
        </a:xfrm>
      </p:grpSpPr>
      <p:sp>
        <p:nvSpPr>
          <p:cNvPr id="8" name="Subheading Placeholder 1">
            <a:extLst>
              <a:ext uri="{FF2B5EF4-FFF2-40B4-BE49-F238E27FC236}">
                <a16:creationId xmlns:a16="http://schemas.microsoft.com/office/drawing/2014/main" id="{478E80C0-0E36-48D9-AC93-9C6F4EC94042}"/>
              </a:ext>
            </a:extLst>
          </p:cNvPr>
          <p:cNvSpPr>
            <a:spLocks noGrp="1"/>
          </p:cNvSpPr>
          <p:nvPr>
            <p:ph type="body" sz="quarter" idx="13" hasCustomPrompt="1"/>
          </p:nvPr>
        </p:nvSpPr>
        <p:spPr>
          <a:xfrm>
            <a:off x="507999" y="973138"/>
            <a:ext cx="8097839" cy="526478"/>
          </a:xfrm>
        </p:spPr>
        <p:txBody>
          <a:bodyPr anchor="t" anchorCtr="0"/>
          <a:lstStyle>
            <a:lvl1pPr>
              <a:spcAft>
                <a:spcPts val="600"/>
              </a:spcAft>
              <a:defRPr lang="en-US" sz="1600" b="0" dirty="0" smtClean="0">
                <a:solidFill>
                  <a:schemeClr val="tx1"/>
                </a:solidFill>
                <a:latin typeface="Calibre Semibold" panose="020B0703030202060203" pitchFamily="34" charset="0"/>
                <a:ea typeface="+mn-ea"/>
                <a:cs typeface="+mn-cs"/>
              </a:defRPr>
            </a:lvl1pPr>
            <a:lvl2pPr>
              <a:spcBef>
                <a:spcPts val="300"/>
              </a:spcBef>
              <a:spcAft>
                <a:spcPts val="300"/>
              </a:spcAft>
              <a:defRPr lang="en-US" sz="1200" dirty="0" smtClean="0">
                <a:solidFill>
                  <a:schemeClr val="tx1"/>
                </a:solidFill>
                <a:latin typeface="+mn-lt"/>
                <a:ea typeface="+mn-ea"/>
                <a:cs typeface="+mn-cs"/>
              </a:defRPr>
            </a:lvl2pPr>
            <a:lvl3pPr marL="171450" indent="-171450">
              <a:buFont typeface="Calibre" panose="020B0503030202060203" pitchFamily="34" charset="0"/>
              <a:buChar char="–"/>
              <a:defRPr lang="en-US" sz="1200" dirty="0" smtClean="0">
                <a:solidFill>
                  <a:schemeClr val="tx1"/>
                </a:solidFill>
                <a:latin typeface="+mn-lt"/>
                <a:ea typeface="+mn-ea"/>
                <a:cs typeface="+mn-cs"/>
              </a:defRPr>
            </a:lvl3pPr>
            <a:lvl4pPr marL="356616">
              <a:defRPr lang="en-US" sz="1200" b="0" dirty="0" smtClean="0">
                <a:solidFill>
                  <a:schemeClr val="tx1"/>
                </a:solidFill>
                <a:latin typeface="+mn-lt"/>
                <a:ea typeface="+mn-ea"/>
                <a:cs typeface="+mn-cs"/>
              </a:defRPr>
            </a:lvl4pPr>
            <a:lvl5pPr marL="0" indent="0">
              <a:spcBef>
                <a:spcPts val="600"/>
              </a:spcBef>
              <a:spcAft>
                <a:spcPts val="0"/>
              </a:spcAft>
              <a:buFontTx/>
              <a:buNone/>
              <a:defRPr lang="en-US" sz="1200" dirty="0" smtClean="0">
                <a:solidFill>
                  <a:schemeClr val="tx1"/>
                </a:solidFill>
                <a:latin typeface="Calibre Semibold" panose="020B0703030202060203" pitchFamily="34" charset="0"/>
                <a:ea typeface="+mn-ea"/>
                <a:cs typeface="+mn-cs"/>
              </a:defRPr>
            </a:lvl5pPr>
            <a:lvl6pPr>
              <a:defRPr lang="en-US" sz="1050" dirty="0" smtClean="0">
                <a:solidFill>
                  <a:schemeClr val="tx1"/>
                </a:solidFill>
                <a:latin typeface="Calibre Semibold" panose="020B0703030202060203" pitchFamily="34" charset="0"/>
                <a:ea typeface="+mn-ea"/>
                <a:cs typeface="+mn-cs"/>
              </a:defRPr>
            </a:lvl6pPr>
            <a:lvl7pPr>
              <a:spcBef>
                <a:spcPts val="300"/>
              </a:spcBef>
              <a:spcAft>
                <a:spcPts val="300"/>
              </a:spcAft>
              <a:defRPr lang="en-US" sz="1050" dirty="0" smtClean="0">
                <a:solidFill>
                  <a:schemeClr val="tx1"/>
                </a:solidFill>
                <a:latin typeface="+mn-lt"/>
                <a:ea typeface="+mn-ea"/>
                <a:cs typeface="+mn-cs"/>
              </a:defRPr>
            </a:lvl7pPr>
            <a:lvl8pPr marL="171450" indent="-171450">
              <a:spcBef>
                <a:spcPts val="200"/>
              </a:spcBef>
              <a:spcAft>
                <a:spcPts val="0"/>
              </a:spcAft>
              <a:buFont typeface="Calibre" panose="020B0503030202060203" pitchFamily="34" charset="0"/>
              <a:buChar char="–"/>
              <a:defRPr lang="en-US" sz="1050" dirty="0" smtClean="0">
                <a:solidFill>
                  <a:schemeClr val="tx1"/>
                </a:solidFill>
                <a:latin typeface="+mn-lt"/>
                <a:ea typeface="+mn-ea"/>
                <a:cs typeface="+mn-cs"/>
              </a:defRPr>
            </a:lvl8pPr>
            <a:lvl9pPr>
              <a:spcBef>
                <a:spcPts val="200"/>
              </a:spcBef>
              <a:defRPr/>
            </a:lvl9pPr>
          </a:lstStyle>
          <a:p>
            <a:pPr lvl="0"/>
            <a:r>
              <a:rPr lang="en-US" dirty="0"/>
              <a:t>Sub heading</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a:xfrm>
            <a:off x="511175" y="477903"/>
            <a:ext cx="8094661" cy="398398"/>
          </a:xfrm>
        </p:spPr>
        <p:txBody>
          <a:bodyPr/>
          <a:lstStyle/>
          <a:p>
            <a:r>
              <a:rPr lang="en-US"/>
              <a:t>Click to edit Master title style</a:t>
            </a:r>
            <a:endParaRPr lang="en-US" dirty="0"/>
          </a:p>
        </p:txBody>
      </p:sp>
      <p:sp>
        <p:nvSpPr>
          <p:cNvPr id="5" name="Rectangle 4">
            <a:extLst>
              <a:ext uri="{FF2B5EF4-FFF2-40B4-BE49-F238E27FC236}">
                <a16:creationId xmlns:a16="http://schemas.microsoft.com/office/drawing/2014/main" id="{92693A9B-C3DC-4DC4-8E9A-7A879A723001}"/>
              </a:ext>
            </a:extLst>
          </p:cNvPr>
          <p:cNvSpPr/>
          <p:nvPr userDrawn="1"/>
        </p:nvSpPr>
        <p:spPr>
          <a:xfrm>
            <a:off x="-1600200" y="-2"/>
            <a:ext cx="1308059" cy="2362201"/>
          </a:xfrm>
          <a:prstGeom prst="rect">
            <a:avLst/>
          </a:prstGeom>
          <a:solidFill>
            <a:srgbClr val="AD2A2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l">
              <a:spcAft>
                <a:spcPts val="300"/>
              </a:spcAft>
            </a:pPr>
            <a:r>
              <a:rPr lang="en-US" sz="1200" dirty="0">
                <a:solidFill>
                  <a:schemeClr val="bg1"/>
                </a:solidFill>
                <a:latin typeface="Calibre-Semibold" panose="020B0703030202060203" pitchFamily="34" charset="0"/>
              </a:rPr>
              <a:t>DataViz layout options are </a:t>
            </a:r>
            <a:br>
              <a:rPr lang="en-US" sz="1200" dirty="0">
                <a:solidFill>
                  <a:schemeClr val="bg1"/>
                </a:solidFill>
                <a:latin typeface="Calibre-Semibold" panose="020B0703030202060203" pitchFamily="34" charset="0"/>
              </a:rPr>
            </a:br>
            <a:r>
              <a:rPr lang="en-US" sz="1200" dirty="0">
                <a:solidFill>
                  <a:schemeClr val="bg1"/>
                </a:solidFill>
                <a:latin typeface="Calibre-Semibold" panose="020B0703030202060203" pitchFamily="34" charset="0"/>
              </a:rPr>
              <a:t>only for:</a:t>
            </a:r>
          </a:p>
          <a:p>
            <a:pPr marL="171450" lvl="1" indent="-171450" algn="l">
              <a:spcAft>
                <a:spcPts val="300"/>
              </a:spcAft>
              <a:buFont typeface="+mj-lt"/>
              <a:buAutoNum type="arabicPeriod"/>
            </a:pPr>
            <a:r>
              <a:rPr lang="en-US" sz="1200" dirty="0">
                <a:solidFill>
                  <a:schemeClr val="bg1"/>
                </a:solidFill>
                <a:latin typeface="+mn-lt"/>
              </a:rPr>
              <a:t>speaker presentations where charts need to be larger to be legible</a:t>
            </a:r>
          </a:p>
          <a:p>
            <a:pPr marL="171450" lvl="1" indent="-171450" algn="l">
              <a:spcAft>
                <a:spcPts val="300"/>
              </a:spcAft>
              <a:buFont typeface="+mj-lt"/>
              <a:buAutoNum type="arabicPeriod"/>
            </a:pPr>
            <a:r>
              <a:rPr lang="en-US" sz="1200" dirty="0">
                <a:solidFill>
                  <a:schemeClr val="bg1"/>
                </a:solidFill>
                <a:latin typeface="+mn-lt"/>
              </a:rPr>
              <a:t>Complex charts requiring extra room such as org or Gantt charts</a:t>
            </a:r>
          </a:p>
        </p:txBody>
      </p:sp>
    </p:spTree>
    <p:extLst>
      <p:ext uri="{BB962C8B-B14F-4D97-AF65-F5344CB8AC3E}">
        <p14:creationId xmlns:p14="http://schemas.microsoft.com/office/powerpoint/2010/main" val="242473936"/>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cxnSp>
        <p:nvCxnSpPr>
          <p:cNvPr id="101" name="Nav Line of Sight">
            <a:extLst>
              <a:ext uri="{FF2B5EF4-FFF2-40B4-BE49-F238E27FC236}">
                <a16:creationId xmlns:a16="http://schemas.microsoft.com/office/drawing/2014/main" id="{4F7078D9-99A7-4F4B-A2AE-F455F56FB451}"/>
              </a:ext>
            </a:extLst>
          </p:cNvPr>
          <p:cNvCxnSpPr>
            <a:cxnSpLocks/>
          </p:cNvCxnSpPr>
          <p:nvPr/>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100" name="Navigation Header Placeholder">
            <a:extLst>
              <a:ext uri="{FF2B5EF4-FFF2-40B4-BE49-F238E27FC236}">
                <a16:creationId xmlns:a16="http://schemas.microsoft.com/office/drawing/2014/main" id="{676795B3-D4D7-4DD1-95C2-286A5F9D9236}"/>
              </a:ext>
            </a:extLst>
          </p:cNvPr>
          <p:cNvSpPr>
            <a:spLocks noGrp="1"/>
          </p:cNvSpPr>
          <p:nvPr>
            <p:ph type="body" sz="quarter" idx="43" hasCustomPrompt="1"/>
          </p:nvPr>
        </p:nvSpPr>
        <p:spPr>
          <a:xfrm>
            <a:off x="1536700" y="957804"/>
            <a:ext cx="1936750" cy="182683"/>
          </a:xfrm>
        </p:spPr>
        <p:txBody>
          <a:bodyPr rIns="0"/>
          <a:lstStyle>
            <a:lvl1pPr>
              <a:lnSpc>
                <a:spcPct val="90000"/>
              </a:lnSpc>
              <a:spcBef>
                <a:spcPts val="0"/>
              </a:spcBef>
              <a:spcAft>
                <a:spcPts val="0"/>
              </a:spcAft>
              <a:defRPr sz="1050" cap="all" baseline="0">
                <a:latin typeface="Calibre Medium" panose="020B0603030202060203" pitchFamily="34" charset="0"/>
              </a:defRPr>
            </a:lvl1pPr>
          </a:lstStyle>
          <a:p>
            <a:pPr lvl="0"/>
            <a:r>
              <a:rPr lang="en-US" dirty="0"/>
              <a:t>Navigation Header</a:t>
            </a:r>
          </a:p>
        </p:txBody>
      </p:sp>
      <p:sp>
        <p:nvSpPr>
          <p:cNvPr id="5" name="Coordinates">
            <a:extLst>
              <a:ext uri="{FF2B5EF4-FFF2-40B4-BE49-F238E27FC236}">
                <a16:creationId xmlns:a16="http://schemas.microsoft.com/office/drawing/2014/main" id="{735830CE-2387-4F0C-BB9A-0C9CFCCAC27F}"/>
              </a:ext>
            </a:extLst>
          </p:cNvPr>
          <p:cNvSpPr>
            <a:spLocks noGrp="1"/>
          </p:cNvSpPr>
          <p:nvPr>
            <p:ph sz="quarter" idx="47" hasCustomPrompt="1"/>
          </p:nvPr>
        </p:nvSpPr>
        <p:spPr>
          <a:xfrm>
            <a:off x="503238" y="1317625"/>
            <a:ext cx="2970212" cy="180975"/>
          </a:xfrm>
        </p:spPr>
        <p:txBody>
          <a:bodyPr wrap="none" anchor="b" anchorCtr="0"/>
          <a:lstStyle>
            <a:lvl1pPr>
              <a:defRPr sz="900">
                <a:solidFill>
                  <a:srgbClr val="80BBAD"/>
                </a:solidFill>
                <a:latin typeface="Space Mono" panose="02000509040000020004" pitchFamily="49" charset="0"/>
              </a:defRPr>
            </a:lvl1pPr>
          </a:lstStyle>
          <a:p>
            <a:pPr lvl="0"/>
            <a:r>
              <a:rPr lang="en-US" dirty="0"/>
              <a:t>Coordinates Here</a:t>
            </a:r>
          </a:p>
        </p:txBody>
      </p:sp>
      <p:sp>
        <p:nvSpPr>
          <p:cNvPr id="10" name="Title 1">
            <a:extLst>
              <a:ext uri="{FF2B5EF4-FFF2-40B4-BE49-F238E27FC236}">
                <a16:creationId xmlns:a16="http://schemas.microsoft.com/office/drawing/2014/main" id="{477F03F6-9538-49CE-8D06-38030765E7BB}"/>
              </a:ext>
            </a:extLst>
          </p:cNvPr>
          <p:cNvSpPr>
            <a:spLocks noGrp="1"/>
          </p:cNvSpPr>
          <p:nvPr>
            <p:ph type="title" hasCustomPrompt="1"/>
          </p:nvPr>
        </p:nvSpPr>
        <p:spPr>
          <a:xfrm>
            <a:off x="511175" y="1601789"/>
            <a:ext cx="7581899" cy="1149350"/>
          </a:xfrm>
        </p:spPr>
        <p:txBody>
          <a:bodyPr/>
          <a:lstStyle>
            <a:lvl1pPr>
              <a:defRPr/>
            </a:lvl1pPr>
          </a:lstStyle>
          <a:p>
            <a:r>
              <a:rPr lang="en-US" dirty="0"/>
              <a:t>Asset/Property name,</a:t>
            </a:r>
            <a:br>
              <a:rPr lang="en-US" dirty="0"/>
            </a:br>
            <a:r>
              <a:rPr lang="en-US" dirty="0"/>
              <a:t>City name</a:t>
            </a:r>
          </a:p>
        </p:txBody>
      </p:sp>
      <p:sp>
        <p:nvSpPr>
          <p:cNvPr id="31" name="Content Placeholder 1">
            <a:extLst>
              <a:ext uri="{FF2B5EF4-FFF2-40B4-BE49-F238E27FC236}">
                <a16:creationId xmlns:a16="http://schemas.microsoft.com/office/drawing/2014/main" id="{5FF70B67-C845-4CFA-837C-62210E7EFBF0}"/>
              </a:ext>
            </a:extLst>
          </p:cNvPr>
          <p:cNvSpPr>
            <a:spLocks noGrp="1"/>
          </p:cNvSpPr>
          <p:nvPr>
            <p:ph sz="quarter" idx="37"/>
          </p:nvPr>
        </p:nvSpPr>
        <p:spPr>
          <a:xfrm>
            <a:off x="511177" y="2852738"/>
            <a:ext cx="2452686" cy="3551237"/>
          </a:xfrm>
          <a:solidFill>
            <a:schemeClr val="tx1"/>
          </a:solidFill>
        </p:spPr>
        <p:txBody>
          <a:bodyPr lIns="73152" tIns="73152" rIns="73152"/>
          <a:lstStyle>
            <a:lvl1pPr marL="0" indent="0">
              <a:spcBef>
                <a:spcPts val="600"/>
              </a:spcBef>
              <a:spcAft>
                <a:spcPts val="0"/>
              </a:spcAft>
              <a:defRPr sz="1600">
                <a:solidFill>
                  <a:schemeClr val="bg1"/>
                </a:solidFill>
                <a:latin typeface="Calibre Semibold" panose="020B0703030202060203" pitchFamily="34" charset="0"/>
              </a:defRPr>
            </a:lvl1pPr>
            <a:lvl2pPr>
              <a:spcBef>
                <a:spcPts val="300"/>
              </a:spcBef>
              <a:spcAft>
                <a:spcPts val="600"/>
              </a:spcAft>
              <a:defRPr sz="1200">
                <a:solidFill>
                  <a:schemeClr val="bg1"/>
                </a:solidFill>
                <a:latin typeface="+mn-lt"/>
              </a:defRPr>
            </a:lvl2pPr>
            <a:lvl3pPr marL="171450" indent="-171450">
              <a:spcAft>
                <a:spcPts val="300"/>
              </a:spcAft>
              <a:buFont typeface="Arial" panose="020B0604020202020204" pitchFamily="34" charset="0"/>
              <a:buChar char="‒"/>
              <a:defRPr>
                <a:solidFill>
                  <a:schemeClr val="bg1"/>
                </a:solidFill>
              </a:defRPr>
            </a:lvl3pPr>
            <a:lvl4pPr marL="342900" indent="-171450">
              <a:spcBef>
                <a:spcPts val="0"/>
              </a:spcBef>
              <a:spcAft>
                <a:spcPts val="300"/>
              </a:spcAft>
              <a:defRPr sz="1200">
                <a:solidFill>
                  <a:schemeClr val="bg1"/>
                </a:solidFill>
              </a:defRPr>
            </a:lvl4pPr>
            <a:lvl5pPr marL="342900" indent="-166688">
              <a:spcBef>
                <a:spcPts val="0"/>
              </a:spcBef>
              <a:spcAft>
                <a:spcPts val="300"/>
              </a:spcAft>
              <a:defRPr sz="12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32" name="Content Placeholder 2">
            <a:extLst>
              <a:ext uri="{FF2B5EF4-FFF2-40B4-BE49-F238E27FC236}">
                <a16:creationId xmlns:a16="http://schemas.microsoft.com/office/drawing/2014/main" id="{B7EEA141-FDB4-406C-9BF3-6371663430BD}"/>
              </a:ext>
            </a:extLst>
          </p:cNvPr>
          <p:cNvSpPr>
            <a:spLocks noGrp="1"/>
          </p:cNvSpPr>
          <p:nvPr>
            <p:ph sz="quarter" idx="46"/>
          </p:nvPr>
        </p:nvSpPr>
        <p:spPr>
          <a:xfrm>
            <a:off x="3073400" y="2852738"/>
            <a:ext cx="5019675" cy="3551237"/>
          </a:xfrm>
        </p:spPr>
        <p:txBody>
          <a:bodyPr tIns="73152"/>
          <a:lstStyle>
            <a:lvl1pPr marL="0" indent="0">
              <a:spcBef>
                <a:spcPts val="0"/>
              </a:spcBef>
              <a:spcAft>
                <a:spcPts val="600"/>
              </a:spcAft>
              <a:defRPr sz="1600">
                <a:latin typeface="Calibre Semibold" panose="020B0703030202060203" pitchFamily="34" charset="0"/>
              </a:defRPr>
            </a:lvl1pPr>
            <a:lvl2pPr>
              <a:spcBef>
                <a:spcPts val="0"/>
              </a:spcBef>
              <a:spcAft>
                <a:spcPts val="600"/>
              </a:spcAft>
              <a:defRPr sz="1200">
                <a:latin typeface="+mn-lt"/>
              </a:defRPr>
            </a:lvl2pPr>
            <a:lvl3pPr marL="171450" indent="-171450">
              <a:spcAft>
                <a:spcPts val="300"/>
              </a:spcAft>
              <a:buFont typeface="Arial" panose="020B0604020202020204" pitchFamily="34" charset="0"/>
              <a:buChar char="‒"/>
              <a:defRPr/>
            </a:lvl3pPr>
            <a:lvl4pPr marL="342900" indent="-171450">
              <a:spcBef>
                <a:spcPts val="0"/>
              </a:spcBef>
              <a:spcAft>
                <a:spcPts val="300"/>
              </a:spcAft>
              <a:defRPr sz="1200"/>
            </a:lvl4pPr>
            <a:lvl5pPr marL="342900" indent="-166688">
              <a:spcBef>
                <a:spcPts val="0"/>
              </a:spcBef>
              <a:defRPr sz="12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13" name="Picture Placeholder 1">
            <a:extLst>
              <a:ext uri="{FF2B5EF4-FFF2-40B4-BE49-F238E27FC236}">
                <a16:creationId xmlns:a16="http://schemas.microsoft.com/office/drawing/2014/main" id="{4CA5A327-FD7D-44EB-8524-8382370C09EA}"/>
              </a:ext>
            </a:extLst>
          </p:cNvPr>
          <p:cNvSpPr>
            <a:spLocks noGrp="1"/>
          </p:cNvSpPr>
          <p:nvPr>
            <p:ph type="pic" sz="quarter" idx="42"/>
          </p:nvPr>
        </p:nvSpPr>
        <p:spPr>
          <a:xfrm>
            <a:off x="8194675" y="2852738"/>
            <a:ext cx="3486148" cy="3551237"/>
          </a:xfrm>
          <a:solidFill>
            <a:srgbClr val="CBCDCB"/>
          </a:solidFill>
        </p:spPr>
        <p:txBody>
          <a:bodyPr rIns="0" anchor="ctr" anchorCtr="0"/>
          <a:lstStyle>
            <a:lvl1pPr algn="ctr">
              <a:defRPr/>
            </a:lvl1pPr>
          </a:lstStyle>
          <a:p>
            <a:r>
              <a:rPr lang="en-US" dirty="0"/>
              <a:t>Click icon to add picture</a:t>
            </a:r>
          </a:p>
        </p:txBody>
      </p:sp>
      <p:sp>
        <p:nvSpPr>
          <p:cNvPr id="24" name="Quote Name Placeholder">
            <a:extLst>
              <a:ext uri="{FF2B5EF4-FFF2-40B4-BE49-F238E27FC236}">
                <a16:creationId xmlns:a16="http://schemas.microsoft.com/office/drawing/2014/main" id="{4A30F32B-E426-4724-BE90-F0B8DDAFDF48}"/>
              </a:ext>
            </a:extLst>
          </p:cNvPr>
          <p:cNvSpPr>
            <a:spLocks noGrp="1"/>
          </p:cNvSpPr>
          <p:nvPr>
            <p:ph type="body" sz="quarter" idx="49" hasCustomPrompt="1"/>
          </p:nvPr>
        </p:nvSpPr>
        <p:spPr>
          <a:xfrm>
            <a:off x="8194675" y="2346961"/>
            <a:ext cx="3484563" cy="404178"/>
          </a:xfrm>
        </p:spPr>
        <p:txBody>
          <a:bodyPr rIns="0"/>
          <a:lstStyle>
            <a:lvl1pPr algn="r">
              <a:spcBef>
                <a:spcPts val="0"/>
              </a:spcBef>
              <a:spcAft>
                <a:spcPts val="0"/>
              </a:spcAft>
              <a:defRPr sz="1200">
                <a:solidFill>
                  <a:schemeClr val="accent6"/>
                </a:solidFill>
                <a:latin typeface="Financier Display Semibold" panose="02020703070506060203" pitchFamily="18" charset="0"/>
              </a:defRPr>
            </a:lvl1pPr>
            <a:lvl2pPr algn="r">
              <a:defRPr sz="1050">
                <a:latin typeface="+mn-lt"/>
              </a:defRPr>
            </a:lvl2pPr>
          </a:lstStyle>
          <a:p>
            <a:pPr lvl="0"/>
            <a:r>
              <a:rPr lang="en-US" dirty="0"/>
              <a:t>First </a:t>
            </a:r>
            <a:r>
              <a:rPr lang="en-US" dirty="0" err="1"/>
              <a:t>Lastname</a:t>
            </a:r>
            <a:endParaRPr lang="en-US" dirty="0"/>
          </a:p>
          <a:p>
            <a:pPr lvl="1"/>
            <a:r>
              <a:rPr lang="en-US" dirty="0"/>
              <a:t>Title, Company</a:t>
            </a:r>
          </a:p>
        </p:txBody>
      </p:sp>
      <p:sp>
        <p:nvSpPr>
          <p:cNvPr id="22" name="Quote Text Placeholder">
            <a:extLst>
              <a:ext uri="{FF2B5EF4-FFF2-40B4-BE49-F238E27FC236}">
                <a16:creationId xmlns:a16="http://schemas.microsoft.com/office/drawing/2014/main" id="{1C3633B3-6BD8-4C62-AB77-AE4A03FED68F}"/>
              </a:ext>
            </a:extLst>
          </p:cNvPr>
          <p:cNvSpPr>
            <a:spLocks noGrp="1"/>
          </p:cNvSpPr>
          <p:nvPr>
            <p:ph type="body" sz="quarter" idx="48" hasCustomPrompt="1"/>
          </p:nvPr>
        </p:nvSpPr>
        <p:spPr>
          <a:xfrm>
            <a:off x="8194675" y="1601788"/>
            <a:ext cx="3484563" cy="649224"/>
          </a:xfrm>
        </p:spPr>
        <p:txBody>
          <a:bodyPr rIns="0" anchor="b" anchorCtr="0"/>
          <a:lstStyle>
            <a:lvl1pPr algn="r">
              <a:defRPr sz="1600">
                <a:solidFill>
                  <a:srgbClr val="80BBAD"/>
                </a:solidFill>
              </a:defRPr>
            </a:lvl1pPr>
          </a:lstStyle>
          <a:p>
            <a:pPr lvl="0"/>
            <a:r>
              <a:rPr lang="en-US" dirty="0"/>
              <a:t>Quote Text here</a:t>
            </a:r>
          </a:p>
        </p:txBody>
      </p:sp>
      <p:sp>
        <p:nvSpPr>
          <p:cNvPr id="20" name="Opening Quotes">
            <a:extLst>
              <a:ext uri="{FF2B5EF4-FFF2-40B4-BE49-F238E27FC236}">
                <a16:creationId xmlns:a16="http://schemas.microsoft.com/office/drawing/2014/main" id="{15E826B4-64A6-4A6D-A249-3F1684AD8AFD}"/>
              </a:ext>
            </a:extLst>
          </p:cNvPr>
          <p:cNvSpPr>
            <a:spLocks noChangeAspect="1"/>
          </p:cNvSpPr>
          <p:nvPr/>
        </p:nvSpPr>
        <p:spPr>
          <a:xfrm>
            <a:off x="11445067" y="1601790"/>
            <a:ext cx="235756" cy="181766"/>
          </a:xfrm>
          <a:custGeom>
            <a:avLst/>
            <a:gdLst>
              <a:gd name="connsiteX0" fmla="*/ 1710404 w 3999618"/>
              <a:gd name="connsiteY0" fmla="*/ 2274623 h 3083671"/>
              <a:gd name="connsiteX1" fmla="*/ 916567 w 3999618"/>
              <a:gd name="connsiteY1" fmla="*/ 3083700 h 3083671"/>
              <a:gd name="connsiteX2" fmla="*/ 619 w 3999618"/>
              <a:gd name="connsiteY2" fmla="*/ 1999827 h 3083671"/>
              <a:gd name="connsiteX3" fmla="*/ 1847850 w 3999618"/>
              <a:gd name="connsiteY3" fmla="*/ 29 h 3083671"/>
              <a:gd name="connsiteX4" fmla="*/ 1908905 w 3999618"/>
              <a:gd name="connsiteY4" fmla="*/ 259585 h 3083671"/>
              <a:gd name="connsiteX5" fmla="*/ 687586 w 3999618"/>
              <a:gd name="connsiteY5" fmla="*/ 1465546 h 3083671"/>
              <a:gd name="connsiteX6" fmla="*/ 1710404 w 3999618"/>
              <a:gd name="connsiteY6" fmla="*/ 2274623 h 3083671"/>
              <a:gd name="connsiteX7" fmla="*/ 3801785 w 3999618"/>
              <a:gd name="connsiteY7" fmla="*/ 2274623 h 3083671"/>
              <a:gd name="connsiteX8" fmla="*/ 3007971 w 3999618"/>
              <a:gd name="connsiteY8" fmla="*/ 3083700 h 3083671"/>
              <a:gd name="connsiteX9" fmla="*/ 2091999 w 3999618"/>
              <a:gd name="connsiteY9" fmla="*/ 1999827 h 3083671"/>
              <a:gd name="connsiteX10" fmla="*/ 3939159 w 3999618"/>
              <a:gd name="connsiteY10" fmla="*/ 29 h 3083671"/>
              <a:gd name="connsiteX11" fmla="*/ 4000238 w 3999618"/>
              <a:gd name="connsiteY11" fmla="*/ 259585 h 3083671"/>
              <a:gd name="connsiteX12" fmla="*/ 2778918 w 3999618"/>
              <a:gd name="connsiteY12" fmla="*/ 1465546 h 3083671"/>
              <a:gd name="connsiteX13" fmla="*/ 3801785 w 3999618"/>
              <a:gd name="connsiteY13" fmla="*/ 2274623 h 30836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3999618" h="3083671">
                <a:moveTo>
                  <a:pt x="1710404" y="2274623"/>
                </a:moveTo>
                <a:cubicBezTo>
                  <a:pt x="1710404" y="2732585"/>
                  <a:pt x="1328761" y="3083700"/>
                  <a:pt x="916567" y="3083700"/>
                </a:cubicBezTo>
                <a:cubicBezTo>
                  <a:pt x="397454" y="3083700"/>
                  <a:pt x="619" y="2732585"/>
                  <a:pt x="619" y="1999827"/>
                </a:cubicBezTo>
                <a:cubicBezTo>
                  <a:pt x="619" y="1053375"/>
                  <a:pt x="733425" y="167955"/>
                  <a:pt x="1847850" y="29"/>
                </a:cubicBezTo>
                <a:lnTo>
                  <a:pt x="1908905" y="259585"/>
                </a:lnTo>
                <a:cubicBezTo>
                  <a:pt x="1023437" y="473255"/>
                  <a:pt x="687586" y="1068639"/>
                  <a:pt x="687586" y="1465546"/>
                </a:cubicBezTo>
                <a:cubicBezTo>
                  <a:pt x="1176099" y="1358675"/>
                  <a:pt x="1710404" y="1679239"/>
                  <a:pt x="1710404" y="2274623"/>
                </a:cubicBezTo>
                <a:close/>
                <a:moveTo>
                  <a:pt x="3801785" y="2274623"/>
                </a:moveTo>
                <a:cubicBezTo>
                  <a:pt x="3801785" y="2732585"/>
                  <a:pt x="3420142" y="3083700"/>
                  <a:pt x="3007971" y="3083700"/>
                </a:cubicBezTo>
                <a:cubicBezTo>
                  <a:pt x="2488858" y="3083700"/>
                  <a:pt x="2091999" y="2732585"/>
                  <a:pt x="2091999" y="1999827"/>
                </a:cubicBezTo>
                <a:cubicBezTo>
                  <a:pt x="2091999" y="1053375"/>
                  <a:pt x="2824781" y="167955"/>
                  <a:pt x="3939159" y="29"/>
                </a:cubicBezTo>
                <a:lnTo>
                  <a:pt x="4000238" y="259585"/>
                </a:lnTo>
                <a:cubicBezTo>
                  <a:pt x="3114818" y="473255"/>
                  <a:pt x="2778918" y="1068639"/>
                  <a:pt x="2778918" y="1465546"/>
                </a:cubicBezTo>
                <a:cubicBezTo>
                  <a:pt x="3267480" y="1358675"/>
                  <a:pt x="3801785" y="1679239"/>
                  <a:pt x="3801785" y="2274623"/>
                </a:cubicBezTo>
                <a:close/>
              </a:path>
            </a:pathLst>
          </a:custGeom>
          <a:solidFill>
            <a:schemeClr val="accent3"/>
          </a:solidFill>
          <a:ln w="2381" cap="flat">
            <a:noFill/>
            <a:prstDash val="solid"/>
            <a:miter/>
          </a:ln>
        </p:spPr>
        <p:txBody>
          <a:bodyPr rtlCol="0" anchor="ctr"/>
          <a:lstStyle/>
          <a:p>
            <a:endParaRPr lang="en-US" dirty="0"/>
          </a:p>
        </p:txBody>
      </p:sp>
    </p:spTree>
    <p:extLst>
      <p:ext uri="{BB962C8B-B14F-4D97-AF65-F5344CB8AC3E}">
        <p14:creationId xmlns:p14="http://schemas.microsoft.com/office/powerpoint/2010/main" val="1750517091"/>
      </p:ext>
    </p:extLst>
  </p:cSld>
  <p:clrMapOvr>
    <a:masterClrMapping/>
  </p:clrMapOvr>
  <p:extLst>
    <p:ext uri="{DCECCB84-F9BA-43D5-87BE-67443E8EF086}">
      <p15:sldGuideLst xmlns:p15="http://schemas.microsoft.com/office/powerpoint/2012/main"/>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cxnSp>
        <p:nvCxnSpPr>
          <p:cNvPr id="101" name="Nav Line of Sight">
            <a:extLst>
              <a:ext uri="{FF2B5EF4-FFF2-40B4-BE49-F238E27FC236}">
                <a16:creationId xmlns:a16="http://schemas.microsoft.com/office/drawing/2014/main" id="{4F7078D9-99A7-4F4B-A2AE-F455F56FB451}"/>
              </a:ext>
            </a:extLst>
          </p:cNvPr>
          <p:cNvCxnSpPr>
            <a:cxnSpLocks/>
          </p:cNvCxnSpPr>
          <p:nvPr/>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100" name="Navigation Header Placeholder">
            <a:extLst>
              <a:ext uri="{FF2B5EF4-FFF2-40B4-BE49-F238E27FC236}">
                <a16:creationId xmlns:a16="http://schemas.microsoft.com/office/drawing/2014/main" id="{676795B3-D4D7-4DD1-95C2-286A5F9D9236}"/>
              </a:ext>
            </a:extLst>
          </p:cNvPr>
          <p:cNvSpPr>
            <a:spLocks noGrp="1"/>
          </p:cNvSpPr>
          <p:nvPr>
            <p:ph type="body" sz="quarter" idx="43" hasCustomPrompt="1"/>
          </p:nvPr>
        </p:nvSpPr>
        <p:spPr>
          <a:xfrm>
            <a:off x="1536700" y="957804"/>
            <a:ext cx="1936750" cy="182683"/>
          </a:xfrm>
        </p:spPr>
        <p:txBody>
          <a:bodyPr rIns="0"/>
          <a:lstStyle>
            <a:lvl1pPr>
              <a:lnSpc>
                <a:spcPct val="90000"/>
              </a:lnSpc>
              <a:spcBef>
                <a:spcPts val="0"/>
              </a:spcBef>
              <a:spcAft>
                <a:spcPts val="0"/>
              </a:spcAft>
              <a:defRPr sz="1050" cap="all" baseline="0">
                <a:latin typeface="Calibre Medium" panose="020B0603030202060203" pitchFamily="34" charset="0"/>
              </a:defRPr>
            </a:lvl1pPr>
          </a:lstStyle>
          <a:p>
            <a:pPr lvl="0"/>
            <a:r>
              <a:rPr lang="en-US" dirty="0"/>
              <a:t>Navigation Header</a:t>
            </a:r>
          </a:p>
        </p:txBody>
      </p:sp>
      <p:sp>
        <p:nvSpPr>
          <p:cNvPr id="5" name="Coordinates">
            <a:extLst>
              <a:ext uri="{FF2B5EF4-FFF2-40B4-BE49-F238E27FC236}">
                <a16:creationId xmlns:a16="http://schemas.microsoft.com/office/drawing/2014/main" id="{735830CE-2387-4F0C-BB9A-0C9CFCCAC27F}"/>
              </a:ext>
            </a:extLst>
          </p:cNvPr>
          <p:cNvSpPr>
            <a:spLocks noGrp="1"/>
          </p:cNvSpPr>
          <p:nvPr>
            <p:ph sz="quarter" idx="47" hasCustomPrompt="1"/>
          </p:nvPr>
        </p:nvSpPr>
        <p:spPr>
          <a:xfrm>
            <a:off x="503238" y="1317625"/>
            <a:ext cx="2978150" cy="180975"/>
          </a:xfrm>
        </p:spPr>
        <p:txBody>
          <a:bodyPr wrap="none" anchor="b" anchorCtr="0"/>
          <a:lstStyle>
            <a:lvl1pPr>
              <a:defRPr sz="900">
                <a:solidFill>
                  <a:srgbClr val="80BBAD"/>
                </a:solidFill>
                <a:latin typeface="Space Mono" panose="02000509040000020004" pitchFamily="49" charset="0"/>
              </a:defRPr>
            </a:lvl1pPr>
          </a:lstStyle>
          <a:p>
            <a:pPr lvl="0"/>
            <a:r>
              <a:rPr lang="en-US" dirty="0"/>
              <a:t>Coordinates Here</a:t>
            </a:r>
          </a:p>
        </p:txBody>
      </p:sp>
      <p:sp>
        <p:nvSpPr>
          <p:cNvPr id="10" name="Title 1">
            <a:extLst>
              <a:ext uri="{FF2B5EF4-FFF2-40B4-BE49-F238E27FC236}">
                <a16:creationId xmlns:a16="http://schemas.microsoft.com/office/drawing/2014/main" id="{477F03F6-9538-49CE-8D06-38030765E7BB}"/>
              </a:ext>
            </a:extLst>
          </p:cNvPr>
          <p:cNvSpPr>
            <a:spLocks noGrp="1"/>
          </p:cNvSpPr>
          <p:nvPr>
            <p:ph type="title" hasCustomPrompt="1"/>
          </p:nvPr>
        </p:nvSpPr>
        <p:spPr>
          <a:xfrm>
            <a:off x="511175" y="1601789"/>
            <a:ext cx="7581899" cy="1149350"/>
          </a:xfrm>
        </p:spPr>
        <p:txBody>
          <a:bodyPr/>
          <a:lstStyle>
            <a:lvl1pPr>
              <a:defRPr/>
            </a:lvl1pPr>
          </a:lstStyle>
          <a:p>
            <a:r>
              <a:rPr lang="en-US" dirty="0"/>
              <a:t>Asset/Property name,</a:t>
            </a:r>
            <a:br>
              <a:rPr lang="en-US" dirty="0"/>
            </a:br>
            <a:r>
              <a:rPr lang="en-US" dirty="0"/>
              <a:t>City name</a:t>
            </a:r>
          </a:p>
        </p:txBody>
      </p:sp>
      <p:sp>
        <p:nvSpPr>
          <p:cNvPr id="31" name="Content Placeholder 1">
            <a:extLst>
              <a:ext uri="{FF2B5EF4-FFF2-40B4-BE49-F238E27FC236}">
                <a16:creationId xmlns:a16="http://schemas.microsoft.com/office/drawing/2014/main" id="{5FF70B67-C845-4CFA-837C-62210E7EFBF0}"/>
              </a:ext>
            </a:extLst>
          </p:cNvPr>
          <p:cNvSpPr>
            <a:spLocks noGrp="1"/>
          </p:cNvSpPr>
          <p:nvPr>
            <p:ph sz="quarter" idx="37"/>
          </p:nvPr>
        </p:nvSpPr>
        <p:spPr>
          <a:xfrm>
            <a:off x="511177" y="2852738"/>
            <a:ext cx="2452686" cy="3551237"/>
          </a:xfrm>
          <a:solidFill>
            <a:schemeClr val="tx1"/>
          </a:solidFill>
        </p:spPr>
        <p:txBody>
          <a:bodyPr lIns="73152" tIns="73152" rIns="73152"/>
          <a:lstStyle>
            <a:lvl1pPr marL="0" indent="0">
              <a:spcBef>
                <a:spcPts val="600"/>
              </a:spcBef>
              <a:spcAft>
                <a:spcPts val="0"/>
              </a:spcAft>
              <a:defRPr sz="1600">
                <a:solidFill>
                  <a:schemeClr val="bg1"/>
                </a:solidFill>
                <a:latin typeface="Calibre Semibold" panose="020B0703030202060203" pitchFamily="34" charset="0"/>
              </a:defRPr>
            </a:lvl1pPr>
            <a:lvl2pPr>
              <a:spcBef>
                <a:spcPts val="300"/>
              </a:spcBef>
              <a:spcAft>
                <a:spcPts val="600"/>
              </a:spcAft>
              <a:defRPr sz="1200">
                <a:solidFill>
                  <a:schemeClr val="bg1"/>
                </a:solidFill>
                <a:latin typeface="+mn-lt"/>
              </a:defRPr>
            </a:lvl2pPr>
            <a:lvl3pPr marL="171450" indent="-171450">
              <a:spcAft>
                <a:spcPts val="300"/>
              </a:spcAft>
              <a:buFont typeface="Arial" panose="020B0604020202020204" pitchFamily="34" charset="0"/>
              <a:buChar char="‒"/>
              <a:defRPr>
                <a:solidFill>
                  <a:schemeClr val="bg1"/>
                </a:solidFill>
              </a:defRPr>
            </a:lvl3pPr>
            <a:lvl4pPr marL="342900" indent="-171450">
              <a:spcBef>
                <a:spcPts val="0"/>
              </a:spcBef>
              <a:spcAft>
                <a:spcPts val="300"/>
              </a:spcAft>
              <a:defRPr sz="1200">
                <a:solidFill>
                  <a:schemeClr val="bg1"/>
                </a:solidFill>
              </a:defRPr>
            </a:lvl4pPr>
            <a:lvl5pPr marL="342900" indent="-166688">
              <a:spcBef>
                <a:spcPts val="0"/>
              </a:spcBef>
              <a:spcAft>
                <a:spcPts val="300"/>
              </a:spcAft>
              <a:defRPr sz="12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32" name="Content Placeholder 2">
            <a:extLst>
              <a:ext uri="{FF2B5EF4-FFF2-40B4-BE49-F238E27FC236}">
                <a16:creationId xmlns:a16="http://schemas.microsoft.com/office/drawing/2014/main" id="{B7EEA141-FDB4-406C-9BF3-6371663430BD}"/>
              </a:ext>
            </a:extLst>
          </p:cNvPr>
          <p:cNvSpPr>
            <a:spLocks noGrp="1"/>
          </p:cNvSpPr>
          <p:nvPr>
            <p:ph sz="quarter" idx="46"/>
          </p:nvPr>
        </p:nvSpPr>
        <p:spPr>
          <a:xfrm>
            <a:off x="3073400" y="2852738"/>
            <a:ext cx="5019675" cy="3551237"/>
          </a:xfrm>
        </p:spPr>
        <p:txBody>
          <a:bodyPr tIns="73152"/>
          <a:lstStyle>
            <a:lvl1pPr marL="0" indent="0">
              <a:spcBef>
                <a:spcPts val="0"/>
              </a:spcBef>
              <a:spcAft>
                <a:spcPts val="600"/>
              </a:spcAft>
              <a:defRPr sz="1600">
                <a:latin typeface="Calibre Semibold" panose="020B0703030202060203" pitchFamily="34" charset="0"/>
              </a:defRPr>
            </a:lvl1pPr>
            <a:lvl2pPr>
              <a:spcBef>
                <a:spcPts val="0"/>
              </a:spcBef>
              <a:spcAft>
                <a:spcPts val="600"/>
              </a:spcAft>
              <a:defRPr sz="1200">
                <a:latin typeface="+mn-lt"/>
              </a:defRPr>
            </a:lvl2pPr>
            <a:lvl3pPr marL="171450" indent="-171450">
              <a:spcAft>
                <a:spcPts val="300"/>
              </a:spcAft>
              <a:buFont typeface="Arial" panose="020B0604020202020204" pitchFamily="34" charset="0"/>
              <a:buChar char="‒"/>
              <a:defRPr/>
            </a:lvl3pPr>
            <a:lvl4pPr marL="342900" indent="-171450">
              <a:spcBef>
                <a:spcPts val="0"/>
              </a:spcBef>
              <a:spcAft>
                <a:spcPts val="300"/>
              </a:spcAft>
              <a:defRPr sz="1200"/>
            </a:lvl4pPr>
            <a:lvl5pPr marL="342900" indent="-166688">
              <a:spcBef>
                <a:spcPts val="0"/>
              </a:spcBef>
              <a:defRPr sz="12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13" name="Picture Placeholder 1">
            <a:extLst>
              <a:ext uri="{FF2B5EF4-FFF2-40B4-BE49-F238E27FC236}">
                <a16:creationId xmlns:a16="http://schemas.microsoft.com/office/drawing/2014/main" id="{4CA5A327-FD7D-44EB-8524-8382370C09EA}"/>
              </a:ext>
            </a:extLst>
          </p:cNvPr>
          <p:cNvSpPr>
            <a:spLocks noGrp="1"/>
          </p:cNvSpPr>
          <p:nvPr>
            <p:ph type="pic" sz="quarter" idx="42"/>
          </p:nvPr>
        </p:nvSpPr>
        <p:spPr>
          <a:xfrm>
            <a:off x="8194674" y="454024"/>
            <a:ext cx="3997325" cy="5949952"/>
          </a:xfrm>
          <a:solidFill>
            <a:srgbClr val="CBCDCB"/>
          </a:solidFill>
        </p:spPr>
        <p:txBody>
          <a:bodyPr rIns="0" anchor="ctr" anchorCtr="0"/>
          <a:lstStyle>
            <a:lvl1pPr algn="ctr">
              <a:defRPr/>
            </a:lvl1pPr>
          </a:lstStyle>
          <a:p>
            <a:r>
              <a:rPr lang="en-US" dirty="0"/>
              <a:t>Click icon to add picture</a:t>
            </a:r>
          </a:p>
        </p:txBody>
      </p:sp>
    </p:spTree>
    <p:extLst>
      <p:ext uri="{BB962C8B-B14F-4D97-AF65-F5344CB8AC3E}">
        <p14:creationId xmlns:p14="http://schemas.microsoft.com/office/powerpoint/2010/main" val="490995333"/>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Text Agenda 1">
    <p:spTree>
      <p:nvGrpSpPr>
        <p:cNvPr id="1" name=""/>
        <p:cNvGrpSpPr/>
        <p:nvPr/>
      </p:nvGrpSpPr>
      <p:grpSpPr>
        <a:xfrm>
          <a:off x="0" y="0"/>
          <a:ext cx="0" cy="0"/>
          <a:chOff x="0" y="0"/>
          <a:chExt cx="0" cy="0"/>
        </a:xfrm>
      </p:grpSpPr>
      <p:cxnSp>
        <p:nvCxnSpPr>
          <p:cNvPr id="21" name="Straight Connector 20">
            <a:extLst>
              <a:ext uri="{FF2B5EF4-FFF2-40B4-BE49-F238E27FC236}">
                <a16:creationId xmlns:a16="http://schemas.microsoft.com/office/drawing/2014/main" id="{27190B2A-4A03-4442-BCB9-881FECD2D9D6}"/>
              </a:ext>
            </a:extLst>
          </p:cNvPr>
          <p:cNvCxnSpPr>
            <a:cxnSpLocks/>
          </p:cNvCxnSpPr>
          <p:nvPr userDrawn="1"/>
        </p:nvCxnSpPr>
        <p:spPr>
          <a:xfrm flipH="1">
            <a:off x="2560638" y="1812877"/>
            <a:ext cx="4507455" cy="0"/>
          </a:xfrm>
          <a:prstGeom prst="line">
            <a:avLst/>
          </a:prstGeom>
          <a:ln w="31750">
            <a:solidFill>
              <a:srgbClr val="17E891"/>
            </a:solidFill>
          </a:ln>
        </p:spPr>
        <p:style>
          <a:lnRef idx="1">
            <a:schemeClr val="accent1"/>
          </a:lnRef>
          <a:fillRef idx="0">
            <a:schemeClr val="accent1"/>
          </a:fillRef>
          <a:effectRef idx="0">
            <a:schemeClr val="accent1"/>
          </a:effectRef>
          <a:fontRef idx="minor">
            <a:schemeClr val="tx1"/>
          </a:fontRef>
        </p:style>
      </p:cxnSp>
      <p:sp>
        <p:nvSpPr>
          <p:cNvPr id="5" name="Title 4">
            <a:extLst>
              <a:ext uri="{FF2B5EF4-FFF2-40B4-BE49-F238E27FC236}">
                <a16:creationId xmlns:a16="http://schemas.microsoft.com/office/drawing/2014/main" id="{A603E8E9-3E6F-4875-89EC-2887A614A793}"/>
              </a:ext>
            </a:extLst>
          </p:cNvPr>
          <p:cNvSpPr>
            <a:spLocks noGrp="1"/>
          </p:cNvSpPr>
          <p:nvPr>
            <p:ph type="title" hasCustomPrompt="1"/>
          </p:nvPr>
        </p:nvSpPr>
        <p:spPr>
          <a:xfrm>
            <a:off x="511176" y="1601788"/>
            <a:ext cx="1947862" cy="1325563"/>
          </a:xfrm>
        </p:spPr>
        <p:txBody>
          <a:bodyPr/>
          <a:lstStyle>
            <a:lvl1pPr>
              <a:defRPr/>
            </a:lvl1pPr>
          </a:lstStyle>
          <a:p>
            <a:r>
              <a:rPr lang="en-US" dirty="0"/>
              <a:t>Agenda</a:t>
            </a:r>
          </a:p>
        </p:txBody>
      </p:sp>
      <p:sp>
        <p:nvSpPr>
          <p:cNvPr id="75" name="Agenda Placeholder">
            <a:extLst>
              <a:ext uri="{FF2B5EF4-FFF2-40B4-BE49-F238E27FC236}">
                <a16:creationId xmlns:a16="http://schemas.microsoft.com/office/drawing/2014/main" id="{D00E8ABA-C8B2-4972-8417-C82FB15B6BD6}"/>
              </a:ext>
            </a:extLst>
          </p:cNvPr>
          <p:cNvSpPr>
            <a:spLocks noGrp="1"/>
          </p:cNvSpPr>
          <p:nvPr>
            <p:ph type="body" sz="quarter" idx="10" hasCustomPrompt="1"/>
          </p:nvPr>
        </p:nvSpPr>
        <p:spPr>
          <a:xfrm>
            <a:off x="7683500" y="1601788"/>
            <a:ext cx="2950014" cy="4275137"/>
          </a:xfrm>
        </p:spPr>
        <p:txBody>
          <a:bodyPr/>
          <a:lstStyle>
            <a:lvl1pPr marL="342900" indent="-342900">
              <a:lnSpc>
                <a:spcPct val="100000"/>
              </a:lnSpc>
              <a:spcBef>
                <a:spcPts val="0"/>
              </a:spcBef>
              <a:spcAft>
                <a:spcPts val="600"/>
              </a:spcAft>
              <a:buFont typeface="+mj-lt"/>
              <a:buAutoNum type="arabicPlain"/>
              <a:tabLst/>
              <a:defRPr sz="1600">
                <a:solidFill>
                  <a:schemeClr val="tx1"/>
                </a:solidFill>
                <a:latin typeface="+mn-lt"/>
              </a:defRPr>
            </a:lvl1pPr>
            <a:lvl2pPr marL="514350" indent="-171450">
              <a:buFont typeface="Calibre" panose="020B0503030202060203" pitchFamily="34" charset="0"/>
              <a:buChar char="–"/>
              <a:defRPr sz="1200">
                <a:solidFill>
                  <a:schemeClr val="tx1"/>
                </a:solidFill>
                <a:latin typeface="+mn-lt"/>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dirty="0"/>
              <a:t>Agenda item</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1548162601"/>
      </p:ext>
    </p:extLst>
  </p:cSld>
  <p:clrMapOvr>
    <a:masterClrMapping/>
  </p:clrMapOvr>
  <p:extLst>
    <p:ext uri="{DCECCB84-F9BA-43D5-87BE-67443E8EF086}">
      <p15:sldGuideLst xmlns:p15="http://schemas.microsoft.com/office/powerpoint/2012/main"/>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Track Record - 2up">
    <p:spTree>
      <p:nvGrpSpPr>
        <p:cNvPr id="1" name=""/>
        <p:cNvGrpSpPr/>
        <p:nvPr/>
      </p:nvGrpSpPr>
      <p:grpSpPr>
        <a:xfrm>
          <a:off x="0" y="0"/>
          <a:ext cx="0" cy="0"/>
          <a:chOff x="0" y="0"/>
          <a:chExt cx="0" cy="0"/>
        </a:xfrm>
      </p:grpSpPr>
      <p:cxnSp>
        <p:nvCxnSpPr>
          <p:cNvPr id="101" name="Nav Line of Sight">
            <a:extLst>
              <a:ext uri="{FF2B5EF4-FFF2-40B4-BE49-F238E27FC236}">
                <a16:creationId xmlns:a16="http://schemas.microsoft.com/office/drawing/2014/main" id="{4F7078D9-99A7-4F4B-A2AE-F455F56FB451}"/>
              </a:ext>
            </a:extLst>
          </p:cNvPr>
          <p:cNvCxnSpPr>
            <a:cxnSpLocks/>
          </p:cNvCxnSpPr>
          <p:nvPr/>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100" name="Navigation Header Placeholder">
            <a:extLst>
              <a:ext uri="{FF2B5EF4-FFF2-40B4-BE49-F238E27FC236}">
                <a16:creationId xmlns:a16="http://schemas.microsoft.com/office/drawing/2014/main" id="{676795B3-D4D7-4DD1-95C2-286A5F9D9236}"/>
              </a:ext>
            </a:extLst>
          </p:cNvPr>
          <p:cNvSpPr>
            <a:spLocks noGrp="1"/>
          </p:cNvSpPr>
          <p:nvPr>
            <p:ph type="body" sz="quarter" idx="43" hasCustomPrompt="1"/>
          </p:nvPr>
        </p:nvSpPr>
        <p:spPr>
          <a:xfrm>
            <a:off x="1536700" y="957804"/>
            <a:ext cx="1936750" cy="182683"/>
          </a:xfrm>
        </p:spPr>
        <p:txBody>
          <a:bodyPr rIns="0"/>
          <a:lstStyle>
            <a:lvl1pPr>
              <a:lnSpc>
                <a:spcPct val="90000"/>
              </a:lnSpc>
              <a:spcBef>
                <a:spcPts val="0"/>
              </a:spcBef>
              <a:spcAft>
                <a:spcPts val="0"/>
              </a:spcAft>
              <a:defRPr sz="1050" cap="all" baseline="0">
                <a:latin typeface="Calibre Medium" panose="020B0603030202060203" pitchFamily="34" charset="0"/>
              </a:defRPr>
            </a:lvl1pPr>
          </a:lstStyle>
          <a:p>
            <a:pPr lvl="0"/>
            <a:r>
              <a:rPr lang="en-US" dirty="0"/>
              <a:t>Navigation Header</a:t>
            </a:r>
          </a:p>
        </p:txBody>
      </p:sp>
      <p:sp>
        <p:nvSpPr>
          <p:cNvPr id="4" name="Sector Asset Placeholder 1">
            <a:extLst>
              <a:ext uri="{FF2B5EF4-FFF2-40B4-BE49-F238E27FC236}">
                <a16:creationId xmlns:a16="http://schemas.microsoft.com/office/drawing/2014/main" id="{F1FAD510-C3A7-4BC0-86FD-34B90AED9906}"/>
              </a:ext>
            </a:extLst>
          </p:cNvPr>
          <p:cNvSpPr>
            <a:spLocks noGrp="1"/>
          </p:cNvSpPr>
          <p:nvPr>
            <p:ph sz="quarter" idx="44" hasCustomPrompt="1"/>
          </p:nvPr>
        </p:nvSpPr>
        <p:spPr>
          <a:xfrm>
            <a:off x="511175" y="1601788"/>
            <a:ext cx="5021263" cy="463750"/>
          </a:xfrm>
        </p:spPr>
        <p:txBody>
          <a:bodyPr anchor="b" anchorCtr="0"/>
          <a:lstStyle>
            <a:lvl1pPr>
              <a:defRPr>
                <a:solidFill>
                  <a:srgbClr val="96B3B6"/>
                </a:solidFill>
              </a:defRPr>
            </a:lvl1pPr>
          </a:lstStyle>
          <a:p>
            <a:pPr lvl="0"/>
            <a:r>
              <a:rPr lang="en-US" dirty="0"/>
              <a:t>Sector or Asset Type</a:t>
            </a:r>
          </a:p>
        </p:txBody>
      </p:sp>
      <p:sp>
        <p:nvSpPr>
          <p:cNvPr id="11" name="Co. Name Placeholder 1">
            <a:extLst>
              <a:ext uri="{FF2B5EF4-FFF2-40B4-BE49-F238E27FC236}">
                <a16:creationId xmlns:a16="http://schemas.microsoft.com/office/drawing/2014/main" id="{9800EAE4-EAC3-4553-BED8-0EC4A0970E21}"/>
              </a:ext>
            </a:extLst>
          </p:cNvPr>
          <p:cNvSpPr>
            <a:spLocks noGrp="1"/>
          </p:cNvSpPr>
          <p:nvPr>
            <p:ph type="body" sz="quarter" idx="45" hasCustomPrompt="1"/>
          </p:nvPr>
        </p:nvSpPr>
        <p:spPr>
          <a:xfrm>
            <a:off x="503238" y="2227264"/>
            <a:ext cx="4516437" cy="195262"/>
          </a:xfrm>
        </p:spPr>
        <p:txBody>
          <a:bodyPr rIns="0" anchor="b" anchorCtr="0"/>
          <a:lstStyle>
            <a:lvl1pPr>
              <a:defRPr sz="1400" cap="all" baseline="0">
                <a:latin typeface="Calibre Medium" panose="020B0603030202060203" pitchFamily="34" charset="0"/>
              </a:defRPr>
            </a:lvl1pPr>
          </a:lstStyle>
          <a:p>
            <a:pPr lvl="0"/>
            <a:r>
              <a:rPr lang="en-US" dirty="0"/>
              <a:t>Company Name</a:t>
            </a:r>
          </a:p>
        </p:txBody>
      </p:sp>
      <p:sp>
        <p:nvSpPr>
          <p:cNvPr id="14" name="Year Placeholder 1">
            <a:extLst>
              <a:ext uri="{FF2B5EF4-FFF2-40B4-BE49-F238E27FC236}">
                <a16:creationId xmlns:a16="http://schemas.microsoft.com/office/drawing/2014/main" id="{5CBA7C2F-C8B3-40BF-A6ED-C34E99D68E3C}"/>
              </a:ext>
            </a:extLst>
          </p:cNvPr>
          <p:cNvSpPr>
            <a:spLocks noGrp="1"/>
          </p:cNvSpPr>
          <p:nvPr>
            <p:ph type="body" sz="quarter" idx="46" hasCustomPrompt="1"/>
          </p:nvPr>
        </p:nvSpPr>
        <p:spPr>
          <a:xfrm>
            <a:off x="5019675" y="2227264"/>
            <a:ext cx="504305" cy="195262"/>
          </a:xfrm>
        </p:spPr>
        <p:txBody>
          <a:bodyPr rIns="0" anchor="b" anchorCtr="0"/>
          <a:lstStyle>
            <a:lvl1pPr algn="r">
              <a:defRPr sz="1400" cap="all" baseline="0">
                <a:solidFill>
                  <a:srgbClr val="17E88F"/>
                </a:solidFill>
                <a:latin typeface="Calibre Medium" panose="020B0603030202060203" pitchFamily="34" charset="0"/>
              </a:defRPr>
            </a:lvl1pPr>
          </a:lstStyle>
          <a:p>
            <a:pPr lvl="0"/>
            <a:r>
              <a:rPr lang="en-US" dirty="0"/>
              <a:t>Year</a:t>
            </a:r>
          </a:p>
        </p:txBody>
      </p:sp>
      <p:cxnSp>
        <p:nvCxnSpPr>
          <p:cNvPr id="13" name="Horizontal Line 1">
            <a:extLst>
              <a:ext uri="{FF2B5EF4-FFF2-40B4-BE49-F238E27FC236}">
                <a16:creationId xmlns:a16="http://schemas.microsoft.com/office/drawing/2014/main" id="{4E0CB380-3C75-4E34-B4FF-DA92053294B4}"/>
              </a:ext>
            </a:extLst>
          </p:cNvPr>
          <p:cNvCxnSpPr/>
          <p:nvPr userDrawn="1"/>
        </p:nvCxnSpPr>
        <p:spPr>
          <a:xfrm>
            <a:off x="502717" y="2491569"/>
            <a:ext cx="5029721" cy="0"/>
          </a:xfrm>
          <a:prstGeom prst="line">
            <a:avLst/>
          </a:prstGeom>
          <a:ln w="9525">
            <a:solidFill>
              <a:schemeClr val="accent3"/>
            </a:solidFill>
          </a:ln>
        </p:spPr>
        <p:style>
          <a:lnRef idx="1">
            <a:schemeClr val="accent1"/>
          </a:lnRef>
          <a:fillRef idx="0">
            <a:schemeClr val="accent1"/>
          </a:fillRef>
          <a:effectRef idx="0">
            <a:schemeClr val="accent1"/>
          </a:effectRef>
          <a:fontRef idx="minor">
            <a:schemeClr val="tx1"/>
          </a:fontRef>
        </p:style>
      </p:cxnSp>
      <p:sp>
        <p:nvSpPr>
          <p:cNvPr id="18" name="Picture Placeholder 1">
            <a:extLst>
              <a:ext uri="{FF2B5EF4-FFF2-40B4-BE49-F238E27FC236}">
                <a16:creationId xmlns:a16="http://schemas.microsoft.com/office/drawing/2014/main" id="{7EEB3600-C258-49C2-A78D-AB51D32B0239}"/>
              </a:ext>
            </a:extLst>
          </p:cNvPr>
          <p:cNvSpPr>
            <a:spLocks noGrp="1"/>
          </p:cNvSpPr>
          <p:nvPr>
            <p:ph type="pic" sz="quarter" idx="42"/>
          </p:nvPr>
        </p:nvSpPr>
        <p:spPr>
          <a:xfrm>
            <a:off x="511175" y="2636525"/>
            <a:ext cx="2452688" cy="2614926"/>
          </a:xfrm>
          <a:solidFill>
            <a:srgbClr val="CBCDCB"/>
          </a:solidFill>
        </p:spPr>
        <p:txBody>
          <a:bodyPr rIns="0" anchor="ctr" anchorCtr="0"/>
          <a:lstStyle>
            <a:lvl1pPr algn="ctr">
              <a:defRPr/>
            </a:lvl1pPr>
          </a:lstStyle>
          <a:p>
            <a:r>
              <a:rPr lang="en-US" dirty="0"/>
              <a:t>Click icon to add picture</a:t>
            </a:r>
          </a:p>
        </p:txBody>
      </p:sp>
      <p:sp>
        <p:nvSpPr>
          <p:cNvPr id="17" name="Table Placeholder 1">
            <a:extLst>
              <a:ext uri="{FF2B5EF4-FFF2-40B4-BE49-F238E27FC236}">
                <a16:creationId xmlns:a16="http://schemas.microsoft.com/office/drawing/2014/main" id="{5EB9FE5C-2D7F-45C1-890E-B58D8F268B6C}"/>
              </a:ext>
            </a:extLst>
          </p:cNvPr>
          <p:cNvSpPr>
            <a:spLocks noGrp="1"/>
          </p:cNvSpPr>
          <p:nvPr>
            <p:ph type="tbl" sz="quarter" idx="47" hasCustomPrompt="1"/>
          </p:nvPr>
        </p:nvSpPr>
        <p:spPr>
          <a:xfrm>
            <a:off x="3081846" y="2636838"/>
            <a:ext cx="2450592" cy="2614612"/>
          </a:xfrm>
        </p:spPr>
        <p:txBody>
          <a:bodyPr rIns="0" anchor="ctr" anchorCtr="0"/>
          <a:lstStyle>
            <a:lvl1pPr algn="ctr">
              <a:defRPr/>
            </a:lvl1pPr>
            <a:lvl2pPr algn="ctr">
              <a:defRPr sz="1200"/>
            </a:lvl2pPr>
          </a:lstStyle>
          <a:p>
            <a:r>
              <a:rPr lang="en-US" dirty="0"/>
              <a:t>Click icon</a:t>
            </a:r>
            <a:br>
              <a:rPr lang="en-US" dirty="0"/>
            </a:br>
            <a:r>
              <a:rPr lang="en-US" dirty="0"/>
              <a:t>to insert table</a:t>
            </a:r>
            <a:br>
              <a:rPr lang="en-US" dirty="0"/>
            </a:br>
            <a:r>
              <a:rPr lang="en-US" dirty="0"/>
              <a:t>2 columns x 7 rows</a:t>
            </a:r>
          </a:p>
        </p:txBody>
      </p:sp>
      <p:sp>
        <p:nvSpPr>
          <p:cNvPr id="21" name="Sector Asset Placeholder 2">
            <a:extLst>
              <a:ext uri="{FF2B5EF4-FFF2-40B4-BE49-F238E27FC236}">
                <a16:creationId xmlns:a16="http://schemas.microsoft.com/office/drawing/2014/main" id="{1CB0BF30-A45D-4066-89F3-913BA2DDDFDF}"/>
              </a:ext>
            </a:extLst>
          </p:cNvPr>
          <p:cNvSpPr>
            <a:spLocks noGrp="1"/>
          </p:cNvSpPr>
          <p:nvPr>
            <p:ph sz="quarter" idx="48" hasCustomPrompt="1"/>
          </p:nvPr>
        </p:nvSpPr>
        <p:spPr>
          <a:xfrm>
            <a:off x="6146800" y="1601788"/>
            <a:ext cx="5021263" cy="463750"/>
          </a:xfrm>
        </p:spPr>
        <p:txBody>
          <a:bodyPr anchor="b" anchorCtr="0"/>
          <a:lstStyle>
            <a:lvl1pPr>
              <a:defRPr>
                <a:solidFill>
                  <a:srgbClr val="96B3B6"/>
                </a:solidFill>
              </a:defRPr>
            </a:lvl1pPr>
          </a:lstStyle>
          <a:p>
            <a:pPr lvl="0"/>
            <a:r>
              <a:rPr lang="en-US" dirty="0"/>
              <a:t>Sector or Asset Type</a:t>
            </a:r>
          </a:p>
        </p:txBody>
      </p:sp>
      <p:sp>
        <p:nvSpPr>
          <p:cNvPr id="22" name="Co. Name Placeholder 2">
            <a:extLst>
              <a:ext uri="{FF2B5EF4-FFF2-40B4-BE49-F238E27FC236}">
                <a16:creationId xmlns:a16="http://schemas.microsoft.com/office/drawing/2014/main" id="{05A7C511-0C58-4634-A410-74911CC57C7F}"/>
              </a:ext>
            </a:extLst>
          </p:cNvPr>
          <p:cNvSpPr>
            <a:spLocks noGrp="1"/>
          </p:cNvSpPr>
          <p:nvPr>
            <p:ph type="body" sz="quarter" idx="49" hasCustomPrompt="1"/>
          </p:nvPr>
        </p:nvSpPr>
        <p:spPr>
          <a:xfrm>
            <a:off x="6138863" y="2227264"/>
            <a:ext cx="4516437" cy="195262"/>
          </a:xfrm>
        </p:spPr>
        <p:txBody>
          <a:bodyPr rIns="0" anchor="b" anchorCtr="0"/>
          <a:lstStyle>
            <a:lvl1pPr>
              <a:defRPr sz="1400" cap="all" baseline="0">
                <a:latin typeface="Calibre Medium" panose="020B0603030202060203" pitchFamily="34" charset="0"/>
              </a:defRPr>
            </a:lvl1pPr>
          </a:lstStyle>
          <a:p>
            <a:pPr lvl="0"/>
            <a:r>
              <a:rPr lang="en-US" dirty="0"/>
              <a:t>Company Name</a:t>
            </a:r>
          </a:p>
        </p:txBody>
      </p:sp>
      <p:sp>
        <p:nvSpPr>
          <p:cNvPr id="23" name="Year Placeholder 2">
            <a:extLst>
              <a:ext uri="{FF2B5EF4-FFF2-40B4-BE49-F238E27FC236}">
                <a16:creationId xmlns:a16="http://schemas.microsoft.com/office/drawing/2014/main" id="{AAECA73B-E9F1-4B11-B1FF-36A5F2BFEA17}"/>
              </a:ext>
            </a:extLst>
          </p:cNvPr>
          <p:cNvSpPr>
            <a:spLocks noGrp="1"/>
          </p:cNvSpPr>
          <p:nvPr>
            <p:ph type="body" sz="quarter" idx="50" hasCustomPrompt="1"/>
          </p:nvPr>
        </p:nvSpPr>
        <p:spPr>
          <a:xfrm>
            <a:off x="10655300" y="2227264"/>
            <a:ext cx="504305" cy="195262"/>
          </a:xfrm>
        </p:spPr>
        <p:txBody>
          <a:bodyPr rIns="0" anchor="b" anchorCtr="0"/>
          <a:lstStyle>
            <a:lvl1pPr algn="r">
              <a:defRPr sz="1400" cap="all" baseline="0">
                <a:solidFill>
                  <a:srgbClr val="17E88F"/>
                </a:solidFill>
                <a:latin typeface="Calibre Medium" panose="020B0603030202060203" pitchFamily="34" charset="0"/>
              </a:defRPr>
            </a:lvl1pPr>
          </a:lstStyle>
          <a:p>
            <a:pPr lvl="0"/>
            <a:r>
              <a:rPr lang="en-US" dirty="0"/>
              <a:t>Year</a:t>
            </a:r>
          </a:p>
        </p:txBody>
      </p:sp>
      <p:cxnSp>
        <p:nvCxnSpPr>
          <p:cNvPr id="24" name="Horizontal Line 2">
            <a:extLst>
              <a:ext uri="{FF2B5EF4-FFF2-40B4-BE49-F238E27FC236}">
                <a16:creationId xmlns:a16="http://schemas.microsoft.com/office/drawing/2014/main" id="{87477E01-7F4D-4012-BA93-177BB45A09FF}"/>
              </a:ext>
            </a:extLst>
          </p:cNvPr>
          <p:cNvCxnSpPr/>
          <p:nvPr userDrawn="1"/>
        </p:nvCxnSpPr>
        <p:spPr>
          <a:xfrm>
            <a:off x="6138342" y="2491569"/>
            <a:ext cx="5029721" cy="0"/>
          </a:xfrm>
          <a:prstGeom prst="line">
            <a:avLst/>
          </a:prstGeom>
          <a:ln w="9525">
            <a:solidFill>
              <a:schemeClr val="accent3"/>
            </a:solidFill>
          </a:ln>
        </p:spPr>
        <p:style>
          <a:lnRef idx="1">
            <a:schemeClr val="accent1"/>
          </a:lnRef>
          <a:fillRef idx="0">
            <a:schemeClr val="accent1"/>
          </a:fillRef>
          <a:effectRef idx="0">
            <a:schemeClr val="accent1"/>
          </a:effectRef>
          <a:fontRef idx="minor">
            <a:schemeClr val="tx1"/>
          </a:fontRef>
        </p:style>
      </p:cxnSp>
      <p:sp>
        <p:nvSpPr>
          <p:cNvPr id="25" name="Picture Placeholder 2">
            <a:extLst>
              <a:ext uri="{FF2B5EF4-FFF2-40B4-BE49-F238E27FC236}">
                <a16:creationId xmlns:a16="http://schemas.microsoft.com/office/drawing/2014/main" id="{4030913B-7188-4276-A89C-49544D94F904}"/>
              </a:ext>
            </a:extLst>
          </p:cNvPr>
          <p:cNvSpPr>
            <a:spLocks noGrp="1"/>
          </p:cNvSpPr>
          <p:nvPr>
            <p:ph type="pic" sz="quarter" idx="51"/>
          </p:nvPr>
        </p:nvSpPr>
        <p:spPr>
          <a:xfrm>
            <a:off x="6146800" y="2636525"/>
            <a:ext cx="2452688" cy="2614926"/>
          </a:xfrm>
          <a:solidFill>
            <a:srgbClr val="CBCDCB"/>
          </a:solidFill>
        </p:spPr>
        <p:txBody>
          <a:bodyPr rIns="0" anchor="ctr" anchorCtr="0"/>
          <a:lstStyle>
            <a:lvl1pPr algn="ctr">
              <a:defRPr/>
            </a:lvl1pPr>
          </a:lstStyle>
          <a:p>
            <a:r>
              <a:rPr lang="en-US" dirty="0"/>
              <a:t>Click icon to add picture</a:t>
            </a:r>
          </a:p>
        </p:txBody>
      </p:sp>
      <p:sp>
        <p:nvSpPr>
          <p:cNvPr id="26" name="Table Placeholder 2">
            <a:extLst>
              <a:ext uri="{FF2B5EF4-FFF2-40B4-BE49-F238E27FC236}">
                <a16:creationId xmlns:a16="http://schemas.microsoft.com/office/drawing/2014/main" id="{AC9ED858-80A4-4C66-9289-A5DAF91EE2AD}"/>
              </a:ext>
            </a:extLst>
          </p:cNvPr>
          <p:cNvSpPr>
            <a:spLocks noGrp="1"/>
          </p:cNvSpPr>
          <p:nvPr>
            <p:ph type="tbl" sz="quarter" idx="52" hasCustomPrompt="1"/>
          </p:nvPr>
        </p:nvSpPr>
        <p:spPr>
          <a:xfrm>
            <a:off x="8717471" y="2636838"/>
            <a:ext cx="2450592" cy="2614612"/>
          </a:xfrm>
        </p:spPr>
        <p:txBody>
          <a:bodyPr rIns="0" anchor="ctr" anchorCtr="0"/>
          <a:lstStyle>
            <a:lvl1pPr algn="ctr">
              <a:defRPr/>
            </a:lvl1pPr>
            <a:lvl2pPr algn="ctr">
              <a:defRPr sz="1200"/>
            </a:lvl2pPr>
          </a:lstStyle>
          <a:p>
            <a:r>
              <a:rPr lang="en-US" dirty="0"/>
              <a:t>Click icon</a:t>
            </a:r>
            <a:br>
              <a:rPr lang="en-US" dirty="0"/>
            </a:br>
            <a:r>
              <a:rPr lang="en-US" dirty="0"/>
              <a:t>to insert table</a:t>
            </a:r>
            <a:br>
              <a:rPr lang="en-US" dirty="0"/>
            </a:br>
            <a:r>
              <a:rPr lang="en-US" dirty="0"/>
              <a:t>2 columns x 7 rows</a:t>
            </a:r>
          </a:p>
        </p:txBody>
      </p:sp>
    </p:spTree>
    <p:extLst>
      <p:ext uri="{BB962C8B-B14F-4D97-AF65-F5344CB8AC3E}">
        <p14:creationId xmlns:p14="http://schemas.microsoft.com/office/powerpoint/2010/main" val="1891200117"/>
      </p:ext>
    </p:extLst>
  </p:cSld>
  <p:clrMapOvr>
    <a:masterClrMapping/>
  </p:clrMapOvr>
  <p:extLst>
    <p:ext uri="{DCECCB84-F9BA-43D5-87BE-67443E8EF086}">
      <p15:sldGuideLst xmlns:p15="http://schemas.microsoft.com/office/powerpoint/2012/main"/>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Track Record - 4up Option 1">
    <p:spTree>
      <p:nvGrpSpPr>
        <p:cNvPr id="1" name=""/>
        <p:cNvGrpSpPr/>
        <p:nvPr/>
      </p:nvGrpSpPr>
      <p:grpSpPr>
        <a:xfrm>
          <a:off x="0" y="0"/>
          <a:ext cx="0" cy="0"/>
          <a:chOff x="0" y="0"/>
          <a:chExt cx="0" cy="0"/>
        </a:xfrm>
      </p:grpSpPr>
      <p:cxnSp>
        <p:nvCxnSpPr>
          <p:cNvPr id="101" name="Nav Line of Sight">
            <a:extLst>
              <a:ext uri="{FF2B5EF4-FFF2-40B4-BE49-F238E27FC236}">
                <a16:creationId xmlns:a16="http://schemas.microsoft.com/office/drawing/2014/main" id="{4F7078D9-99A7-4F4B-A2AE-F455F56FB451}"/>
              </a:ext>
            </a:extLst>
          </p:cNvPr>
          <p:cNvCxnSpPr>
            <a:cxnSpLocks/>
          </p:cNvCxnSpPr>
          <p:nvPr/>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100" name="Navigation Header Placeholder">
            <a:extLst>
              <a:ext uri="{FF2B5EF4-FFF2-40B4-BE49-F238E27FC236}">
                <a16:creationId xmlns:a16="http://schemas.microsoft.com/office/drawing/2014/main" id="{676795B3-D4D7-4DD1-95C2-286A5F9D9236}"/>
              </a:ext>
            </a:extLst>
          </p:cNvPr>
          <p:cNvSpPr>
            <a:spLocks noGrp="1"/>
          </p:cNvSpPr>
          <p:nvPr>
            <p:ph type="body" sz="quarter" idx="43" hasCustomPrompt="1"/>
          </p:nvPr>
        </p:nvSpPr>
        <p:spPr>
          <a:xfrm>
            <a:off x="1536700" y="957804"/>
            <a:ext cx="1936750" cy="182683"/>
          </a:xfrm>
        </p:spPr>
        <p:txBody>
          <a:bodyPr rIns="0"/>
          <a:lstStyle>
            <a:lvl1pPr>
              <a:lnSpc>
                <a:spcPct val="90000"/>
              </a:lnSpc>
              <a:spcBef>
                <a:spcPts val="0"/>
              </a:spcBef>
              <a:spcAft>
                <a:spcPts val="0"/>
              </a:spcAft>
              <a:defRPr sz="1050" cap="all" baseline="0">
                <a:latin typeface="Calibre Medium" panose="020B0603030202060203" pitchFamily="34" charset="0"/>
              </a:defRPr>
            </a:lvl1pPr>
          </a:lstStyle>
          <a:p>
            <a:pPr lvl="0"/>
            <a:r>
              <a:rPr lang="en-US" dirty="0"/>
              <a:t>Navigation Header</a:t>
            </a:r>
          </a:p>
        </p:txBody>
      </p:sp>
      <p:sp>
        <p:nvSpPr>
          <p:cNvPr id="4" name="Sector Asset Placeholder Left">
            <a:extLst>
              <a:ext uri="{FF2B5EF4-FFF2-40B4-BE49-F238E27FC236}">
                <a16:creationId xmlns:a16="http://schemas.microsoft.com/office/drawing/2014/main" id="{F1FAD510-C3A7-4BC0-86FD-34B90AED9906}"/>
              </a:ext>
            </a:extLst>
          </p:cNvPr>
          <p:cNvSpPr>
            <a:spLocks noGrp="1"/>
          </p:cNvSpPr>
          <p:nvPr>
            <p:ph sz="quarter" idx="44" hasCustomPrompt="1"/>
          </p:nvPr>
        </p:nvSpPr>
        <p:spPr>
          <a:xfrm>
            <a:off x="511175" y="1292229"/>
            <a:ext cx="5021263" cy="566122"/>
          </a:xfrm>
        </p:spPr>
        <p:txBody>
          <a:bodyPr anchor="b" anchorCtr="0"/>
          <a:lstStyle>
            <a:lvl1pPr>
              <a:defRPr>
                <a:solidFill>
                  <a:srgbClr val="96B3B6"/>
                </a:solidFill>
              </a:defRPr>
            </a:lvl1pPr>
          </a:lstStyle>
          <a:p>
            <a:pPr lvl="0"/>
            <a:r>
              <a:rPr lang="en-US" dirty="0"/>
              <a:t>Sector or Asset Type</a:t>
            </a:r>
          </a:p>
        </p:txBody>
      </p:sp>
      <p:sp>
        <p:nvSpPr>
          <p:cNvPr id="11" name="Co. Name Placeholder 1">
            <a:extLst>
              <a:ext uri="{FF2B5EF4-FFF2-40B4-BE49-F238E27FC236}">
                <a16:creationId xmlns:a16="http://schemas.microsoft.com/office/drawing/2014/main" id="{9800EAE4-EAC3-4553-BED8-0EC4A0970E21}"/>
              </a:ext>
            </a:extLst>
          </p:cNvPr>
          <p:cNvSpPr>
            <a:spLocks noGrp="1"/>
          </p:cNvSpPr>
          <p:nvPr>
            <p:ph type="body" sz="quarter" idx="45" hasCustomPrompt="1"/>
          </p:nvPr>
        </p:nvSpPr>
        <p:spPr>
          <a:xfrm>
            <a:off x="503238" y="1894272"/>
            <a:ext cx="4516437" cy="195262"/>
          </a:xfrm>
        </p:spPr>
        <p:txBody>
          <a:bodyPr rIns="0" anchor="b" anchorCtr="0"/>
          <a:lstStyle>
            <a:lvl1pPr>
              <a:defRPr sz="1200" cap="all" baseline="0">
                <a:latin typeface="Calibre Medium" panose="020B0603030202060203" pitchFamily="34" charset="0"/>
              </a:defRPr>
            </a:lvl1pPr>
          </a:lstStyle>
          <a:p>
            <a:pPr lvl="0"/>
            <a:r>
              <a:rPr lang="en-US" dirty="0"/>
              <a:t>Company Name</a:t>
            </a:r>
          </a:p>
        </p:txBody>
      </p:sp>
      <p:sp>
        <p:nvSpPr>
          <p:cNvPr id="14" name="Year Placeholder 1">
            <a:extLst>
              <a:ext uri="{FF2B5EF4-FFF2-40B4-BE49-F238E27FC236}">
                <a16:creationId xmlns:a16="http://schemas.microsoft.com/office/drawing/2014/main" id="{5CBA7C2F-C8B3-40BF-A6ED-C34E99D68E3C}"/>
              </a:ext>
            </a:extLst>
          </p:cNvPr>
          <p:cNvSpPr>
            <a:spLocks noGrp="1"/>
          </p:cNvSpPr>
          <p:nvPr>
            <p:ph type="body" sz="quarter" idx="46" hasCustomPrompt="1"/>
          </p:nvPr>
        </p:nvSpPr>
        <p:spPr>
          <a:xfrm>
            <a:off x="5019675" y="1894272"/>
            <a:ext cx="504305" cy="195262"/>
          </a:xfrm>
        </p:spPr>
        <p:txBody>
          <a:bodyPr rIns="0" anchor="b" anchorCtr="0"/>
          <a:lstStyle>
            <a:lvl1pPr algn="r">
              <a:defRPr sz="1200" cap="all" baseline="0">
                <a:solidFill>
                  <a:srgbClr val="17E88F"/>
                </a:solidFill>
                <a:latin typeface="Calibre Medium" panose="020B0603030202060203" pitchFamily="34" charset="0"/>
              </a:defRPr>
            </a:lvl1pPr>
          </a:lstStyle>
          <a:p>
            <a:pPr lvl="0"/>
            <a:r>
              <a:rPr lang="en-US" dirty="0"/>
              <a:t>Year</a:t>
            </a:r>
          </a:p>
        </p:txBody>
      </p:sp>
      <p:cxnSp>
        <p:nvCxnSpPr>
          <p:cNvPr id="13" name="Horizontal Line 1">
            <a:extLst>
              <a:ext uri="{FF2B5EF4-FFF2-40B4-BE49-F238E27FC236}">
                <a16:creationId xmlns:a16="http://schemas.microsoft.com/office/drawing/2014/main" id="{4E0CB380-3C75-4E34-B4FF-DA92053294B4}"/>
              </a:ext>
            </a:extLst>
          </p:cNvPr>
          <p:cNvCxnSpPr/>
          <p:nvPr userDrawn="1"/>
        </p:nvCxnSpPr>
        <p:spPr>
          <a:xfrm>
            <a:off x="502717" y="2128825"/>
            <a:ext cx="5029721" cy="0"/>
          </a:xfrm>
          <a:prstGeom prst="line">
            <a:avLst/>
          </a:prstGeom>
          <a:ln w="9525">
            <a:solidFill>
              <a:schemeClr val="accent3"/>
            </a:solidFill>
          </a:ln>
        </p:spPr>
        <p:style>
          <a:lnRef idx="1">
            <a:schemeClr val="accent1"/>
          </a:lnRef>
          <a:fillRef idx="0">
            <a:schemeClr val="accent1"/>
          </a:fillRef>
          <a:effectRef idx="0">
            <a:schemeClr val="accent1"/>
          </a:effectRef>
          <a:fontRef idx="minor">
            <a:schemeClr val="tx1"/>
          </a:fontRef>
        </p:style>
      </p:cxnSp>
      <p:sp>
        <p:nvSpPr>
          <p:cNvPr id="18" name="Picture Placeholder 1">
            <a:extLst>
              <a:ext uri="{FF2B5EF4-FFF2-40B4-BE49-F238E27FC236}">
                <a16:creationId xmlns:a16="http://schemas.microsoft.com/office/drawing/2014/main" id="{7EEB3600-C258-49C2-A78D-AB51D32B0239}"/>
              </a:ext>
            </a:extLst>
          </p:cNvPr>
          <p:cNvSpPr>
            <a:spLocks noGrp="1"/>
          </p:cNvSpPr>
          <p:nvPr>
            <p:ph type="pic" sz="quarter" idx="42"/>
          </p:nvPr>
        </p:nvSpPr>
        <p:spPr>
          <a:xfrm>
            <a:off x="511175" y="2227263"/>
            <a:ext cx="2452688" cy="1773233"/>
          </a:xfrm>
          <a:solidFill>
            <a:srgbClr val="CBCDCB"/>
          </a:solidFill>
        </p:spPr>
        <p:txBody>
          <a:bodyPr rIns="0" anchor="ctr" anchorCtr="0"/>
          <a:lstStyle>
            <a:lvl1pPr algn="ctr">
              <a:defRPr/>
            </a:lvl1pPr>
          </a:lstStyle>
          <a:p>
            <a:r>
              <a:rPr lang="en-US" dirty="0"/>
              <a:t>Click icon to add picture</a:t>
            </a:r>
          </a:p>
        </p:txBody>
      </p:sp>
      <p:sp>
        <p:nvSpPr>
          <p:cNvPr id="17" name="Table Placeholder 1">
            <a:extLst>
              <a:ext uri="{FF2B5EF4-FFF2-40B4-BE49-F238E27FC236}">
                <a16:creationId xmlns:a16="http://schemas.microsoft.com/office/drawing/2014/main" id="{5EB9FE5C-2D7F-45C1-890E-B58D8F268B6C}"/>
              </a:ext>
            </a:extLst>
          </p:cNvPr>
          <p:cNvSpPr>
            <a:spLocks noGrp="1"/>
          </p:cNvSpPr>
          <p:nvPr>
            <p:ph type="tbl" sz="quarter" idx="47" hasCustomPrompt="1"/>
          </p:nvPr>
        </p:nvSpPr>
        <p:spPr>
          <a:xfrm>
            <a:off x="3081846" y="2227264"/>
            <a:ext cx="2450592" cy="1773034"/>
          </a:xfrm>
        </p:spPr>
        <p:txBody>
          <a:bodyPr rIns="0" anchor="ctr" anchorCtr="0"/>
          <a:lstStyle>
            <a:lvl1pPr algn="ctr">
              <a:defRPr/>
            </a:lvl1pPr>
            <a:lvl2pPr algn="ctr">
              <a:defRPr sz="1200"/>
            </a:lvl2pPr>
          </a:lstStyle>
          <a:p>
            <a:r>
              <a:rPr lang="en-US" dirty="0"/>
              <a:t>Click icon</a:t>
            </a:r>
            <a:br>
              <a:rPr lang="en-US" dirty="0"/>
            </a:br>
            <a:r>
              <a:rPr lang="en-US" dirty="0"/>
              <a:t>to insert table</a:t>
            </a:r>
            <a:br>
              <a:rPr lang="en-US" dirty="0"/>
            </a:br>
            <a:r>
              <a:rPr lang="en-US" dirty="0"/>
              <a:t>2 columns x 6 rows</a:t>
            </a:r>
          </a:p>
        </p:txBody>
      </p:sp>
      <p:sp>
        <p:nvSpPr>
          <p:cNvPr id="19" name="Co. Name Placeholder 2">
            <a:extLst>
              <a:ext uri="{FF2B5EF4-FFF2-40B4-BE49-F238E27FC236}">
                <a16:creationId xmlns:a16="http://schemas.microsoft.com/office/drawing/2014/main" id="{4CC0E765-7BE1-4C6B-A85C-9E3C78817695}"/>
              </a:ext>
            </a:extLst>
          </p:cNvPr>
          <p:cNvSpPr>
            <a:spLocks noGrp="1"/>
          </p:cNvSpPr>
          <p:nvPr>
            <p:ph type="body" sz="quarter" idx="48" hasCustomPrompt="1"/>
          </p:nvPr>
        </p:nvSpPr>
        <p:spPr>
          <a:xfrm>
            <a:off x="503238" y="4297746"/>
            <a:ext cx="4516437" cy="195262"/>
          </a:xfrm>
        </p:spPr>
        <p:txBody>
          <a:bodyPr rIns="0" anchor="b" anchorCtr="0"/>
          <a:lstStyle>
            <a:lvl1pPr>
              <a:defRPr sz="1200" cap="all" baseline="0">
                <a:latin typeface="Calibre Medium" panose="020B0603030202060203" pitchFamily="34" charset="0"/>
              </a:defRPr>
            </a:lvl1pPr>
          </a:lstStyle>
          <a:p>
            <a:pPr lvl="0"/>
            <a:r>
              <a:rPr lang="en-US" dirty="0"/>
              <a:t>Company Name</a:t>
            </a:r>
          </a:p>
        </p:txBody>
      </p:sp>
      <p:sp>
        <p:nvSpPr>
          <p:cNvPr id="20" name="Year Placeholder 2">
            <a:extLst>
              <a:ext uri="{FF2B5EF4-FFF2-40B4-BE49-F238E27FC236}">
                <a16:creationId xmlns:a16="http://schemas.microsoft.com/office/drawing/2014/main" id="{504DB5A4-AAD4-4484-9459-60479988E2FF}"/>
              </a:ext>
            </a:extLst>
          </p:cNvPr>
          <p:cNvSpPr>
            <a:spLocks noGrp="1"/>
          </p:cNvSpPr>
          <p:nvPr>
            <p:ph type="body" sz="quarter" idx="49" hasCustomPrompt="1"/>
          </p:nvPr>
        </p:nvSpPr>
        <p:spPr>
          <a:xfrm>
            <a:off x="5019675" y="4297746"/>
            <a:ext cx="504305" cy="195262"/>
          </a:xfrm>
        </p:spPr>
        <p:txBody>
          <a:bodyPr rIns="0" anchor="b" anchorCtr="0"/>
          <a:lstStyle>
            <a:lvl1pPr algn="r">
              <a:defRPr sz="1200" cap="all" baseline="0">
                <a:solidFill>
                  <a:srgbClr val="17E88F"/>
                </a:solidFill>
                <a:latin typeface="Calibre Medium" panose="020B0603030202060203" pitchFamily="34" charset="0"/>
              </a:defRPr>
            </a:lvl1pPr>
          </a:lstStyle>
          <a:p>
            <a:pPr lvl="0"/>
            <a:r>
              <a:rPr lang="en-US" dirty="0"/>
              <a:t>Year</a:t>
            </a:r>
          </a:p>
        </p:txBody>
      </p:sp>
      <p:cxnSp>
        <p:nvCxnSpPr>
          <p:cNvPr id="27" name="Horizontal Line 2">
            <a:extLst>
              <a:ext uri="{FF2B5EF4-FFF2-40B4-BE49-F238E27FC236}">
                <a16:creationId xmlns:a16="http://schemas.microsoft.com/office/drawing/2014/main" id="{5791BDAE-CBC0-423D-8BC1-D5A18BA09A97}"/>
              </a:ext>
            </a:extLst>
          </p:cNvPr>
          <p:cNvCxnSpPr/>
          <p:nvPr userDrawn="1"/>
        </p:nvCxnSpPr>
        <p:spPr>
          <a:xfrm>
            <a:off x="502717" y="4532299"/>
            <a:ext cx="5029721" cy="0"/>
          </a:xfrm>
          <a:prstGeom prst="line">
            <a:avLst/>
          </a:prstGeom>
          <a:ln w="9525">
            <a:solidFill>
              <a:schemeClr val="accent3"/>
            </a:solidFill>
          </a:ln>
        </p:spPr>
        <p:style>
          <a:lnRef idx="1">
            <a:schemeClr val="accent1"/>
          </a:lnRef>
          <a:fillRef idx="0">
            <a:schemeClr val="accent1"/>
          </a:fillRef>
          <a:effectRef idx="0">
            <a:schemeClr val="accent1"/>
          </a:effectRef>
          <a:fontRef idx="minor">
            <a:schemeClr val="tx1"/>
          </a:fontRef>
        </p:style>
      </p:cxnSp>
      <p:sp>
        <p:nvSpPr>
          <p:cNvPr id="28" name="Picture Placeholder 2">
            <a:extLst>
              <a:ext uri="{FF2B5EF4-FFF2-40B4-BE49-F238E27FC236}">
                <a16:creationId xmlns:a16="http://schemas.microsoft.com/office/drawing/2014/main" id="{0D9309F7-52A6-4F04-9120-F267FA588179}"/>
              </a:ext>
            </a:extLst>
          </p:cNvPr>
          <p:cNvSpPr>
            <a:spLocks noGrp="1"/>
          </p:cNvSpPr>
          <p:nvPr>
            <p:ph type="pic" sz="quarter" idx="50"/>
          </p:nvPr>
        </p:nvSpPr>
        <p:spPr>
          <a:xfrm>
            <a:off x="511175" y="4630737"/>
            <a:ext cx="2452688" cy="1773233"/>
          </a:xfrm>
          <a:solidFill>
            <a:srgbClr val="CBCDCB"/>
          </a:solidFill>
        </p:spPr>
        <p:txBody>
          <a:bodyPr rIns="0" anchor="ctr" anchorCtr="0"/>
          <a:lstStyle>
            <a:lvl1pPr algn="ctr">
              <a:defRPr/>
            </a:lvl1pPr>
          </a:lstStyle>
          <a:p>
            <a:r>
              <a:rPr lang="en-US" dirty="0"/>
              <a:t>Click icon to add picture</a:t>
            </a:r>
          </a:p>
        </p:txBody>
      </p:sp>
      <p:sp>
        <p:nvSpPr>
          <p:cNvPr id="29" name="Table Placeholder 2">
            <a:extLst>
              <a:ext uri="{FF2B5EF4-FFF2-40B4-BE49-F238E27FC236}">
                <a16:creationId xmlns:a16="http://schemas.microsoft.com/office/drawing/2014/main" id="{7591982B-5DDF-4864-B801-20717B21EF9E}"/>
              </a:ext>
            </a:extLst>
          </p:cNvPr>
          <p:cNvSpPr>
            <a:spLocks noGrp="1"/>
          </p:cNvSpPr>
          <p:nvPr>
            <p:ph type="tbl" sz="quarter" idx="51" hasCustomPrompt="1"/>
          </p:nvPr>
        </p:nvSpPr>
        <p:spPr>
          <a:xfrm>
            <a:off x="3081846" y="4630738"/>
            <a:ext cx="2450592" cy="1773034"/>
          </a:xfrm>
        </p:spPr>
        <p:txBody>
          <a:bodyPr rIns="0" anchor="ctr" anchorCtr="0"/>
          <a:lstStyle>
            <a:lvl1pPr algn="ctr">
              <a:defRPr/>
            </a:lvl1pPr>
            <a:lvl2pPr algn="ctr">
              <a:defRPr sz="1200"/>
            </a:lvl2pPr>
          </a:lstStyle>
          <a:p>
            <a:r>
              <a:rPr lang="en-US" dirty="0"/>
              <a:t>Click icon</a:t>
            </a:r>
            <a:br>
              <a:rPr lang="en-US" dirty="0"/>
            </a:br>
            <a:r>
              <a:rPr lang="en-US" dirty="0"/>
              <a:t>to insert table</a:t>
            </a:r>
            <a:br>
              <a:rPr lang="en-US" dirty="0"/>
            </a:br>
            <a:r>
              <a:rPr lang="en-US" dirty="0"/>
              <a:t>2 columns x 6 rows</a:t>
            </a:r>
          </a:p>
        </p:txBody>
      </p:sp>
      <p:sp>
        <p:nvSpPr>
          <p:cNvPr id="30" name="Sector Asset Placeholder Right">
            <a:extLst>
              <a:ext uri="{FF2B5EF4-FFF2-40B4-BE49-F238E27FC236}">
                <a16:creationId xmlns:a16="http://schemas.microsoft.com/office/drawing/2014/main" id="{D819F0FA-C893-42D1-B3CF-58FF8CF6C104}"/>
              </a:ext>
            </a:extLst>
          </p:cNvPr>
          <p:cNvSpPr>
            <a:spLocks noGrp="1"/>
          </p:cNvSpPr>
          <p:nvPr>
            <p:ph sz="quarter" idx="52" hasCustomPrompt="1"/>
          </p:nvPr>
        </p:nvSpPr>
        <p:spPr>
          <a:xfrm>
            <a:off x="6657975" y="1292229"/>
            <a:ext cx="5021263" cy="566122"/>
          </a:xfrm>
        </p:spPr>
        <p:txBody>
          <a:bodyPr anchor="b" anchorCtr="0"/>
          <a:lstStyle>
            <a:lvl1pPr>
              <a:defRPr>
                <a:solidFill>
                  <a:srgbClr val="96B3B6"/>
                </a:solidFill>
              </a:defRPr>
            </a:lvl1pPr>
          </a:lstStyle>
          <a:p>
            <a:pPr lvl="0"/>
            <a:r>
              <a:rPr lang="en-US" dirty="0"/>
              <a:t>Sector or Asset Type</a:t>
            </a:r>
          </a:p>
        </p:txBody>
      </p:sp>
      <p:sp>
        <p:nvSpPr>
          <p:cNvPr id="31" name="Co. Name Placeholder 3">
            <a:extLst>
              <a:ext uri="{FF2B5EF4-FFF2-40B4-BE49-F238E27FC236}">
                <a16:creationId xmlns:a16="http://schemas.microsoft.com/office/drawing/2014/main" id="{E7031D90-1512-4FAE-BCBE-E4B943472794}"/>
              </a:ext>
            </a:extLst>
          </p:cNvPr>
          <p:cNvSpPr>
            <a:spLocks noGrp="1"/>
          </p:cNvSpPr>
          <p:nvPr>
            <p:ph type="body" sz="quarter" idx="53" hasCustomPrompt="1"/>
          </p:nvPr>
        </p:nvSpPr>
        <p:spPr>
          <a:xfrm>
            <a:off x="6650038" y="1894272"/>
            <a:ext cx="4516437" cy="195262"/>
          </a:xfrm>
        </p:spPr>
        <p:txBody>
          <a:bodyPr rIns="0" anchor="b" anchorCtr="0"/>
          <a:lstStyle>
            <a:lvl1pPr>
              <a:defRPr sz="1200" cap="all" baseline="0">
                <a:latin typeface="Calibre Medium" panose="020B0603030202060203" pitchFamily="34" charset="0"/>
              </a:defRPr>
            </a:lvl1pPr>
          </a:lstStyle>
          <a:p>
            <a:pPr lvl="0"/>
            <a:r>
              <a:rPr lang="en-US" dirty="0"/>
              <a:t>Company Name</a:t>
            </a:r>
          </a:p>
        </p:txBody>
      </p:sp>
      <p:sp>
        <p:nvSpPr>
          <p:cNvPr id="32" name="Year Placeholder 3">
            <a:extLst>
              <a:ext uri="{FF2B5EF4-FFF2-40B4-BE49-F238E27FC236}">
                <a16:creationId xmlns:a16="http://schemas.microsoft.com/office/drawing/2014/main" id="{2CBC58A0-C53F-4B2F-BCDC-0F3B44254595}"/>
              </a:ext>
            </a:extLst>
          </p:cNvPr>
          <p:cNvSpPr>
            <a:spLocks noGrp="1"/>
          </p:cNvSpPr>
          <p:nvPr>
            <p:ph type="body" sz="quarter" idx="54" hasCustomPrompt="1"/>
          </p:nvPr>
        </p:nvSpPr>
        <p:spPr>
          <a:xfrm>
            <a:off x="11166475" y="1894272"/>
            <a:ext cx="504305" cy="195262"/>
          </a:xfrm>
        </p:spPr>
        <p:txBody>
          <a:bodyPr rIns="0" anchor="b" anchorCtr="0"/>
          <a:lstStyle>
            <a:lvl1pPr algn="r">
              <a:defRPr sz="1200" cap="all" baseline="0">
                <a:solidFill>
                  <a:srgbClr val="17E88F"/>
                </a:solidFill>
                <a:latin typeface="Calibre Medium" panose="020B0603030202060203" pitchFamily="34" charset="0"/>
              </a:defRPr>
            </a:lvl1pPr>
          </a:lstStyle>
          <a:p>
            <a:pPr lvl="0"/>
            <a:r>
              <a:rPr lang="en-US" dirty="0"/>
              <a:t>Year</a:t>
            </a:r>
          </a:p>
        </p:txBody>
      </p:sp>
      <p:cxnSp>
        <p:nvCxnSpPr>
          <p:cNvPr id="33" name="Horizontal Line 3">
            <a:extLst>
              <a:ext uri="{FF2B5EF4-FFF2-40B4-BE49-F238E27FC236}">
                <a16:creationId xmlns:a16="http://schemas.microsoft.com/office/drawing/2014/main" id="{54BC91F1-FB72-4232-8994-A5ABAC62D7B1}"/>
              </a:ext>
            </a:extLst>
          </p:cNvPr>
          <p:cNvCxnSpPr/>
          <p:nvPr userDrawn="1"/>
        </p:nvCxnSpPr>
        <p:spPr>
          <a:xfrm>
            <a:off x="6649517" y="2128825"/>
            <a:ext cx="5029721" cy="0"/>
          </a:xfrm>
          <a:prstGeom prst="line">
            <a:avLst/>
          </a:prstGeom>
          <a:ln w="9525">
            <a:solidFill>
              <a:schemeClr val="accent3"/>
            </a:solidFill>
          </a:ln>
        </p:spPr>
        <p:style>
          <a:lnRef idx="1">
            <a:schemeClr val="accent1"/>
          </a:lnRef>
          <a:fillRef idx="0">
            <a:schemeClr val="accent1"/>
          </a:fillRef>
          <a:effectRef idx="0">
            <a:schemeClr val="accent1"/>
          </a:effectRef>
          <a:fontRef idx="minor">
            <a:schemeClr val="tx1"/>
          </a:fontRef>
        </p:style>
      </p:cxnSp>
      <p:sp>
        <p:nvSpPr>
          <p:cNvPr id="34" name="Picture Placeholder 3">
            <a:extLst>
              <a:ext uri="{FF2B5EF4-FFF2-40B4-BE49-F238E27FC236}">
                <a16:creationId xmlns:a16="http://schemas.microsoft.com/office/drawing/2014/main" id="{B6C4D19D-F5BA-4B2D-B6B4-8A75208F6B02}"/>
              </a:ext>
            </a:extLst>
          </p:cNvPr>
          <p:cNvSpPr>
            <a:spLocks noGrp="1"/>
          </p:cNvSpPr>
          <p:nvPr>
            <p:ph type="pic" sz="quarter" idx="55"/>
          </p:nvPr>
        </p:nvSpPr>
        <p:spPr>
          <a:xfrm>
            <a:off x="6657975" y="2227263"/>
            <a:ext cx="2452688" cy="1773233"/>
          </a:xfrm>
          <a:solidFill>
            <a:srgbClr val="CBCDCB"/>
          </a:solidFill>
        </p:spPr>
        <p:txBody>
          <a:bodyPr rIns="0" anchor="ctr" anchorCtr="0"/>
          <a:lstStyle>
            <a:lvl1pPr algn="ctr">
              <a:defRPr/>
            </a:lvl1pPr>
          </a:lstStyle>
          <a:p>
            <a:r>
              <a:rPr lang="en-US" dirty="0"/>
              <a:t>Click icon to add picture</a:t>
            </a:r>
          </a:p>
        </p:txBody>
      </p:sp>
      <p:sp>
        <p:nvSpPr>
          <p:cNvPr id="35" name="Table Placeholder 3">
            <a:extLst>
              <a:ext uri="{FF2B5EF4-FFF2-40B4-BE49-F238E27FC236}">
                <a16:creationId xmlns:a16="http://schemas.microsoft.com/office/drawing/2014/main" id="{358FF565-D88B-45D6-A97A-40C6EE7CD186}"/>
              </a:ext>
            </a:extLst>
          </p:cNvPr>
          <p:cNvSpPr>
            <a:spLocks noGrp="1"/>
          </p:cNvSpPr>
          <p:nvPr>
            <p:ph type="tbl" sz="quarter" idx="56" hasCustomPrompt="1"/>
          </p:nvPr>
        </p:nvSpPr>
        <p:spPr>
          <a:xfrm>
            <a:off x="9228646" y="2227264"/>
            <a:ext cx="2450592" cy="1773034"/>
          </a:xfrm>
        </p:spPr>
        <p:txBody>
          <a:bodyPr rIns="0" anchor="ctr" anchorCtr="0"/>
          <a:lstStyle>
            <a:lvl1pPr algn="ctr">
              <a:defRPr/>
            </a:lvl1pPr>
            <a:lvl2pPr algn="ctr">
              <a:defRPr sz="1200"/>
            </a:lvl2pPr>
          </a:lstStyle>
          <a:p>
            <a:r>
              <a:rPr lang="en-US" dirty="0"/>
              <a:t>Click icon</a:t>
            </a:r>
            <a:br>
              <a:rPr lang="en-US" dirty="0"/>
            </a:br>
            <a:r>
              <a:rPr lang="en-US" dirty="0"/>
              <a:t>to insert table</a:t>
            </a:r>
            <a:br>
              <a:rPr lang="en-US" dirty="0"/>
            </a:br>
            <a:r>
              <a:rPr lang="en-US" dirty="0"/>
              <a:t>2 columns x 6 rows</a:t>
            </a:r>
          </a:p>
        </p:txBody>
      </p:sp>
      <p:sp>
        <p:nvSpPr>
          <p:cNvPr id="36" name="Co. Name Placeholder 4">
            <a:extLst>
              <a:ext uri="{FF2B5EF4-FFF2-40B4-BE49-F238E27FC236}">
                <a16:creationId xmlns:a16="http://schemas.microsoft.com/office/drawing/2014/main" id="{3F17F86A-36FD-48D5-80AE-920B4EEF744A}"/>
              </a:ext>
            </a:extLst>
          </p:cNvPr>
          <p:cNvSpPr>
            <a:spLocks noGrp="1"/>
          </p:cNvSpPr>
          <p:nvPr>
            <p:ph type="body" sz="quarter" idx="57" hasCustomPrompt="1"/>
          </p:nvPr>
        </p:nvSpPr>
        <p:spPr>
          <a:xfrm>
            <a:off x="6650038" y="4297746"/>
            <a:ext cx="4516437" cy="195262"/>
          </a:xfrm>
        </p:spPr>
        <p:txBody>
          <a:bodyPr rIns="0" anchor="b" anchorCtr="0"/>
          <a:lstStyle>
            <a:lvl1pPr>
              <a:defRPr sz="1200" cap="all" baseline="0">
                <a:latin typeface="Calibre Medium" panose="020B0603030202060203" pitchFamily="34" charset="0"/>
              </a:defRPr>
            </a:lvl1pPr>
          </a:lstStyle>
          <a:p>
            <a:pPr lvl="0"/>
            <a:r>
              <a:rPr lang="en-US" dirty="0"/>
              <a:t>Company Name</a:t>
            </a:r>
          </a:p>
        </p:txBody>
      </p:sp>
      <p:sp>
        <p:nvSpPr>
          <p:cNvPr id="37" name="Year Placeholder 4">
            <a:extLst>
              <a:ext uri="{FF2B5EF4-FFF2-40B4-BE49-F238E27FC236}">
                <a16:creationId xmlns:a16="http://schemas.microsoft.com/office/drawing/2014/main" id="{592051E0-EF41-4E93-AA7A-CD4CEFC9D5B6}"/>
              </a:ext>
            </a:extLst>
          </p:cNvPr>
          <p:cNvSpPr>
            <a:spLocks noGrp="1"/>
          </p:cNvSpPr>
          <p:nvPr>
            <p:ph type="body" sz="quarter" idx="58" hasCustomPrompt="1"/>
          </p:nvPr>
        </p:nvSpPr>
        <p:spPr>
          <a:xfrm>
            <a:off x="11166475" y="4297746"/>
            <a:ext cx="504305" cy="195262"/>
          </a:xfrm>
        </p:spPr>
        <p:txBody>
          <a:bodyPr rIns="0" anchor="b" anchorCtr="0"/>
          <a:lstStyle>
            <a:lvl1pPr algn="r">
              <a:defRPr sz="1200" cap="all" baseline="0">
                <a:solidFill>
                  <a:srgbClr val="17E88F"/>
                </a:solidFill>
                <a:latin typeface="Calibre Medium" panose="020B0603030202060203" pitchFamily="34" charset="0"/>
              </a:defRPr>
            </a:lvl1pPr>
          </a:lstStyle>
          <a:p>
            <a:pPr lvl="0"/>
            <a:r>
              <a:rPr lang="en-US" dirty="0"/>
              <a:t>Year</a:t>
            </a:r>
          </a:p>
        </p:txBody>
      </p:sp>
      <p:cxnSp>
        <p:nvCxnSpPr>
          <p:cNvPr id="38" name="Horizontal Line 4">
            <a:extLst>
              <a:ext uri="{FF2B5EF4-FFF2-40B4-BE49-F238E27FC236}">
                <a16:creationId xmlns:a16="http://schemas.microsoft.com/office/drawing/2014/main" id="{2C1672BB-1917-4F95-9308-10CAD1CC0F34}"/>
              </a:ext>
            </a:extLst>
          </p:cNvPr>
          <p:cNvCxnSpPr/>
          <p:nvPr userDrawn="1"/>
        </p:nvCxnSpPr>
        <p:spPr>
          <a:xfrm>
            <a:off x="6649517" y="4532299"/>
            <a:ext cx="5029721" cy="0"/>
          </a:xfrm>
          <a:prstGeom prst="line">
            <a:avLst/>
          </a:prstGeom>
          <a:ln w="9525">
            <a:solidFill>
              <a:schemeClr val="accent3"/>
            </a:solidFill>
          </a:ln>
        </p:spPr>
        <p:style>
          <a:lnRef idx="1">
            <a:schemeClr val="accent1"/>
          </a:lnRef>
          <a:fillRef idx="0">
            <a:schemeClr val="accent1"/>
          </a:fillRef>
          <a:effectRef idx="0">
            <a:schemeClr val="accent1"/>
          </a:effectRef>
          <a:fontRef idx="minor">
            <a:schemeClr val="tx1"/>
          </a:fontRef>
        </p:style>
      </p:cxnSp>
      <p:sp>
        <p:nvSpPr>
          <p:cNvPr id="39" name="Picture Placeholder 4">
            <a:extLst>
              <a:ext uri="{FF2B5EF4-FFF2-40B4-BE49-F238E27FC236}">
                <a16:creationId xmlns:a16="http://schemas.microsoft.com/office/drawing/2014/main" id="{420667A6-1CA8-47BC-BD45-74C86B6A915F}"/>
              </a:ext>
            </a:extLst>
          </p:cNvPr>
          <p:cNvSpPr>
            <a:spLocks noGrp="1"/>
          </p:cNvSpPr>
          <p:nvPr>
            <p:ph type="pic" sz="quarter" idx="59"/>
          </p:nvPr>
        </p:nvSpPr>
        <p:spPr>
          <a:xfrm>
            <a:off x="6657975" y="4630737"/>
            <a:ext cx="2452688" cy="1773233"/>
          </a:xfrm>
          <a:solidFill>
            <a:srgbClr val="CBCDCB"/>
          </a:solidFill>
        </p:spPr>
        <p:txBody>
          <a:bodyPr rIns="0" anchor="ctr" anchorCtr="0"/>
          <a:lstStyle>
            <a:lvl1pPr algn="ctr">
              <a:defRPr/>
            </a:lvl1pPr>
          </a:lstStyle>
          <a:p>
            <a:r>
              <a:rPr lang="en-US" dirty="0"/>
              <a:t>Click icon to add picture</a:t>
            </a:r>
          </a:p>
        </p:txBody>
      </p:sp>
      <p:sp>
        <p:nvSpPr>
          <p:cNvPr id="40" name="Table Placeholder 4">
            <a:extLst>
              <a:ext uri="{FF2B5EF4-FFF2-40B4-BE49-F238E27FC236}">
                <a16:creationId xmlns:a16="http://schemas.microsoft.com/office/drawing/2014/main" id="{177467AF-E654-466D-855B-46C749C92FDD}"/>
              </a:ext>
            </a:extLst>
          </p:cNvPr>
          <p:cNvSpPr>
            <a:spLocks noGrp="1"/>
          </p:cNvSpPr>
          <p:nvPr>
            <p:ph type="tbl" sz="quarter" idx="60" hasCustomPrompt="1"/>
          </p:nvPr>
        </p:nvSpPr>
        <p:spPr>
          <a:xfrm>
            <a:off x="9228646" y="4630738"/>
            <a:ext cx="2450592" cy="1773034"/>
          </a:xfrm>
        </p:spPr>
        <p:txBody>
          <a:bodyPr rIns="0" anchor="ctr" anchorCtr="0"/>
          <a:lstStyle>
            <a:lvl1pPr algn="ctr">
              <a:defRPr/>
            </a:lvl1pPr>
            <a:lvl2pPr algn="ctr">
              <a:defRPr sz="1200"/>
            </a:lvl2pPr>
          </a:lstStyle>
          <a:p>
            <a:r>
              <a:rPr lang="en-US" dirty="0"/>
              <a:t>Click icon</a:t>
            </a:r>
            <a:br>
              <a:rPr lang="en-US" dirty="0"/>
            </a:br>
            <a:r>
              <a:rPr lang="en-US" dirty="0"/>
              <a:t>to insert table</a:t>
            </a:r>
            <a:br>
              <a:rPr lang="en-US" dirty="0"/>
            </a:br>
            <a:r>
              <a:rPr lang="en-US" dirty="0"/>
              <a:t>2 columns x 6 rows</a:t>
            </a:r>
          </a:p>
        </p:txBody>
      </p:sp>
    </p:spTree>
    <p:extLst>
      <p:ext uri="{BB962C8B-B14F-4D97-AF65-F5344CB8AC3E}">
        <p14:creationId xmlns:p14="http://schemas.microsoft.com/office/powerpoint/2010/main" val="3807545977"/>
      </p:ext>
    </p:extLst>
  </p:cSld>
  <p:clrMapOvr>
    <a:masterClrMapping/>
  </p:clrMapOvr>
  <p:extLst>
    <p:ext uri="{DCECCB84-F9BA-43D5-87BE-67443E8EF086}">
      <p15:sldGuideLst xmlns:p15="http://schemas.microsoft.com/office/powerpoint/2012/main"/>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Track Record - 3up">
    <p:spTree>
      <p:nvGrpSpPr>
        <p:cNvPr id="1" name=""/>
        <p:cNvGrpSpPr/>
        <p:nvPr/>
      </p:nvGrpSpPr>
      <p:grpSpPr>
        <a:xfrm>
          <a:off x="0" y="0"/>
          <a:ext cx="0" cy="0"/>
          <a:chOff x="0" y="0"/>
          <a:chExt cx="0" cy="0"/>
        </a:xfrm>
      </p:grpSpPr>
      <p:cxnSp>
        <p:nvCxnSpPr>
          <p:cNvPr id="101" name="Nav Line of Sight">
            <a:extLst>
              <a:ext uri="{FF2B5EF4-FFF2-40B4-BE49-F238E27FC236}">
                <a16:creationId xmlns:a16="http://schemas.microsoft.com/office/drawing/2014/main" id="{4F7078D9-99A7-4F4B-A2AE-F455F56FB451}"/>
              </a:ext>
            </a:extLst>
          </p:cNvPr>
          <p:cNvCxnSpPr>
            <a:cxnSpLocks/>
          </p:cNvCxnSpPr>
          <p:nvPr/>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100" name="Navigation Header Placeholder">
            <a:extLst>
              <a:ext uri="{FF2B5EF4-FFF2-40B4-BE49-F238E27FC236}">
                <a16:creationId xmlns:a16="http://schemas.microsoft.com/office/drawing/2014/main" id="{676795B3-D4D7-4DD1-95C2-286A5F9D9236}"/>
              </a:ext>
            </a:extLst>
          </p:cNvPr>
          <p:cNvSpPr>
            <a:spLocks noGrp="1"/>
          </p:cNvSpPr>
          <p:nvPr>
            <p:ph type="body" sz="quarter" idx="43" hasCustomPrompt="1"/>
          </p:nvPr>
        </p:nvSpPr>
        <p:spPr>
          <a:xfrm>
            <a:off x="1536700" y="957804"/>
            <a:ext cx="1936750" cy="182683"/>
          </a:xfrm>
        </p:spPr>
        <p:txBody>
          <a:bodyPr rIns="0"/>
          <a:lstStyle>
            <a:lvl1pPr>
              <a:lnSpc>
                <a:spcPct val="90000"/>
              </a:lnSpc>
              <a:spcBef>
                <a:spcPts val="0"/>
              </a:spcBef>
              <a:spcAft>
                <a:spcPts val="0"/>
              </a:spcAft>
              <a:defRPr sz="1050" cap="all" baseline="0">
                <a:latin typeface="Calibre Medium" panose="020B0603030202060203" pitchFamily="34" charset="0"/>
              </a:defRPr>
            </a:lvl1pPr>
          </a:lstStyle>
          <a:p>
            <a:pPr lvl="0"/>
            <a:r>
              <a:rPr lang="en-US" dirty="0"/>
              <a:t>Navigation Header</a:t>
            </a:r>
          </a:p>
        </p:txBody>
      </p:sp>
      <p:sp>
        <p:nvSpPr>
          <p:cNvPr id="4" name="Sector Asset Placeholder Left">
            <a:extLst>
              <a:ext uri="{FF2B5EF4-FFF2-40B4-BE49-F238E27FC236}">
                <a16:creationId xmlns:a16="http://schemas.microsoft.com/office/drawing/2014/main" id="{F1FAD510-C3A7-4BC0-86FD-34B90AED9906}"/>
              </a:ext>
            </a:extLst>
          </p:cNvPr>
          <p:cNvSpPr>
            <a:spLocks noGrp="1"/>
          </p:cNvSpPr>
          <p:nvPr>
            <p:ph sz="quarter" idx="44" hasCustomPrompt="1"/>
          </p:nvPr>
        </p:nvSpPr>
        <p:spPr>
          <a:xfrm>
            <a:off x="511175" y="1292229"/>
            <a:ext cx="5021263" cy="566122"/>
          </a:xfrm>
        </p:spPr>
        <p:txBody>
          <a:bodyPr anchor="b" anchorCtr="0"/>
          <a:lstStyle>
            <a:lvl1pPr>
              <a:defRPr>
                <a:solidFill>
                  <a:srgbClr val="96B3B6"/>
                </a:solidFill>
              </a:defRPr>
            </a:lvl1pPr>
          </a:lstStyle>
          <a:p>
            <a:pPr lvl="0"/>
            <a:r>
              <a:rPr lang="en-US" dirty="0"/>
              <a:t>Sector or Asset Type</a:t>
            </a:r>
          </a:p>
        </p:txBody>
      </p:sp>
      <p:sp>
        <p:nvSpPr>
          <p:cNvPr id="18" name="Picture Placeholder 1">
            <a:extLst>
              <a:ext uri="{FF2B5EF4-FFF2-40B4-BE49-F238E27FC236}">
                <a16:creationId xmlns:a16="http://schemas.microsoft.com/office/drawing/2014/main" id="{7EEB3600-C258-49C2-A78D-AB51D32B0239}"/>
              </a:ext>
            </a:extLst>
          </p:cNvPr>
          <p:cNvSpPr>
            <a:spLocks noGrp="1"/>
          </p:cNvSpPr>
          <p:nvPr>
            <p:ph type="pic" sz="quarter" idx="42"/>
          </p:nvPr>
        </p:nvSpPr>
        <p:spPr>
          <a:xfrm>
            <a:off x="511174" y="2227263"/>
            <a:ext cx="3484563" cy="1773233"/>
          </a:xfrm>
          <a:solidFill>
            <a:srgbClr val="CBCDCB"/>
          </a:solidFill>
        </p:spPr>
        <p:txBody>
          <a:bodyPr rIns="0" anchor="ctr" anchorCtr="0"/>
          <a:lstStyle>
            <a:lvl1pPr algn="ctr">
              <a:defRPr/>
            </a:lvl1pPr>
          </a:lstStyle>
          <a:p>
            <a:r>
              <a:rPr lang="en-US" dirty="0"/>
              <a:t>Click icon to add picture</a:t>
            </a:r>
          </a:p>
        </p:txBody>
      </p:sp>
      <p:sp>
        <p:nvSpPr>
          <p:cNvPr id="17" name="Table Placeholder 1">
            <a:extLst>
              <a:ext uri="{FF2B5EF4-FFF2-40B4-BE49-F238E27FC236}">
                <a16:creationId xmlns:a16="http://schemas.microsoft.com/office/drawing/2014/main" id="{5EB9FE5C-2D7F-45C1-890E-B58D8F268B6C}"/>
              </a:ext>
            </a:extLst>
          </p:cNvPr>
          <p:cNvSpPr>
            <a:spLocks noGrp="1"/>
          </p:cNvSpPr>
          <p:nvPr>
            <p:ph type="tbl" sz="quarter" idx="47" hasCustomPrompt="1"/>
          </p:nvPr>
        </p:nvSpPr>
        <p:spPr>
          <a:xfrm>
            <a:off x="511174" y="4000495"/>
            <a:ext cx="3484563" cy="1876427"/>
          </a:xfrm>
        </p:spPr>
        <p:txBody>
          <a:bodyPr rIns="0" anchor="ctr" anchorCtr="0"/>
          <a:lstStyle>
            <a:lvl1pPr algn="ctr">
              <a:defRPr/>
            </a:lvl1pPr>
            <a:lvl2pPr algn="ctr">
              <a:defRPr sz="1200"/>
            </a:lvl2pPr>
          </a:lstStyle>
          <a:p>
            <a:r>
              <a:rPr lang="en-US" dirty="0"/>
              <a:t>Click icon to insert table</a:t>
            </a:r>
            <a:br>
              <a:rPr lang="en-US" dirty="0"/>
            </a:br>
            <a:r>
              <a:rPr lang="en-US" dirty="0"/>
              <a:t>2 columns x 6 rows</a:t>
            </a:r>
          </a:p>
        </p:txBody>
      </p:sp>
      <p:sp>
        <p:nvSpPr>
          <p:cNvPr id="41" name="Picture Placeholder 2">
            <a:extLst>
              <a:ext uri="{FF2B5EF4-FFF2-40B4-BE49-F238E27FC236}">
                <a16:creationId xmlns:a16="http://schemas.microsoft.com/office/drawing/2014/main" id="{D16FDEBB-CDB1-4A20-9F59-F349EEE1C516}"/>
              </a:ext>
            </a:extLst>
          </p:cNvPr>
          <p:cNvSpPr>
            <a:spLocks noGrp="1"/>
          </p:cNvSpPr>
          <p:nvPr>
            <p:ph type="pic" sz="quarter" idx="48"/>
          </p:nvPr>
        </p:nvSpPr>
        <p:spPr>
          <a:xfrm>
            <a:off x="4353718" y="2227263"/>
            <a:ext cx="3484563" cy="1773233"/>
          </a:xfrm>
          <a:solidFill>
            <a:srgbClr val="CBCDCB"/>
          </a:solidFill>
        </p:spPr>
        <p:txBody>
          <a:bodyPr rIns="0" anchor="ctr" anchorCtr="0"/>
          <a:lstStyle>
            <a:lvl1pPr algn="ctr">
              <a:defRPr/>
            </a:lvl1pPr>
          </a:lstStyle>
          <a:p>
            <a:r>
              <a:rPr lang="en-US" dirty="0"/>
              <a:t>Click icon to add picture</a:t>
            </a:r>
          </a:p>
        </p:txBody>
      </p:sp>
      <p:sp>
        <p:nvSpPr>
          <p:cNvPr id="42" name="Table Placeholder 2">
            <a:extLst>
              <a:ext uri="{FF2B5EF4-FFF2-40B4-BE49-F238E27FC236}">
                <a16:creationId xmlns:a16="http://schemas.microsoft.com/office/drawing/2014/main" id="{0A45C0B8-0909-4C05-9842-8CFC1E65CA6E}"/>
              </a:ext>
            </a:extLst>
          </p:cNvPr>
          <p:cNvSpPr>
            <a:spLocks noGrp="1"/>
          </p:cNvSpPr>
          <p:nvPr>
            <p:ph type="tbl" sz="quarter" idx="49" hasCustomPrompt="1"/>
          </p:nvPr>
        </p:nvSpPr>
        <p:spPr>
          <a:xfrm>
            <a:off x="4353718" y="4000495"/>
            <a:ext cx="3484563" cy="1876427"/>
          </a:xfrm>
        </p:spPr>
        <p:txBody>
          <a:bodyPr rIns="0" anchor="ctr" anchorCtr="0"/>
          <a:lstStyle>
            <a:lvl1pPr algn="ctr">
              <a:defRPr/>
            </a:lvl1pPr>
            <a:lvl2pPr algn="ctr">
              <a:defRPr sz="1200"/>
            </a:lvl2pPr>
          </a:lstStyle>
          <a:p>
            <a:r>
              <a:rPr lang="en-US" dirty="0"/>
              <a:t>Click icon to insert table</a:t>
            </a:r>
            <a:br>
              <a:rPr lang="en-US" dirty="0"/>
            </a:br>
            <a:r>
              <a:rPr lang="en-US" dirty="0"/>
              <a:t>2 columns x 6 rows</a:t>
            </a:r>
          </a:p>
        </p:txBody>
      </p:sp>
      <p:sp>
        <p:nvSpPr>
          <p:cNvPr id="43" name="Picture Placeholder 3">
            <a:extLst>
              <a:ext uri="{FF2B5EF4-FFF2-40B4-BE49-F238E27FC236}">
                <a16:creationId xmlns:a16="http://schemas.microsoft.com/office/drawing/2014/main" id="{D0DCD58F-F3C7-4E2F-9EDE-21383ECB9ECB}"/>
              </a:ext>
            </a:extLst>
          </p:cNvPr>
          <p:cNvSpPr>
            <a:spLocks noGrp="1"/>
          </p:cNvSpPr>
          <p:nvPr>
            <p:ph type="pic" sz="quarter" idx="50"/>
          </p:nvPr>
        </p:nvSpPr>
        <p:spPr>
          <a:xfrm>
            <a:off x="8194675" y="2227263"/>
            <a:ext cx="3484563" cy="1773233"/>
          </a:xfrm>
          <a:solidFill>
            <a:srgbClr val="CBCDCB"/>
          </a:solidFill>
        </p:spPr>
        <p:txBody>
          <a:bodyPr rIns="0" anchor="ctr" anchorCtr="0"/>
          <a:lstStyle>
            <a:lvl1pPr algn="ctr">
              <a:defRPr/>
            </a:lvl1pPr>
          </a:lstStyle>
          <a:p>
            <a:r>
              <a:rPr lang="en-US" dirty="0"/>
              <a:t>Click icon to add picture</a:t>
            </a:r>
          </a:p>
        </p:txBody>
      </p:sp>
      <p:sp>
        <p:nvSpPr>
          <p:cNvPr id="44" name="Table Placeholder 3">
            <a:extLst>
              <a:ext uri="{FF2B5EF4-FFF2-40B4-BE49-F238E27FC236}">
                <a16:creationId xmlns:a16="http://schemas.microsoft.com/office/drawing/2014/main" id="{C96A6F0A-397E-4C72-B34E-F20C5738B130}"/>
              </a:ext>
            </a:extLst>
          </p:cNvPr>
          <p:cNvSpPr>
            <a:spLocks noGrp="1"/>
          </p:cNvSpPr>
          <p:nvPr>
            <p:ph type="tbl" sz="quarter" idx="51" hasCustomPrompt="1"/>
          </p:nvPr>
        </p:nvSpPr>
        <p:spPr>
          <a:xfrm>
            <a:off x="8194675" y="4000495"/>
            <a:ext cx="3484563" cy="1876427"/>
          </a:xfrm>
        </p:spPr>
        <p:txBody>
          <a:bodyPr rIns="0" anchor="ctr" anchorCtr="0"/>
          <a:lstStyle>
            <a:lvl1pPr algn="ctr">
              <a:defRPr/>
            </a:lvl1pPr>
            <a:lvl2pPr algn="ctr">
              <a:defRPr sz="1200"/>
            </a:lvl2pPr>
          </a:lstStyle>
          <a:p>
            <a:r>
              <a:rPr lang="en-US" dirty="0"/>
              <a:t>Click icon to insert table</a:t>
            </a:r>
            <a:br>
              <a:rPr lang="en-US" dirty="0"/>
            </a:br>
            <a:r>
              <a:rPr lang="en-US" dirty="0"/>
              <a:t>2 columns x 6 rows</a:t>
            </a:r>
          </a:p>
        </p:txBody>
      </p:sp>
    </p:spTree>
    <p:extLst>
      <p:ext uri="{BB962C8B-B14F-4D97-AF65-F5344CB8AC3E}">
        <p14:creationId xmlns:p14="http://schemas.microsoft.com/office/powerpoint/2010/main" val="2670512908"/>
      </p:ext>
    </p:extLst>
  </p:cSld>
  <p:clrMapOvr>
    <a:masterClrMapping/>
  </p:clrMapOvr>
  <p:extLst>
    <p:ext uri="{DCECCB84-F9BA-43D5-87BE-67443E8EF086}">
      <p15:sldGuideLst xmlns:p15="http://schemas.microsoft.com/office/powerpoint/2012/main"/>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rack Record - 4up Option 2">
    <p:spTree>
      <p:nvGrpSpPr>
        <p:cNvPr id="1" name=""/>
        <p:cNvGrpSpPr/>
        <p:nvPr/>
      </p:nvGrpSpPr>
      <p:grpSpPr>
        <a:xfrm>
          <a:off x="0" y="0"/>
          <a:ext cx="0" cy="0"/>
          <a:chOff x="0" y="0"/>
          <a:chExt cx="0" cy="0"/>
        </a:xfrm>
      </p:grpSpPr>
      <p:cxnSp>
        <p:nvCxnSpPr>
          <p:cNvPr id="101" name="Nav Line of Sight">
            <a:extLst>
              <a:ext uri="{FF2B5EF4-FFF2-40B4-BE49-F238E27FC236}">
                <a16:creationId xmlns:a16="http://schemas.microsoft.com/office/drawing/2014/main" id="{4F7078D9-99A7-4F4B-A2AE-F455F56FB451}"/>
              </a:ext>
            </a:extLst>
          </p:cNvPr>
          <p:cNvCxnSpPr>
            <a:cxnSpLocks/>
          </p:cNvCxnSpPr>
          <p:nvPr/>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100" name="Navigation Header Placeholder">
            <a:extLst>
              <a:ext uri="{FF2B5EF4-FFF2-40B4-BE49-F238E27FC236}">
                <a16:creationId xmlns:a16="http://schemas.microsoft.com/office/drawing/2014/main" id="{676795B3-D4D7-4DD1-95C2-286A5F9D9236}"/>
              </a:ext>
            </a:extLst>
          </p:cNvPr>
          <p:cNvSpPr>
            <a:spLocks noGrp="1"/>
          </p:cNvSpPr>
          <p:nvPr>
            <p:ph type="body" sz="quarter" idx="43" hasCustomPrompt="1"/>
          </p:nvPr>
        </p:nvSpPr>
        <p:spPr>
          <a:xfrm>
            <a:off x="1536700" y="957804"/>
            <a:ext cx="1936750" cy="182683"/>
          </a:xfrm>
        </p:spPr>
        <p:txBody>
          <a:bodyPr rIns="0"/>
          <a:lstStyle>
            <a:lvl1pPr>
              <a:lnSpc>
                <a:spcPct val="90000"/>
              </a:lnSpc>
              <a:spcBef>
                <a:spcPts val="0"/>
              </a:spcBef>
              <a:spcAft>
                <a:spcPts val="0"/>
              </a:spcAft>
              <a:defRPr sz="1050" cap="all" baseline="0">
                <a:latin typeface="Calibre Medium" panose="020B0603030202060203" pitchFamily="34" charset="0"/>
              </a:defRPr>
            </a:lvl1pPr>
          </a:lstStyle>
          <a:p>
            <a:pPr lvl="0"/>
            <a:r>
              <a:rPr lang="en-US" dirty="0"/>
              <a:t>Navigation Header</a:t>
            </a:r>
          </a:p>
        </p:txBody>
      </p:sp>
      <p:sp>
        <p:nvSpPr>
          <p:cNvPr id="4" name="Sector Asset Placeholder Left">
            <a:extLst>
              <a:ext uri="{FF2B5EF4-FFF2-40B4-BE49-F238E27FC236}">
                <a16:creationId xmlns:a16="http://schemas.microsoft.com/office/drawing/2014/main" id="{F1FAD510-C3A7-4BC0-86FD-34B90AED9906}"/>
              </a:ext>
            </a:extLst>
          </p:cNvPr>
          <p:cNvSpPr>
            <a:spLocks noGrp="1"/>
          </p:cNvSpPr>
          <p:nvPr>
            <p:ph sz="quarter" idx="44" hasCustomPrompt="1"/>
          </p:nvPr>
        </p:nvSpPr>
        <p:spPr>
          <a:xfrm>
            <a:off x="511175" y="1292229"/>
            <a:ext cx="5021263" cy="566122"/>
          </a:xfrm>
        </p:spPr>
        <p:txBody>
          <a:bodyPr anchor="b" anchorCtr="0"/>
          <a:lstStyle>
            <a:lvl1pPr>
              <a:defRPr>
                <a:solidFill>
                  <a:srgbClr val="96B3B6"/>
                </a:solidFill>
              </a:defRPr>
            </a:lvl1pPr>
          </a:lstStyle>
          <a:p>
            <a:pPr lvl="0"/>
            <a:r>
              <a:rPr lang="en-US" dirty="0"/>
              <a:t>Sector or Asset Type</a:t>
            </a:r>
          </a:p>
        </p:txBody>
      </p:sp>
      <p:sp>
        <p:nvSpPr>
          <p:cNvPr id="18" name="Picture Placeholder 1">
            <a:extLst>
              <a:ext uri="{FF2B5EF4-FFF2-40B4-BE49-F238E27FC236}">
                <a16:creationId xmlns:a16="http://schemas.microsoft.com/office/drawing/2014/main" id="{7EEB3600-C258-49C2-A78D-AB51D32B0239}"/>
              </a:ext>
            </a:extLst>
          </p:cNvPr>
          <p:cNvSpPr>
            <a:spLocks noGrp="1"/>
          </p:cNvSpPr>
          <p:nvPr>
            <p:ph type="pic" sz="quarter" idx="42"/>
          </p:nvPr>
        </p:nvSpPr>
        <p:spPr>
          <a:xfrm>
            <a:off x="511175" y="2139717"/>
            <a:ext cx="2452688" cy="1965960"/>
          </a:xfrm>
          <a:solidFill>
            <a:srgbClr val="CBCDCB"/>
          </a:solidFill>
        </p:spPr>
        <p:txBody>
          <a:bodyPr rIns="0" anchor="ctr" anchorCtr="0"/>
          <a:lstStyle>
            <a:lvl1pPr algn="ctr">
              <a:defRPr/>
            </a:lvl1pPr>
          </a:lstStyle>
          <a:p>
            <a:r>
              <a:rPr lang="en-US" dirty="0"/>
              <a:t>Click icon to add picture</a:t>
            </a:r>
          </a:p>
        </p:txBody>
      </p:sp>
      <p:sp>
        <p:nvSpPr>
          <p:cNvPr id="17" name="Table Placeholder 1">
            <a:extLst>
              <a:ext uri="{FF2B5EF4-FFF2-40B4-BE49-F238E27FC236}">
                <a16:creationId xmlns:a16="http://schemas.microsoft.com/office/drawing/2014/main" id="{5EB9FE5C-2D7F-45C1-890E-B58D8F268B6C}"/>
              </a:ext>
            </a:extLst>
          </p:cNvPr>
          <p:cNvSpPr>
            <a:spLocks noGrp="1"/>
          </p:cNvSpPr>
          <p:nvPr>
            <p:ph type="tbl" sz="quarter" idx="47" hasCustomPrompt="1"/>
          </p:nvPr>
        </p:nvSpPr>
        <p:spPr>
          <a:xfrm>
            <a:off x="2963863" y="2139718"/>
            <a:ext cx="3081337" cy="1965960"/>
          </a:xfrm>
        </p:spPr>
        <p:txBody>
          <a:bodyPr rIns="0" anchor="ctr" anchorCtr="0"/>
          <a:lstStyle>
            <a:lvl1pPr algn="ctr">
              <a:defRPr/>
            </a:lvl1pPr>
            <a:lvl2pPr algn="ctr">
              <a:defRPr sz="1200"/>
            </a:lvl2pPr>
          </a:lstStyle>
          <a:p>
            <a:r>
              <a:rPr lang="en-US" dirty="0"/>
              <a:t>Click icon</a:t>
            </a:r>
            <a:br>
              <a:rPr lang="en-US" dirty="0"/>
            </a:br>
            <a:r>
              <a:rPr lang="en-US" dirty="0"/>
              <a:t>to insert table</a:t>
            </a:r>
            <a:br>
              <a:rPr lang="en-US" dirty="0"/>
            </a:br>
            <a:r>
              <a:rPr lang="en-US" dirty="0"/>
              <a:t>2 columns x 6 rows</a:t>
            </a:r>
          </a:p>
        </p:txBody>
      </p:sp>
      <p:sp>
        <p:nvSpPr>
          <p:cNvPr id="28" name="Picture Placeholder 2">
            <a:extLst>
              <a:ext uri="{FF2B5EF4-FFF2-40B4-BE49-F238E27FC236}">
                <a16:creationId xmlns:a16="http://schemas.microsoft.com/office/drawing/2014/main" id="{0D9309F7-52A6-4F04-9120-F267FA588179}"/>
              </a:ext>
            </a:extLst>
          </p:cNvPr>
          <p:cNvSpPr>
            <a:spLocks noGrp="1"/>
          </p:cNvSpPr>
          <p:nvPr>
            <p:ph type="pic" sz="quarter" idx="50"/>
          </p:nvPr>
        </p:nvSpPr>
        <p:spPr>
          <a:xfrm>
            <a:off x="511175" y="4438015"/>
            <a:ext cx="2452688" cy="1965960"/>
          </a:xfrm>
          <a:solidFill>
            <a:srgbClr val="CBCDCB"/>
          </a:solidFill>
        </p:spPr>
        <p:txBody>
          <a:bodyPr rIns="0" anchor="ctr" anchorCtr="0"/>
          <a:lstStyle>
            <a:lvl1pPr algn="ctr">
              <a:defRPr/>
            </a:lvl1pPr>
          </a:lstStyle>
          <a:p>
            <a:r>
              <a:rPr lang="en-US" dirty="0"/>
              <a:t>Click icon to add picture</a:t>
            </a:r>
          </a:p>
        </p:txBody>
      </p:sp>
      <p:sp>
        <p:nvSpPr>
          <p:cNvPr id="29" name="Table Placeholder 2">
            <a:extLst>
              <a:ext uri="{FF2B5EF4-FFF2-40B4-BE49-F238E27FC236}">
                <a16:creationId xmlns:a16="http://schemas.microsoft.com/office/drawing/2014/main" id="{7591982B-5DDF-4864-B801-20717B21EF9E}"/>
              </a:ext>
            </a:extLst>
          </p:cNvPr>
          <p:cNvSpPr>
            <a:spLocks noGrp="1"/>
          </p:cNvSpPr>
          <p:nvPr>
            <p:ph type="tbl" sz="quarter" idx="51" hasCustomPrompt="1"/>
          </p:nvPr>
        </p:nvSpPr>
        <p:spPr>
          <a:xfrm>
            <a:off x="2963863" y="4438015"/>
            <a:ext cx="3081337" cy="1965960"/>
          </a:xfrm>
        </p:spPr>
        <p:txBody>
          <a:bodyPr rIns="0" anchor="ctr" anchorCtr="0"/>
          <a:lstStyle>
            <a:lvl1pPr algn="ctr">
              <a:defRPr/>
            </a:lvl1pPr>
            <a:lvl2pPr algn="ctr">
              <a:defRPr sz="1200"/>
            </a:lvl2pPr>
          </a:lstStyle>
          <a:p>
            <a:r>
              <a:rPr lang="en-US" dirty="0"/>
              <a:t>Click icon</a:t>
            </a:r>
            <a:br>
              <a:rPr lang="en-US" dirty="0"/>
            </a:br>
            <a:r>
              <a:rPr lang="en-US" dirty="0"/>
              <a:t>to insert table</a:t>
            </a:r>
            <a:br>
              <a:rPr lang="en-US" dirty="0"/>
            </a:br>
            <a:r>
              <a:rPr lang="en-US" dirty="0"/>
              <a:t>2 columns x 6 rows</a:t>
            </a:r>
          </a:p>
        </p:txBody>
      </p:sp>
      <p:sp>
        <p:nvSpPr>
          <p:cNvPr id="34" name="Picture Placeholder 3">
            <a:extLst>
              <a:ext uri="{FF2B5EF4-FFF2-40B4-BE49-F238E27FC236}">
                <a16:creationId xmlns:a16="http://schemas.microsoft.com/office/drawing/2014/main" id="{B6C4D19D-F5BA-4B2D-B6B4-8A75208F6B02}"/>
              </a:ext>
            </a:extLst>
          </p:cNvPr>
          <p:cNvSpPr>
            <a:spLocks noGrp="1"/>
          </p:cNvSpPr>
          <p:nvPr>
            <p:ph type="pic" sz="quarter" idx="55"/>
          </p:nvPr>
        </p:nvSpPr>
        <p:spPr>
          <a:xfrm>
            <a:off x="6146764" y="2139717"/>
            <a:ext cx="2452688" cy="1965960"/>
          </a:xfrm>
          <a:solidFill>
            <a:srgbClr val="CBCDCB"/>
          </a:solidFill>
        </p:spPr>
        <p:txBody>
          <a:bodyPr rIns="0" anchor="ctr" anchorCtr="0"/>
          <a:lstStyle>
            <a:lvl1pPr algn="ctr">
              <a:defRPr/>
            </a:lvl1pPr>
          </a:lstStyle>
          <a:p>
            <a:r>
              <a:rPr lang="en-US" dirty="0"/>
              <a:t>Click icon to add picture</a:t>
            </a:r>
          </a:p>
        </p:txBody>
      </p:sp>
      <p:sp>
        <p:nvSpPr>
          <p:cNvPr id="35" name="Table Placeholder 3">
            <a:extLst>
              <a:ext uri="{FF2B5EF4-FFF2-40B4-BE49-F238E27FC236}">
                <a16:creationId xmlns:a16="http://schemas.microsoft.com/office/drawing/2014/main" id="{358FF565-D88B-45D6-A97A-40C6EE7CD186}"/>
              </a:ext>
            </a:extLst>
          </p:cNvPr>
          <p:cNvSpPr>
            <a:spLocks noGrp="1"/>
          </p:cNvSpPr>
          <p:nvPr>
            <p:ph type="tbl" sz="quarter" idx="56" hasCustomPrompt="1"/>
          </p:nvPr>
        </p:nvSpPr>
        <p:spPr>
          <a:xfrm>
            <a:off x="8599452" y="2139718"/>
            <a:ext cx="3081528" cy="1965960"/>
          </a:xfrm>
        </p:spPr>
        <p:txBody>
          <a:bodyPr rIns="0" anchor="ctr" anchorCtr="0"/>
          <a:lstStyle>
            <a:lvl1pPr algn="ctr">
              <a:defRPr/>
            </a:lvl1pPr>
            <a:lvl2pPr algn="ctr">
              <a:defRPr sz="1200"/>
            </a:lvl2pPr>
          </a:lstStyle>
          <a:p>
            <a:r>
              <a:rPr lang="en-US" dirty="0"/>
              <a:t>Click icon</a:t>
            </a:r>
            <a:br>
              <a:rPr lang="en-US" dirty="0"/>
            </a:br>
            <a:r>
              <a:rPr lang="en-US" dirty="0"/>
              <a:t>to insert table</a:t>
            </a:r>
            <a:br>
              <a:rPr lang="en-US" dirty="0"/>
            </a:br>
            <a:r>
              <a:rPr lang="en-US" dirty="0"/>
              <a:t>2 columns x 6 rows</a:t>
            </a:r>
          </a:p>
        </p:txBody>
      </p:sp>
      <p:sp>
        <p:nvSpPr>
          <p:cNvPr id="39" name="Picture Placeholder 4">
            <a:extLst>
              <a:ext uri="{FF2B5EF4-FFF2-40B4-BE49-F238E27FC236}">
                <a16:creationId xmlns:a16="http://schemas.microsoft.com/office/drawing/2014/main" id="{420667A6-1CA8-47BC-BD45-74C86B6A915F}"/>
              </a:ext>
            </a:extLst>
          </p:cNvPr>
          <p:cNvSpPr>
            <a:spLocks noGrp="1"/>
          </p:cNvSpPr>
          <p:nvPr>
            <p:ph type="pic" sz="quarter" idx="59"/>
          </p:nvPr>
        </p:nvSpPr>
        <p:spPr>
          <a:xfrm>
            <a:off x="6146764" y="4438015"/>
            <a:ext cx="2452688" cy="1965960"/>
          </a:xfrm>
          <a:solidFill>
            <a:srgbClr val="CBCDCB"/>
          </a:solidFill>
        </p:spPr>
        <p:txBody>
          <a:bodyPr rIns="0" anchor="ctr" anchorCtr="0"/>
          <a:lstStyle>
            <a:lvl1pPr algn="ctr">
              <a:defRPr/>
            </a:lvl1pPr>
          </a:lstStyle>
          <a:p>
            <a:r>
              <a:rPr lang="en-US" dirty="0"/>
              <a:t>Click icon to add picture</a:t>
            </a:r>
          </a:p>
        </p:txBody>
      </p:sp>
      <p:sp>
        <p:nvSpPr>
          <p:cNvPr id="40" name="Table Placeholder 4">
            <a:extLst>
              <a:ext uri="{FF2B5EF4-FFF2-40B4-BE49-F238E27FC236}">
                <a16:creationId xmlns:a16="http://schemas.microsoft.com/office/drawing/2014/main" id="{177467AF-E654-466D-855B-46C749C92FDD}"/>
              </a:ext>
            </a:extLst>
          </p:cNvPr>
          <p:cNvSpPr>
            <a:spLocks noGrp="1"/>
          </p:cNvSpPr>
          <p:nvPr>
            <p:ph type="tbl" sz="quarter" idx="60" hasCustomPrompt="1"/>
          </p:nvPr>
        </p:nvSpPr>
        <p:spPr>
          <a:xfrm>
            <a:off x="8599452" y="4438015"/>
            <a:ext cx="3081528" cy="1965960"/>
          </a:xfrm>
        </p:spPr>
        <p:txBody>
          <a:bodyPr rIns="0" anchor="ctr" anchorCtr="0"/>
          <a:lstStyle>
            <a:lvl1pPr algn="ctr">
              <a:defRPr/>
            </a:lvl1pPr>
            <a:lvl2pPr algn="ctr">
              <a:defRPr sz="1200"/>
            </a:lvl2pPr>
          </a:lstStyle>
          <a:p>
            <a:r>
              <a:rPr lang="en-US" dirty="0"/>
              <a:t>Click icon</a:t>
            </a:r>
            <a:br>
              <a:rPr lang="en-US" dirty="0"/>
            </a:br>
            <a:r>
              <a:rPr lang="en-US" dirty="0"/>
              <a:t>to insert table</a:t>
            </a:r>
            <a:br>
              <a:rPr lang="en-US" dirty="0"/>
            </a:br>
            <a:r>
              <a:rPr lang="en-US" dirty="0"/>
              <a:t>2 columns x 6 rows</a:t>
            </a:r>
          </a:p>
        </p:txBody>
      </p:sp>
    </p:spTree>
    <p:extLst>
      <p:ext uri="{BB962C8B-B14F-4D97-AF65-F5344CB8AC3E}">
        <p14:creationId xmlns:p14="http://schemas.microsoft.com/office/powerpoint/2010/main" val="1150658828"/>
      </p:ext>
    </p:extLst>
  </p:cSld>
  <p:clrMapOvr>
    <a:masterClrMapping/>
  </p:clrMapOvr>
  <p:extLst>
    <p:ext uri="{DCECCB84-F9BA-43D5-87BE-67443E8EF086}">
      <p15:sldGuideLst xmlns:p15="http://schemas.microsoft.com/office/powerpoint/2012/main"/>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Event Speakers - 3up">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Headshot Placeholder 1">
            <a:extLst>
              <a:ext uri="{FF2B5EF4-FFF2-40B4-BE49-F238E27FC236}">
                <a16:creationId xmlns:a16="http://schemas.microsoft.com/office/drawing/2014/main" id="{D1623E2B-E1E3-403F-AC41-B00361F97368}"/>
              </a:ext>
            </a:extLst>
          </p:cNvPr>
          <p:cNvSpPr>
            <a:spLocks noGrp="1" noChangeAspect="1"/>
          </p:cNvSpPr>
          <p:nvPr>
            <p:ph type="pic" sz="quarter" idx="12" hasCustomPrompt="1"/>
          </p:nvPr>
        </p:nvSpPr>
        <p:spPr>
          <a:xfrm>
            <a:off x="3584575" y="1601788"/>
            <a:ext cx="1714500" cy="1143000"/>
          </a:xfrm>
        </p:spPr>
        <p:txBody>
          <a:bodyPr rIns="0" anchor="ctr" anchorCtr="0"/>
          <a:lstStyle>
            <a:lvl1pPr algn="ctr">
              <a:defRPr sz="1600"/>
            </a:lvl1pPr>
          </a:lstStyle>
          <a:p>
            <a:r>
              <a:rPr lang="en-US" dirty="0"/>
              <a:t>Click here to insert headshot</a:t>
            </a:r>
          </a:p>
        </p:txBody>
      </p:sp>
      <p:sp>
        <p:nvSpPr>
          <p:cNvPr id="11" name="Headshot Placeholder 2">
            <a:extLst>
              <a:ext uri="{FF2B5EF4-FFF2-40B4-BE49-F238E27FC236}">
                <a16:creationId xmlns:a16="http://schemas.microsoft.com/office/drawing/2014/main" id="{E8A38C91-468D-43C3-9DDF-3D49BE4EEB64}"/>
              </a:ext>
            </a:extLst>
          </p:cNvPr>
          <p:cNvSpPr>
            <a:spLocks noGrp="1" noChangeAspect="1"/>
          </p:cNvSpPr>
          <p:nvPr>
            <p:ph type="pic" sz="quarter" idx="13" hasCustomPrompt="1"/>
          </p:nvPr>
        </p:nvSpPr>
        <p:spPr>
          <a:xfrm>
            <a:off x="6146800" y="1601788"/>
            <a:ext cx="1714500" cy="114300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13" name="Headshot Placeholder 3">
            <a:extLst>
              <a:ext uri="{FF2B5EF4-FFF2-40B4-BE49-F238E27FC236}">
                <a16:creationId xmlns:a16="http://schemas.microsoft.com/office/drawing/2014/main" id="{6D74FF19-6316-46B5-9F2F-197A096DAFC9}"/>
              </a:ext>
            </a:extLst>
          </p:cNvPr>
          <p:cNvSpPr>
            <a:spLocks noGrp="1" noChangeAspect="1"/>
          </p:cNvSpPr>
          <p:nvPr>
            <p:ph type="pic" sz="quarter" idx="14" hasCustomPrompt="1"/>
          </p:nvPr>
        </p:nvSpPr>
        <p:spPr>
          <a:xfrm>
            <a:off x="8711023" y="1601788"/>
            <a:ext cx="1714500" cy="114300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15" name="Speaker Placeholder 1">
            <a:extLst>
              <a:ext uri="{FF2B5EF4-FFF2-40B4-BE49-F238E27FC236}">
                <a16:creationId xmlns:a16="http://schemas.microsoft.com/office/drawing/2014/main" id="{1580652B-9E6F-4260-9DEC-3A38C7F88E83}"/>
              </a:ext>
            </a:extLst>
          </p:cNvPr>
          <p:cNvSpPr>
            <a:spLocks noGrp="1"/>
          </p:cNvSpPr>
          <p:nvPr>
            <p:ph sz="quarter" idx="15" hasCustomPrompt="1"/>
          </p:nvPr>
        </p:nvSpPr>
        <p:spPr>
          <a:xfrm>
            <a:off x="3584575" y="2852738"/>
            <a:ext cx="1947672" cy="1773237"/>
          </a:xfrm>
        </p:spPr>
        <p:txBody>
          <a:bodyPr/>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50">
                <a:latin typeface="Calibre Light" panose="020B0303030202060203" pitchFamily="34" charset="0"/>
              </a:defRPr>
            </a:lvl3pPr>
            <a:lvl4pPr>
              <a:defRPr sz="105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17" name="Speaker Placeholder 2">
            <a:extLst>
              <a:ext uri="{FF2B5EF4-FFF2-40B4-BE49-F238E27FC236}">
                <a16:creationId xmlns:a16="http://schemas.microsoft.com/office/drawing/2014/main" id="{827758D5-026F-4A2D-A871-26D5B08A4CBD}"/>
              </a:ext>
            </a:extLst>
          </p:cNvPr>
          <p:cNvSpPr>
            <a:spLocks noGrp="1"/>
          </p:cNvSpPr>
          <p:nvPr>
            <p:ph sz="quarter" idx="16" hasCustomPrompt="1"/>
          </p:nvPr>
        </p:nvSpPr>
        <p:spPr>
          <a:xfrm>
            <a:off x="6146800" y="2852738"/>
            <a:ext cx="1947672" cy="1773237"/>
          </a:xfrm>
        </p:spPr>
        <p:txBody>
          <a:bodyPr/>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50">
                <a:latin typeface="Calibre Light" panose="020B0303030202060203" pitchFamily="34" charset="0"/>
              </a:defRPr>
            </a:lvl3pPr>
            <a:lvl4pPr>
              <a:defRPr sz="105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19" name="Speaker Placeholder 3">
            <a:extLst>
              <a:ext uri="{FF2B5EF4-FFF2-40B4-BE49-F238E27FC236}">
                <a16:creationId xmlns:a16="http://schemas.microsoft.com/office/drawing/2014/main" id="{981AFD52-7FA0-454D-A7E7-FF6CFF403186}"/>
              </a:ext>
            </a:extLst>
          </p:cNvPr>
          <p:cNvSpPr>
            <a:spLocks noGrp="1"/>
          </p:cNvSpPr>
          <p:nvPr>
            <p:ph sz="quarter" idx="17" hasCustomPrompt="1"/>
          </p:nvPr>
        </p:nvSpPr>
        <p:spPr>
          <a:xfrm>
            <a:off x="8709025" y="2852738"/>
            <a:ext cx="1947672" cy="1773237"/>
          </a:xfrm>
        </p:spPr>
        <p:txBody>
          <a:bodyPr/>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50">
                <a:latin typeface="Calibre Light" panose="020B0303030202060203" pitchFamily="34" charset="0"/>
              </a:defRPr>
            </a:lvl3pPr>
            <a:lvl4pPr>
              <a:defRPr sz="105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Tree>
    <p:extLst>
      <p:ext uri="{BB962C8B-B14F-4D97-AF65-F5344CB8AC3E}">
        <p14:creationId xmlns:p14="http://schemas.microsoft.com/office/powerpoint/2010/main" val="1902142580"/>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Event Speakers - 6up">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Headshot Placeholder 1">
            <a:extLst>
              <a:ext uri="{FF2B5EF4-FFF2-40B4-BE49-F238E27FC236}">
                <a16:creationId xmlns:a16="http://schemas.microsoft.com/office/drawing/2014/main" id="{D1623E2B-E1E3-403F-AC41-B00361F97368}"/>
              </a:ext>
            </a:extLst>
          </p:cNvPr>
          <p:cNvSpPr>
            <a:spLocks noGrp="1" noChangeAspect="1"/>
          </p:cNvSpPr>
          <p:nvPr>
            <p:ph type="pic" sz="quarter" idx="12" hasCustomPrompt="1"/>
          </p:nvPr>
        </p:nvSpPr>
        <p:spPr>
          <a:xfrm>
            <a:off x="3584575" y="1601788"/>
            <a:ext cx="1714500" cy="1143000"/>
          </a:xfrm>
        </p:spPr>
        <p:txBody>
          <a:bodyPr rIns="0" anchor="ctr" anchorCtr="0"/>
          <a:lstStyle>
            <a:lvl1pPr algn="ctr">
              <a:defRPr sz="1600"/>
            </a:lvl1pPr>
          </a:lstStyle>
          <a:p>
            <a:r>
              <a:rPr lang="en-US" dirty="0"/>
              <a:t>Click here to insert headshot</a:t>
            </a:r>
          </a:p>
        </p:txBody>
      </p:sp>
      <p:sp>
        <p:nvSpPr>
          <p:cNvPr id="11" name="Headshot Placeholder 2">
            <a:extLst>
              <a:ext uri="{FF2B5EF4-FFF2-40B4-BE49-F238E27FC236}">
                <a16:creationId xmlns:a16="http://schemas.microsoft.com/office/drawing/2014/main" id="{E8A38C91-468D-43C3-9DDF-3D49BE4EEB64}"/>
              </a:ext>
            </a:extLst>
          </p:cNvPr>
          <p:cNvSpPr>
            <a:spLocks noGrp="1" noChangeAspect="1"/>
          </p:cNvSpPr>
          <p:nvPr>
            <p:ph type="pic" sz="quarter" idx="13" hasCustomPrompt="1"/>
          </p:nvPr>
        </p:nvSpPr>
        <p:spPr>
          <a:xfrm>
            <a:off x="6146704" y="1601787"/>
            <a:ext cx="1714500" cy="114300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13" name="Headshot Placeholder 3">
            <a:extLst>
              <a:ext uri="{FF2B5EF4-FFF2-40B4-BE49-F238E27FC236}">
                <a16:creationId xmlns:a16="http://schemas.microsoft.com/office/drawing/2014/main" id="{6D74FF19-6316-46B5-9F2F-197A096DAFC9}"/>
              </a:ext>
            </a:extLst>
          </p:cNvPr>
          <p:cNvSpPr>
            <a:spLocks noGrp="1" noChangeAspect="1"/>
          </p:cNvSpPr>
          <p:nvPr>
            <p:ph type="pic" sz="quarter" idx="14" hasCustomPrompt="1"/>
          </p:nvPr>
        </p:nvSpPr>
        <p:spPr>
          <a:xfrm>
            <a:off x="8708832" y="1601787"/>
            <a:ext cx="1714500" cy="114300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8" name="Headshot Placeholder 4">
            <a:extLst>
              <a:ext uri="{FF2B5EF4-FFF2-40B4-BE49-F238E27FC236}">
                <a16:creationId xmlns:a16="http://schemas.microsoft.com/office/drawing/2014/main" id="{E562E097-32AF-4CB3-8CFD-E3F12BE51433}"/>
              </a:ext>
            </a:extLst>
          </p:cNvPr>
          <p:cNvSpPr>
            <a:spLocks noGrp="1" noChangeAspect="1"/>
          </p:cNvSpPr>
          <p:nvPr>
            <p:ph type="pic" sz="quarter" idx="18" hasCustomPrompt="1"/>
          </p:nvPr>
        </p:nvSpPr>
        <p:spPr>
          <a:xfrm>
            <a:off x="3584575" y="4102099"/>
            <a:ext cx="1714500" cy="114300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14" name="Headshot Placeholder 5">
            <a:extLst>
              <a:ext uri="{FF2B5EF4-FFF2-40B4-BE49-F238E27FC236}">
                <a16:creationId xmlns:a16="http://schemas.microsoft.com/office/drawing/2014/main" id="{EEC09747-3096-49C8-AF80-79E243A26F01}"/>
              </a:ext>
            </a:extLst>
          </p:cNvPr>
          <p:cNvSpPr>
            <a:spLocks noGrp="1" noChangeAspect="1"/>
          </p:cNvSpPr>
          <p:nvPr>
            <p:ph type="pic" sz="quarter" idx="20" hasCustomPrompt="1"/>
          </p:nvPr>
        </p:nvSpPr>
        <p:spPr>
          <a:xfrm>
            <a:off x="6146703" y="4102099"/>
            <a:ext cx="1714500" cy="114300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18" name="Headshot Placeholder 6">
            <a:extLst>
              <a:ext uri="{FF2B5EF4-FFF2-40B4-BE49-F238E27FC236}">
                <a16:creationId xmlns:a16="http://schemas.microsoft.com/office/drawing/2014/main" id="{5A0F6C97-4947-4297-B676-3E2F9F9B08F9}"/>
              </a:ext>
            </a:extLst>
          </p:cNvPr>
          <p:cNvSpPr>
            <a:spLocks noGrp="1" noChangeAspect="1"/>
          </p:cNvSpPr>
          <p:nvPr>
            <p:ph type="pic" sz="quarter" idx="21" hasCustomPrompt="1"/>
          </p:nvPr>
        </p:nvSpPr>
        <p:spPr>
          <a:xfrm>
            <a:off x="8708832" y="4102099"/>
            <a:ext cx="1714500" cy="114300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15" name="Speaker Placeholder 1">
            <a:extLst>
              <a:ext uri="{FF2B5EF4-FFF2-40B4-BE49-F238E27FC236}">
                <a16:creationId xmlns:a16="http://schemas.microsoft.com/office/drawing/2014/main" id="{1580652B-9E6F-4260-9DEC-3A38C7F88E83}"/>
              </a:ext>
            </a:extLst>
          </p:cNvPr>
          <p:cNvSpPr>
            <a:spLocks noGrp="1"/>
          </p:cNvSpPr>
          <p:nvPr>
            <p:ph sz="quarter" idx="15" hasCustomPrompt="1"/>
          </p:nvPr>
        </p:nvSpPr>
        <p:spPr>
          <a:xfrm>
            <a:off x="3584575" y="2802732"/>
            <a:ext cx="1947672" cy="1147762"/>
          </a:xfrm>
        </p:spPr>
        <p:txBody>
          <a:bodyPr rIns="274320"/>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17" name="Speaker Placeholder 2">
            <a:extLst>
              <a:ext uri="{FF2B5EF4-FFF2-40B4-BE49-F238E27FC236}">
                <a16:creationId xmlns:a16="http://schemas.microsoft.com/office/drawing/2014/main" id="{827758D5-026F-4A2D-A871-26D5B08A4CBD}"/>
              </a:ext>
            </a:extLst>
          </p:cNvPr>
          <p:cNvSpPr>
            <a:spLocks noGrp="1"/>
          </p:cNvSpPr>
          <p:nvPr>
            <p:ph sz="quarter" idx="16" hasCustomPrompt="1"/>
          </p:nvPr>
        </p:nvSpPr>
        <p:spPr>
          <a:xfrm>
            <a:off x="6146704" y="2802732"/>
            <a:ext cx="1947672" cy="1147762"/>
          </a:xfrm>
        </p:spPr>
        <p:txBody>
          <a:bodyPr rIns="274320"/>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19" name="Speaker Placeholder 3">
            <a:extLst>
              <a:ext uri="{FF2B5EF4-FFF2-40B4-BE49-F238E27FC236}">
                <a16:creationId xmlns:a16="http://schemas.microsoft.com/office/drawing/2014/main" id="{981AFD52-7FA0-454D-A7E7-FF6CFF403186}"/>
              </a:ext>
            </a:extLst>
          </p:cNvPr>
          <p:cNvSpPr>
            <a:spLocks noGrp="1"/>
          </p:cNvSpPr>
          <p:nvPr>
            <p:ph sz="quarter" idx="17" hasCustomPrompt="1"/>
          </p:nvPr>
        </p:nvSpPr>
        <p:spPr>
          <a:xfrm>
            <a:off x="8708832" y="2802732"/>
            <a:ext cx="1947672" cy="1147762"/>
          </a:xfrm>
        </p:spPr>
        <p:txBody>
          <a:bodyPr rIns="274320"/>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10" name="Speaker Placeholder 4">
            <a:extLst>
              <a:ext uri="{FF2B5EF4-FFF2-40B4-BE49-F238E27FC236}">
                <a16:creationId xmlns:a16="http://schemas.microsoft.com/office/drawing/2014/main" id="{42AA3A88-FA21-4ACB-9882-A7C04F6FDD72}"/>
              </a:ext>
            </a:extLst>
          </p:cNvPr>
          <p:cNvSpPr>
            <a:spLocks noGrp="1"/>
          </p:cNvSpPr>
          <p:nvPr>
            <p:ph sz="quarter" idx="19" hasCustomPrompt="1"/>
          </p:nvPr>
        </p:nvSpPr>
        <p:spPr>
          <a:xfrm>
            <a:off x="3584575" y="5303043"/>
            <a:ext cx="1947863" cy="1146175"/>
          </a:xfrm>
        </p:spPr>
        <p:txBody>
          <a:bodyPr rIns="274320"/>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25" name="Speaker Placeholder 5">
            <a:extLst>
              <a:ext uri="{FF2B5EF4-FFF2-40B4-BE49-F238E27FC236}">
                <a16:creationId xmlns:a16="http://schemas.microsoft.com/office/drawing/2014/main" id="{B2B0C01B-6531-42DF-8417-7D611F2700F2}"/>
              </a:ext>
            </a:extLst>
          </p:cNvPr>
          <p:cNvSpPr>
            <a:spLocks noGrp="1"/>
          </p:cNvSpPr>
          <p:nvPr>
            <p:ph sz="quarter" idx="24" hasCustomPrompt="1"/>
          </p:nvPr>
        </p:nvSpPr>
        <p:spPr>
          <a:xfrm>
            <a:off x="6146799" y="5303043"/>
            <a:ext cx="1947672" cy="1143000"/>
          </a:xfrm>
        </p:spPr>
        <p:txBody>
          <a:bodyPr rIns="274320"/>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27" name="Speaker Placeholder 6">
            <a:extLst>
              <a:ext uri="{FF2B5EF4-FFF2-40B4-BE49-F238E27FC236}">
                <a16:creationId xmlns:a16="http://schemas.microsoft.com/office/drawing/2014/main" id="{CC0E2C9A-7281-4F6E-B19D-616AF41B108E}"/>
              </a:ext>
            </a:extLst>
          </p:cNvPr>
          <p:cNvSpPr>
            <a:spLocks noGrp="1"/>
          </p:cNvSpPr>
          <p:nvPr>
            <p:ph sz="quarter" idx="25" hasCustomPrompt="1"/>
          </p:nvPr>
        </p:nvSpPr>
        <p:spPr>
          <a:xfrm>
            <a:off x="8708832" y="5303043"/>
            <a:ext cx="1947672" cy="1143000"/>
          </a:xfrm>
        </p:spPr>
        <p:txBody>
          <a:bodyPr rIns="274320"/>
          <a:lstStyle>
            <a:lvl1pPr>
              <a:spcBef>
                <a:spcPts val="0"/>
              </a:spcBef>
              <a:spcAft>
                <a:spcPts val="0"/>
              </a:spcAft>
              <a:defRPr sz="1600">
                <a:latin typeface="Financier Display Medium" panose="02020603070506060203" pitchFamily="18" charset="0"/>
              </a:defRPr>
            </a:lvl1pPr>
            <a:lvl2pPr>
              <a:spcAft>
                <a:spcPts val="300"/>
              </a:spcAft>
              <a:defRPr sz="12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Tree>
    <p:extLst>
      <p:ext uri="{BB962C8B-B14F-4D97-AF65-F5344CB8AC3E}">
        <p14:creationId xmlns:p14="http://schemas.microsoft.com/office/powerpoint/2010/main" val="871163908"/>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Event Speakers - 8up">
    <p:spTree>
      <p:nvGrpSpPr>
        <p:cNvPr id="1" name=""/>
        <p:cNvGrpSpPr/>
        <p:nvPr/>
      </p:nvGrpSpPr>
      <p:grpSpPr>
        <a:xfrm>
          <a:off x="0" y="0"/>
          <a:ext cx="0" cy="0"/>
          <a:chOff x="0" y="0"/>
          <a:chExt cx="0" cy="0"/>
        </a:xfrm>
      </p:grpSpPr>
      <p:sp>
        <p:nvSpPr>
          <p:cNvPr id="7" name="Notes Placeholder">
            <a:extLst>
              <a:ext uri="{FF2B5EF4-FFF2-40B4-BE49-F238E27FC236}">
                <a16:creationId xmlns:a16="http://schemas.microsoft.com/office/drawing/2014/main" id="{9AC7DFF1-237E-42C0-B070-2C08EDF4EDD2}"/>
              </a:ext>
            </a:extLst>
          </p:cNvPr>
          <p:cNvSpPr>
            <a:spLocks noGrp="1"/>
          </p:cNvSpPr>
          <p:nvPr>
            <p:ph type="body" sz="quarter" idx="11"/>
          </p:nvPr>
        </p:nvSpPr>
        <p:spPr>
          <a:xfrm>
            <a:off x="511176" y="3492063"/>
            <a:ext cx="1947672" cy="2889504"/>
          </a:xfrm>
        </p:spPr>
        <p:txBody>
          <a:bodyPr/>
          <a:lstStyle>
            <a:lvl1pPr>
              <a:spcBef>
                <a:spcPts val="600"/>
              </a:spcBef>
              <a:spcAft>
                <a:spcPts val="0"/>
              </a:spcAft>
              <a:defRPr sz="1050">
                <a:latin typeface="Calibre Semibold" panose="020B0703030202060203" pitchFamily="34" charset="0"/>
              </a:defRPr>
            </a:lvl1pPr>
            <a:lvl2pPr>
              <a:spcBef>
                <a:spcPts val="300"/>
              </a:spcBef>
              <a:spcAft>
                <a:spcPts val="300"/>
              </a:spcAft>
              <a:defRPr sz="1050">
                <a:latin typeface="+mn-lt"/>
              </a:defRPr>
            </a:lvl2pPr>
            <a:lvl3pPr marL="171450" indent="-171450">
              <a:spcBef>
                <a:spcPts val="200"/>
              </a:spcBef>
              <a:spcAft>
                <a:spcPts val="0"/>
              </a:spcAft>
              <a:buFont typeface="Calibre" panose="020B0503030202060203" pitchFamily="34" charset="0"/>
              <a:buChar char="–"/>
              <a:defRPr sz="1050">
                <a:latin typeface="+mn-lt"/>
              </a:defRPr>
            </a:lvl3pPr>
            <a:lvl4pPr>
              <a:defRPr sz="1050">
                <a:latin typeface="+mn-lt"/>
              </a:defRPr>
            </a:lvl4pPr>
            <a:lvl5pPr>
              <a:defRPr sz="1050">
                <a:latin typeface="+mn-lt"/>
              </a:defRPr>
            </a:lvl5pPr>
          </a:lstStyle>
          <a:p>
            <a:pPr lvl="0"/>
            <a:r>
              <a:rPr lang="en-US"/>
              <a:t>Click to edit Master text styles</a:t>
            </a:r>
          </a:p>
          <a:p>
            <a:pPr lvl="1"/>
            <a:r>
              <a:rPr lang="en-US"/>
              <a:t>Second level</a:t>
            </a:r>
          </a:p>
          <a:p>
            <a:pPr lvl="2"/>
            <a:r>
              <a:rPr lang="en-US"/>
              <a:t>Third level</a:t>
            </a:r>
          </a:p>
        </p:txBody>
      </p:sp>
      <p:sp>
        <p:nvSpPr>
          <p:cNvPr id="2" name="Title 1">
            <a:extLst>
              <a:ext uri="{FF2B5EF4-FFF2-40B4-BE49-F238E27FC236}">
                <a16:creationId xmlns:a16="http://schemas.microsoft.com/office/drawing/2014/main" id="{944047B7-C3F4-44CE-8AF6-813AA0A42774}"/>
              </a:ext>
            </a:extLst>
          </p:cNvPr>
          <p:cNvSpPr>
            <a:spLocks noGrp="1"/>
          </p:cNvSpPr>
          <p:nvPr>
            <p:ph type="title"/>
          </p:nvPr>
        </p:nvSpPr>
        <p:spPr/>
        <p:txBody>
          <a:bodyPr/>
          <a:lstStyle/>
          <a:p>
            <a:r>
              <a:rPr lang="en-US"/>
              <a:t>Click to edit Master title style</a:t>
            </a:r>
            <a:endParaRPr lang="en-US" dirty="0"/>
          </a:p>
        </p:txBody>
      </p:sp>
      <p:cxnSp>
        <p:nvCxnSpPr>
          <p:cNvPr id="3" name="Nav Line of Sight">
            <a:extLst>
              <a:ext uri="{FF2B5EF4-FFF2-40B4-BE49-F238E27FC236}">
                <a16:creationId xmlns:a16="http://schemas.microsoft.com/office/drawing/2014/main" id="{D7785200-EEF1-4433-8FC7-132E42A01775}"/>
              </a:ext>
            </a:extLst>
          </p:cNvPr>
          <p:cNvCxnSpPr>
            <a:cxnSpLocks/>
          </p:cNvCxnSpPr>
          <p:nvPr userDrawn="1"/>
        </p:nvCxnSpPr>
        <p:spPr>
          <a:xfrm flipH="1">
            <a:off x="503224" y="1022541"/>
            <a:ext cx="931876" cy="0"/>
          </a:xfrm>
          <a:prstGeom prst="line">
            <a:avLst/>
          </a:prstGeom>
          <a:ln w="25400">
            <a:solidFill>
              <a:srgbClr val="17E891"/>
            </a:solidFill>
          </a:ln>
        </p:spPr>
        <p:style>
          <a:lnRef idx="1">
            <a:schemeClr val="accent1"/>
          </a:lnRef>
          <a:fillRef idx="0">
            <a:schemeClr val="accent1"/>
          </a:fillRef>
          <a:effectRef idx="0">
            <a:schemeClr val="accent1"/>
          </a:effectRef>
          <a:fontRef idx="minor">
            <a:schemeClr val="tx1"/>
          </a:fontRef>
        </p:style>
      </p:cxnSp>
      <p:sp>
        <p:nvSpPr>
          <p:cNvPr id="6" name="Navigation Header Placeholder">
            <a:extLst>
              <a:ext uri="{FF2B5EF4-FFF2-40B4-BE49-F238E27FC236}">
                <a16:creationId xmlns:a16="http://schemas.microsoft.com/office/drawing/2014/main" id="{682DE23F-D9AC-4E0E-B3B4-53687A5F35C9}"/>
              </a:ext>
            </a:extLst>
          </p:cNvPr>
          <p:cNvSpPr>
            <a:spLocks noGrp="1"/>
          </p:cNvSpPr>
          <p:nvPr>
            <p:ph type="body" sz="quarter" idx="10" hasCustomPrompt="1"/>
          </p:nvPr>
        </p:nvSpPr>
        <p:spPr>
          <a:xfrm>
            <a:off x="1536700" y="957804"/>
            <a:ext cx="1938528" cy="182880"/>
          </a:xfrm>
        </p:spPr>
        <p:txBody>
          <a:bodyPr/>
          <a:lstStyle>
            <a:lvl1pPr>
              <a:lnSpc>
                <a:spcPct val="90000"/>
              </a:lnSpc>
              <a:defRPr sz="1050" cap="all" baseline="0">
                <a:latin typeface="Calibre Medium" panose="020B0603030202060203" pitchFamily="34" charset="0"/>
              </a:defRPr>
            </a:lvl1pPr>
            <a:lvl2pPr>
              <a:defRPr sz="1050" cap="all" baseline="0">
                <a:latin typeface="Calibre Medium" panose="020B0603030202060203" pitchFamily="34" charset="0"/>
              </a:defRPr>
            </a:lvl2pPr>
            <a:lvl3pPr>
              <a:defRPr sz="1050" cap="all" baseline="0">
                <a:latin typeface="Calibre Medium" panose="020B0603030202060203" pitchFamily="34" charset="0"/>
              </a:defRPr>
            </a:lvl3pPr>
            <a:lvl4pPr>
              <a:defRPr sz="1050" cap="all" baseline="0">
                <a:latin typeface="Calibre Medium" panose="020B0603030202060203" pitchFamily="34" charset="0"/>
              </a:defRPr>
            </a:lvl4pPr>
            <a:lvl5pPr>
              <a:defRPr sz="1050" cap="all" baseline="0">
                <a:latin typeface="Calibre Medium" panose="020B0603030202060203" pitchFamily="34" charset="0"/>
              </a:defRPr>
            </a:lvl5pPr>
          </a:lstStyle>
          <a:p>
            <a:pPr lvl="0"/>
            <a:r>
              <a:rPr lang="en-US" dirty="0"/>
              <a:t>Navigation Header</a:t>
            </a:r>
          </a:p>
        </p:txBody>
      </p:sp>
      <p:sp>
        <p:nvSpPr>
          <p:cNvPr id="5" name="Headshot Placeholder 1">
            <a:extLst>
              <a:ext uri="{FF2B5EF4-FFF2-40B4-BE49-F238E27FC236}">
                <a16:creationId xmlns:a16="http://schemas.microsoft.com/office/drawing/2014/main" id="{D1623E2B-E1E3-403F-AC41-B00361F97368}"/>
              </a:ext>
            </a:extLst>
          </p:cNvPr>
          <p:cNvSpPr>
            <a:spLocks noGrp="1" noChangeAspect="1"/>
          </p:cNvSpPr>
          <p:nvPr>
            <p:ph type="pic" sz="quarter" idx="12" hasCustomPrompt="1"/>
          </p:nvPr>
        </p:nvSpPr>
        <p:spPr>
          <a:xfrm>
            <a:off x="3584576" y="1601788"/>
            <a:ext cx="1435100" cy="956733"/>
          </a:xfrm>
        </p:spPr>
        <p:txBody>
          <a:bodyPr rIns="0" anchor="ctr" anchorCtr="0"/>
          <a:lstStyle>
            <a:lvl1pPr algn="ctr">
              <a:defRPr sz="1600"/>
            </a:lvl1pPr>
          </a:lstStyle>
          <a:p>
            <a:r>
              <a:rPr lang="en-US" dirty="0"/>
              <a:t>Click here to insert headshot</a:t>
            </a:r>
          </a:p>
        </p:txBody>
      </p:sp>
      <p:sp>
        <p:nvSpPr>
          <p:cNvPr id="11" name="Headshot Placeholder 2">
            <a:extLst>
              <a:ext uri="{FF2B5EF4-FFF2-40B4-BE49-F238E27FC236}">
                <a16:creationId xmlns:a16="http://schemas.microsoft.com/office/drawing/2014/main" id="{E8A38C91-468D-43C3-9DDF-3D49BE4EEB64}"/>
              </a:ext>
            </a:extLst>
          </p:cNvPr>
          <p:cNvSpPr>
            <a:spLocks noGrp="1" noChangeAspect="1"/>
          </p:cNvSpPr>
          <p:nvPr>
            <p:ph type="pic" sz="quarter" idx="13" hasCustomPrompt="1"/>
          </p:nvPr>
        </p:nvSpPr>
        <p:spPr>
          <a:xfrm>
            <a:off x="5630122" y="1601788"/>
            <a:ext cx="1440180" cy="96012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13" name="Headshot Placeholder 3">
            <a:extLst>
              <a:ext uri="{FF2B5EF4-FFF2-40B4-BE49-F238E27FC236}">
                <a16:creationId xmlns:a16="http://schemas.microsoft.com/office/drawing/2014/main" id="{6D74FF19-6316-46B5-9F2F-197A096DAFC9}"/>
              </a:ext>
            </a:extLst>
          </p:cNvPr>
          <p:cNvSpPr>
            <a:spLocks noGrp="1" noChangeAspect="1"/>
          </p:cNvSpPr>
          <p:nvPr>
            <p:ph type="pic" sz="quarter" idx="14" hasCustomPrompt="1"/>
          </p:nvPr>
        </p:nvSpPr>
        <p:spPr>
          <a:xfrm>
            <a:off x="7680748" y="1601788"/>
            <a:ext cx="1440180" cy="96012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8" name="Headshot Placeholder 4">
            <a:extLst>
              <a:ext uri="{FF2B5EF4-FFF2-40B4-BE49-F238E27FC236}">
                <a16:creationId xmlns:a16="http://schemas.microsoft.com/office/drawing/2014/main" id="{E562E097-32AF-4CB3-8CFD-E3F12BE51433}"/>
              </a:ext>
            </a:extLst>
          </p:cNvPr>
          <p:cNvSpPr>
            <a:spLocks noGrp="1" noChangeAspect="1"/>
          </p:cNvSpPr>
          <p:nvPr>
            <p:ph type="pic" sz="quarter" idx="18" hasCustomPrompt="1"/>
          </p:nvPr>
        </p:nvSpPr>
        <p:spPr>
          <a:xfrm>
            <a:off x="9731374" y="1601788"/>
            <a:ext cx="1440180" cy="96012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14" name="Headshot Placeholder 5">
            <a:extLst>
              <a:ext uri="{FF2B5EF4-FFF2-40B4-BE49-F238E27FC236}">
                <a16:creationId xmlns:a16="http://schemas.microsoft.com/office/drawing/2014/main" id="{EEC09747-3096-49C8-AF80-79E243A26F01}"/>
              </a:ext>
            </a:extLst>
          </p:cNvPr>
          <p:cNvSpPr>
            <a:spLocks noGrp="1" noChangeAspect="1"/>
          </p:cNvSpPr>
          <p:nvPr>
            <p:ph type="pic" sz="quarter" idx="20" hasCustomPrompt="1"/>
          </p:nvPr>
        </p:nvSpPr>
        <p:spPr>
          <a:xfrm>
            <a:off x="3584576" y="4102100"/>
            <a:ext cx="1440180" cy="96012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18" name="Headshot Placeholder 6">
            <a:extLst>
              <a:ext uri="{FF2B5EF4-FFF2-40B4-BE49-F238E27FC236}">
                <a16:creationId xmlns:a16="http://schemas.microsoft.com/office/drawing/2014/main" id="{5A0F6C97-4947-4297-B676-3E2F9F9B08F9}"/>
              </a:ext>
            </a:extLst>
          </p:cNvPr>
          <p:cNvSpPr>
            <a:spLocks noGrp="1" noChangeAspect="1"/>
          </p:cNvSpPr>
          <p:nvPr>
            <p:ph type="pic" sz="quarter" idx="21" hasCustomPrompt="1"/>
          </p:nvPr>
        </p:nvSpPr>
        <p:spPr>
          <a:xfrm>
            <a:off x="5633509" y="4102100"/>
            <a:ext cx="1440180" cy="96012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21" name="Headshot Placeholder 7">
            <a:extLst>
              <a:ext uri="{FF2B5EF4-FFF2-40B4-BE49-F238E27FC236}">
                <a16:creationId xmlns:a16="http://schemas.microsoft.com/office/drawing/2014/main" id="{7332A527-0EB9-43D0-86B3-FF7773EE320D}"/>
              </a:ext>
            </a:extLst>
          </p:cNvPr>
          <p:cNvSpPr>
            <a:spLocks noGrp="1" noChangeAspect="1"/>
          </p:cNvSpPr>
          <p:nvPr>
            <p:ph type="pic" sz="quarter" idx="22" hasCustomPrompt="1"/>
          </p:nvPr>
        </p:nvSpPr>
        <p:spPr>
          <a:xfrm>
            <a:off x="7682442" y="4102100"/>
            <a:ext cx="1440180" cy="96012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23" name="Headshot Placeholder 8">
            <a:extLst>
              <a:ext uri="{FF2B5EF4-FFF2-40B4-BE49-F238E27FC236}">
                <a16:creationId xmlns:a16="http://schemas.microsoft.com/office/drawing/2014/main" id="{8893B922-E816-4EB8-918A-6B723AFB4A5B}"/>
              </a:ext>
            </a:extLst>
          </p:cNvPr>
          <p:cNvSpPr>
            <a:spLocks noGrp="1" noChangeAspect="1"/>
          </p:cNvSpPr>
          <p:nvPr>
            <p:ph type="pic" sz="quarter" idx="23" hasCustomPrompt="1"/>
          </p:nvPr>
        </p:nvSpPr>
        <p:spPr>
          <a:xfrm>
            <a:off x="9731374" y="4102100"/>
            <a:ext cx="1440180" cy="960120"/>
          </a:xfrm>
        </p:spPr>
        <p:txBody>
          <a:bodyPr rIns="0" anchor="ctr" anchorCtr="0"/>
          <a:lstStyle>
            <a:lvl1pPr marL="0" marR="0" indent="0" algn="ctr" defTabSz="914400" eaLnBrk="1" fontAlgn="auto" latinLnBrk="0" hangingPunct="1">
              <a:lnSpc>
                <a:spcPct val="100000"/>
              </a:lnSpc>
              <a:spcBef>
                <a:spcPts val="1200"/>
              </a:spcBef>
              <a:spcAft>
                <a:spcPts val="1200"/>
              </a:spcAft>
              <a:buClrTx/>
              <a:buSzTx/>
              <a:buFontTx/>
              <a:buNone/>
              <a:tabLst/>
              <a:defRPr sz="1600"/>
            </a:lvl1pPr>
          </a:lstStyle>
          <a:p>
            <a:pPr marL="0" marR="0" lvl="0" indent="0" defTabSz="914400" eaLnBrk="1" fontAlgn="auto" latinLnBrk="0" hangingPunct="1">
              <a:lnSpc>
                <a:spcPct val="100000"/>
              </a:lnSpc>
              <a:spcBef>
                <a:spcPts val="1200"/>
              </a:spcBef>
              <a:spcAft>
                <a:spcPts val="1200"/>
              </a:spcAft>
              <a:buClrTx/>
              <a:buSzTx/>
              <a:buFontTx/>
              <a:buNone/>
              <a:tabLst/>
              <a:defRPr/>
            </a:pPr>
            <a:r>
              <a:rPr lang="en-US" dirty="0"/>
              <a:t>Click here to insert headshot</a:t>
            </a:r>
          </a:p>
        </p:txBody>
      </p:sp>
      <p:sp>
        <p:nvSpPr>
          <p:cNvPr id="15" name="Speaker Placeholder 1">
            <a:extLst>
              <a:ext uri="{FF2B5EF4-FFF2-40B4-BE49-F238E27FC236}">
                <a16:creationId xmlns:a16="http://schemas.microsoft.com/office/drawing/2014/main" id="{1580652B-9E6F-4260-9DEC-3A38C7F88E83}"/>
              </a:ext>
            </a:extLst>
          </p:cNvPr>
          <p:cNvSpPr>
            <a:spLocks noGrp="1"/>
          </p:cNvSpPr>
          <p:nvPr>
            <p:ph sz="quarter" idx="15" hasCustomPrompt="1"/>
          </p:nvPr>
        </p:nvSpPr>
        <p:spPr>
          <a:xfrm>
            <a:off x="3584575" y="2667001"/>
            <a:ext cx="1947672" cy="1147762"/>
          </a:xfrm>
        </p:spPr>
        <p:txBody>
          <a:bodyPr rIns="274320"/>
          <a:lstStyle>
            <a:lvl1pPr>
              <a:spcBef>
                <a:spcPts val="0"/>
              </a:spcBef>
              <a:spcAft>
                <a:spcPts val="0"/>
              </a:spcAft>
              <a:defRPr sz="1500">
                <a:latin typeface="Financier Display Medium" panose="02020603070506060203" pitchFamily="18" charset="0"/>
              </a:defRPr>
            </a:lvl1pPr>
            <a:lvl2pPr>
              <a:spcAft>
                <a:spcPts val="300"/>
              </a:spcAft>
              <a:defRPr sz="11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17" name="Speaker Placeholder 2">
            <a:extLst>
              <a:ext uri="{FF2B5EF4-FFF2-40B4-BE49-F238E27FC236}">
                <a16:creationId xmlns:a16="http://schemas.microsoft.com/office/drawing/2014/main" id="{827758D5-026F-4A2D-A871-26D5B08A4CBD}"/>
              </a:ext>
            </a:extLst>
          </p:cNvPr>
          <p:cNvSpPr>
            <a:spLocks noGrp="1"/>
          </p:cNvSpPr>
          <p:nvPr>
            <p:ph sz="quarter" idx="16" hasCustomPrompt="1"/>
          </p:nvPr>
        </p:nvSpPr>
        <p:spPr>
          <a:xfrm>
            <a:off x="5634228" y="2667001"/>
            <a:ext cx="1947672" cy="1147762"/>
          </a:xfrm>
        </p:spPr>
        <p:txBody>
          <a:bodyPr rIns="274320"/>
          <a:lstStyle>
            <a:lvl1pPr>
              <a:spcBef>
                <a:spcPts val="0"/>
              </a:spcBef>
              <a:spcAft>
                <a:spcPts val="0"/>
              </a:spcAft>
              <a:defRPr sz="1500">
                <a:latin typeface="Financier Display Medium" panose="02020603070506060203" pitchFamily="18" charset="0"/>
              </a:defRPr>
            </a:lvl1pPr>
            <a:lvl2pPr>
              <a:spcAft>
                <a:spcPts val="300"/>
              </a:spcAft>
              <a:defRPr sz="11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19" name="Speaker Placeholder 3">
            <a:extLst>
              <a:ext uri="{FF2B5EF4-FFF2-40B4-BE49-F238E27FC236}">
                <a16:creationId xmlns:a16="http://schemas.microsoft.com/office/drawing/2014/main" id="{981AFD52-7FA0-454D-A7E7-FF6CFF403186}"/>
              </a:ext>
            </a:extLst>
          </p:cNvPr>
          <p:cNvSpPr>
            <a:spLocks noGrp="1"/>
          </p:cNvSpPr>
          <p:nvPr>
            <p:ph sz="quarter" idx="17" hasCustomPrompt="1"/>
          </p:nvPr>
        </p:nvSpPr>
        <p:spPr>
          <a:xfrm>
            <a:off x="7681501" y="2667001"/>
            <a:ext cx="1947672" cy="1147762"/>
          </a:xfrm>
        </p:spPr>
        <p:txBody>
          <a:bodyPr rIns="274320"/>
          <a:lstStyle>
            <a:lvl1pPr>
              <a:spcBef>
                <a:spcPts val="0"/>
              </a:spcBef>
              <a:spcAft>
                <a:spcPts val="0"/>
              </a:spcAft>
              <a:defRPr sz="1500">
                <a:latin typeface="Financier Display Medium" panose="02020603070506060203" pitchFamily="18" charset="0"/>
              </a:defRPr>
            </a:lvl1pPr>
            <a:lvl2pPr>
              <a:spcAft>
                <a:spcPts val="300"/>
              </a:spcAft>
              <a:defRPr sz="11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10" name="Speaker Placeholder 4">
            <a:extLst>
              <a:ext uri="{FF2B5EF4-FFF2-40B4-BE49-F238E27FC236}">
                <a16:creationId xmlns:a16="http://schemas.microsoft.com/office/drawing/2014/main" id="{42AA3A88-FA21-4ACB-9882-A7C04F6FDD72}"/>
              </a:ext>
            </a:extLst>
          </p:cNvPr>
          <p:cNvSpPr>
            <a:spLocks noGrp="1"/>
          </p:cNvSpPr>
          <p:nvPr>
            <p:ph sz="quarter" idx="19" hasCustomPrompt="1"/>
          </p:nvPr>
        </p:nvSpPr>
        <p:spPr>
          <a:xfrm>
            <a:off x="9731375" y="2667000"/>
            <a:ext cx="1947863" cy="1146175"/>
          </a:xfrm>
        </p:spPr>
        <p:txBody>
          <a:bodyPr rIns="274320"/>
          <a:lstStyle>
            <a:lvl1pPr>
              <a:spcBef>
                <a:spcPts val="0"/>
              </a:spcBef>
              <a:spcAft>
                <a:spcPts val="0"/>
              </a:spcAft>
              <a:defRPr sz="1500">
                <a:latin typeface="Financier Display Medium" panose="02020603070506060203" pitchFamily="18" charset="0"/>
              </a:defRPr>
            </a:lvl1pPr>
            <a:lvl2pPr>
              <a:spcAft>
                <a:spcPts val="300"/>
              </a:spcAft>
              <a:defRPr sz="11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25" name="Speaker Placeholder 5">
            <a:extLst>
              <a:ext uri="{FF2B5EF4-FFF2-40B4-BE49-F238E27FC236}">
                <a16:creationId xmlns:a16="http://schemas.microsoft.com/office/drawing/2014/main" id="{B2B0C01B-6531-42DF-8417-7D611F2700F2}"/>
              </a:ext>
            </a:extLst>
          </p:cNvPr>
          <p:cNvSpPr>
            <a:spLocks noGrp="1"/>
          </p:cNvSpPr>
          <p:nvPr>
            <p:ph sz="quarter" idx="24" hasCustomPrompt="1"/>
          </p:nvPr>
        </p:nvSpPr>
        <p:spPr>
          <a:xfrm>
            <a:off x="3584575" y="5167312"/>
            <a:ext cx="1947672" cy="1143000"/>
          </a:xfrm>
        </p:spPr>
        <p:txBody>
          <a:bodyPr rIns="274320"/>
          <a:lstStyle>
            <a:lvl1pPr>
              <a:spcBef>
                <a:spcPts val="0"/>
              </a:spcBef>
              <a:spcAft>
                <a:spcPts val="0"/>
              </a:spcAft>
              <a:defRPr sz="1500">
                <a:latin typeface="Financier Display Medium" panose="02020603070506060203" pitchFamily="18" charset="0"/>
              </a:defRPr>
            </a:lvl1pPr>
            <a:lvl2pPr>
              <a:spcAft>
                <a:spcPts val="300"/>
              </a:spcAft>
              <a:defRPr sz="11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27" name="Speaker Placeholder 6">
            <a:extLst>
              <a:ext uri="{FF2B5EF4-FFF2-40B4-BE49-F238E27FC236}">
                <a16:creationId xmlns:a16="http://schemas.microsoft.com/office/drawing/2014/main" id="{CC0E2C9A-7281-4F6E-B19D-616AF41B108E}"/>
              </a:ext>
            </a:extLst>
          </p:cNvPr>
          <p:cNvSpPr>
            <a:spLocks noGrp="1"/>
          </p:cNvSpPr>
          <p:nvPr>
            <p:ph sz="quarter" idx="25" hasCustomPrompt="1"/>
          </p:nvPr>
        </p:nvSpPr>
        <p:spPr>
          <a:xfrm>
            <a:off x="5634228" y="5167312"/>
            <a:ext cx="1947672" cy="1143000"/>
          </a:xfrm>
        </p:spPr>
        <p:txBody>
          <a:bodyPr rIns="274320"/>
          <a:lstStyle>
            <a:lvl1pPr>
              <a:spcBef>
                <a:spcPts val="0"/>
              </a:spcBef>
              <a:spcAft>
                <a:spcPts val="0"/>
              </a:spcAft>
              <a:defRPr sz="1500">
                <a:latin typeface="Financier Display Medium" panose="02020603070506060203" pitchFamily="18" charset="0"/>
              </a:defRPr>
            </a:lvl1pPr>
            <a:lvl2pPr>
              <a:spcAft>
                <a:spcPts val="300"/>
              </a:spcAft>
              <a:defRPr sz="11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29" name="Speaker Placeholder 7">
            <a:extLst>
              <a:ext uri="{FF2B5EF4-FFF2-40B4-BE49-F238E27FC236}">
                <a16:creationId xmlns:a16="http://schemas.microsoft.com/office/drawing/2014/main" id="{57E18A33-5D61-41C4-BC2A-577D212DE187}"/>
              </a:ext>
            </a:extLst>
          </p:cNvPr>
          <p:cNvSpPr>
            <a:spLocks noGrp="1"/>
          </p:cNvSpPr>
          <p:nvPr>
            <p:ph sz="quarter" idx="26" hasCustomPrompt="1"/>
          </p:nvPr>
        </p:nvSpPr>
        <p:spPr>
          <a:xfrm>
            <a:off x="7681501" y="5167312"/>
            <a:ext cx="1947672" cy="1143000"/>
          </a:xfrm>
        </p:spPr>
        <p:txBody>
          <a:bodyPr rIns="274320"/>
          <a:lstStyle>
            <a:lvl1pPr>
              <a:spcBef>
                <a:spcPts val="0"/>
              </a:spcBef>
              <a:spcAft>
                <a:spcPts val="0"/>
              </a:spcAft>
              <a:defRPr sz="1500">
                <a:latin typeface="Financier Display Medium" panose="02020603070506060203" pitchFamily="18" charset="0"/>
              </a:defRPr>
            </a:lvl1pPr>
            <a:lvl2pPr>
              <a:spcAft>
                <a:spcPts val="300"/>
              </a:spcAft>
              <a:defRPr sz="11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
        <p:nvSpPr>
          <p:cNvPr id="31" name="Speaker Placeholder 8">
            <a:extLst>
              <a:ext uri="{FF2B5EF4-FFF2-40B4-BE49-F238E27FC236}">
                <a16:creationId xmlns:a16="http://schemas.microsoft.com/office/drawing/2014/main" id="{BA121CB0-15F6-4A74-B2B5-3C8F4A4B255E}"/>
              </a:ext>
            </a:extLst>
          </p:cNvPr>
          <p:cNvSpPr>
            <a:spLocks noGrp="1"/>
          </p:cNvSpPr>
          <p:nvPr>
            <p:ph sz="quarter" idx="27" hasCustomPrompt="1"/>
          </p:nvPr>
        </p:nvSpPr>
        <p:spPr>
          <a:xfrm>
            <a:off x="9731375" y="5167312"/>
            <a:ext cx="1947672" cy="1143000"/>
          </a:xfrm>
        </p:spPr>
        <p:txBody>
          <a:bodyPr rIns="274320"/>
          <a:lstStyle>
            <a:lvl1pPr>
              <a:spcBef>
                <a:spcPts val="0"/>
              </a:spcBef>
              <a:spcAft>
                <a:spcPts val="0"/>
              </a:spcAft>
              <a:defRPr sz="1500">
                <a:latin typeface="Financier Display Medium" panose="02020603070506060203" pitchFamily="18" charset="0"/>
              </a:defRPr>
            </a:lvl1pPr>
            <a:lvl2pPr>
              <a:spcAft>
                <a:spcPts val="300"/>
              </a:spcAft>
              <a:defRPr sz="1100">
                <a:latin typeface="+mn-lt"/>
              </a:defRPr>
            </a:lvl2pPr>
            <a:lvl3pPr>
              <a:spcBef>
                <a:spcPts val="0"/>
              </a:spcBef>
              <a:spcAft>
                <a:spcPts val="0"/>
              </a:spcAft>
              <a:defRPr sz="1000">
                <a:latin typeface="Calibre Light" panose="020B0303030202060203" pitchFamily="34" charset="0"/>
              </a:defRPr>
            </a:lvl3pPr>
            <a:lvl4pPr>
              <a:defRPr sz="1000"/>
            </a:lvl4pPr>
          </a:lstStyle>
          <a:p>
            <a:pPr lvl="0"/>
            <a:r>
              <a:rPr lang="en-US" dirty="0" err="1"/>
              <a:t>FirstnameLast</a:t>
            </a:r>
            <a:endParaRPr lang="en-US" dirty="0"/>
          </a:p>
          <a:p>
            <a:pPr lvl="1"/>
            <a:r>
              <a:rPr lang="en-US" dirty="0"/>
              <a:t>Title</a:t>
            </a:r>
          </a:p>
          <a:p>
            <a:pPr lvl="2"/>
            <a:r>
              <a:rPr lang="en-US" dirty="0"/>
              <a:t>Contact info</a:t>
            </a:r>
          </a:p>
          <a:p>
            <a:pPr lvl="3"/>
            <a:r>
              <a:rPr lang="en-US" dirty="0"/>
              <a:t>Bio info</a:t>
            </a:r>
          </a:p>
        </p:txBody>
      </p:sp>
    </p:spTree>
    <p:extLst>
      <p:ext uri="{BB962C8B-B14F-4D97-AF65-F5344CB8AC3E}">
        <p14:creationId xmlns:p14="http://schemas.microsoft.com/office/powerpoint/2010/main" val="184983560"/>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Profiles page">
    <p:spTree>
      <p:nvGrpSpPr>
        <p:cNvPr id="1" name=""/>
        <p:cNvGrpSpPr/>
        <p:nvPr/>
      </p:nvGrpSpPr>
      <p:grpSpPr>
        <a:xfrm>
          <a:off x="0" y="0"/>
          <a:ext cx="0" cy="0"/>
          <a:chOff x="0" y="0"/>
          <a:chExt cx="0" cy="0"/>
        </a:xfrm>
      </p:grpSpPr>
      <p:sp>
        <p:nvSpPr>
          <p:cNvPr id="12" name="Picture Placeholder 2">
            <a:extLst>
              <a:ext uri="{FF2B5EF4-FFF2-40B4-BE49-F238E27FC236}">
                <a16:creationId xmlns:a16="http://schemas.microsoft.com/office/drawing/2014/main" id="{A56952DA-6F0A-4C71-BD6F-D744047D5509}"/>
              </a:ext>
            </a:extLst>
          </p:cNvPr>
          <p:cNvSpPr>
            <a:spLocks noGrp="1"/>
          </p:cNvSpPr>
          <p:nvPr>
            <p:ph type="pic" sz="quarter" idx="42" hasCustomPrompt="1"/>
          </p:nvPr>
        </p:nvSpPr>
        <p:spPr>
          <a:xfrm>
            <a:off x="512912" y="950913"/>
            <a:ext cx="1692000" cy="1835999"/>
          </a:xfrm>
          <a:solidFill>
            <a:schemeClr val="bg1">
              <a:lumMod val="85000"/>
            </a:schemeClr>
          </a:solidFill>
        </p:spPr>
        <p:txBody>
          <a:bodyPr/>
          <a:lstStyle>
            <a:lvl1pPr>
              <a:defRPr/>
            </a:lvl1pPr>
          </a:lstStyle>
          <a:p>
            <a:r>
              <a:rPr lang="en-US" dirty="0"/>
              <a:t> </a:t>
            </a:r>
          </a:p>
        </p:txBody>
      </p:sp>
      <p:sp>
        <p:nvSpPr>
          <p:cNvPr id="13" name="Title 19">
            <a:extLst>
              <a:ext uri="{FF2B5EF4-FFF2-40B4-BE49-F238E27FC236}">
                <a16:creationId xmlns:a16="http://schemas.microsoft.com/office/drawing/2014/main" id="{F3005E3D-50DA-4999-837A-5550D20CFBF9}"/>
              </a:ext>
            </a:extLst>
          </p:cNvPr>
          <p:cNvSpPr>
            <a:spLocks noGrp="1"/>
          </p:cNvSpPr>
          <p:nvPr>
            <p:ph type="title" hasCustomPrompt="1"/>
          </p:nvPr>
        </p:nvSpPr>
        <p:spPr>
          <a:xfrm>
            <a:off x="2569372" y="1260849"/>
            <a:ext cx="3586162" cy="609566"/>
          </a:xfrm>
        </p:spPr>
        <p:txBody>
          <a:bodyPr anchor="t"/>
          <a:lstStyle>
            <a:lvl1pPr>
              <a:defRPr lang="en-GB" sz="2600" kern="0" dirty="0">
                <a:solidFill>
                  <a:srgbClr val="003F2D"/>
                </a:solidFill>
                <a:latin typeface="+mj-lt"/>
                <a:ea typeface="+mn-ea"/>
                <a:cs typeface="+mn-cs"/>
              </a:defRPr>
            </a:lvl1pPr>
          </a:lstStyle>
          <a:p>
            <a:r>
              <a:rPr lang="en-US" dirty="0"/>
              <a:t>Click to Edit Master Title Style</a:t>
            </a:r>
            <a:endParaRPr lang="en-GB" dirty="0"/>
          </a:p>
        </p:txBody>
      </p:sp>
      <p:sp>
        <p:nvSpPr>
          <p:cNvPr id="14" name="Text Placeholder 23">
            <a:extLst>
              <a:ext uri="{FF2B5EF4-FFF2-40B4-BE49-F238E27FC236}">
                <a16:creationId xmlns:a16="http://schemas.microsoft.com/office/drawing/2014/main" id="{950E5303-920C-40F9-A243-EB914E6733D6}"/>
              </a:ext>
            </a:extLst>
          </p:cNvPr>
          <p:cNvSpPr>
            <a:spLocks noGrp="1"/>
          </p:cNvSpPr>
          <p:nvPr>
            <p:ph type="body" sz="quarter" idx="44"/>
          </p:nvPr>
        </p:nvSpPr>
        <p:spPr>
          <a:xfrm>
            <a:off x="4346005" y="3020994"/>
            <a:ext cx="3600000" cy="3360744"/>
          </a:xfrm>
        </p:spPr>
        <p:txBody>
          <a:bodyPr/>
          <a:lstStyle>
            <a:lvl1pPr>
              <a:spcBef>
                <a:spcPts val="600"/>
              </a:spcBef>
              <a:spcAft>
                <a:spcPts val="600"/>
              </a:spcAft>
              <a:defRPr sz="1400" b="0" i="0">
                <a:solidFill>
                  <a:srgbClr val="003F2D"/>
                </a:solidFill>
                <a:latin typeface="Calibre Medium" panose="020B0503030202060203" pitchFamily="34" charset="77"/>
              </a:defRPr>
            </a:lvl1pPr>
            <a:lvl3pPr>
              <a:defRPr sz="1200"/>
            </a:lvl3pPr>
          </a:lstStyle>
          <a:p>
            <a:pPr lvl="0"/>
            <a:r>
              <a:rPr lang="en-US" dirty="0"/>
              <a:t>Click to edit Master text styles</a:t>
            </a:r>
          </a:p>
          <a:p>
            <a:pPr lvl="2"/>
            <a:r>
              <a:rPr lang="en-US" dirty="0"/>
              <a:t>Third level</a:t>
            </a:r>
          </a:p>
        </p:txBody>
      </p:sp>
      <p:sp>
        <p:nvSpPr>
          <p:cNvPr id="15" name="Text Placeholder 25">
            <a:extLst>
              <a:ext uri="{FF2B5EF4-FFF2-40B4-BE49-F238E27FC236}">
                <a16:creationId xmlns:a16="http://schemas.microsoft.com/office/drawing/2014/main" id="{A9DAE0BA-2170-4CE7-8BD9-CF1878669A16}"/>
              </a:ext>
            </a:extLst>
          </p:cNvPr>
          <p:cNvSpPr>
            <a:spLocks noGrp="1"/>
          </p:cNvSpPr>
          <p:nvPr>
            <p:ph type="body" sz="quarter" idx="45" hasCustomPrompt="1"/>
          </p:nvPr>
        </p:nvSpPr>
        <p:spPr>
          <a:xfrm>
            <a:off x="511173" y="3376613"/>
            <a:ext cx="3600000" cy="3005137"/>
          </a:xfrm>
          <a:noFill/>
        </p:spPr>
        <p:txBody>
          <a:bodyPr lIns="0" tIns="0" rIns="0" bIns="0"/>
          <a:lstStyle>
            <a:lvl1pPr>
              <a:spcBef>
                <a:spcPts val="600"/>
              </a:spcBef>
              <a:spcAft>
                <a:spcPts val="600"/>
              </a:spcAft>
              <a:defRPr sz="1600">
                <a:solidFill>
                  <a:schemeClr val="accent6"/>
                </a:solidFill>
                <a:latin typeface="+mj-lt"/>
              </a:defRPr>
            </a:lvl1pPr>
            <a:lvl2pPr>
              <a:defRPr>
                <a:solidFill>
                  <a:schemeClr val="accent6"/>
                </a:solidFill>
                <a:latin typeface="+mj-lt"/>
              </a:defRPr>
            </a:lvl2pPr>
            <a:lvl3pPr>
              <a:defRPr lang="en-US" sz="1100" dirty="0">
                <a:solidFill>
                  <a:schemeClr val="tx1"/>
                </a:solidFill>
                <a:latin typeface="+mn-lt"/>
                <a:ea typeface="+mn-ea"/>
                <a:cs typeface="+mn-cs"/>
              </a:defRPr>
            </a:lvl3pPr>
            <a:lvl4pPr marL="171450" indent="-171450">
              <a:buFont typeface="Courier New" panose="02070309020205020404" pitchFamily="49" charset="0"/>
              <a:buChar char="­"/>
              <a:defRPr lang="en-US" sz="1100" dirty="0">
                <a:solidFill>
                  <a:schemeClr val="tx1"/>
                </a:solidFill>
                <a:latin typeface="+mn-lt"/>
                <a:ea typeface="+mn-ea"/>
                <a:cs typeface="+mn-cs"/>
              </a:defRPr>
            </a:lvl4pPr>
            <a:lvl5pPr>
              <a:defRPr>
                <a:solidFill>
                  <a:schemeClr val="accent6"/>
                </a:solidFill>
                <a:latin typeface="+mj-lt"/>
              </a:defRPr>
            </a:lvl5pPr>
            <a:lvl6pPr>
              <a:defRPr>
                <a:solidFill>
                  <a:schemeClr val="accent6"/>
                </a:solidFill>
                <a:latin typeface="+mj-lt"/>
              </a:defRPr>
            </a:lvl6pPr>
            <a:lvl7pPr>
              <a:defRPr>
                <a:solidFill>
                  <a:schemeClr val="accent6"/>
                </a:solidFill>
                <a:latin typeface="+mj-lt"/>
              </a:defRPr>
            </a:lvl7pPr>
          </a:lstStyle>
          <a:p>
            <a:pPr lvl="0"/>
            <a:r>
              <a:rPr lang="en-US" dirty="0"/>
              <a:t>Heading 1</a:t>
            </a:r>
          </a:p>
          <a:p>
            <a:pPr lvl="2"/>
            <a:r>
              <a:rPr lang="en-US" dirty="0"/>
              <a:t>Body Copy</a:t>
            </a:r>
          </a:p>
          <a:p>
            <a:pPr lvl="3"/>
            <a:r>
              <a:rPr lang="en-US" dirty="0"/>
              <a:t>Body Bullet</a:t>
            </a:r>
          </a:p>
        </p:txBody>
      </p:sp>
      <p:sp>
        <p:nvSpPr>
          <p:cNvPr id="18" name="Text Placeholder 17">
            <a:extLst>
              <a:ext uri="{FF2B5EF4-FFF2-40B4-BE49-F238E27FC236}">
                <a16:creationId xmlns:a16="http://schemas.microsoft.com/office/drawing/2014/main" id="{AB7BD404-9E04-47E3-9EE4-6D7A75D00B1C}"/>
              </a:ext>
            </a:extLst>
          </p:cNvPr>
          <p:cNvSpPr>
            <a:spLocks noGrp="1"/>
          </p:cNvSpPr>
          <p:nvPr>
            <p:ph type="body" sz="quarter" idx="13" hasCustomPrompt="1"/>
          </p:nvPr>
        </p:nvSpPr>
        <p:spPr>
          <a:xfrm>
            <a:off x="2569372" y="962488"/>
            <a:ext cx="3586162" cy="153886"/>
          </a:xfrm>
          <a:noFill/>
        </p:spPr>
        <p:txBody>
          <a:bodyPr wrap="square" lIns="0" tIns="0" rIns="0" bIns="0" rtlCol="0">
            <a:spAutoFit/>
          </a:bodyPr>
          <a:lstStyle>
            <a:lvl1pPr marL="0" algn="l" defTabSz="914400" rtl="0" eaLnBrk="1" latinLnBrk="0" hangingPunct="1">
              <a:defRPr lang="en-HK" sz="1000" b="0" i="0" spc="150" baseline="0" smtClean="0">
                <a:solidFill>
                  <a:srgbClr val="383D3D"/>
                </a:solidFill>
                <a:effectLst/>
                <a:latin typeface="Calibre Light" panose="020B0303030202060203" pitchFamily="34" charset="77"/>
              </a:defRPr>
            </a:lvl1pPr>
          </a:lstStyle>
          <a:p>
            <a:r>
              <a:rPr lang="en-HK" dirty="0">
                <a:solidFill>
                  <a:srgbClr val="435254"/>
                </a:solidFill>
                <a:effectLst/>
                <a:latin typeface="Calibre Light" panose="020B0303030202060203" pitchFamily="34" charset="77"/>
              </a:rPr>
              <a:t>DEPARTMENT / LOCATION</a:t>
            </a:r>
          </a:p>
        </p:txBody>
      </p:sp>
      <p:sp>
        <p:nvSpPr>
          <p:cNvPr id="19" name="Text Placeholder 23">
            <a:extLst>
              <a:ext uri="{FF2B5EF4-FFF2-40B4-BE49-F238E27FC236}">
                <a16:creationId xmlns:a16="http://schemas.microsoft.com/office/drawing/2014/main" id="{58C22341-C709-49A7-95E2-82CC9AFBCD22}"/>
              </a:ext>
            </a:extLst>
          </p:cNvPr>
          <p:cNvSpPr>
            <a:spLocks noGrp="1"/>
          </p:cNvSpPr>
          <p:nvPr>
            <p:ph type="body" sz="quarter" idx="47"/>
          </p:nvPr>
        </p:nvSpPr>
        <p:spPr>
          <a:xfrm>
            <a:off x="8180838" y="3020994"/>
            <a:ext cx="3498400" cy="3360735"/>
          </a:xfrm>
        </p:spPr>
        <p:txBody>
          <a:bodyPr/>
          <a:lstStyle>
            <a:lvl1pPr>
              <a:spcBef>
                <a:spcPts val="600"/>
              </a:spcBef>
              <a:spcAft>
                <a:spcPts val="600"/>
              </a:spcAft>
              <a:defRPr sz="1400" b="0" i="0">
                <a:solidFill>
                  <a:srgbClr val="003F2D"/>
                </a:solidFill>
                <a:latin typeface="Calibre Medium" panose="020B0503030202060203" pitchFamily="34" charset="77"/>
              </a:defRPr>
            </a:lvl1pPr>
            <a:lvl3pPr>
              <a:defRPr sz="1200"/>
            </a:lvl3pPr>
          </a:lstStyle>
          <a:p>
            <a:pPr lvl="0"/>
            <a:r>
              <a:rPr lang="en-US" dirty="0"/>
              <a:t>Click to edit Master text styles</a:t>
            </a:r>
          </a:p>
          <a:p>
            <a:pPr lvl="2"/>
            <a:r>
              <a:rPr lang="en-US" dirty="0"/>
              <a:t>Third level</a:t>
            </a:r>
          </a:p>
        </p:txBody>
      </p:sp>
      <p:cxnSp>
        <p:nvCxnSpPr>
          <p:cNvPr id="20" name="Straight Connector 19">
            <a:extLst>
              <a:ext uri="{FF2B5EF4-FFF2-40B4-BE49-F238E27FC236}">
                <a16:creationId xmlns:a16="http://schemas.microsoft.com/office/drawing/2014/main" id="{772078FD-A8FE-42A9-BA67-7543B71C719A}"/>
              </a:ext>
            </a:extLst>
          </p:cNvPr>
          <p:cNvCxnSpPr>
            <a:cxnSpLocks/>
          </p:cNvCxnSpPr>
          <p:nvPr userDrawn="1"/>
        </p:nvCxnSpPr>
        <p:spPr>
          <a:xfrm>
            <a:off x="511173" y="3111500"/>
            <a:ext cx="3600000" cy="0"/>
          </a:xfrm>
          <a:prstGeom prst="line">
            <a:avLst/>
          </a:prstGeom>
          <a:ln w="6350">
            <a:solidFill>
              <a:schemeClr val="accent3"/>
            </a:solidFill>
          </a:ln>
        </p:spPr>
        <p:style>
          <a:lnRef idx="1">
            <a:schemeClr val="accent1"/>
          </a:lnRef>
          <a:fillRef idx="0">
            <a:schemeClr val="accent1"/>
          </a:fillRef>
          <a:effectRef idx="0">
            <a:schemeClr val="accent1"/>
          </a:effectRef>
          <a:fontRef idx="minor">
            <a:schemeClr val="tx1"/>
          </a:fontRef>
        </p:style>
      </p:cxnSp>
      <p:sp>
        <p:nvSpPr>
          <p:cNvPr id="21" name="Text Placeholder 8">
            <a:extLst>
              <a:ext uri="{FF2B5EF4-FFF2-40B4-BE49-F238E27FC236}">
                <a16:creationId xmlns:a16="http://schemas.microsoft.com/office/drawing/2014/main" id="{A5EFD1C9-8014-4D91-9B58-5AFC7272323E}"/>
              </a:ext>
            </a:extLst>
          </p:cNvPr>
          <p:cNvSpPr txBox="1">
            <a:spLocks/>
          </p:cNvSpPr>
          <p:nvPr userDrawn="1"/>
        </p:nvSpPr>
        <p:spPr>
          <a:xfrm>
            <a:off x="1891881" y="541564"/>
            <a:ext cx="8460000" cy="0"/>
          </a:xfrm>
          <a:prstGeom prst="rect">
            <a:avLst/>
          </a:prstGeom>
          <a:ln w="31750" cap="flat" cmpd="sng" algn="ctr">
            <a:solidFill>
              <a:srgbClr val="17E891"/>
            </a:solidFill>
            <a:prstDash val="solid"/>
          </a:ln>
        </p:spPr>
        <p:style>
          <a:lnRef idx="1">
            <a:schemeClr val="accent1"/>
          </a:lnRef>
          <a:fillRef idx="0">
            <a:schemeClr val="accent1"/>
          </a:fillRef>
          <a:effectRef idx="0">
            <a:schemeClr val="accent1"/>
          </a:effectRef>
          <a:fontRef idx="minor">
            <a:schemeClr val="tx1"/>
          </a:fontRef>
        </p:style>
        <p:txBody>
          <a:bodyPr/>
          <a:lstStyle>
            <a:lvl1pPr marL="0" eaLnBrk="1" hangingPunct="1">
              <a:spcBef>
                <a:spcPts val="1200"/>
              </a:spcBef>
              <a:spcAft>
                <a:spcPts val="1200"/>
              </a:spcAft>
              <a:defRPr sz="2200">
                <a:solidFill>
                  <a:schemeClr val="tx1"/>
                </a:solidFill>
                <a:latin typeface="+mn-lt"/>
                <a:ea typeface="+mn-ea"/>
                <a:cs typeface="+mn-cs"/>
              </a:defRPr>
            </a:lvl1pPr>
            <a:lvl2pPr marL="0" indent="0" eaLnBrk="1" hangingPunct="1">
              <a:spcAft>
                <a:spcPts val="600"/>
              </a:spcAft>
              <a:defRPr sz="1600" b="0">
                <a:solidFill>
                  <a:schemeClr val="tx1"/>
                </a:solidFill>
                <a:latin typeface="+mn-lt"/>
                <a:ea typeface="+mn-ea"/>
                <a:cs typeface="+mn-cs"/>
              </a:defRPr>
            </a:lvl2pPr>
            <a:lvl3pPr marL="0" indent="0" eaLnBrk="1" hangingPunct="1">
              <a:spcBef>
                <a:spcPts val="300"/>
              </a:spcBef>
              <a:spcAft>
                <a:spcPts val="300"/>
              </a:spcAft>
              <a:defRPr sz="1100">
                <a:solidFill>
                  <a:schemeClr val="tx1"/>
                </a:solidFill>
                <a:latin typeface="+mn-lt"/>
                <a:ea typeface="+mn-ea"/>
                <a:cs typeface="+mn-cs"/>
              </a:defRPr>
            </a:lvl3pPr>
            <a:lvl4pPr marL="171450" indent="-171450" eaLnBrk="1" hangingPunct="1">
              <a:spcBef>
                <a:spcPts val="300"/>
              </a:spcBef>
              <a:spcAft>
                <a:spcPts val="300"/>
              </a:spcAft>
              <a:buClr>
                <a:schemeClr val="tx1"/>
              </a:buClr>
              <a:buFont typeface="SwissReSansOTLight" panose="04000400000000000000" pitchFamily="82" charset="0"/>
              <a:buChar char="–"/>
              <a:defRPr sz="1100">
                <a:solidFill>
                  <a:schemeClr val="tx1"/>
                </a:solidFill>
                <a:latin typeface="+mn-lt"/>
                <a:ea typeface="+mn-ea"/>
                <a:cs typeface="+mn-cs"/>
              </a:defRPr>
            </a:lvl4pPr>
            <a:lvl5pPr marL="0" indent="0" eaLnBrk="1" hangingPunct="1">
              <a:spcBef>
                <a:spcPts val="600"/>
              </a:spcBef>
              <a:defRPr sz="1200" b="1">
                <a:solidFill>
                  <a:schemeClr val="tx1"/>
                </a:solidFill>
                <a:latin typeface="+mn-lt"/>
                <a:ea typeface="+mn-ea"/>
                <a:cs typeface="+mn-cs"/>
              </a:defRPr>
            </a:lvl5pPr>
            <a:lvl6pPr marL="358775" indent="-171450" eaLnBrk="1" hangingPunct="1">
              <a:spcBef>
                <a:spcPts val="300"/>
              </a:spcBef>
              <a:spcAft>
                <a:spcPts val="300"/>
              </a:spcAft>
              <a:buFontTx/>
              <a:buChar char="–"/>
              <a:defRPr sz="1100">
                <a:solidFill>
                  <a:schemeClr val="tx1"/>
                </a:solidFill>
                <a:latin typeface="+mn-lt"/>
                <a:ea typeface="+mn-ea"/>
                <a:cs typeface="+mn-cs"/>
              </a:defRPr>
            </a:lvl6pPr>
            <a:lvl7pPr marL="541338" indent="-182563" eaLnBrk="1" hangingPunct="1">
              <a:spcBef>
                <a:spcPts val="300"/>
              </a:spcBef>
              <a:spcAft>
                <a:spcPts val="300"/>
              </a:spcAft>
              <a:buFontTx/>
              <a:buChar char="–"/>
              <a:defRPr sz="1100">
                <a:solidFill>
                  <a:schemeClr val="tx1"/>
                </a:solidFill>
                <a:latin typeface="+mn-lt"/>
                <a:ea typeface="+mn-ea"/>
                <a:cs typeface="+mn-cs"/>
              </a:defRPr>
            </a:lvl7pPr>
            <a:lvl8pPr marL="1940723" eaLnBrk="1" hangingPunct="1">
              <a:defRPr>
                <a:solidFill>
                  <a:schemeClr val="tx1"/>
                </a:solidFill>
                <a:latin typeface="+mn-lt"/>
                <a:ea typeface="+mn-ea"/>
                <a:cs typeface="+mn-cs"/>
              </a:defRPr>
            </a:lvl8pPr>
            <a:lvl9pPr marL="2217969" eaLnBrk="1" hangingPunct="1">
              <a:defRPr>
                <a:solidFill>
                  <a:schemeClr val="tx1"/>
                </a:solidFill>
                <a:latin typeface="+mn-lt"/>
                <a:ea typeface="+mn-ea"/>
                <a:cs typeface="+mn-cs"/>
              </a:defRPr>
            </a:lvl9pPr>
          </a:lstStyle>
          <a:p>
            <a:r>
              <a:rPr lang="en-GB" kern="0" dirty="0"/>
              <a:t> </a:t>
            </a:r>
          </a:p>
        </p:txBody>
      </p:sp>
      <p:pic>
        <p:nvPicPr>
          <p:cNvPr id="22" name="Picture 21" descr="A picture containing text, sign, close, clipart&#10;&#10;Description automatically generated">
            <a:extLst>
              <a:ext uri="{FF2B5EF4-FFF2-40B4-BE49-F238E27FC236}">
                <a16:creationId xmlns:a16="http://schemas.microsoft.com/office/drawing/2014/main" id="{7C6FF688-90CE-4508-86CC-02BD1238D7C1}"/>
              </a:ext>
            </a:extLst>
          </p:cNvPr>
          <p:cNvPicPr>
            <a:picLocks noChangeAspect="1"/>
          </p:cNvPicPr>
          <p:nvPr userDrawn="1"/>
        </p:nvPicPr>
        <p:blipFill>
          <a:blip r:embed="rId2" cstate="email">
            <a:extLst>
              <a:ext uri="{28A0092B-C50C-407E-A947-70E740481C1C}">
                <a14:useLocalDpi xmlns:a14="http://schemas.microsoft.com/office/drawing/2010/main" val="0"/>
              </a:ext>
            </a:extLst>
          </a:blip>
          <a:stretch>
            <a:fillRect/>
          </a:stretch>
        </p:blipFill>
        <p:spPr>
          <a:xfrm>
            <a:off x="10579565" y="425089"/>
            <a:ext cx="1078000" cy="252000"/>
          </a:xfrm>
          <a:prstGeom prst="rect">
            <a:avLst/>
          </a:prstGeom>
        </p:spPr>
      </p:pic>
      <p:sp>
        <p:nvSpPr>
          <p:cNvPr id="23" name="Rectangle 22">
            <a:extLst>
              <a:ext uri="{FF2B5EF4-FFF2-40B4-BE49-F238E27FC236}">
                <a16:creationId xmlns:a16="http://schemas.microsoft.com/office/drawing/2014/main" id="{4534DDFD-38CD-4BD8-BC23-E1311E28E6A7}"/>
              </a:ext>
            </a:extLst>
          </p:cNvPr>
          <p:cNvSpPr/>
          <p:nvPr userDrawn="1"/>
        </p:nvSpPr>
        <p:spPr>
          <a:xfrm>
            <a:off x="512915" y="347373"/>
            <a:ext cx="1784985" cy="369332"/>
          </a:xfrm>
          <a:prstGeom prst="rect">
            <a:avLst/>
          </a:prstGeom>
          <a:noFill/>
        </p:spPr>
        <p:txBody>
          <a:bodyPr wrap="square" lIns="0" tIns="0" rIns="0" bIns="0">
            <a:spAutoFit/>
          </a:bodyPr>
          <a:lstStyle/>
          <a:p>
            <a:pPr marL="12700" lvl="0">
              <a:spcAft>
                <a:spcPts val="1800"/>
              </a:spcAft>
              <a:defRPr/>
            </a:pPr>
            <a:r>
              <a:rPr lang="en-US" sz="2400" dirty="0">
                <a:latin typeface="Calibre Light" panose="020B0303030202060203" pitchFamily="34" charset="77"/>
              </a:rPr>
              <a:t>PROFILES</a:t>
            </a:r>
          </a:p>
        </p:txBody>
      </p:sp>
    </p:spTree>
    <p:extLst>
      <p:ext uri="{BB962C8B-B14F-4D97-AF65-F5344CB8AC3E}">
        <p14:creationId xmlns:p14="http://schemas.microsoft.com/office/powerpoint/2010/main" val="647742436"/>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Profiles page_Transactions">
    <p:spTree>
      <p:nvGrpSpPr>
        <p:cNvPr id="1" name=""/>
        <p:cNvGrpSpPr/>
        <p:nvPr/>
      </p:nvGrpSpPr>
      <p:grpSpPr>
        <a:xfrm>
          <a:off x="0" y="0"/>
          <a:ext cx="0" cy="0"/>
          <a:chOff x="0" y="0"/>
          <a:chExt cx="0" cy="0"/>
        </a:xfrm>
      </p:grpSpPr>
      <p:sp>
        <p:nvSpPr>
          <p:cNvPr id="16" name="Picture Placeholder 2">
            <a:extLst>
              <a:ext uri="{FF2B5EF4-FFF2-40B4-BE49-F238E27FC236}">
                <a16:creationId xmlns:a16="http://schemas.microsoft.com/office/drawing/2014/main" id="{32B053B3-6927-4CA5-8001-E8AA31D00B53}"/>
              </a:ext>
            </a:extLst>
          </p:cNvPr>
          <p:cNvSpPr>
            <a:spLocks noGrp="1"/>
          </p:cNvSpPr>
          <p:nvPr>
            <p:ph type="pic" sz="quarter" idx="42" hasCustomPrompt="1"/>
          </p:nvPr>
        </p:nvSpPr>
        <p:spPr>
          <a:xfrm>
            <a:off x="512912" y="976002"/>
            <a:ext cx="1692000" cy="1835999"/>
          </a:xfrm>
          <a:solidFill>
            <a:schemeClr val="bg1">
              <a:lumMod val="85000"/>
            </a:schemeClr>
          </a:solidFill>
        </p:spPr>
        <p:txBody>
          <a:bodyPr/>
          <a:lstStyle>
            <a:lvl1pPr>
              <a:defRPr/>
            </a:lvl1pPr>
          </a:lstStyle>
          <a:p>
            <a:r>
              <a:rPr lang="en-US" dirty="0"/>
              <a:t> </a:t>
            </a:r>
          </a:p>
        </p:txBody>
      </p:sp>
      <p:sp>
        <p:nvSpPr>
          <p:cNvPr id="17" name="Title 19">
            <a:extLst>
              <a:ext uri="{FF2B5EF4-FFF2-40B4-BE49-F238E27FC236}">
                <a16:creationId xmlns:a16="http://schemas.microsoft.com/office/drawing/2014/main" id="{24350B0E-0CA1-4A9A-9FF2-4F0AB2BDBD8F}"/>
              </a:ext>
            </a:extLst>
          </p:cNvPr>
          <p:cNvSpPr>
            <a:spLocks noGrp="1"/>
          </p:cNvSpPr>
          <p:nvPr>
            <p:ph type="title"/>
          </p:nvPr>
        </p:nvSpPr>
        <p:spPr>
          <a:xfrm>
            <a:off x="3073400" y="1285938"/>
            <a:ext cx="3586162" cy="609566"/>
          </a:xfrm>
        </p:spPr>
        <p:txBody>
          <a:bodyPr anchor="t"/>
          <a:lstStyle>
            <a:lvl1pPr>
              <a:defRPr lang="en-GB" sz="2600" kern="0" dirty="0">
                <a:solidFill>
                  <a:srgbClr val="003F2D"/>
                </a:solidFill>
                <a:latin typeface="+mj-lt"/>
                <a:ea typeface="+mn-ea"/>
                <a:cs typeface="+mn-cs"/>
              </a:defRPr>
            </a:lvl1pPr>
          </a:lstStyle>
          <a:p>
            <a:r>
              <a:rPr lang="en-US" dirty="0"/>
              <a:t>Click to edit Master title style</a:t>
            </a:r>
            <a:endParaRPr lang="en-GB" dirty="0"/>
          </a:p>
        </p:txBody>
      </p:sp>
      <p:sp>
        <p:nvSpPr>
          <p:cNvPr id="26" name="Text Placeholder 23">
            <a:extLst>
              <a:ext uri="{FF2B5EF4-FFF2-40B4-BE49-F238E27FC236}">
                <a16:creationId xmlns:a16="http://schemas.microsoft.com/office/drawing/2014/main" id="{51AE1D5B-6D70-4472-822C-3AE31DB2627A}"/>
              </a:ext>
            </a:extLst>
          </p:cNvPr>
          <p:cNvSpPr>
            <a:spLocks noGrp="1"/>
          </p:cNvSpPr>
          <p:nvPr>
            <p:ph type="body" sz="quarter" idx="44"/>
          </p:nvPr>
        </p:nvSpPr>
        <p:spPr>
          <a:xfrm>
            <a:off x="3073400" y="3001941"/>
            <a:ext cx="4140000" cy="3529000"/>
          </a:xfrm>
        </p:spPr>
        <p:txBody>
          <a:bodyPr/>
          <a:lstStyle>
            <a:lvl1pPr>
              <a:spcBef>
                <a:spcPts val="600"/>
              </a:spcBef>
              <a:spcAft>
                <a:spcPts val="600"/>
              </a:spcAft>
              <a:defRPr sz="1400" b="0" i="0">
                <a:latin typeface="Calibre Medium" panose="020B0503030202060203" pitchFamily="34" charset="77"/>
              </a:defRPr>
            </a:lvl1pPr>
            <a:lvl3pPr>
              <a:defRPr sz="1200"/>
            </a:lvl3pPr>
          </a:lstStyle>
          <a:p>
            <a:pPr lvl="0"/>
            <a:r>
              <a:rPr lang="en-US" dirty="0"/>
              <a:t>Click to edit Master text styles</a:t>
            </a:r>
          </a:p>
          <a:p>
            <a:pPr lvl="2"/>
            <a:r>
              <a:rPr lang="en-US" dirty="0"/>
              <a:t>Third level</a:t>
            </a:r>
          </a:p>
        </p:txBody>
      </p:sp>
      <p:sp>
        <p:nvSpPr>
          <p:cNvPr id="28" name="Text Placeholder 17">
            <a:extLst>
              <a:ext uri="{FF2B5EF4-FFF2-40B4-BE49-F238E27FC236}">
                <a16:creationId xmlns:a16="http://schemas.microsoft.com/office/drawing/2014/main" id="{B5662475-AE69-4DC0-BCB9-CCC788447351}"/>
              </a:ext>
            </a:extLst>
          </p:cNvPr>
          <p:cNvSpPr>
            <a:spLocks noGrp="1"/>
          </p:cNvSpPr>
          <p:nvPr>
            <p:ph type="body" sz="quarter" idx="13" hasCustomPrompt="1"/>
          </p:nvPr>
        </p:nvSpPr>
        <p:spPr>
          <a:xfrm>
            <a:off x="3073400" y="987577"/>
            <a:ext cx="3586162" cy="153886"/>
          </a:xfrm>
          <a:noFill/>
        </p:spPr>
        <p:txBody>
          <a:bodyPr wrap="square" lIns="0" tIns="0" rIns="0" bIns="0" rtlCol="0">
            <a:spAutoFit/>
          </a:bodyPr>
          <a:lstStyle>
            <a:lvl1pPr marL="0" algn="l" defTabSz="914400" rtl="0" eaLnBrk="1" latinLnBrk="0" hangingPunct="1">
              <a:defRPr lang="en-HK" sz="1000" b="0" i="0" spc="150" baseline="0" smtClean="0">
                <a:solidFill>
                  <a:srgbClr val="383D3D"/>
                </a:solidFill>
                <a:effectLst/>
                <a:latin typeface="Calibre Light" panose="020B0303030202060203" pitchFamily="34" charset="77"/>
              </a:defRPr>
            </a:lvl1pPr>
          </a:lstStyle>
          <a:p>
            <a:r>
              <a:rPr lang="en-HK" dirty="0">
                <a:solidFill>
                  <a:srgbClr val="435254"/>
                </a:solidFill>
                <a:effectLst/>
                <a:latin typeface="Calibre Light" panose="020B0303030202060203" pitchFamily="34" charset="77"/>
              </a:rPr>
              <a:t>DEPARTMENT / LOCATION</a:t>
            </a:r>
          </a:p>
        </p:txBody>
      </p:sp>
      <p:sp>
        <p:nvSpPr>
          <p:cNvPr id="29" name="Text Placeholder 23">
            <a:extLst>
              <a:ext uri="{FF2B5EF4-FFF2-40B4-BE49-F238E27FC236}">
                <a16:creationId xmlns:a16="http://schemas.microsoft.com/office/drawing/2014/main" id="{33BCD267-1B82-46FD-8402-929B90C71A20}"/>
              </a:ext>
            </a:extLst>
          </p:cNvPr>
          <p:cNvSpPr>
            <a:spLocks noGrp="1"/>
          </p:cNvSpPr>
          <p:nvPr>
            <p:ph type="body" sz="quarter" idx="47"/>
          </p:nvPr>
        </p:nvSpPr>
        <p:spPr>
          <a:xfrm>
            <a:off x="7359088" y="3001941"/>
            <a:ext cx="4320150" cy="3360735"/>
          </a:xfrm>
        </p:spPr>
        <p:txBody>
          <a:bodyPr/>
          <a:lstStyle>
            <a:lvl1pPr>
              <a:spcBef>
                <a:spcPts val="600"/>
              </a:spcBef>
              <a:spcAft>
                <a:spcPts val="600"/>
              </a:spcAft>
              <a:defRPr sz="1400" b="0" i="0">
                <a:latin typeface="Calibre Medium" panose="020B0503030202060203" pitchFamily="34" charset="77"/>
              </a:defRPr>
            </a:lvl1pPr>
            <a:lvl3pPr>
              <a:defRPr sz="1200"/>
            </a:lvl3pPr>
          </a:lstStyle>
          <a:p>
            <a:pPr lvl="0"/>
            <a:r>
              <a:rPr lang="en-US" dirty="0"/>
              <a:t>Click to edit Master text styles</a:t>
            </a:r>
          </a:p>
          <a:p>
            <a:pPr lvl="2"/>
            <a:r>
              <a:rPr lang="en-US" dirty="0"/>
              <a:t>Third level</a:t>
            </a:r>
          </a:p>
        </p:txBody>
      </p:sp>
      <p:cxnSp>
        <p:nvCxnSpPr>
          <p:cNvPr id="30" name="Straight Connector 29">
            <a:extLst>
              <a:ext uri="{FF2B5EF4-FFF2-40B4-BE49-F238E27FC236}">
                <a16:creationId xmlns:a16="http://schemas.microsoft.com/office/drawing/2014/main" id="{2313E8A4-0DDA-4B93-BF74-C823752996A2}"/>
              </a:ext>
            </a:extLst>
          </p:cNvPr>
          <p:cNvCxnSpPr>
            <a:cxnSpLocks/>
          </p:cNvCxnSpPr>
          <p:nvPr userDrawn="1"/>
        </p:nvCxnSpPr>
        <p:spPr>
          <a:xfrm>
            <a:off x="499598" y="3001941"/>
            <a:ext cx="2460627" cy="0"/>
          </a:xfrm>
          <a:prstGeom prst="line">
            <a:avLst/>
          </a:prstGeom>
          <a:ln w="6350">
            <a:solidFill>
              <a:schemeClr val="accent3"/>
            </a:solidFill>
          </a:ln>
        </p:spPr>
        <p:style>
          <a:lnRef idx="1">
            <a:schemeClr val="accent1"/>
          </a:lnRef>
          <a:fillRef idx="0">
            <a:schemeClr val="accent1"/>
          </a:fillRef>
          <a:effectRef idx="0">
            <a:schemeClr val="accent1"/>
          </a:effectRef>
          <a:fontRef idx="minor">
            <a:schemeClr val="tx1"/>
          </a:fontRef>
        </p:style>
      </p:cxnSp>
      <p:sp>
        <p:nvSpPr>
          <p:cNvPr id="31" name="Text Placeholder 25">
            <a:extLst>
              <a:ext uri="{FF2B5EF4-FFF2-40B4-BE49-F238E27FC236}">
                <a16:creationId xmlns:a16="http://schemas.microsoft.com/office/drawing/2014/main" id="{18C5CADB-CE33-477C-B3B5-33D1E84DB0EB}"/>
              </a:ext>
            </a:extLst>
          </p:cNvPr>
          <p:cNvSpPr>
            <a:spLocks noGrp="1"/>
          </p:cNvSpPr>
          <p:nvPr>
            <p:ph type="body" sz="quarter" idx="50" hasCustomPrompt="1"/>
          </p:nvPr>
        </p:nvSpPr>
        <p:spPr>
          <a:xfrm>
            <a:off x="511173" y="3263872"/>
            <a:ext cx="2462400" cy="3005137"/>
          </a:xfrm>
          <a:noFill/>
        </p:spPr>
        <p:txBody>
          <a:bodyPr lIns="0" tIns="0" rIns="0" bIns="0"/>
          <a:lstStyle>
            <a:lvl1pPr>
              <a:spcBef>
                <a:spcPts val="600"/>
              </a:spcBef>
              <a:spcAft>
                <a:spcPts val="600"/>
              </a:spcAft>
              <a:defRPr sz="1600">
                <a:solidFill>
                  <a:schemeClr val="accent6"/>
                </a:solidFill>
                <a:latin typeface="+mj-lt"/>
              </a:defRPr>
            </a:lvl1pPr>
            <a:lvl2pPr>
              <a:defRPr>
                <a:solidFill>
                  <a:schemeClr val="accent6"/>
                </a:solidFill>
                <a:latin typeface="+mj-lt"/>
              </a:defRPr>
            </a:lvl2pPr>
            <a:lvl3pPr>
              <a:defRPr lang="en-US" sz="1100" dirty="0">
                <a:solidFill>
                  <a:schemeClr val="tx1"/>
                </a:solidFill>
                <a:latin typeface="+mn-lt"/>
                <a:ea typeface="+mn-ea"/>
                <a:cs typeface="+mn-cs"/>
              </a:defRPr>
            </a:lvl3pPr>
            <a:lvl4pPr marL="171450" indent="-171450">
              <a:buFont typeface="Courier New" panose="02070309020205020404" pitchFamily="49" charset="0"/>
              <a:buChar char="­"/>
              <a:defRPr lang="en-US" sz="1100" dirty="0">
                <a:solidFill>
                  <a:schemeClr val="tx1"/>
                </a:solidFill>
                <a:latin typeface="+mn-lt"/>
                <a:ea typeface="+mn-ea"/>
                <a:cs typeface="+mn-cs"/>
              </a:defRPr>
            </a:lvl4pPr>
            <a:lvl5pPr>
              <a:defRPr>
                <a:solidFill>
                  <a:schemeClr val="accent6"/>
                </a:solidFill>
                <a:latin typeface="+mj-lt"/>
              </a:defRPr>
            </a:lvl5pPr>
            <a:lvl6pPr>
              <a:defRPr>
                <a:solidFill>
                  <a:schemeClr val="accent6"/>
                </a:solidFill>
                <a:latin typeface="+mj-lt"/>
              </a:defRPr>
            </a:lvl6pPr>
            <a:lvl7pPr>
              <a:defRPr>
                <a:solidFill>
                  <a:schemeClr val="accent6"/>
                </a:solidFill>
                <a:latin typeface="+mj-lt"/>
              </a:defRPr>
            </a:lvl7pPr>
          </a:lstStyle>
          <a:p>
            <a:pPr lvl="0"/>
            <a:r>
              <a:rPr lang="en-US" dirty="0"/>
              <a:t>Heading 1</a:t>
            </a:r>
          </a:p>
          <a:p>
            <a:pPr lvl="2"/>
            <a:r>
              <a:rPr lang="en-US" dirty="0"/>
              <a:t>Body Copy</a:t>
            </a:r>
          </a:p>
          <a:p>
            <a:pPr lvl="3"/>
            <a:r>
              <a:rPr lang="en-US" dirty="0"/>
              <a:t>Body Bullet</a:t>
            </a:r>
          </a:p>
        </p:txBody>
      </p:sp>
      <p:sp>
        <p:nvSpPr>
          <p:cNvPr id="32" name="Text Placeholder 8">
            <a:extLst>
              <a:ext uri="{FF2B5EF4-FFF2-40B4-BE49-F238E27FC236}">
                <a16:creationId xmlns:a16="http://schemas.microsoft.com/office/drawing/2014/main" id="{65C0C9C0-5F44-4D1B-8135-F7F7757848B2}"/>
              </a:ext>
            </a:extLst>
          </p:cNvPr>
          <p:cNvSpPr txBox="1">
            <a:spLocks/>
          </p:cNvSpPr>
          <p:nvPr userDrawn="1"/>
        </p:nvSpPr>
        <p:spPr>
          <a:xfrm>
            <a:off x="1891881" y="551089"/>
            <a:ext cx="8460000" cy="0"/>
          </a:xfrm>
          <a:prstGeom prst="rect">
            <a:avLst/>
          </a:prstGeom>
          <a:ln w="31750" cap="flat" cmpd="sng" algn="ctr">
            <a:solidFill>
              <a:srgbClr val="17E891"/>
            </a:solidFill>
            <a:prstDash val="solid"/>
          </a:ln>
        </p:spPr>
        <p:style>
          <a:lnRef idx="1">
            <a:schemeClr val="accent1"/>
          </a:lnRef>
          <a:fillRef idx="0">
            <a:schemeClr val="accent1"/>
          </a:fillRef>
          <a:effectRef idx="0">
            <a:schemeClr val="accent1"/>
          </a:effectRef>
          <a:fontRef idx="minor">
            <a:schemeClr val="tx1"/>
          </a:fontRef>
        </p:style>
        <p:txBody>
          <a:bodyPr/>
          <a:lstStyle>
            <a:lvl1pPr marL="0" eaLnBrk="1" hangingPunct="1">
              <a:spcBef>
                <a:spcPts val="1200"/>
              </a:spcBef>
              <a:spcAft>
                <a:spcPts val="1200"/>
              </a:spcAft>
              <a:defRPr sz="2200">
                <a:solidFill>
                  <a:schemeClr val="tx1"/>
                </a:solidFill>
                <a:latin typeface="+mn-lt"/>
                <a:ea typeface="+mn-ea"/>
                <a:cs typeface="+mn-cs"/>
              </a:defRPr>
            </a:lvl1pPr>
            <a:lvl2pPr marL="0" indent="0" eaLnBrk="1" hangingPunct="1">
              <a:spcAft>
                <a:spcPts val="600"/>
              </a:spcAft>
              <a:defRPr sz="1600" b="0">
                <a:solidFill>
                  <a:schemeClr val="tx1"/>
                </a:solidFill>
                <a:latin typeface="+mn-lt"/>
                <a:ea typeface="+mn-ea"/>
                <a:cs typeface="+mn-cs"/>
              </a:defRPr>
            </a:lvl2pPr>
            <a:lvl3pPr marL="0" indent="0" eaLnBrk="1" hangingPunct="1">
              <a:spcBef>
                <a:spcPts val="300"/>
              </a:spcBef>
              <a:spcAft>
                <a:spcPts val="300"/>
              </a:spcAft>
              <a:defRPr sz="1100">
                <a:solidFill>
                  <a:schemeClr val="tx1"/>
                </a:solidFill>
                <a:latin typeface="+mn-lt"/>
                <a:ea typeface="+mn-ea"/>
                <a:cs typeface="+mn-cs"/>
              </a:defRPr>
            </a:lvl3pPr>
            <a:lvl4pPr marL="171450" indent="-171450" eaLnBrk="1" hangingPunct="1">
              <a:spcBef>
                <a:spcPts val="300"/>
              </a:spcBef>
              <a:spcAft>
                <a:spcPts val="300"/>
              </a:spcAft>
              <a:buClr>
                <a:schemeClr val="tx1"/>
              </a:buClr>
              <a:buFont typeface="SwissReSansOTLight" panose="04000400000000000000" pitchFamily="82" charset="0"/>
              <a:buChar char="–"/>
              <a:defRPr sz="1100">
                <a:solidFill>
                  <a:schemeClr val="tx1"/>
                </a:solidFill>
                <a:latin typeface="+mn-lt"/>
                <a:ea typeface="+mn-ea"/>
                <a:cs typeface="+mn-cs"/>
              </a:defRPr>
            </a:lvl4pPr>
            <a:lvl5pPr marL="0" indent="0" eaLnBrk="1" hangingPunct="1">
              <a:spcBef>
                <a:spcPts val="600"/>
              </a:spcBef>
              <a:defRPr sz="1200" b="1">
                <a:solidFill>
                  <a:schemeClr val="tx1"/>
                </a:solidFill>
                <a:latin typeface="+mn-lt"/>
                <a:ea typeface="+mn-ea"/>
                <a:cs typeface="+mn-cs"/>
              </a:defRPr>
            </a:lvl5pPr>
            <a:lvl6pPr marL="358775" indent="-171450" eaLnBrk="1" hangingPunct="1">
              <a:spcBef>
                <a:spcPts val="300"/>
              </a:spcBef>
              <a:spcAft>
                <a:spcPts val="300"/>
              </a:spcAft>
              <a:buFontTx/>
              <a:buChar char="–"/>
              <a:defRPr sz="1100">
                <a:solidFill>
                  <a:schemeClr val="tx1"/>
                </a:solidFill>
                <a:latin typeface="+mn-lt"/>
                <a:ea typeface="+mn-ea"/>
                <a:cs typeface="+mn-cs"/>
              </a:defRPr>
            </a:lvl6pPr>
            <a:lvl7pPr marL="541338" indent="-182563" eaLnBrk="1" hangingPunct="1">
              <a:spcBef>
                <a:spcPts val="300"/>
              </a:spcBef>
              <a:spcAft>
                <a:spcPts val="300"/>
              </a:spcAft>
              <a:buFontTx/>
              <a:buChar char="–"/>
              <a:defRPr sz="1100">
                <a:solidFill>
                  <a:schemeClr val="tx1"/>
                </a:solidFill>
                <a:latin typeface="+mn-lt"/>
                <a:ea typeface="+mn-ea"/>
                <a:cs typeface="+mn-cs"/>
              </a:defRPr>
            </a:lvl7pPr>
            <a:lvl8pPr marL="1940723" eaLnBrk="1" hangingPunct="1">
              <a:defRPr>
                <a:solidFill>
                  <a:schemeClr val="tx1"/>
                </a:solidFill>
                <a:latin typeface="+mn-lt"/>
                <a:ea typeface="+mn-ea"/>
                <a:cs typeface="+mn-cs"/>
              </a:defRPr>
            </a:lvl8pPr>
            <a:lvl9pPr marL="2217969" eaLnBrk="1" hangingPunct="1">
              <a:defRPr>
                <a:solidFill>
                  <a:schemeClr val="tx1"/>
                </a:solidFill>
                <a:latin typeface="+mn-lt"/>
                <a:ea typeface="+mn-ea"/>
                <a:cs typeface="+mn-cs"/>
              </a:defRPr>
            </a:lvl9pPr>
          </a:lstStyle>
          <a:p>
            <a:r>
              <a:rPr lang="en-GB" kern="0" dirty="0"/>
              <a:t> </a:t>
            </a:r>
          </a:p>
        </p:txBody>
      </p:sp>
      <p:pic>
        <p:nvPicPr>
          <p:cNvPr id="34" name="Picture 33" descr="A picture containing text, sign, close, clipart&#10;&#10;Description automatically generated">
            <a:extLst>
              <a:ext uri="{FF2B5EF4-FFF2-40B4-BE49-F238E27FC236}">
                <a16:creationId xmlns:a16="http://schemas.microsoft.com/office/drawing/2014/main" id="{5A8082D3-7445-48A0-A09C-0B81427A3C99}"/>
              </a:ext>
            </a:extLst>
          </p:cNvPr>
          <p:cNvPicPr>
            <a:picLocks noChangeAspect="1"/>
          </p:cNvPicPr>
          <p:nvPr userDrawn="1"/>
        </p:nvPicPr>
        <p:blipFill>
          <a:blip r:embed="rId2" cstate="email">
            <a:extLst>
              <a:ext uri="{28A0092B-C50C-407E-A947-70E740481C1C}">
                <a14:useLocalDpi xmlns:a14="http://schemas.microsoft.com/office/drawing/2010/main" val="0"/>
              </a:ext>
            </a:extLst>
          </a:blip>
          <a:stretch>
            <a:fillRect/>
          </a:stretch>
        </p:blipFill>
        <p:spPr>
          <a:xfrm>
            <a:off x="10579565" y="425089"/>
            <a:ext cx="1078000" cy="252000"/>
          </a:xfrm>
          <a:prstGeom prst="rect">
            <a:avLst/>
          </a:prstGeom>
        </p:spPr>
      </p:pic>
      <p:sp>
        <p:nvSpPr>
          <p:cNvPr id="35" name="Rectangle 34">
            <a:extLst>
              <a:ext uri="{FF2B5EF4-FFF2-40B4-BE49-F238E27FC236}">
                <a16:creationId xmlns:a16="http://schemas.microsoft.com/office/drawing/2014/main" id="{CD60FD95-6CDC-4E25-91FC-ED6248E8752C}"/>
              </a:ext>
            </a:extLst>
          </p:cNvPr>
          <p:cNvSpPr/>
          <p:nvPr userDrawn="1"/>
        </p:nvSpPr>
        <p:spPr>
          <a:xfrm>
            <a:off x="512915" y="366423"/>
            <a:ext cx="1784985" cy="369332"/>
          </a:xfrm>
          <a:prstGeom prst="rect">
            <a:avLst/>
          </a:prstGeom>
          <a:noFill/>
        </p:spPr>
        <p:txBody>
          <a:bodyPr wrap="square" lIns="0" tIns="0" rIns="0" bIns="0">
            <a:spAutoFit/>
          </a:bodyPr>
          <a:lstStyle/>
          <a:p>
            <a:pPr marL="12700" lvl="0">
              <a:spcAft>
                <a:spcPts val="1800"/>
              </a:spcAft>
              <a:defRPr/>
            </a:pPr>
            <a:r>
              <a:rPr lang="en-US" sz="2400" dirty="0">
                <a:latin typeface="Calibre Light" panose="020B0303030202060203" pitchFamily="34" charset="77"/>
              </a:rPr>
              <a:t>PROFILES</a:t>
            </a:r>
          </a:p>
        </p:txBody>
      </p:sp>
    </p:spTree>
    <p:extLst>
      <p:ext uri="{BB962C8B-B14F-4D97-AF65-F5344CB8AC3E}">
        <p14:creationId xmlns:p14="http://schemas.microsoft.com/office/powerpoint/2010/main" val="505725579"/>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1_Profiles page_Transactions">
    <p:spTree>
      <p:nvGrpSpPr>
        <p:cNvPr id="1" name=""/>
        <p:cNvGrpSpPr/>
        <p:nvPr/>
      </p:nvGrpSpPr>
      <p:grpSpPr>
        <a:xfrm>
          <a:off x="0" y="0"/>
          <a:ext cx="0" cy="0"/>
          <a:chOff x="0" y="0"/>
          <a:chExt cx="0" cy="0"/>
        </a:xfrm>
      </p:grpSpPr>
      <p:sp>
        <p:nvSpPr>
          <p:cNvPr id="22" name="Rectangle 21">
            <a:extLst>
              <a:ext uri="{FF2B5EF4-FFF2-40B4-BE49-F238E27FC236}">
                <a16:creationId xmlns:a16="http://schemas.microsoft.com/office/drawing/2014/main" id="{50A2FB52-C833-47D2-995B-E439F23833E9}"/>
              </a:ext>
            </a:extLst>
          </p:cNvPr>
          <p:cNvSpPr/>
          <p:nvPr userDrawn="1"/>
        </p:nvSpPr>
        <p:spPr>
          <a:xfrm>
            <a:off x="7367257" y="-457198"/>
            <a:ext cx="4832912" cy="8153396"/>
          </a:xfrm>
          <a:prstGeom prst="rect">
            <a:avLst/>
          </a:prstGeom>
          <a:solidFill>
            <a:srgbClr val="E5E6E6">
              <a:alpha val="50196"/>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1" name="Picture Placeholder 2">
            <a:extLst>
              <a:ext uri="{FF2B5EF4-FFF2-40B4-BE49-F238E27FC236}">
                <a16:creationId xmlns:a16="http://schemas.microsoft.com/office/drawing/2014/main" id="{40B063EE-C5C7-4DB0-B253-B61C3B10F2DA}"/>
              </a:ext>
            </a:extLst>
          </p:cNvPr>
          <p:cNvSpPr>
            <a:spLocks noGrp="1"/>
          </p:cNvSpPr>
          <p:nvPr>
            <p:ph type="pic" sz="quarter" idx="42" hasCustomPrompt="1"/>
          </p:nvPr>
        </p:nvSpPr>
        <p:spPr>
          <a:xfrm>
            <a:off x="512912" y="1547028"/>
            <a:ext cx="1692000" cy="1454914"/>
          </a:xfrm>
          <a:solidFill>
            <a:schemeClr val="bg1">
              <a:lumMod val="85000"/>
            </a:schemeClr>
          </a:solidFill>
        </p:spPr>
        <p:txBody>
          <a:bodyPr/>
          <a:lstStyle>
            <a:lvl1pPr>
              <a:defRPr/>
            </a:lvl1pPr>
          </a:lstStyle>
          <a:p>
            <a:r>
              <a:rPr lang="en-US" dirty="0"/>
              <a:t> </a:t>
            </a:r>
          </a:p>
        </p:txBody>
      </p:sp>
      <p:sp>
        <p:nvSpPr>
          <p:cNvPr id="20" name="Title 19">
            <a:extLst>
              <a:ext uri="{FF2B5EF4-FFF2-40B4-BE49-F238E27FC236}">
                <a16:creationId xmlns:a16="http://schemas.microsoft.com/office/drawing/2014/main" id="{1F03EA2F-A805-49AF-8B1E-277A18A53F13}"/>
              </a:ext>
            </a:extLst>
          </p:cNvPr>
          <p:cNvSpPr>
            <a:spLocks noGrp="1"/>
          </p:cNvSpPr>
          <p:nvPr>
            <p:ph type="title"/>
          </p:nvPr>
        </p:nvSpPr>
        <p:spPr>
          <a:xfrm>
            <a:off x="2509838" y="1856963"/>
            <a:ext cx="3586162" cy="609566"/>
          </a:xfrm>
        </p:spPr>
        <p:txBody>
          <a:bodyPr anchor="t"/>
          <a:lstStyle>
            <a:lvl1pPr>
              <a:defRPr lang="en-GB" sz="2600" kern="0" dirty="0">
                <a:solidFill>
                  <a:srgbClr val="003F2D"/>
                </a:solidFill>
                <a:latin typeface="+mj-lt"/>
                <a:ea typeface="+mn-ea"/>
                <a:cs typeface="+mn-cs"/>
              </a:defRPr>
            </a:lvl1pPr>
          </a:lstStyle>
          <a:p>
            <a:r>
              <a:rPr lang="en-US" dirty="0"/>
              <a:t>Click to edit Master title style</a:t>
            </a:r>
            <a:endParaRPr lang="en-GB" dirty="0"/>
          </a:p>
        </p:txBody>
      </p:sp>
      <p:sp>
        <p:nvSpPr>
          <p:cNvPr id="24" name="Text Placeholder 23">
            <a:extLst>
              <a:ext uri="{FF2B5EF4-FFF2-40B4-BE49-F238E27FC236}">
                <a16:creationId xmlns:a16="http://schemas.microsoft.com/office/drawing/2014/main" id="{BE5A6750-1A95-4B52-97A1-CCBDD5D35E45}"/>
              </a:ext>
            </a:extLst>
          </p:cNvPr>
          <p:cNvSpPr>
            <a:spLocks noGrp="1"/>
          </p:cNvSpPr>
          <p:nvPr>
            <p:ph type="body" sz="quarter" idx="44"/>
          </p:nvPr>
        </p:nvSpPr>
        <p:spPr>
          <a:xfrm>
            <a:off x="2509838" y="3491099"/>
            <a:ext cx="2251005" cy="2871567"/>
          </a:xfrm>
        </p:spPr>
        <p:txBody>
          <a:bodyPr/>
          <a:lstStyle>
            <a:lvl1pPr>
              <a:spcBef>
                <a:spcPts val="600"/>
              </a:spcBef>
              <a:spcAft>
                <a:spcPts val="600"/>
              </a:spcAft>
              <a:defRPr sz="1400" b="0" i="0">
                <a:latin typeface="Calibre Medium" panose="020B0503030202060203" pitchFamily="34" charset="77"/>
              </a:defRPr>
            </a:lvl1pPr>
            <a:lvl3pPr>
              <a:defRPr sz="1200"/>
            </a:lvl3pPr>
          </a:lstStyle>
          <a:p>
            <a:pPr lvl="0"/>
            <a:r>
              <a:rPr lang="en-US" dirty="0"/>
              <a:t>Click to edit Master text styles</a:t>
            </a:r>
          </a:p>
          <a:p>
            <a:pPr lvl="2"/>
            <a:r>
              <a:rPr lang="en-US" dirty="0"/>
              <a:t>Third level</a:t>
            </a:r>
          </a:p>
        </p:txBody>
      </p:sp>
      <p:sp>
        <p:nvSpPr>
          <p:cNvPr id="14" name="Text Placeholder 17">
            <a:extLst>
              <a:ext uri="{FF2B5EF4-FFF2-40B4-BE49-F238E27FC236}">
                <a16:creationId xmlns:a16="http://schemas.microsoft.com/office/drawing/2014/main" id="{5909CF52-6D4B-DE4F-8581-8B3169B72522}"/>
              </a:ext>
            </a:extLst>
          </p:cNvPr>
          <p:cNvSpPr>
            <a:spLocks noGrp="1"/>
          </p:cNvSpPr>
          <p:nvPr>
            <p:ph type="body" sz="quarter" idx="13" hasCustomPrompt="1"/>
          </p:nvPr>
        </p:nvSpPr>
        <p:spPr>
          <a:xfrm>
            <a:off x="2509838" y="1558602"/>
            <a:ext cx="3586162" cy="153886"/>
          </a:xfrm>
          <a:noFill/>
        </p:spPr>
        <p:txBody>
          <a:bodyPr wrap="square" lIns="0" tIns="0" rIns="0" bIns="0" rtlCol="0">
            <a:spAutoFit/>
          </a:bodyPr>
          <a:lstStyle>
            <a:lvl1pPr marL="0" algn="l" defTabSz="914400" rtl="0" eaLnBrk="1" latinLnBrk="0" hangingPunct="1">
              <a:defRPr lang="en-HK" sz="1000" b="0" i="0" spc="150" baseline="0" smtClean="0">
                <a:solidFill>
                  <a:srgbClr val="383D3D"/>
                </a:solidFill>
                <a:effectLst/>
                <a:latin typeface="Calibre Light" panose="020B0303030202060203" pitchFamily="34" charset="77"/>
              </a:defRPr>
            </a:lvl1pPr>
          </a:lstStyle>
          <a:p>
            <a:r>
              <a:rPr lang="en-HK" dirty="0">
                <a:solidFill>
                  <a:srgbClr val="435254"/>
                </a:solidFill>
                <a:effectLst/>
                <a:latin typeface="Calibre Light" panose="020B0303030202060203" pitchFamily="34" charset="77"/>
              </a:rPr>
              <a:t>DEPARTMENT / LOCATION</a:t>
            </a:r>
          </a:p>
        </p:txBody>
      </p:sp>
      <p:sp>
        <p:nvSpPr>
          <p:cNvPr id="15" name="Text Placeholder 23">
            <a:extLst>
              <a:ext uri="{FF2B5EF4-FFF2-40B4-BE49-F238E27FC236}">
                <a16:creationId xmlns:a16="http://schemas.microsoft.com/office/drawing/2014/main" id="{FDBA23C6-8A75-394B-AD67-CAEA1A5EF9E7}"/>
              </a:ext>
            </a:extLst>
          </p:cNvPr>
          <p:cNvSpPr>
            <a:spLocks noGrp="1"/>
          </p:cNvSpPr>
          <p:nvPr>
            <p:ph type="body" sz="quarter" idx="47"/>
          </p:nvPr>
        </p:nvSpPr>
        <p:spPr>
          <a:xfrm>
            <a:off x="7623638" y="1547027"/>
            <a:ext cx="4320150" cy="4815649"/>
          </a:xfrm>
        </p:spPr>
        <p:txBody>
          <a:bodyPr/>
          <a:lstStyle>
            <a:lvl1pPr>
              <a:spcBef>
                <a:spcPts val="600"/>
              </a:spcBef>
              <a:spcAft>
                <a:spcPts val="600"/>
              </a:spcAft>
              <a:defRPr sz="1400" b="0" i="0">
                <a:latin typeface="Calibre Medium" panose="020B0503030202060203" pitchFamily="34" charset="77"/>
              </a:defRPr>
            </a:lvl1pPr>
            <a:lvl3pPr>
              <a:defRPr sz="1200"/>
            </a:lvl3pPr>
          </a:lstStyle>
          <a:p>
            <a:pPr lvl="0"/>
            <a:r>
              <a:rPr lang="en-US" dirty="0"/>
              <a:t>Click to edit Master text styles</a:t>
            </a:r>
          </a:p>
          <a:p>
            <a:pPr lvl="2"/>
            <a:r>
              <a:rPr lang="en-US" dirty="0"/>
              <a:t>Third level</a:t>
            </a:r>
          </a:p>
        </p:txBody>
      </p:sp>
      <p:cxnSp>
        <p:nvCxnSpPr>
          <p:cNvPr id="5" name="Straight Connector 4">
            <a:extLst>
              <a:ext uri="{FF2B5EF4-FFF2-40B4-BE49-F238E27FC236}">
                <a16:creationId xmlns:a16="http://schemas.microsoft.com/office/drawing/2014/main" id="{3ED2F9B7-C679-AC49-B10A-7182BE4D9E7B}"/>
              </a:ext>
            </a:extLst>
          </p:cNvPr>
          <p:cNvCxnSpPr>
            <a:cxnSpLocks/>
          </p:cNvCxnSpPr>
          <p:nvPr userDrawn="1"/>
        </p:nvCxnSpPr>
        <p:spPr>
          <a:xfrm>
            <a:off x="499598" y="3225986"/>
            <a:ext cx="1692000" cy="0"/>
          </a:xfrm>
          <a:prstGeom prst="line">
            <a:avLst/>
          </a:prstGeom>
          <a:ln w="6350">
            <a:solidFill>
              <a:schemeClr val="accent3"/>
            </a:solidFill>
          </a:ln>
        </p:spPr>
        <p:style>
          <a:lnRef idx="1">
            <a:schemeClr val="accent1"/>
          </a:lnRef>
          <a:fillRef idx="0">
            <a:schemeClr val="accent1"/>
          </a:fillRef>
          <a:effectRef idx="0">
            <a:schemeClr val="accent1"/>
          </a:effectRef>
          <a:fontRef idx="minor">
            <a:schemeClr val="tx1"/>
          </a:fontRef>
        </p:style>
      </p:cxnSp>
      <p:sp>
        <p:nvSpPr>
          <p:cNvPr id="18" name="Slide Number Placeholder 1">
            <a:extLst>
              <a:ext uri="{FF2B5EF4-FFF2-40B4-BE49-F238E27FC236}">
                <a16:creationId xmlns:a16="http://schemas.microsoft.com/office/drawing/2014/main" id="{09F8FB20-5114-D64B-8D1D-3497BFFDE4D6}"/>
              </a:ext>
            </a:extLst>
          </p:cNvPr>
          <p:cNvSpPr>
            <a:spLocks noGrp="1"/>
          </p:cNvSpPr>
          <p:nvPr>
            <p:ph type="sldNum" sz="quarter" idx="4"/>
          </p:nvPr>
        </p:nvSpPr>
        <p:spPr>
          <a:xfrm>
            <a:off x="11486044" y="6502400"/>
            <a:ext cx="193193" cy="365125"/>
          </a:xfrm>
          <a:prstGeom prst="rect">
            <a:avLst/>
          </a:prstGeom>
        </p:spPr>
        <p:txBody>
          <a:bodyPr vert="horz" lIns="0" tIns="0" rIns="0" bIns="0" rtlCol="0" anchor="t"/>
          <a:lstStyle>
            <a:lvl1pPr algn="r">
              <a:defRPr sz="800">
                <a:solidFill>
                  <a:schemeClr val="tx1"/>
                </a:solidFill>
              </a:defRPr>
            </a:lvl1pPr>
          </a:lstStyle>
          <a:p>
            <a:fld id="{B04737BE-6533-4D03-837D-07E19DFF0DD2}" type="slidenum">
              <a:rPr lang="en-GB" smtClean="0"/>
              <a:pPr/>
              <a:t>‹#›</a:t>
            </a:fld>
            <a:endParaRPr lang="en-GB" dirty="0"/>
          </a:p>
        </p:txBody>
      </p:sp>
      <p:sp>
        <p:nvSpPr>
          <p:cNvPr id="19" name="Text Placeholder 23">
            <a:extLst>
              <a:ext uri="{FF2B5EF4-FFF2-40B4-BE49-F238E27FC236}">
                <a16:creationId xmlns:a16="http://schemas.microsoft.com/office/drawing/2014/main" id="{A4A34635-AFEC-7E49-BD52-DDB68DC47F64}"/>
              </a:ext>
            </a:extLst>
          </p:cNvPr>
          <p:cNvSpPr>
            <a:spLocks noGrp="1"/>
          </p:cNvSpPr>
          <p:nvPr>
            <p:ph type="body" sz="quarter" idx="48"/>
          </p:nvPr>
        </p:nvSpPr>
        <p:spPr>
          <a:xfrm>
            <a:off x="4934463" y="3491099"/>
            <a:ext cx="2251005" cy="2871567"/>
          </a:xfrm>
        </p:spPr>
        <p:txBody>
          <a:bodyPr/>
          <a:lstStyle>
            <a:lvl1pPr>
              <a:spcBef>
                <a:spcPts val="600"/>
              </a:spcBef>
              <a:spcAft>
                <a:spcPts val="600"/>
              </a:spcAft>
              <a:defRPr sz="1400" b="0" i="0">
                <a:latin typeface="Calibre Medium" panose="020B0503030202060203" pitchFamily="34" charset="77"/>
              </a:defRPr>
            </a:lvl1pPr>
            <a:lvl3pPr>
              <a:defRPr sz="1200"/>
            </a:lvl3pPr>
          </a:lstStyle>
          <a:p>
            <a:pPr lvl="0"/>
            <a:r>
              <a:rPr lang="en-US" dirty="0"/>
              <a:t>Click to edit Master text styles</a:t>
            </a:r>
          </a:p>
          <a:p>
            <a:pPr lvl="2"/>
            <a:r>
              <a:rPr lang="en-US" dirty="0"/>
              <a:t>Third level</a:t>
            </a:r>
          </a:p>
        </p:txBody>
      </p:sp>
      <p:sp>
        <p:nvSpPr>
          <p:cNvPr id="4" name="Text Placeholder 3">
            <a:extLst>
              <a:ext uri="{FF2B5EF4-FFF2-40B4-BE49-F238E27FC236}">
                <a16:creationId xmlns:a16="http://schemas.microsoft.com/office/drawing/2014/main" id="{460AD391-8E0C-314E-8496-FDD91D9C56EF}"/>
              </a:ext>
            </a:extLst>
          </p:cNvPr>
          <p:cNvSpPr>
            <a:spLocks noGrp="1"/>
          </p:cNvSpPr>
          <p:nvPr>
            <p:ph type="body" sz="quarter" idx="49" hasCustomPrompt="1"/>
          </p:nvPr>
        </p:nvSpPr>
        <p:spPr>
          <a:xfrm>
            <a:off x="2509838" y="2466975"/>
            <a:ext cx="3586162" cy="758825"/>
          </a:xfrm>
        </p:spPr>
        <p:txBody>
          <a:bodyPr/>
          <a:lstStyle/>
          <a:p>
            <a:pPr lvl="2"/>
            <a:r>
              <a:rPr lang="en-GB" dirty="0"/>
              <a:t>Third level</a:t>
            </a:r>
          </a:p>
          <a:p>
            <a:pPr lvl="3"/>
            <a:r>
              <a:rPr lang="en-GB" dirty="0"/>
              <a:t>Fourth level</a:t>
            </a:r>
          </a:p>
          <a:p>
            <a:pPr lvl="4"/>
            <a:r>
              <a:rPr lang="en-GB" dirty="0"/>
              <a:t>Fifth level</a:t>
            </a:r>
            <a:endParaRPr lang="en-US" dirty="0"/>
          </a:p>
        </p:txBody>
      </p:sp>
      <p:pic>
        <p:nvPicPr>
          <p:cNvPr id="25" name="Picture 24" descr="A picture containing text, sign, close, clipart&#10;&#10;Description automatically generated">
            <a:extLst>
              <a:ext uri="{FF2B5EF4-FFF2-40B4-BE49-F238E27FC236}">
                <a16:creationId xmlns:a16="http://schemas.microsoft.com/office/drawing/2014/main" id="{95604437-6D66-41A7-8AD4-5E18643DB47D}"/>
              </a:ext>
            </a:extLst>
          </p:cNvPr>
          <p:cNvPicPr>
            <a:picLocks noChangeAspect="1"/>
          </p:cNvPicPr>
          <p:nvPr userDrawn="1"/>
        </p:nvPicPr>
        <p:blipFill>
          <a:blip r:embed="rId2" cstate="email">
            <a:extLst>
              <a:ext uri="{28A0092B-C50C-407E-A947-70E740481C1C}">
                <a14:useLocalDpi xmlns:a14="http://schemas.microsoft.com/office/drawing/2010/main" val="0"/>
              </a:ext>
            </a:extLst>
          </a:blip>
          <a:stretch>
            <a:fillRect/>
          </a:stretch>
        </p:blipFill>
        <p:spPr>
          <a:xfrm>
            <a:off x="10579565" y="425089"/>
            <a:ext cx="1078000" cy="252000"/>
          </a:xfrm>
          <a:prstGeom prst="rect">
            <a:avLst/>
          </a:prstGeom>
        </p:spPr>
      </p:pic>
      <p:sp>
        <p:nvSpPr>
          <p:cNvPr id="27" name="Text Placeholder 8">
            <a:extLst>
              <a:ext uri="{FF2B5EF4-FFF2-40B4-BE49-F238E27FC236}">
                <a16:creationId xmlns:a16="http://schemas.microsoft.com/office/drawing/2014/main" id="{F060D69D-7147-458B-9C06-47D6B600F1F0}"/>
              </a:ext>
            </a:extLst>
          </p:cNvPr>
          <p:cNvSpPr txBox="1">
            <a:spLocks/>
          </p:cNvSpPr>
          <p:nvPr userDrawn="1"/>
        </p:nvSpPr>
        <p:spPr>
          <a:xfrm>
            <a:off x="1891881" y="551089"/>
            <a:ext cx="8460000" cy="0"/>
          </a:xfrm>
          <a:prstGeom prst="rect">
            <a:avLst/>
          </a:prstGeom>
          <a:ln w="31750" cap="flat" cmpd="sng" algn="ctr">
            <a:solidFill>
              <a:srgbClr val="17E891"/>
            </a:solidFill>
            <a:prstDash val="solid"/>
          </a:ln>
        </p:spPr>
        <p:style>
          <a:lnRef idx="1">
            <a:schemeClr val="accent1"/>
          </a:lnRef>
          <a:fillRef idx="0">
            <a:schemeClr val="accent1"/>
          </a:fillRef>
          <a:effectRef idx="0">
            <a:schemeClr val="accent1"/>
          </a:effectRef>
          <a:fontRef idx="minor">
            <a:schemeClr val="tx1"/>
          </a:fontRef>
        </p:style>
        <p:txBody>
          <a:bodyPr/>
          <a:lstStyle>
            <a:lvl1pPr marL="0" eaLnBrk="1" hangingPunct="1">
              <a:spcBef>
                <a:spcPts val="1200"/>
              </a:spcBef>
              <a:spcAft>
                <a:spcPts val="1200"/>
              </a:spcAft>
              <a:defRPr sz="2200">
                <a:solidFill>
                  <a:schemeClr val="tx1"/>
                </a:solidFill>
                <a:latin typeface="+mn-lt"/>
                <a:ea typeface="+mn-ea"/>
                <a:cs typeface="+mn-cs"/>
              </a:defRPr>
            </a:lvl1pPr>
            <a:lvl2pPr marL="0" indent="0" eaLnBrk="1" hangingPunct="1">
              <a:spcAft>
                <a:spcPts val="600"/>
              </a:spcAft>
              <a:defRPr sz="1600" b="0">
                <a:solidFill>
                  <a:schemeClr val="tx1"/>
                </a:solidFill>
                <a:latin typeface="+mn-lt"/>
                <a:ea typeface="+mn-ea"/>
                <a:cs typeface="+mn-cs"/>
              </a:defRPr>
            </a:lvl2pPr>
            <a:lvl3pPr marL="0" indent="0" eaLnBrk="1" hangingPunct="1">
              <a:spcBef>
                <a:spcPts val="300"/>
              </a:spcBef>
              <a:spcAft>
                <a:spcPts val="300"/>
              </a:spcAft>
              <a:defRPr sz="1100">
                <a:solidFill>
                  <a:schemeClr val="tx1"/>
                </a:solidFill>
                <a:latin typeface="+mn-lt"/>
                <a:ea typeface="+mn-ea"/>
                <a:cs typeface="+mn-cs"/>
              </a:defRPr>
            </a:lvl3pPr>
            <a:lvl4pPr marL="171450" indent="-171450" eaLnBrk="1" hangingPunct="1">
              <a:spcBef>
                <a:spcPts val="300"/>
              </a:spcBef>
              <a:spcAft>
                <a:spcPts val="300"/>
              </a:spcAft>
              <a:buClr>
                <a:schemeClr val="tx1"/>
              </a:buClr>
              <a:buFont typeface="SwissReSansOTLight" panose="04000400000000000000" pitchFamily="82" charset="0"/>
              <a:buChar char="–"/>
              <a:defRPr sz="1100">
                <a:solidFill>
                  <a:schemeClr val="tx1"/>
                </a:solidFill>
                <a:latin typeface="+mn-lt"/>
                <a:ea typeface="+mn-ea"/>
                <a:cs typeface="+mn-cs"/>
              </a:defRPr>
            </a:lvl4pPr>
            <a:lvl5pPr marL="0" indent="0" eaLnBrk="1" hangingPunct="1">
              <a:spcBef>
                <a:spcPts val="600"/>
              </a:spcBef>
              <a:defRPr sz="1200" b="1">
                <a:solidFill>
                  <a:schemeClr val="tx1"/>
                </a:solidFill>
                <a:latin typeface="+mn-lt"/>
                <a:ea typeface="+mn-ea"/>
                <a:cs typeface="+mn-cs"/>
              </a:defRPr>
            </a:lvl5pPr>
            <a:lvl6pPr marL="358775" indent="-171450" eaLnBrk="1" hangingPunct="1">
              <a:spcBef>
                <a:spcPts val="300"/>
              </a:spcBef>
              <a:spcAft>
                <a:spcPts val="300"/>
              </a:spcAft>
              <a:buFontTx/>
              <a:buChar char="–"/>
              <a:defRPr sz="1100">
                <a:solidFill>
                  <a:schemeClr val="tx1"/>
                </a:solidFill>
                <a:latin typeface="+mn-lt"/>
                <a:ea typeface="+mn-ea"/>
                <a:cs typeface="+mn-cs"/>
              </a:defRPr>
            </a:lvl6pPr>
            <a:lvl7pPr marL="541338" indent="-182563" eaLnBrk="1" hangingPunct="1">
              <a:spcBef>
                <a:spcPts val="300"/>
              </a:spcBef>
              <a:spcAft>
                <a:spcPts val="300"/>
              </a:spcAft>
              <a:buFontTx/>
              <a:buChar char="–"/>
              <a:defRPr sz="1100">
                <a:solidFill>
                  <a:schemeClr val="tx1"/>
                </a:solidFill>
                <a:latin typeface="+mn-lt"/>
                <a:ea typeface="+mn-ea"/>
                <a:cs typeface="+mn-cs"/>
              </a:defRPr>
            </a:lvl7pPr>
            <a:lvl8pPr marL="1940723" eaLnBrk="1" hangingPunct="1">
              <a:defRPr>
                <a:solidFill>
                  <a:schemeClr val="tx1"/>
                </a:solidFill>
                <a:latin typeface="+mn-lt"/>
                <a:ea typeface="+mn-ea"/>
                <a:cs typeface="+mn-cs"/>
              </a:defRPr>
            </a:lvl8pPr>
            <a:lvl9pPr marL="2217969" eaLnBrk="1" hangingPunct="1">
              <a:defRPr>
                <a:solidFill>
                  <a:schemeClr val="tx1"/>
                </a:solidFill>
                <a:latin typeface="+mn-lt"/>
                <a:ea typeface="+mn-ea"/>
                <a:cs typeface="+mn-cs"/>
              </a:defRPr>
            </a:lvl9pPr>
          </a:lstStyle>
          <a:p>
            <a:r>
              <a:rPr lang="en-GB" kern="0" dirty="0"/>
              <a:t> </a:t>
            </a:r>
          </a:p>
        </p:txBody>
      </p:sp>
      <p:sp>
        <p:nvSpPr>
          <p:cNvPr id="23" name="Text Placeholder 25">
            <a:extLst>
              <a:ext uri="{FF2B5EF4-FFF2-40B4-BE49-F238E27FC236}">
                <a16:creationId xmlns:a16="http://schemas.microsoft.com/office/drawing/2014/main" id="{6D9B48F0-7002-4EF4-93B7-4DAB7B2FD3DD}"/>
              </a:ext>
            </a:extLst>
          </p:cNvPr>
          <p:cNvSpPr>
            <a:spLocks noGrp="1"/>
          </p:cNvSpPr>
          <p:nvPr>
            <p:ph type="body" sz="quarter" idx="50" hasCustomPrompt="1"/>
          </p:nvPr>
        </p:nvSpPr>
        <p:spPr>
          <a:xfrm>
            <a:off x="511173" y="3497263"/>
            <a:ext cx="1692000" cy="3005137"/>
          </a:xfrm>
          <a:noFill/>
        </p:spPr>
        <p:txBody>
          <a:bodyPr lIns="0" tIns="0" rIns="0" bIns="0"/>
          <a:lstStyle>
            <a:lvl1pPr>
              <a:spcBef>
                <a:spcPts val="600"/>
              </a:spcBef>
              <a:spcAft>
                <a:spcPts val="600"/>
              </a:spcAft>
              <a:defRPr sz="1600">
                <a:solidFill>
                  <a:schemeClr val="accent6"/>
                </a:solidFill>
                <a:latin typeface="+mj-lt"/>
              </a:defRPr>
            </a:lvl1pPr>
            <a:lvl2pPr>
              <a:defRPr>
                <a:solidFill>
                  <a:schemeClr val="accent6"/>
                </a:solidFill>
                <a:latin typeface="+mj-lt"/>
              </a:defRPr>
            </a:lvl2pPr>
            <a:lvl3pPr>
              <a:defRPr lang="en-US" sz="1100" dirty="0">
                <a:solidFill>
                  <a:schemeClr val="tx1"/>
                </a:solidFill>
                <a:latin typeface="+mn-lt"/>
                <a:ea typeface="+mn-ea"/>
                <a:cs typeface="+mn-cs"/>
              </a:defRPr>
            </a:lvl3pPr>
            <a:lvl4pPr marL="171450" indent="-171450">
              <a:buFont typeface="Courier New" panose="02070309020205020404" pitchFamily="49" charset="0"/>
              <a:buChar char="­"/>
              <a:defRPr lang="en-US" sz="1100" dirty="0">
                <a:solidFill>
                  <a:schemeClr val="tx1"/>
                </a:solidFill>
                <a:latin typeface="+mn-lt"/>
                <a:ea typeface="+mn-ea"/>
                <a:cs typeface="+mn-cs"/>
              </a:defRPr>
            </a:lvl4pPr>
            <a:lvl5pPr>
              <a:defRPr>
                <a:solidFill>
                  <a:schemeClr val="accent6"/>
                </a:solidFill>
                <a:latin typeface="+mj-lt"/>
              </a:defRPr>
            </a:lvl5pPr>
            <a:lvl6pPr>
              <a:defRPr>
                <a:solidFill>
                  <a:schemeClr val="accent6"/>
                </a:solidFill>
                <a:latin typeface="+mj-lt"/>
              </a:defRPr>
            </a:lvl6pPr>
            <a:lvl7pPr>
              <a:defRPr>
                <a:solidFill>
                  <a:schemeClr val="accent6"/>
                </a:solidFill>
                <a:latin typeface="+mj-lt"/>
              </a:defRPr>
            </a:lvl7pPr>
          </a:lstStyle>
          <a:p>
            <a:pPr lvl="0"/>
            <a:r>
              <a:rPr lang="en-US" dirty="0"/>
              <a:t>Heading 1</a:t>
            </a:r>
          </a:p>
          <a:p>
            <a:pPr lvl="2"/>
            <a:r>
              <a:rPr lang="en-US" dirty="0"/>
              <a:t>Body Copy</a:t>
            </a:r>
          </a:p>
          <a:p>
            <a:pPr lvl="3"/>
            <a:r>
              <a:rPr lang="en-US" dirty="0"/>
              <a:t>Body Bullet</a:t>
            </a:r>
          </a:p>
        </p:txBody>
      </p:sp>
      <p:sp>
        <p:nvSpPr>
          <p:cNvPr id="33" name="Rectangle 32">
            <a:extLst>
              <a:ext uri="{FF2B5EF4-FFF2-40B4-BE49-F238E27FC236}">
                <a16:creationId xmlns:a16="http://schemas.microsoft.com/office/drawing/2014/main" id="{53CCE9E9-FA71-685E-0D46-0EE11E50FD80}"/>
              </a:ext>
            </a:extLst>
          </p:cNvPr>
          <p:cNvSpPr/>
          <p:nvPr userDrawn="1"/>
        </p:nvSpPr>
        <p:spPr>
          <a:xfrm>
            <a:off x="512915" y="366423"/>
            <a:ext cx="1784985" cy="369332"/>
          </a:xfrm>
          <a:prstGeom prst="rect">
            <a:avLst/>
          </a:prstGeom>
          <a:noFill/>
        </p:spPr>
        <p:txBody>
          <a:bodyPr wrap="square" lIns="0" tIns="0" rIns="0" bIns="0">
            <a:spAutoFit/>
          </a:bodyPr>
          <a:lstStyle/>
          <a:p>
            <a:pPr marL="12700" lvl="0">
              <a:spcAft>
                <a:spcPts val="1800"/>
              </a:spcAft>
              <a:defRPr/>
            </a:pPr>
            <a:r>
              <a:rPr lang="en-US" sz="2400" dirty="0">
                <a:latin typeface="Calibre Light" panose="020B0303030202060203" pitchFamily="34" charset="77"/>
              </a:rPr>
              <a:t>PROFILES</a:t>
            </a:r>
          </a:p>
        </p:txBody>
      </p:sp>
    </p:spTree>
    <p:extLst>
      <p:ext uri="{BB962C8B-B14F-4D97-AF65-F5344CB8AC3E}">
        <p14:creationId xmlns:p14="http://schemas.microsoft.com/office/powerpoint/2010/main" val="3792135918"/>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84" Type="http://schemas.openxmlformats.org/officeDocument/2006/relationships/slideLayout" Target="../slideLayouts/slideLayout84.xml"/><Relationship Id="rId89" Type="http://schemas.openxmlformats.org/officeDocument/2006/relationships/slideLayout" Target="../slideLayouts/slideLayout89.xml"/><Relationship Id="rId16" Type="http://schemas.openxmlformats.org/officeDocument/2006/relationships/slideLayout" Target="../slideLayouts/slideLayout16.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74" Type="http://schemas.openxmlformats.org/officeDocument/2006/relationships/slideLayout" Target="../slideLayouts/slideLayout74.xml"/><Relationship Id="rId79" Type="http://schemas.openxmlformats.org/officeDocument/2006/relationships/slideLayout" Target="../slideLayouts/slideLayout79.xml"/><Relationship Id="rId102" Type="http://schemas.openxmlformats.org/officeDocument/2006/relationships/slideLayout" Target="../slideLayouts/slideLayout102.xml"/><Relationship Id="rId5" Type="http://schemas.openxmlformats.org/officeDocument/2006/relationships/slideLayout" Target="../slideLayouts/slideLayout5.xml"/><Relationship Id="rId90" Type="http://schemas.openxmlformats.org/officeDocument/2006/relationships/slideLayout" Target="../slideLayouts/slideLayout90.xml"/><Relationship Id="rId95" Type="http://schemas.openxmlformats.org/officeDocument/2006/relationships/slideLayout" Target="../slideLayouts/slideLayout95.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80" Type="http://schemas.openxmlformats.org/officeDocument/2006/relationships/slideLayout" Target="../slideLayouts/slideLayout80.xml"/><Relationship Id="rId85" Type="http://schemas.openxmlformats.org/officeDocument/2006/relationships/slideLayout" Target="../slideLayouts/slideLayout85.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59" Type="http://schemas.openxmlformats.org/officeDocument/2006/relationships/slideLayout" Target="../slideLayouts/slideLayout59.xml"/><Relationship Id="rId103" Type="http://schemas.openxmlformats.org/officeDocument/2006/relationships/slideLayout" Target="../slideLayouts/slideLayout103.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slideLayout" Target="../slideLayouts/slideLayout75.xml"/><Relationship Id="rId83" Type="http://schemas.openxmlformats.org/officeDocument/2006/relationships/slideLayout" Target="../slideLayouts/slideLayout83.xml"/><Relationship Id="rId88" Type="http://schemas.openxmlformats.org/officeDocument/2006/relationships/slideLayout" Target="../slideLayouts/slideLayout88.xml"/><Relationship Id="rId91" Type="http://schemas.openxmlformats.org/officeDocument/2006/relationships/slideLayout" Target="../slideLayouts/slideLayout91.xml"/><Relationship Id="rId96" Type="http://schemas.openxmlformats.org/officeDocument/2006/relationships/slideLayout" Target="../slideLayouts/slideLayout96.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6" Type="http://schemas.openxmlformats.org/officeDocument/2006/relationships/image" Target="../media/image1.png"/><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78" Type="http://schemas.openxmlformats.org/officeDocument/2006/relationships/slideLayout" Target="../slideLayouts/slideLayout78.xml"/><Relationship Id="rId81" Type="http://schemas.openxmlformats.org/officeDocument/2006/relationships/slideLayout" Target="../slideLayouts/slideLayout81.xml"/><Relationship Id="rId86" Type="http://schemas.openxmlformats.org/officeDocument/2006/relationships/slideLayout" Target="../slideLayouts/slideLayout86.xml"/><Relationship Id="rId94" Type="http://schemas.openxmlformats.org/officeDocument/2006/relationships/slideLayout" Target="../slideLayouts/slideLayout94.xml"/><Relationship Id="rId99" Type="http://schemas.openxmlformats.org/officeDocument/2006/relationships/slideLayout" Target="../slideLayouts/slideLayout99.xml"/><Relationship Id="rId101" Type="http://schemas.openxmlformats.org/officeDocument/2006/relationships/slideLayout" Target="../slideLayouts/slideLayout101.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6" Type="http://schemas.openxmlformats.org/officeDocument/2006/relationships/slideLayout" Target="../slideLayouts/slideLayout76.xml"/><Relationship Id="rId97" Type="http://schemas.openxmlformats.org/officeDocument/2006/relationships/slideLayout" Target="../slideLayouts/slideLayout97.xml"/><Relationship Id="rId104" Type="http://schemas.openxmlformats.org/officeDocument/2006/relationships/slideLayout" Target="../slideLayouts/slideLayout104.xml"/><Relationship Id="rId7" Type="http://schemas.openxmlformats.org/officeDocument/2006/relationships/slideLayout" Target="../slideLayouts/slideLayout7.xml"/><Relationship Id="rId71" Type="http://schemas.openxmlformats.org/officeDocument/2006/relationships/slideLayout" Target="../slideLayouts/slideLayout71.xml"/><Relationship Id="rId92" Type="http://schemas.openxmlformats.org/officeDocument/2006/relationships/slideLayout" Target="../slideLayouts/slideLayout92.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slideLayout" Target="../slideLayouts/slideLayout66.xml"/><Relationship Id="rId87" Type="http://schemas.openxmlformats.org/officeDocument/2006/relationships/slideLayout" Target="../slideLayouts/slideLayout87.xml"/><Relationship Id="rId61" Type="http://schemas.openxmlformats.org/officeDocument/2006/relationships/slideLayout" Target="../slideLayouts/slideLayout61.xml"/><Relationship Id="rId82" Type="http://schemas.openxmlformats.org/officeDocument/2006/relationships/slideLayout" Target="../slideLayouts/slideLayout8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slideLayout" Target="../slideLayouts/slideLayout56.xml"/><Relationship Id="rId77" Type="http://schemas.openxmlformats.org/officeDocument/2006/relationships/slideLayout" Target="../slideLayouts/slideLayout77.xml"/><Relationship Id="rId100" Type="http://schemas.openxmlformats.org/officeDocument/2006/relationships/slideLayout" Target="../slideLayouts/slideLayout100.xml"/><Relationship Id="rId105" Type="http://schemas.openxmlformats.org/officeDocument/2006/relationships/theme" Target="../theme/theme1.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93" Type="http://schemas.openxmlformats.org/officeDocument/2006/relationships/slideLayout" Target="../slideLayouts/slideLayout93.xml"/><Relationship Id="rId98" Type="http://schemas.openxmlformats.org/officeDocument/2006/relationships/slideLayout" Target="../slideLayouts/slideLayout98.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slideLayout" Target="../slideLayouts/slideLayout46.xml"/><Relationship Id="rId67" Type="http://schemas.openxmlformats.org/officeDocument/2006/relationships/slideLayout" Target="../slideLayouts/slideLayout67.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105.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grpSp>
        <p:nvGrpSpPr>
          <p:cNvPr id="4" name="Revised Grid" hidden="1">
            <a:extLst>
              <a:ext uri="{FF2B5EF4-FFF2-40B4-BE49-F238E27FC236}">
                <a16:creationId xmlns:a16="http://schemas.microsoft.com/office/drawing/2014/main" id="{40D5A349-09EA-47CD-92F0-BDB9254C6FC5}"/>
              </a:ext>
            </a:extLst>
          </p:cNvPr>
          <p:cNvGrpSpPr/>
          <p:nvPr userDrawn="1"/>
        </p:nvGrpSpPr>
        <p:grpSpPr>
          <a:xfrm>
            <a:off x="-2" y="0"/>
            <a:ext cx="12192002" cy="6858000"/>
            <a:chOff x="-2" y="0"/>
            <a:chExt cx="12192002" cy="6858000"/>
          </a:xfrm>
        </p:grpSpPr>
        <p:sp>
          <p:nvSpPr>
            <p:cNvPr id="128" name="Rectangle 127">
              <a:extLst>
                <a:ext uri="{FF2B5EF4-FFF2-40B4-BE49-F238E27FC236}">
                  <a16:creationId xmlns:a16="http://schemas.microsoft.com/office/drawing/2014/main" id="{7FD1F024-68D9-41EE-AE55-7A3797E8EB8F}"/>
                </a:ext>
              </a:extLst>
            </p:cNvPr>
            <p:cNvSpPr/>
            <p:nvPr userDrawn="1"/>
          </p:nvSpPr>
          <p:spPr>
            <a:xfrm>
              <a:off x="11782424" y="0"/>
              <a:ext cx="409576" cy="352425"/>
            </a:xfrm>
            <a:prstGeom prst="rect">
              <a:avLst/>
            </a:prstGeom>
            <a:solidFill>
              <a:srgbClr val="003F2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0" name="Rectangle 129">
              <a:extLst>
                <a:ext uri="{FF2B5EF4-FFF2-40B4-BE49-F238E27FC236}">
                  <a16:creationId xmlns:a16="http://schemas.microsoft.com/office/drawing/2014/main" id="{192A3B52-ED93-496C-BC02-3F1B37908847}"/>
                </a:ext>
              </a:extLst>
            </p:cNvPr>
            <p:cNvSpPr/>
            <p:nvPr userDrawn="1"/>
          </p:nvSpPr>
          <p:spPr>
            <a:xfrm>
              <a:off x="920411"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1" name="Rectangle 130">
              <a:extLst>
                <a:ext uri="{FF2B5EF4-FFF2-40B4-BE49-F238E27FC236}">
                  <a16:creationId xmlns:a16="http://schemas.microsoft.com/office/drawing/2014/main" id="{E69B75DB-CF66-403F-A1C7-9FAFD772037E}"/>
                </a:ext>
              </a:extLst>
            </p:cNvPr>
            <p:cNvSpPr/>
            <p:nvPr userDrawn="1"/>
          </p:nvSpPr>
          <p:spPr>
            <a:xfrm>
              <a:off x="1432860"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2" name="Rectangle 131">
              <a:extLst>
                <a:ext uri="{FF2B5EF4-FFF2-40B4-BE49-F238E27FC236}">
                  <a16:creationId xmlns:a16="http://schemas.microsoft.com/office/drawing/2014/main" id="{5BC723CD-6EEB-4635-A055-D5E5E2F2E16C}"/>
                </a:ext>
              </a:extLst>
            </p:cNvPr>
            <p:cNvSpPr/>
            <p:nvPr userDrawn="1"/>
          </p:nvSpPr>
          <p:spPr>
            <a:xfrm>
              <a:off x="1945309"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3" name="Rectangle 132">
              <a:extLst>
                <a:ext uri="{FF2B5EF4-FFF2-40B4-BE49-F238E27FC236}">
                  <a16:creationId xmlns:a16="http://schemas.microsoft.com/office/drawing/2014/main" id="{41DD2B6A-F957-4D03-A677-40B7B9E0C501}"/>
                </a:ext>
              </a:extLst>
            </p:cNvPr>
            <p:cNvSpPr/>
            <p:nvPr userDrawn="1"/>
          </p:nvSpPr>
          <p:spPr>
            <a:xfrm>
              <a:off x="2457758"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4" name="Rectangle 133">
              <a:extLst>
                <a:ext uri="{FF2B5EF4-FFF2-40B4-BE49-F238E27FC236}">
                  <a16:creationId xmlns:a16="http://schemas.microsoft.com/office/drawing/2014/main" id="{E09D14ED-EC22-47DE-9CCF-B61DB9B2A518}"/>
                </a:ext>
              </a:extLst>
            </p:cNvPr>
            <p:cNvSpPr/>
            <p:nvPr userDrawn="1"/>
          </p:nvSpPr>
          <p:spPr>
            <a:xfrm>
              <a:off x="2970207"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5" name="Rectangle 134">
              <a:extLst>
                <a:ext uri="{FF2B5EF4-FFF2-40B4-BE49-F238E27FC236}">
                  <a16:creationId xmlns:a16="http://schemas.microsoft.com/office/drawing/2014/main" id="{9CC243E3-B536-42DB-A4D7-19C88EA31B5A}"/>
                </a:ext>
              </a:extLst>
            </p:cNvPr>
            <p:cNvSpPr/>
            <p:nvPr userDrawn="1"/>
          </p:nvSpPr>
          <p:spPr>
            <a:xfrm>
              <a:off x="3482656"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6" name="Rectangle 135">
              <a:extLst>
                <a:ext uri="{FF2B5EF4-FFF2-40B4-BE49-F238E27FC236}">
                  <a16:creationId xmlns:a16="http://schemas.microsoft.com/office/drawing/2014/main" id="{A57FF7C2-44AB-4FDE-A52E-68E4FBEB0AAD}"/>
                </a:ext>
              </a:extLst>
            </p:cNvPr>
            <p:cNvSpPr/>
            <p:nvPr userDrawn="1"/>
          </p:nvSpPr>
          <p:spPr>
            <a:xfrm>
              <a:off x="3995105"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7" name="Rectangle 136">
              <a:extLst>
                <a:ext uri="{FF2B5EF4-FFF2-40B4-BE49-F238E27FC236}">
                  <a16:creationId xmlns:a16="http://schemas.microsoft.com/office/drawing/2014/main" id="{CE9D51E0-83FA-44B9-A096-0BAABF3324BA}"/>
                </a:ext>
              </a:extLst>
            </p:cNvPr>
            <p:cNvSpPr/>
            <p:nvPr userDrawn="1"/>
          </p:nvSpPr>
          <p:spPr>
            <a:xfrm>
              <a:off x="4507554"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8" name="Rectangle 137">
              <a:extLst>
                <a:ext uri="{FF2B5EF4-FFF2-40B4-BE49-F238E27FC236}">
                  <a16:creationId xmlns:a16="http://schemas.microsoft.com/office/drawing/2014/main" id="{759A6952-75EA-4006-BFEE-A8D5EACBEB8E}"/>
                </a:ext>
              </a:extLst>
            </p:cNvPr>
            <p:cNvSpPr/>
            <p:nvPr userDrawn="1"/>
          </p:nvSpPr>
          <p:spPr>
            <a:xfrm>
              <a:off x="5020003"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39" name="Rectangle 138">
              <a:extLst>
                <a:ext uri="{FF2B5EF4-FFF2-40B4-BE49-F238E27FC236}">
                  <a16:creationId xmlns:a16="http://schemas.microsoft.com/office/drawing/2014/main" id="{96AADF5F-0499-449B-8747-88B8506BE02A}"/>
                </a:ext>
              </a:extLst>
            </p:cNvPr>
            <p:cNvSpPr/>
            <p:nvPr userDrawn="1"/>
          </p:nvSpPr>
          <p:spPr>
            <a:xfrm>
              <a:off x="5532452"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0" name="Rectangle 139">
              <a:extLst>
                <a:ext uri="{FF2B5EF4-FFF2-40B4-BE49-F238E27FC236}">
                  <a16:creationId xmlns:a16="http://schemas.microsoft.com/office/drawing/2014/main" id="{B9151978-45CD-461E-B011-A990B422E3A9}"/>
                </a:ext>
              </a:extLst>
            </p:cNvPr>
            <p:cNvSpPr/>
            <p:nvPr userDrawn="1"/>
          </p:nvSpPr>
          <p:spPr>
            <a:xfrm>
              <a:off x="6044901"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1" name="Rectangle 140">
              <a:extLst>
                <a:ext uri="{FF2B5EF4-FFF2-40B4-BE49-F238E27FC236}">
                  <a16:creationId xmlns:a16="http://schemas.microsoft.com/office/drawing/2014/main" id="{FAF5CEEA-4D46-48C2-99A8-5DFA12AC103D}"/>
                </a:ext>
              </a:extLst>
            </p:cNvPr>
            <p:cNvSpPr/>
            <p:nvPr userDrawn="1"/>
          </p:nvSpPr>
          <p:spPr>
            <a:xfrm>
              <a:off x="6557350"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2" name="Rectangle 141">
              <a:extLst>
                <a:ext uri="{FF2B5EF4-FFF2-40B4-BE49-F238E27FC236}">
                  <a16:creationId xmlns:a16="http://schemas.microsoft.com/office/drawing/2014/main" id="{A7B2740F-04C2-4A3D-927E-404F03E7595F}"/>
                </a:ext>
              </a:extLst>
            </p:cNvPr>
            <p:cNvSpPr/>
            <p:nvPr userDrawn="1"/>
          </p:nvSpPr>
          <p:spPr>
            <a:xfrm>
              <a:off x="7069799"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3" name="Rectangle 142">
              <a:extLst>
                <a:ext uri="{FF2B5EF4-FFF2-40B4-BE49-F238E27FC236}">
                  <a16:creationId xmlns:a16="http://schemas.microsoft.com/office/drawing/2014/main" id="{BCE2FC30-5ADB-4B87-A94C-B2DC8CD00050}"/>
                </a:ext>
              </a:extLst>
            </p:cNvPr>
            <p:cNvSpPr/>
            <p:nvPr userDrawn="1"/>
          </p:nvSpPr>
          <p:spPr>
            <a:xfrm>
              <a:off x="7582248"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4" name="Rectangle 143">
              <a:extLst>
                <a:ext uri="{FF2B5EF4-FFF2-40B4-BE49-F238E27FC236}">
                  <a16:creationId xmlns:a16="http://schemas.microsoft.com/office/drawing/2014/main" id="{88D366A8-5332-47E5-9DCF-8093A122ABD4}"/>
                </a:ext>
              </a:extLst>
            </p:cNvPr>
            <p:cNvSpPr/>
            <p:nvPr userDrawn="1"/>
          </p:nvSpPr>
          <p:spPr>
            <a:xfrm>
              <a:off x="8094697"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5" name="Rectangle 144">
              <a:extLst>
                <a:ext uri="{FF2B5EF4-FFF2-40B4-BE49-F238E27FC236}">
                  <a16:creationId xmlns:a16="http://schemas.microsoft.com/office/drawing/2014/main" id="{2B08E73A-2A02-4F1E-8D73-D04CE6F6D7C9}"/>
                </a:ext>
              </a:extLst>
            </p:cNvPr>
            <p:cNvSpPr/>
            <p:nvPr userDrawn="1"/>
          </p:nvSpPr>
          <p:spPr>
            <a:xfrm>
              <a:off x="8607146"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6" name="Rectangle 145">
              <a:extLst>
                <a:ext uri="{FF2B5EF4-FFF2-40B4-BE49-F238E27FC236}">
                  <a16:creationId xmlns:a16="http://schemas.microsoft.com/office/drawing/2014/main" id="{D460EBA2-54A5-4465-835F-A6B4BCF739B5}"/>
                </a:ext>
              </a:extLst>
            </p:cNvPr>
            <p:cNvSpPr/>
            <p:nvPr userDrawn="1"/>
          </p:nvSpPr>
          <p:spPr>
            <a:xfrm>
              <a:off x="9119595"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7" name="Rectangle 146">
              <a:extLst>
                <a:ext uri="{FF2B5EF4-FFF2-40B4-BE49-F238E27FC236}">
                  <a16:creationId xmlns:a16="http://schemas.microsoft.com/office/drawing/2014/main" id="{C80E8C01-E64E-4413-BAE2-91A570AD9574}"/>
                </a:ext>
              </a:extLst>
            </p:cNvPr>
            <p:cNvSpPr/>
            <p:nvPr userDrawn="1"/>
          </p:nvSpPr>
          <p:spPr>
            <a:xfrm>
              <a:off x="9632044"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8" name="Rectangle 147">
              <a:extLst>
                <a:ext uri="{FF2B5EF4-FFF2-40B4-BE49-F238E27FC236}">
                  <a16:creationId xmlns:a16="http://schemas.microsoft.com/office/drawing/2014/main" id="{4C781C87-E5B5-4699-9863-ED4EE1F62AD1}"/>
                </a:ext>
              </a:extLst>
            </p:cNvPr>
            <p:cNvSpPr/>
            <p:nvPr userDrawn="1"/>
          </p:nvSpPr>
          <p:spPr>
            <a:xfrm>
              <a:off x="10144493"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49" name="Rectangle 148">
              <a:extLst>
                <a:ext uri="{FF2B5EF4-FFF2-40B4-BE49-F238E27FC236}">
                  <a16:creationId xmlns:a16="http://schemas.microsoft.com/office/drawing/2014/main" id="{DCF1D9D4-8D5D-4D04-AE67-17DE2551E116}"/>
                </a:ext>
              </a:extLst>
            </p:cNvPr>
            <p:cNvSpPr/>
            <p:nvPr userDrawn="1"/>
          </p:nvSpPr>
          <p:spPr>
            <a:xfrm>
              <a:off x="10656942"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0" name="Rectangle 149">
              <a:extLst>
                <a:ext uri="{FF2B5EF4-FFF2-40B4-BE49-F238E27FC236}">
                  <a16:creationId xmlns:a16="http://schemas.microsoft.com/office/drawing/2014/main" id="{20BFFB2E-577F-42EA-A727-7FC53BA957F0}"/>
                </a:ext>
              </a:extLst>
            </p:cNvPr>
            <p:cNvSpPr/>
            <p:nvPr userDrawn="1"/>
          </p:nvSpPr>
          <p:spPr>
            <a:xfrm>
              <a:off x="11169391"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1" name="Rectangle 150">
              <a:extLst>
                <a:ext uri="{FF2B5EF4-FFF2-40B4-BE49-F238E27FC236}">
                  <a16:creationId xmlns:a16="http://schemas.microsoft.com/office/drawing/2014/main" id="{B10A0499-CCDC-4C98-962C-98F02BA63DBF}"/>
                </a:ext>
              </a:extLst>
            </p:cNvPr>
            <p:cNvSpPr/>
            <p:nvPr userDrawn="1"/>
          </p:nvSpPr>
          <p:spPr>
            <a:xfrm>
              <a:off x="11681840"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2" name="Rectangle 1">
              <a:extLst>
                <a:ext uri="{FF2B5EF4-FFF2-40B4-BE49-F238E27FC236}">
                  <a16:creationId xmlns:a16="http://schemas.microsoft.com/office/drawing/2014/main" id="{1F2E5F9A-FAFC-4685-AB96-6D8CFFCC3A11}"/>
                </a:ext>
              </a:extLst>
            </p:cNvPr>
            <p:cNvSpPr/>
            <p:nvPr userDrawn="1"/>
          </p:nvSpPr>
          <p:spPr>
            <a:xfrm>
              <a:off x="-2" y="0"/>
              <a:ext cx="407964" cy="352425"/>
            </a:xfrm>
            <a:prstGeom prst="rect">
              <a:avLst/>
            </a:prstGeom>
            <a:solidFill>
              <a:srgbClr val="003F2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6" name="Rectangle 155">
              <a:extLst>
                <a:ext uri="{FF2B5EF4-FFF2-40B4-BE49-F238E27FC236}">
                  <a16:creationId xmlns:a16="http://schemas.microsoft.com/office/drawing/2014/main" id="{2C45F6DD-57AA-4B23-A232-BC495AF23A85}"/>
                </a:ext>
              </a:extLst>
            </p:cNvPr>
            <p:cNvSpPr/>
            <p:nvPr userDrawn="1"/>
          </p:nvSpPr>
          <p:spPr>
            <a:xfrm>
              <a:off x="-2" y="1499795"/>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7" name="Rectangle 156">
              <a:extLst>
                <a:ext uri="{FF2B5EF4-FFF2-40B4-BE49-F238E27FC236}">
                  <a16:creationId xmlns:a16="http://schemas.microsoft.com/office/drawing/2014/main" id="{B757AC7E-7339-48E4-8427-1FC7B3CF63C5}"/>
                </a:ext>
              </a:extLst>
            </p:cNvPr>
            <p:cNvSpPr/>
            <p:nvPr userDrawn="1"/>
          </p:nvSpPr>
          <p:spPr>
            <a:xfrm>
              <a:off x="-2" y="2126099"/>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8" name="Rectangle 157">
              <a:extLst>
                <a:ext uri="{FF2B5EF4-FFF2-40B4-BE49-F238E27FC236}">
                  <a16:creationId xmlns:a16="http://schemas.microsoft.com/office/drawing/2014/main" id="{405CC6FA-8976-4A8D-849E-AB90D510B847}"/>
                </a:ext>
              </a:extLst>
            </p:cNvPr>
            <p:cNvSpPr/>
            <p:nvPr userDrawn="1"/>
          </p:nvSpPr>
          <p:spPr>
            <a:xfrm>
              <a:off x="-2" y="2752403"/>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59" name="Rectangle 158">
              <a:extLst>
                <a:ext uri="{FF2B5EF4-FFF2-40B4-BE49-F238E27FC236}">
                  <a16:creationId xmlns:a16="http://schemas.microsoft.com/office/drawing/2014/main" id="{5A90981E-485F-4B9A-8192-7F577B4132FC}"/>
                </a:ext>
              </a:extLst>
            </p:cNvPr>
            <p:cNvSpPr/>
            <p:nvPr userDrawn="1"/>
          </p:nvSpPr>
          <p:spPr>
            <a:xfrm>
              <a:off x="-2" y="3378707"/>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60" name="Rectangle 159">
              <a:extLst>
                <a:ext uri="{FF2B5EF4-FFF2-40B4-BE49-F238E27FC236}">
                  <a16:creationId xmlns:a16="http://schemas.microsoft.com/office/drawing/2014/main" id="{A919F441-23FA-4B71-86D4-78CA1BBCA16E}"/>
                </a:ext>
              </a:extLst>
            </p:cNvPr>
            <p:cNvSpPr/>
            <p:nvPr userDrawn="1"/>
          </p:nvSpPr>
          <p:spPr>
            <a:xfrm>
              <a:off x="-2" y="4005011"/>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61" name="Rectangle 160">
              <a:extLst>
                <a:ext uri="{FF2B5EF4-FFF2-40B4-BE49-F238E27FC236}">
                  <a16:creationId xmlns:a16="http://schemas.microsoft.com/office/drawing/2014/main" id="{FC93837A-3379-45BD-A289-BBB7E078CB90}"/>
                </a:ext>
              </a:extLst>
            </p:cNvPr>
            <p:cNvSpPr/>
            <p:nvPr userDrawn="1"/>
          </p:nvSpPr>
          <p:spPr>
            <a:xfrm>
              <a:off x="-2" y="4631315"/>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66" name="Rectangle 165">
              <a:extLst>
                <a:ext uri="{FF2B5EF4-FFF2-40B4-BE49-F238E27FC236}">
                  <a16:creationId xmlns:a16="http://schemas.microsoft.com/office/drawing/2014/main" id="{44F5F903-BB9D-43EB-A5D0-12CF0F1AE1B5}"/>
                </a:ext>
              </a:extLst>
            </p:cNvPr>
            <p:cNvSpPr/>
            <p:nvPr userDrawn="1"/>
          </p:nvSpPr>
          <p:spPr>
            <a:xfrm>
              <a:off x="-2" y="5257619"/>
              <a:ext cx="407964" cy="100584"/>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70" name="Rectangle 169">
              <a:extLst>
                <a:ext uri="{FF2B5EF4-FFF2-40B4-BE49-F238E27FC236}">
                  <a16:creationId xmlns:a16="http://schemas.microsoft.com/office/drawing/2014/main" id="{8A325BCE-C99F-4B84-91CA-F3643F4B1DE8}"/>
                </a:ext>
              </a:extLst>
            </p:cNvPr>
            <p:cNvSpPr/>
            <p:nvPr userDrawn="1"/>
          </p:nvSpPr>
          <p:spPr>
            <a:xfrm>
              <a:off x="-2" y="876300"/>
              <a:ext cx="407964" cy="97775"/>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72" name="Rectangle 171">
              <a:extLst>
                <a:ext uri="{FF2B5EF4-FFF2-40B4-BE49-F238E27FC236}">
                  <a16:creationId xmlns:a16="http://schemas.microsoft.com/office/drawing/2014/main" id="{F9DE1136-277D-40EC-8A26-E9B9345DF0F6}"/>
                </a:ext>
              </a:extLst>
            </p:cNvPr>
            <p:cNvSpPr/>
            <p:nvPr userDrawn="1"/>
          </p:nvSpPr>
          <p:spPr>
            <a:xfrm flipV="1">
              <a:off x="-2" y="6505575"/>
              <a:ext cx="407964" cy="352425"/>
            </a:xfrm>
            <a:prstGeom prst="rect">
              <a:avLst/>
            </a:prstGeom>
            <a:solidFill>
              <a:srgbClr val="003F2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75" name="Rectangle 174">
              <a:extLst>
                <a:ext uri="{FF2B5EF4-FFF2-40B4-BE49-F238E27FC236}">
                  <a16:creationId xmlns:a16="http://schemas.microsoft.com/office/drawing/2014/main" id="{AEFF5538-8C30-46ED-A7AE-32352DB97E32}"/>
                </a:ext>
              </a:extLst>
            </p:cNvPr>
            <p:cNvSpPr/>
            <p:nvPr userDrawn="1"/>
          </p:nvSpPr>
          <p:spPr>
            <a:xfrm flipV="1">
              <a:off x="-2" y="5883925"/>
              <a:ext cx="407964" cy="97775"/>
            </a:xfrm>
            <a:prstGeom prst="rect">
              <a:avLst/>
            </a:prstGeom>
            <a:solidFill>
              <a:schemeClr val="tx2"/>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
          <p:nvSpPr>
            <p:cNvPr id="187" name="Rectangle 186">
              <a:extLst>
                <a:ext uri="{FF2B5EF4-FFF2-40B4-BE49-F238E27FC236}">
                  <a16:creationId xmlns:a16="http://schemas.microsoft.com/office/drawing/2014/main" id="{E7387E6F-45D4-4A80-B30C-DAA65504A7D8}"/>
                </a:ext>
              </a:extLst>
            </p:cNvPr>
            <p:cNvSpPr/>
            <p:nvPr userDrawn="1"/>
          </p:nvSpPr>
          <p:spPr>
            <a:xfrm flipH="1">
              <a:off x="407962" y="0"/>
              <a:ext cx="100584" cy="352425"/>
            </a:xfrm>
            <a:prstGeom prst="rect">
              <a:avLst/>
            </a:prstGeom>
            <a:solidFill>
              <a:srgbClr val="80BBAD"/>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lvl="0" algn="ctr">
                <a:spcAft>
                  <a:spcPts val="300"/>
                </a:spcAft>
              </a:pPr>
              <a:endParaRPr lang="en-US" dirty="0">
                <a:solidFill>
                  <a:schemeClr val="bg1"/>
                </a:solidFill>
              </a:endParaRPr>
            </a:p>
          </p:txBody>
        </p:sp>
        <p:sp>
          <p:nvSpPr>
            <p:cNvPr id="193" name="Rectangle 192">
              <a:extLst>
                <a:ext uri="{FF2B5EF4-FFF2-40B4-BE49-F238E27FC236}">
                  <a16:creationId xmlns:a16="http://schemas.microsoft.com/office/drawing/2014/main" id="{6B90070F-20C9-4260-8302-B2307941D71F}"/>
                </a:ext>
              </a:extLst>
            </p:cNvPr>
            <p:cNvSpPr/>
            <p:nvPr userDrawn="1"/>
          </p:nvSpPr>
          <p:spPr>
            <a:xfrm>
              <a:off x="-2" y="352425"/>
              <a:ext cx="411480" cy="100584"/>
            </a:xfrm>
            <a:prstGeom prst="rect">
              <a:avLst/>
            </a:prstGeom>
            <a:solidFill>
              <a:srgbClr val="D2785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sz="2200" dirty="0">
                <a:solidFill>
                  <a:schemeClr val="bg1"/>
                </a:solidFill>
              </a:endParaRPr>
            </a:p>
          </p:txBody>
        </p:sp>
        <p:sp>
          <p:nvSpPr>
            <p:cNvPr id="194" name="Rectangle 193">
              <a:extLst>
                <a:ext uri="{FF2B5EF4-FFF2-40B4-BE49-F238E27FC236}">
                  <a16:creationId xmlns:a16="http://schemas.microsoft.com/office/drawing/2014/main" id="{77977B84-E179-47CE-9642-3E31FE2F018A}"/>
                </a:ext>
              </a:extLst>
            </p:cNvPr>
            <p:cNvSpPr/>
            <p:nvPr userDrawn="1"/>
          </p:nvSpPr>
          <p:spPr>
            <a:xfrm flipV="1">
              <a:off x="-2" y="6404991"/>
              <a:ext cx="411480" cy="100584"/>
            </a:xfrm>
            <a:prstGeom prst="rect">
              <a:avLst/>
            </a:prstGeom>
            <a:solidFill>
              <a:srgbClr val="D2785A"/>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sz="2200" dirty="0">
                <a:solidFill>
                  <a:schemeClr val="bg1"/>
                </a:solidFill>
              </a:endParaRPr>
            </a:p>
          </p:txBody>
        </p:sp>
      </p:grpSp>
      <p:sp>
        <p:nvSpPr>
          <p:cNvPr id="7" name="Page Number">
            <a:extLst>
              <a:ext uri="{FF2B5EF4-FFF2-40B4-BE49-F238E27FC236}">
                <a16:creationId xmlns:a16="http://schemas.microsoft.com/office/drawing/2014/main" id="{E58E7509-6F56-4384-96C9-87A36BA2BC0F}"/>
              </a:ext>
            </a:extLst>
          </p:cNvPr>
          <p:cNvSpPr txBox="1"/>
          <p:nvPr userDrawn="1"/>
        </p:nvSpPr>
        <p:spPr>
          <a:xfrm>
            <a:off x="9234403" y="6479922"/>
            <a:ext cx="2448000" cy="123111"/>
          </a:xfrm>
          <a:prstGeom prst="rect">
            <a:avLst/>
          </a:prstGeom>
          <a:noFill/>
        </p:spPr>
        <p:txBody>
          <a:bodyPr wrap="square" lIns="0" tIns="0" rIns="0" bIns="0">
            <a:spAutoFit/>
          </a:bodyPr>
          <a:lstStyle/>
          <a:p>
            <a:pPr marL="0" algn="r" defTabSz="914400" rtl="0" eaLnBrk="1" latinLnBrk="0" hangingPunct="1"/>
            <a:fld id="{1C89B4D1-E1CE-4E79-B913-C04DDECCCBCD}" type="slidenum">
              <a:rPr lang="en-US" sz="800" b="0" kern="1200" cap="none" baseline="0" smtClean="0">
                <a:solidFill>
                  <a:schemeClr val="tx1"/>
                </a:solidFill>
                <a:latin typeface="+mn-lt"/>
                <a:ea typeface="+mn-ea"/>
                <a:cs typeface="+mn-cs"/>
              </a:rPr>
              <a:pPr marL="0" algn="r" defTabSz="914400" rtl="0" eaLnBrk="1" latinLnBrk="0" hangingPunct="1"/>
              <a:t>‹#›</a:t>
            </a:fld>
            <a:endParaRPr lang="en-US" sz="800" b="0" kern="1200" cap="none" baseline="0" dirty="0">
              <a:solidFill>
                <a:schemeClr val="tx1"/>
              </a:solidFill>
              <a:latin typeface="+mn-lt"/>
              <a:ea typeface="+mn-ea"/>
              <a:cs typeface="+mn-cs"/>
            </a:endParaRPr>
          </a:p>
        </p:txBody>
      </p:sp>
      <p:sp>
        <p:nvSpPr>
          <p:cNvPr id="6" name="Copyright">
            <a:extLst>
              <a:ext uri="{FF2B5EF4-FFF2-40B4-BE49-F238E27FC236}">
                <a16:creationId xmlns:a16="http://schemas.microsoft.com/office/drawing/2014/main" id="{F635EDC6-6E44-4FEB-ADC2-DD75954004E7}"/>
              </a:ext>
            </a:extLst>
          </p:cNvPr>
          <p:cNvSpPr txBox="1"/>
          <p:nvPr userDrawn="1"/>
        </p:nvSpPr>
        <p:spPr>
          <a:xfrm>
            <a:off x="518991" y="6479922"/>
            <a:ext cx="2448000" cy="123111"/>
          </a:xfrm>
          <a:prstGeom prst="rect">
            <a:avLst/>
          </a:prstGeom>
          <a:noFill/>
        </p:spPr>
        <p:txBody>
          <a:bodyPr wrap="square" lIns="0" tIns="0" rIns="0" bIns="0">
            <a:spAutoFit/>
          </a:bodyPr>
          <a:lstStyle/>
          <a:p>
            <a:pPr marL="0" algn="l" defTabSz="914400" rtl="0" eaLnBrk="1" latinLnBrk="0" hangingPunct="1"/>
            <a:r>
              <a:rPr lang="en-US" sz="800" b="0" kern="1200" cap="none" baseline="0" dirty="0">
                <a:solidFill>
                  <a:schemeClr val="tx1"/>
                </a:solidFill>
                <a:latin typeface="+mn-lt"/>
                <a:ea typeface="+mn-ea"/>
                <a:cs typeface="+mn-cs"/>
              </a:rPr>
              <a:t>Confidential &amp; Proprietary | © </a:t>
            </a:r>
            <a:fld id="{B068ACA0-8C9F-4E58-A054-F52B2223E874}" type="datetimeyyyy">
              <a:rPr lang="en-US" sz="800" b="0" kern="1200" cap="none" baseline="0" smtClean="0">
                <a:solidFill>
                  <a:schemeClr val="tx1"/>
                </a:solidFill>
                <a:latin typeface="+mn-lt"/>
                <a:ea typeface="+mn-ea"/>
                <a:cs typeface="+mn-cs"/>
              </a:rPr>
              <a:t>2024</a:t>
            </a:fld>
            <a:r>
              <a:rPr lang="en-US" sz="800" b="0" kern="1200" cap="none" baseline="0" dirty="0">
                <a:solidFill>
                  <a:schemeClr val="tx1"/>
                </a:solidFill>
                <a:latin typeface="+mn-lt"/>
                <a:ea typeface="+mn-ea"/>
                <a:cs typeface="+mn-cs"/>
              </a:rPr>
              <a:t> CBRE, Inc.</a:t>
            </a:r>
          </a:p>
        </p:txBody>
      </p:sp>
      <p:sp>
        <p:nvSpPr>
          <p:cNvPr id="18" name="Text Placeholder 17">
            <a:extLst>
              <a:ext uri="{FF2B5EF4-FFF2-40B4-BE49-F238E27FC236}">
                <a16:creationId xmlns:a16="http://schemas.microsoft.com/office/drawing/2014/main" id="{2593EE55-8927-4040-B221-77F9998365E8}"/>
              </a:ext>
            </a:extLst>
          </p:cNvPr>
          <p:cNvSpPr>
            <a:spLocks noGrp="1"/>
          </p:cNvSpPr>
          <p:nvPr userDrawn="1">
            <p:ph type="body" idx="1"/>
          </p:nvPr>
        </p:nvSpPr>
        <p:spPr>
          <a:xfrm>
            <a:off x="3584575" y="1601788"/>
            <a:ext cx="3484562" cy="4275137"/>
          </a:xfrm>
          <a:prstGeom prst="rect">
            <a:avLst/>
          </a:prstGeom>
        </p:spPr>
        <p:txBody>
          <a:bodyPr vert="horz" lIns="0" tIns="0" rIns="72000" bIns="0" rtlCol="0">
            <a:noAutofit/>
          </a:bodyPr>
          <a:lstStyle/>
          <a:p>
            <a:pPr lvl="0"/>
            <a:r>
              <a:rPr lang="en-US" dirty="0"/>
              <a:t>Heading 1</a:t>
            </a:r>
          </a:p>
          <a:p>
            <a:pPr lvl="1"/>
            <a:r>
              <a:rPr lang="en-US" dirty="0"/>
              <a:t>Heading 2</a:t>
            </a:r>
          </a:p>
          <a:p>
            <a:pPr lvl="2"/>
            <a:r>
              <a:rPr lang="en-US" dirty="0"/>
              <a:t>Body Copy</a:t>
            </a:r>
          </a:p>
          <a:p>
            <a:pPr lvl="3"/>
            <a:r>
              <a:rPr lang="en-US" dirty="0"/>
              <a:t>Body Bullet</a:t>
            </a:r>
          </a:p>
          <a:p>
            <a:pPr lvl="4"/>
            <a:r>
              <a:rPr lang="en-US" dirty="0"/>
              <a:t>Body Bullet 2</a:t>
            </a:r>
          </a:p>
          <a:p>
            <a:pPr lvl="5"/>
            <a:r>
              <a:rPr lang="en-US" dirty="0"/>
              <a:t>Heading 3</a:t>
            </a:r>
          </a:p>
          <a:p>
            <a:pPr lvl="6"/>
            <a:r>
              <a:rPr lang="en-US" dirty="0"/>
              <a:t>Caption</a:t>
            </a:r>
          </a:p>
          <a:p>
            <a:pPr lvl="7"/>
            <a:r>
              <a:rPr lang="en-US" dirty="0"/>
              <a:t>Caption copy</a:t>
            </a:r>
          </a:p>
          <a:p>
            <a:pPr lvl="8"/>
            <a:r>
              <a:rPr lang="en-US" dirty="0"/>
              <a:t>Caption bullet</a:t>
            </a:r>
          </a:p>
        </p:txBody>
      </p:sp>
      <p:sp>
        <p:nvSpPr>
          <p:cNvPr id="14" name="Title Placeholder 13">
            <a:extLst>
              <a:ext uri="{FF2B5EF4-FFF2-40B4-BE49-F238E27FC236}">
                <a16:creationId xmlns:a16="http://schemas.microsoft.com/office/drawing/2014/main" id="{A9727837-E2B5-42C2-9C90-3857161612D6}"/>
              </a:ext>
            </a:extLst>
          </p:cNvPr>
          <p:cNvSpPr>
            <a:spLocks noGrp="1"/>
          </p:cNvSpPr>
          <p:nvPr userDrawn="1">
            <p:ph type="title"/>
          </p:nvPr>
        </p:nvSpPr>
        <p:spPr>
          <a:xfrm>
            <a:off x="511176" y="1601788"/>
            <a:ext cx="2971800" cy="1325563"/>
          </a:xfrm>
          <a:prstGeom prst="rect">
            <a:avLst/>
          </a:prstGeom>
        </p:spPr>
        <p:txBody>
          <a:bodyPr vert="horz" lIns="0" tIns="0" rIns="0" bIns="0" rtlCol="0" anchor="t">
            <a:noAutofit/>
          </a:bodyPr>
          <a:lstStyle/>
          <a:p>
            <a:r>
              <a:rPr lang="en-US"/>
              <a:t>Click to edit Master title style</a:t>
            </a:r>
            <a:endParaRPr lang="en-US" dirty="0"/>
          </a:p>
        </p:txBody>
      </p:sp>
      <p:pic>
        <p:nvPicPr>
          <p:cNvPr id="3" name="Picture 2" descr="A red flag on a white background&#10;&#10;Description automatically generated">
            <a:extLst>
              <a:ext uri="{FF2B5EF4-FFF2-40B4-BE49-F238E27FC236}">
                <a16:creationId xmlns:a16="http://schemas.microsoft.com/office/drawing/2014/main" id="{5C461F3D-4FD4-58AF-7EED-F9236B875FA9}"/>
              </a:ext>
            </a:extLst>
          </p:cNvPr>
          <p:cNvPicPr>
            <a:picLocks noChangeAspect="1"/>
          </p:cNvPicPr>
          <p:nvPr userDrawn="1"/>
        </p:nvPicPr>
        <p:blipFill>
          <a:blip r:embed="rId106" cstate="email">
            <a:alphaModFix amt="50000"/>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Tree>
    <p:extLst>
      <p:ext uri="{BB962C8B-B14F-4D97-AF65-F5344CB8AC3E}">
        <p14:creationId xmlns:p14="http://schemas.microsoft.com/office/powerpoint/2010/main" val="201101775"/>
      </p:ext>
    </p:extLst>
  </p:cSld>
  <p:clrMap bg1="lt1" tx1="dk1" bg2="lt2" tx2="dk2" accent1="accent1" accent2="accent2" accent3="accent3" accent4="accent4" accent5="accent5" accent6="accent6" hlink="hlink" folHlink="folHlink"/>
  <p:sldLayoutIdLst>
    <p:sldLayoutId id="2147484562" r:id="rId1"/>
    <p:sldLayoutId id="2147484496" r:id="rId2"/>
    <p:sldLayoutId id="2147484563" r:id="rId3"/>
    <p:sldLayoutId id="2147484497" r:id="rId4"/>
    <p:sldLayoutId id="2147484492" r:id="rId5"/>
    <p:sldLayoutId id="2147484571" r:id="rId6"/>
    <p:sldLayoutId id="2147484494" r:id="rId7"/>
    <p:sldLayoutId id="2147484572" r:id="rId8"/>
    <p:sldLayoutId id="2147484564" r:id="rId9"/>
    <p:sldLayoutId id="2147484565" r:id="rId10"/>
    <p:sldLayoutId id="2147484566" r:id="rId11"/>
    <p:sldLayoutId id="2147484567" r:id="rId12"/>
    <p:sldLayoutId id="2147484573" r:id="rId13"/>
    <p:sldLayoutId id="2147484574" r:id="rId14"/>
    <p:sldLayoutId id="2147484575" r:id="rId15"/>
    <p:sldLayoutId id="2147484576" r:id="rId16"/>
    <p:sldLayoutId id="2147484666" r:id="rId17"/>
    <p:sldLayoutId id="2147484667" r:id="rId18"/>
    <p:sldLayoutId id="2147484559" r:id="rId19"/>
    <p:sldLayoutId id="2147484560" r:id="rId20"/>
    <p:sldLayoutId id="2147484561" r:id="rId21"/>
    <p:sldLayoutId id="2147484659" r:id="rId22"/>
    <p:sldLayoutId id="2147484660" r:id="rId23"/>
    <p:sldLayoutId id="2147484661" r:id="rId24"/>
    <p:sldLayoutId id="2147484577" r:id="rId25"/>
    <p:sldLayoutId id="2147484578" r:id="rId26"/>
    <p:sldLayoutId id="2147484579" r:id="rId27"/>
    <p:sldLayoutId id="2147484662" r:id="rId28"/>
    <p:sldLayoutId id="2147484663" r:id="rId29"/>
    <p:sldLayoutId id="2147484664" r:id="rId30"/>
    <p:sldLayoutId id="2147484554" r:id="rId31"/>
    <p:sldLayoutId id="2147484555" r:id="rId32"/>
    <p:sldLayoutId id="2147484556" r:id="rId33"/>
    <p:sldLayoutId id="2147484505" r:id="rId34"/>
    <p:sldLayoutId id="2147484506" r:id="rId35"/>
    <p:sldLayoutId id="2147484507" r:id="rId36"/>
    <p:sldLayoutId id="2147484557" r:id="rId37"/>
    <p:sldLayoutId id="2147484673" r:id="rId38"/>
    <p:sldLayoutId id="2147484558" r:id="rId39"/>
    <p:sldLayoutId id="2147484508" r:id="rId40"/>
    <p:sldLayoutId id="2147484629" r:id="rId41"/>
    <p:sldLayoutId id="2147484631" r:id="rId42"/>
    <p:sldLayoutId id="2147484633" r:id="rId43"/>
    <p:sldLayoutId id="2147484645" r:id="rId44"/>
    <p:sldLayoutId id="2147484634" r:id="rId45"/>
    <p:sldLayoutId id="2147484639" r:id="rId46"/>
    <p:sldLayoutId id="2147484635" r:id="rId47"/>
    <p:sldLayoutId id="2147484641" r:id="rId48"/>
    <p:sldLayoutId id="2147484643" r:id="rId49"/>
    <p:sldLayoutId id="2147484630" r:id="rId50"/>
    <p:sldLayoutId id="2147484632" r:id="rId51"/>
    <p:sldLayoutId id="2147484636" r:id="rId52"/>
    <p:sldLayoutId id="2147484646" r:id="rId53"/>
    <p:sldLayoutId id="2147484637" r:id="rId54"/>
    <p:sldLayoutId id="2147484640" r:id="rId55"/>
    <p:sldLayoutId id="2147484638" r:id="rId56"/>
    <p:sldLayoutId id="2147484642" r:id="rId57"/>
    <p:sldLayoutId id="2147484644" r:id="rId58"/>
    <p:sldLayoutId id="2147484611" r:id="rId59"/>
    <p:sldLayoutId id="2147484613" r:id="rId60"/>
    <p:sldLayoutId id="2147484612" r:id="rId61"/>
    <p:sldLayoutId id="2147484615" r:id="rId62"/>
    <p:sldLayoutId id="2147484614" r:id="rId63"/>
    <p:sldLayoutId id="2147484616" r:id="rId64"/>
    <p:sldLayoutId id="2147484617" r:id="rId65"/>
    <p:sldLayoutId id="2147484618" r:id="rId66"/>
    <p:sldLayoutId id="2147484619" r:id="rId67"/>
    <p:sldLayoutId id="2147484620" r:id="rId68"/>
    <p:sldLayoutId id="2147484627" r:id="rId69"/>
    <p:sldLayoutId id="2147484628" r:id="rId70"/>
    <p:sldLayoutId id="2147484665" r:id="rId71"/>
    <p:sldLayoutId id="2147484621" r:id="rId72"/>
    <p:sldLayoutId id="2147484622" r:id="rId73"/>
    <p:sldLayoutId id="2147484658" r:id="rId74"/>
    <p:sldLayoutId id="2147484623" r:id="rId75"/>
    <p:sldLayoutId id="2147484624" r:id="rId76"/>
    <p:sldLayoutId id="2147484625" r:id="rId77"/>
    <p:sldLayoutId id="2147484626" r:id="rId78"/>
    <p:sldLayoutId id="2147484610" r:id="rId79"/>
    <p:sldLayoutId id="2147484609" r:id="rId80"/>
    <p:sldLayoutId id="2147484608" r:id="rId81"/>
    <p:sldLayoutId id="2147484650" r:id="rId82"/>
    <p:sldLayoutId id="2147484652" r:id="rId83"/>
    <p:sldLayoutId id="2147484653" r:id="rId84"/>
    <p:sldLayoutId id="2147484654" r:id="rId85"/>
    <p:sldLayoutId id="2147484656" r:id="rId86"/>
    <p:sldLayoutId id="2147484657" r:id="rId87"/>
    <p:sldLayoutId id="2147484600" r:id="rId88"/>
    <p:sldLayoutId id="2147484605" r:id="rId89"/>
    <p:sldLayoutId id="2147484602" r:id="rId90"/>
    <p:sldLayoutId id="2147484603" r:id="rId91"/>
    <p:sldLayoutId id="2147484604" r:id="rId92"/>
    <p:sldLayoutId id="2147484606" r:id="rId93"/>
    <p:sldLayoutId id="2147484647" r:id="rId94"/>
    <p:sldLayoutId id="2147484648" r:id="rId95"/>
    <p:sldLayoutId id="2147484649" r:id="rId96"/>
    <p:sldLayoutId id="2147484668" r:id="rId97"/>
    <p:sldLayoutId id="2147484669" r:id="rId98"/>
    <p:sldLayoutId id="2147484670" r:id="rId99"/>
    <p:sldLayoutId id="2147484671" r:id="rId100"/>
    <p:sldLayoutId id="2147484607" r:id="rId101"/>
    <p:sldLayoutId id="2147484672" r:id="rId102"/>
    <p:sldLayoutId id="2147484677" r:id="rId103"/>
    <p:sldLayoutId id="2147484680" r:id="rId104"/>
  </p:sldLayoutIdLst>
  <p:hf hdr="0" dt="0"/>
  <p:txStyles>
    <p:titleStyle>
      <a:lvl1pPr eaLnBrk="1" hangingPunct="1">
        <a:lnSpc>
          <a:spcPct val="90000"/>
        </a:lnSpc>
        <a:defRPr sz="2800" kern="1200" baseline="0">
          <a:solidFill>
            <a:schemeClr val="tx1"/>
          </a:solidFill>
          <a:latin typeface="+mj-lt"/>
          <a:ea typeface="+mj-ea"/>
          <a:cs typeface="+mj-cs"/>
        </a:defRPr>
      </a:lvl1pPr>
    </p:titleStyle>
    <p:bodyStyle>
      <a:lvl1pPr marL="0" eaLnBrk="1" hangingPunct="1">
        <a:spcBef>
          <a:spcPts val="1200"/>
        </a:spcBef>
        <a:spcAft>
          <a:spcPts val="1200"/>
        </a:spcAft>
        <a:defRPr sz="2200">
          <a:solidFill>
            <a:schemeClr val="tx1"/>
          </a:solidFill>
          <a:latin typeface="Calibre Light" panose="020B0303030202060203" pitchFamily="34" charset="0"/>
          <a:ea typeface="+mn-ea"/>
          <a:cs typeface="+mn-cs"/>
        </a:defRPr>
      </a:lvl1pPr>
      <a:lvl2pPr marL="0" indent="0" eaLnBrk="1" hangingPunct="1">
        <a:spcAft>
          <a:spcPts val="600"/>
        </a:spcAft>
        <a:defRPr sz="1600" b="0">
          <a:solidFill>
            <a:schemeClr val="tx1"/>
          </a:solidFill>
          <a:latin typeface="Calibre Semibold" panose="020B0703030202060203" pitchFamily="34" charset="0"/>
          <a:ea typeface="+mn-ea"/>
          <a:cs typeface="+mn-cs"/>
        </a:defRPr>
      </a:lvl2pPr>
      <a:lvl3pPr marL="0" indent="0" eaLnBrk="1" hangingPunct="1">
        <a:spcBef>
          <a:spcPts val="300"/>
        </a:spcBef>
        <a:spcAft>
          <a:spcPts val="300"/>
        </a:spcAft>
        <a:defRPr sz="1200">
          <a:solidFill>
            <a:schemeClr val="tx1"/>
          </a:solidFill>
          <a:latin typeface="+mn-lt"/>
          <a:ea typeface="+mn-ea"/>
          <a:cs typeface="+mn-cs"/>
        </a:defRPr>
      </a:lvl3pPr>
      <a:lvl4pPr marL="171450" indent="-171450" eaLnBrk="1" hangingPunct="1">
        <a:spcBef>
          <a:spcPts val="300"/>
        </a:spcBef>
        <a:spcAft>
          <a:spcPts val="300"/>
        </a:spcAft>
        <a:buFont typeface="+mn-lt" panose="04000400000000000000" pitchFamily="82" charset="0"/>
        <a:buChar char="–"/>
        <a:defRPr sz="1200">
          <a:solidFill>
            <a:schemeClr val="tx1"/>
          </a:solidFill>
          <a:latin typeface="+mn-lt"/>
          <a:ea typeface="+mn-ea"/>
          <a:cs typeface="+mn-cs"/>
        </a:defRPr>
      </a:lvl4pPr>
      <a:lvl5pPr marL="360363" indent="-184150" eaLnBrk="1" hangingPunct="1">
        <a:spcBef>
          <a:spcPts val="300"/>
        </a:spcBef>
        <a:spcAft>
          <a:spcPts val="300"/>
        </a:spcAft>
        <a:buFont typeface="+mn-lt" panose="04000400000000000000" pitchFamily="82" charset="0"/>
        <a:buChar char="–"/>
        <a:defRPr sz="1200" b="0">
          <a:solidFill>
            <a:schemeClr val="tx1"/>
          </a:solidFill>
          <a:latin typeface="+mn-lt"/>
          <a:ea typeface="+mn-ea"/>
          <a:cs typeface="+mn-cs"/>
        </a:defRPr>
      </a:lvl5pPr>
      <a:lvl6pPr marL="0" indent="0" eaLnBrk="1" hangingPunct="1">
        <a:spcBef>
          <a:spcPts val="600"/>
        </a:spcBef>
        <a:spcAft>
          <a:spcPts val="0"/>
        </a:spcAft>
        <a:buFontTx/>
        <a:buNone/>
        <a:defRPr sz="1200">
          <a:solidFill>
            <a:schemeClr val="tx1"/>
          </a:solidFill>
          <a:latin typeface="Calibre Semibold" panose="020B07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mn-lt" panose="04000400000000000000" pitchFamily="82" charset="0"/>
        <a:buChar char="–"/>
        <a:defRPr sz="1050">
          <a:solidFill>
            <a:schemeClr val="tx1"/>
          </a:solidFill>
          <a:latin typeface="+mn-lt"/>
          <a:ea typeface="+mn-ea"/>
          <a:cs typeface="+mn-cs"/>
        </a:defRPr>
      </a:lvl9pPr>
    </p:bodyStyle>
    <p:otherStyle>
      <a:lvl1pPr marL="0" eaLnBrk="1" hangingPunct="1">
        <a:defRPr sz="1200" kern="1200">
          <a:latin typeface="+mn-lt"/>
          <a:ea typeface="+mn-ea"/>
          <a:cs typeface="+mn-cs"/>
        </a:defRPr>
      </a:lvl1pPr>
      <a:lvl2pPr marL="0" eaLnBrk="1" hangingPunct="1">
        <a:defRPr sz="1000" kern="1200">
          <a:latin typeface="+mn-lt"/>
          <a:ea typeface="+mn-ea"/>
          <a:cs typeface="+mn-cs"/>
        </a:defRPr>
      </a:lvl2pPr>
      <a:lvl3pPr marL="114300" indent="-114300" eaLnBrk="1" hangingPunct="1">
        <a:buFont typeface="+mn-lt" panose="04000400000000000000" pitchFamily="82" charset="0"/>
        <a:buChar char="–"/>
        <a:defRPr sz="1000" kern="1200">
          <a:latin typeface="+mn-lt"/>
          <a:ea typeface="+mn-ea"/>
          <a:cs typeface="+mn-cs"/>
        </a:defRPr>
      </a:lvl3pPr>
      <a:lvl4pPr marL="228600" indent="-114300" eaLnBrk="1" hangingPunct="1">
        <a:buFont typeface="+mn-lt" panose="04000400000000000000" pitchFamily="82" charset="0"/>
        <a:buChar char="–"/>
        <a:defRPr sz="1000" kern="1000">
          <a:latin typeface="+mn-lt"/>
          <a:ea typeface="+mn-ea"/>
          <a:cs typeface="+mn-cs"/>
        </a:defRPr>
      </a:lvl4pPr>
      <a:lvl5pPr marL="342900" indent="-114300" eaLnBrk="1" hangingPunct="1">
        <a:buFont typeface="+mn-lt" panose="04000400000000000000" pitchFamily="82" charset="0"/>
        <a:buChar char="–"/>
        <a:defRPr sz="900" kern="1000">
          <a:latin typeface="+mn-lt"/>
          <a:ea typeface="+mn-ea"/>
          <a:cs typeface="+mn-cs"/>
        </a:defRPr>
      </a:lvl5pPr>
      <a:lvl6pPr marL="0" eaLnBrk="1" hangingPunct="1">
        <a:defRPr sz="900" kern="900">
          <a:latin typeface="+mn-lt"/>
          <a:ea typeface="+mn-ea"/>
          <a:cs typeface="+mn-cs"/>
        </a:defRPr>
      </a:lvl6pPr>
      <a:lvl7pPr marL="0" eaLnBrk="1" hangingPunct="1">
        <a:defRPr sz="900" kern="900">
          <a:latin typeface="+mn-lt"/>
          <a:ea typeface="+mn-ea"/>
          <a:cs typeface="+mn-cs"/>
        </a:defRPr>
      </a:lvl7pPr>
      <a:lvl8pPr marL="0" eaLnBrk="1" hangingPunct="1">
        <a:defRPr sz="900" kern="900">
          <a:latin typeface="+mn-lt"/>
          <a:ea typeface="+mn-ea"/>
          <a:cs typeface="+mn-cs"/>
        </a:defRPr>
      </a:lvl8pPr>
      <a:lvl9pPr marL="0" eaLnBrk="1" hangingPunct="1">
        <a:defRPr sz="900" kern="900">
          <a:latin typeface="+mn-lt"/>
          <a:ea typeface="+mn-ea"/>
          <a:cs typeface="+mn-cs"/>
        </a:defRPr>
      </a:lvl9pPr>
    </p:otherStyle>
  </p:txStyles>
  <p:extLst>
    <p:ext uri="{27BBF7A9-308A-43DC-89C8-2F10F3537804}">
      <p15:sldGuideLst xmlns:p15="http://schemas.microsoft.com/office/powerpoint/2012/main">
        <p15:guide id="1" orient="horz" userDrawn="1">
          <p15:clr>
            <a:srgbClr val="F26B43"/>
          </p15:clr>
        </p15:guide>
        <p15:guide id="2" orient="horz" pos="222" userDrawn="1">
          <p15:clr>
            <a:srgbClr val="F26B43"/>
          </p15:clr>
        </p15:guide>
        <p15:guide id="3" pos="7421" userDrawn="1">
          <p15:clr>
            <a:srgbClr val="F26B43"/>
          </p15:clr>
        </p15:guide>
        <p15:guide id="4" pos="7680" userDrawn="1">
          <p15:clr>
            <a:srgbClr val="F26B43"/>
          </p15:clr>
        </p15:guide>
        <p15:guide id="5" pos="579" userDrawn="1">
          <p15:clr>
            <a:srgbClr val="F26B43"/>
          </p15:clr>
        </p15:guide>
        <p15:guide id="6" pos="643" userDrawn="1">
          <p15:clr>
            <a:srgbClr val="F26B43"/>
          </p15:clr>
        </p15:guide>
        <p15:guide id="7" pos="902" userDrawn="1">
          <p15:clr>
            <a:srgbClr val="F26B43"/>
          </p15:clr>
        </p15:guide>
        <p15:guide id="8" pos="965" userDrawn="1">
          <p15:clr>
            <a:srgbClr val="F26B43"/>
          </p15:clr>
        </p15:guide>
        <p15:guide id="9" pos="1225" userDrawn="1">
          <p15:clr>
            <a:srgbClr val="F26B43"/>
          </p15:clr>
        </p15:guide>
        <p15:guide id="10" pos="1288" userDrawn="1">
          <p15:clr>
            <a:srgbClr val="F26B43"/>
          </p15:clr>
        </p15:guide>
        <p15:guide id="11" pos="1548" userDrawn="1">
          <p15:clr>
            <a:srgbClr val="F26B43"/>
          </p15:clr>
        </p15:guide>
        <p15:guide id="12" pos="1611" userDrawn="1">
          <p15:clr>
            <a:srgbClr val="F26B43"/>
          </p15:clr>
        </p15:guide>
        <p15:guide id="13" pos="1870" userDrawn="1">
          <p15:clr>
            <a:srgbClr val="F26B43"/>
          </p15:clr>
        </p15:guide>
        <p15:guide id="14" pos="1934" userDrawn="1">
          <p15:clr>
            <a:srgbClr val="F26B43"/>
          </p15:clr>
        </p15:guide>
        <p15:guide id="15" pos="2193" userDrawn="1">
          <p15:clr>
            <a:srgbClr val="F26B43"/>
          </p15:clr>
        </p15:guide>
        <p15:guide id="16" pos="2257" userDrawn="1">
          <p15:clr>
            <a:srgbClr val="F26B43"/>
          </p15:clr>
        </p15:guide>
        <p15:guide id="17" pos="2516" userDrawn="1">
          <p15:clr>
            <a:srgbClr val="F26B43"/>
          </p15:clr>
        </p15:guide>
        <p15:guide id="18" pos="2579" userDrawn="1">
          <p15:clr>
            <a:srgbClr val="F26B43"/>
          </p15:clr>
        </p15:guide>
        <p15:guide id="19" pos="2839" userDrawn="1">
          <p15:clr>
            <a:srgbClr val="F26B43"/>
          </p15:clr>
        </p15:guide>
        <p15:guide id="20" pos="2902" userDrawn="1">
          <p15:clr>
            <a:srgbClr val="F26B43"/>
          </p15:clr>
        </p15:guide>
        <p15:guide id="21" pos="3162" userDrawn="1">
          <p15:clr>
            <a:srgbClr val="F26B43"/>
          </p15:clr>
        </p15:guide>
        <p15:guide id="22" pos="3225" userDrawn="1">
          <p15:clr>
            <a:srgbClr val="F26B43"/>
          </p15:clr>
        </p15:guide>
        <p15:guide id="23" pos="3485" userDrawn="1">
          <p15:clr>
            <a:srgbClr val="F26B43"/>
          </p15:clr>
        </p15:guide>
        <p15:guide id="24" pos="3548" userDrawn="1">
          <p15:clr>
            <a:srgbClr val="F26B43"/>
          </p15:clr>
        </p15:guide>
        <p15:guide id="25" pos="3807" userDrawn="1">
          <p15:clr>
            <a:srgbClr val="F26B43"/>
          </p15:clr>
        </p15:guide>
        <p15:guide id="26" pos="3871" userDrawn="1">
          <p15:clr>
            <a:srgbClr val="F26B43"/>
          </p15:clr>
        </p15:guide>
        <p15:guide id="27" pos="4130" userDrawn="1">
          <p15:clr>
            <a:srgbClr val="F26B43"/>
          </p15:clr>
        </p15:guide>
        <p15:guide id="28" pos="4193" userDrawn="1">
          <p15:clr>
            <a:srgbClr val="F26B43"/>
          </p15:clr>
        </p15:guide>
        <p15:guide id="29" pos="4453" userDrawn="1">
          <p15:clr>
            <a:srgbClr val="F26B43"/>
          </p15:clr>
        </p15:guide>
        <p15:guide id="30" pos="4516" userDrawn="1">
          <p15:clr>
            <a:srgbClr val="F26B43"/>
          </p15:clr>
        </p15:guide>
        <p15:guide id="31" pos="4776" userDrawn="1">
          <p15:clr>
            <a:srgbClr val="F26B43"/>
          </p15:clr>
        </p15:guide>
        <p15:guide id="32" pos="4839" userDrawn="1">
          <p15:clr>
            <a:srgbClr val="F26B43"/>
          </p15:clr>
        </p15:guide>
        <p15:guide id="33" pos="5099" userDrawn="1">
          <p15:clr>
            <a:srgbClr val="F26B43"/>
          </p15:clr>
        </p15:guide>
        <p15:guide id="34" pos="5162" userDrawn="1">
          <p15:clr>
            <a:srgbClr val="F26B43"/>
          </p15:clr>
        </p15:guide>
        <p15:guide id="35" pos="5421" userDrawn="1">
          <p15:clr>
            <a:srgbClr val="F26B43"/>
          </p15:clr>
        </p15:guide>
        <p15:guide id="36" pos="5485" userDrawn="1">
          <p15:clr>
            <a:srgbClr val="F26B43"/>
          </p15:clr>
        </p15:guide>
        <p15:guide id="37" pos="5744" userDrawn="1">
          <p15:clr>
            <a:srgbClr val="F26B43"/>
          </p15:clr>
        </p15:guide>
        <p15:guide id="38" pos="5807" userDrawn="1">
          <p15:clr>
            <a:srgbClr val="F26B43"/>
          </p15:clr>
        </p15:guide>
        <p15:guide id="39" pos="6067" userDrawn="1">
          <p15:clr>
            <a:srgbClr val="F26B43"/>
          </p15:clr>
        </p15:guide>
        <p15:guide id="40" pos="6130" userDrawn="1">
          <p15:clr>
            <a:srgbClr val="F26B43"/>
          </p15:clr>
        </p15:guide>
        <p15:guide id="41" pos="6390" userDrawn="1">
          <p15:clr>
            <a:srgbClr val="F26B43"/>
          </p15:clr>
        </p15:guide>
        <p15:guide id="42" pos="6453" userDrawn="1">
          <p15:clr>
            <a:srgbClr val="F26B43"/>
          </p15:clr>
        </p15:guide>
        <p15:guide id="43" pos="6713" userDrawn="1">
          <p15:clr>
            <a:srgbClr val="F26B43"/>
          </p15:clr>
        </p15:guide>
        <p15:guide id="44" pos="6776" userDrawn="1">
          <p15:clr>
            <a:srgbClr val="F26B43"/>
          </p15:clr>
        </p15:guide>
        <p15:guide id="45" pos="7035" userDrawn="1">
          <p15:clr>
            <a:srgbClr val="F26B43"/>
          </p15:clr>
        </p15:guide>
        <p15:guide id="46" pos="7099" userDrawn="1">
          <p15:clr>
            <a:srgbClr val="F26B43"/>
          </p15:clr>
        </p15:guide>
        <p15:guide id="47" pos="7358" userDrawn="1">
          <p15:clr>
            <a:srgbClr val="F26B43"/>
          </p15:clr>
        </p15:guide>
        <p15:guide id="49" orient="horz" pos="944" userDrawn="1">
          <p15:clr>
            <a:srgbClr val="F26B43"/>
          </p15:clr>
        </p15:guide>
        <p15:guide id="50" orient="horz" pos="1008" userDrawn="1">
          <p15:clr>
            <a:srgbClr val="F26B43"/>
          </p15:clr>
        </p15:guide>
        <p15:guide id="51" orient="horz" pos="1339" userDrawn="1">
          <p15:clr>
            <a:srgbClr val="F26B43"/>
          </p15:clr>
        </p15:guide>
        <p15:guide id="52" orient="horz" pos="1402" userDrawn="1">
          <p15:clr>
            <a:srgbClr val="F26B43"/>
          </p15:clr>
        </p15:guide>
        <p15:guide id="53" orient="horz" pos="1733" userDrawn="1">
          <p15:clr>
            <a:srgbClr val="F26B43"/>
          </p15:clr>
        </p15:guide>
        <p15:guide id="54" orient="horz" pos="1797" userDrawn="1">
          <p15:clr>
            <a:srgbClr val="F26B43"/>
          </p15:clr>
        </p15:guide>
        <p15:guide id="55" orient="horz" pos="2128" userDrawn="1">
          <p15:clr>
            <a:srgbClr val="F26B43"/>
          </p15:clr>
        </p15:guide>
        <p15:guide id="56" orient="horz" pos="2191" userDrawn="1">
          <p15:clr>
            <a:srgbClr val="F26B43"/>
          </p15:clr>
        </p15:guide>
        <p15:guide id="57" orient="horz" pos="2522" userDrawn="1">
          <p15:clr>
            <a:srgbClr val="F26B43"/>
          </p15:clr>
        </p15:guide>
        <p15:guide id="58" orient="horz" pos="2586" userDrawn="1">
          <p15:clr>
            <a:srgbClr val="F26B43"/>
          </p15:clr>
        </p15:guide>
        <p15:guide id="59" orient="horz" pos="2917" userDrawn="1">
          <p15:clr>
            <a:srgbClr val="F26B43"/>
          </p15:clr>
        </p15:guide>
        <p15:guide id="60" orient="horz" pos="2980" userDrawn="1">
          <p15:clr>
            <a:srgbClr val="F26B43"/>
          </p15:clr>
        </p15:guide>
        <p15:guide id="61" orient="horz" pos="3311" userDrawn="1">
          <p15:clr>
            <a:srgbClr val="F26B43"/>
          </p15:clr>
        </p15:guide>
        <p15:guide id="62" orient="horz" pos="3375" userDrawn="1">
          <p15:clr>
            <a:srgbClr val="F26B43"/>
          </p15:clr>
        </p15:guide>
        <p15:guide id="63" orient="horz" pos="552" userDrawn="1">
          <p15:clr>
            <a:srgbClr val="F26B43"/>
          </p15:clr>
        </p15:guide>
        <p15:guide id="64" orient="horz" pos="613" userDrawn="1">
          <p15:clr>
            <a:srgbClr val="F26B43"/>
          </p15:clr>
        </p15:guide>
        <p15:guide id="65" orient="horz" pos="4098" userDrawn="1">
          <p15:clr>
            <a:srgbClr val="F26B43"/>
          </p15:clr>
        </p15:guide>
        <p15:guide id="66" orient="horz" pos="4320" userDrawn="1">
          <p15:clr>
            <a:srgbClr val="F26B43"/>
          </p15:clr>
        </p15:guide>
        <p15:guide id="67" orient="horz" pos="3706" userDrawn="1">
          <p15:clr>
            <a:srgbClr val="F26B43"/>
          </p15:clr>
        </p15:guide>
        <p15:guide id="68" orient="horz" pos="3768" userDrawn="1">
          <p15:clr>
            <a:srgbClr val="F26B43"/>
          </p15:clr>
        </p15:guide>
        <p15:guide id="69" pos="320" userDrawn="1">
          <p15:clr>
            <a:srgbClr val="F26B43"/>
          </p15:clr>
        </p15:guide>
        <p15:guide id="70" orient="horz" pos="285" userDrawn="1">
          <p15:clr>
            <a:srgbClr val="F26B43"/>
          </p15:clr>
        </p15:guide>
        <p15:guide id="71" pos="259" userDrawn="1">
          <p15:clr>
            <a:srgbClr val="F26B43"/>
          </p15:clr>
        </p15:guide>
        <p15:guide id="72" orient="horz" pos="403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8" name="Text Placeholder 17">
            <a:extLst>
              <a:ext uri="{FF2B5EF4-FFF2-40B4-BE49-F238E27FC236}">
                <a16:creationId xmlns:a16="http://schemas.microsoft.com/office/drawing/2014/main" id="{2593EE55-8927-4040-B221-77F9998365E8}"/>
              </a:ext>
            </a:extLst>
          </p:cNvPr>
          <p:cNvSpPr>
            <a:spLocks noGrp="1"/>
          </p:cNvSpPr>
          <p:nvPr>
            <p:ph type="body" idx="1"/>
          </p:nvPr>
        </p:nvSpPr>
        <p:spPr>
          <a:xfrm>
            <a:off x="3527425" y="1058863"/>
            <a:ext cx="3484562" cy="4275137"/>
          </a:xfrm>
          <a:prstGeom prst="rect">
            <a:avLst/>
          </a:prstGeom>
        </p:spPr>
        <p:txBody>
          <a:bodyPr vert="horz" lIns="0" tIns="0" rIns="72000" bIns="0" rtlCol="0">
            <a:noAutofit/>
          </a:bodyPr>
          <a:lstStyle/>
          <a:p>
            <a:pPr lvl="0"/>
            <a:r>
              <a:rPr lang="en-US" dirty="0"/>
              <a:t>Heading 1</a:t>
            </a:r>
          </a:p>
          <a:p>
            <a:pPr lvl="1"/>
            <a:r>
              <a:rPr lang="en-US" dirty="0"/>
              <a:t>Heading 2</a:t>
            </a:r>
          </a:p>
          <a:p>
            <a:pPr lvl="2"/>
            <a:r>
              <a:rPr lang="en-US" dirty="0"/>
              <a:t>Body Copy</a:t>
            </a:r>
          </a:p>
          <a:p>
            <a:pPr lvl="3"/>
            <a:r>
              <a:rPr lang="en-US" dirty="0"/>
              <a:t>Body Bullet</a:t>
            </a:r>
          </a:p>
          <a:p>
            <a:pPr lvl="4"/>
            <a:r>
              <a:rPr lang="en-US" dirty="0"/>
              <a:t>Body Bullet 2</a:t>
            </a:r>
          </a:p>
          <a:p>
            <a:pPr lvl="5"/>
            <a:r>
              <a:rPr lang="en-US" dirty="0"/>
              <a:t>Heading 3</a:t>
            </a:r>
          </a:p>
          <a:p>
            <a:pPr lvl="6"/>
            <a:r>
              <a:rPr lang="en-US" dirty="0"/>
              <a:t>Caption</a:t>
            </a:r>
          </a:p>
          <a:p>
            <a:pPr lvl="7"/>
            <a:r>
              <a:rPr lang="en-US" dirty="0"/>
              <a:t>Caption copy</a:t>
            </a:r>
          </a:p>
          <a:p>
            <a:pPr lvl="8"/>
            <a:r>
              <a:rPr lang="en-US" dirty="0"/>
              <a:t>Caption bullet</a:t>
            </a:r>
            <a:endParaRPr lang="en-GB" dirty="0"/>
          </a:p>
        </p:txBody>
      </p:sp>
      <p:sp>
        <p:nvSpPr>
          <p:cNvPr id="6" name="TextBox 5">
            <a:extLst>
              <a:ext uri="{FF2B5EF4-FFF2-40B4-BE49-F238E27FC236}">
                <a16:creationId xmlns:a16="http://schemas.microsoft.com/office/drawing/2014/main" id="{F635EDC6-6E44-4FEB-ADC2-DD75954004E7}"/>
              </a:ext>
            </a:extLst>
          </p:cNvPr>
          <p:cNvSpPr txBox="1"/>
          <p:nvPr userDrawn="1"/>
        </p:nvSpPr>
        <p:spPr>
          <a:xfrm>
            <a:off x="299916" y="6546597"/>
            <a:ext cx="2448000" cy="123111"/>
          </a:xfrm>
          <a:prstGeom prst="rect">
            <a:avLst/>
          </a:prstGeom>
          <a:noFill/>
        </p:spPr>
        <p:txBody>
          <a:bodyPr wrap="square" lIns="0" tIns="0" rIns="0" bIns="0">
            <a:spAutoFit/>
          </a:bodyPr>
          <a:lstStyle/>
          <a:p>
            <a:pPr marL="0" algn="l" defTabSz="914400" rtl="0" eaLnBrk="1" latinLnBrk="0" hangingPunct="1"/>
            <a:r>
              <a:rPr lang="en-GB" sz="800" b="0" kern="1200" cap="none" baseline="0" dirty="0">
                <a:solidFill>
                  <a:schemeClr val="tx1"/>
                </a:solidFill>
                <a:latin typeface="+mn-lt"/>
                <a:ea typeface="+mn-ea"/>
                <a:cs typeface="+mn-cs"/>
              </a:rPr>
              <a:t>Confidential &amp; Proprietary | © 2023 CBRE, Inc.</a:t>
            </a:r>
          </a:p>
        </p:txBody>
      </p:sp>
      <p:sp>
        <p:nvSpPr>
          <p:cNvPr id="12" name="Title Placeholder 13">
            <a:extLst>
              <a:ext uri="{FF2B5EF4-FFF2-40B4-BE49-F238E27FC236}">
                <a16:creationId xmlns:a16="http://schemas.microsoft.com/office/drawing/2014/main" id="{AADB02BE-5FEA-430F-B8A6-EC0C9ACC8A35}"/>
              </a:ext>
            </a:extLst>
          </p:cNvPr>
          <p:cNvSpPr>
            <a:spLocks noGrp="1"/>
          </p:cNvSpPr>
          <p:nvPr>
            <p:ph type="title"/>
          </p:nvPr>
        </p:nvSpPr>
        <p:spPr>
          <a:xfrm>
            <a:off x="368301" y="1004889"/>
            <a:ext cx="2971800" cy="1325563"/>
          </a:xfrm>
          <a:prstGeom prst="rect">
            <a:avLst/>
          </a:prstGeom>
        </p:spPr>
        <p:txBody>
          <a:bodyPr vert="horz" lIns="91440" tIns="45720" rIns="91440" bIns="45720" rtlCol="0" anchor="t">
            <a:noAutofit/>
          </a:bodyPr>
          <a:lstStyle/>
          <a:p>
            <a:r>
              <a:rPr lang="en-US"/>
              <a:t>Click to edit Master title style</a:t>
            </a:r>
            <a:endParaRPr lang="en-GB" dirty="0"/>
          </a:p>
        </p:txBody>
      </p:sp>
    </p:spTree>
    <p:extLst>
      <p:ext uri="{BB962C8B-B14F-4D97-AF65-F5344CB8AC3E}">
        <p14:creationId xmlns:p14="http://schemas.microsoft.com/office/powerpoint/2010/main" val="2231587430"/>
      </p:ext>
    </p:extLst>
  </p:cSld>
  <p:clrMap bg1="lt1" tx1="dk1" bg2="lt2" tx2="dk2" accent1="accent1" accent2="accent2" accent3="accent3" accent4="accent4" accent5="accent5" accent6="accent6" hlink="hlink" folHlink="folHlink"/>
  <p:sldLayoutIdLst>
    <p:sldLayoutId id="2147484676" r:id="rId1"/>
  </p:sldLayoutIdLst>
  <p:hf hdr="0" dt="0"/>
  <p:txStyles>
    <p:titleStyle>
      <a:lvl1pPr eaLnBrk="1" hangingPunct="1">
        <a:lnSpc>
          <a:spcPct val="90000"/>
        </a:lnSpc>
        <a:defRPr sz="2800">
          <a:solidFill>
            <a:schemeClr val="tx1"/>
          </a:solidFill>
          <a:latin typeface="+mj-lt"/>
          <a:ea typeface="+mj-ea"/>
          <a:cs typeface="+mj-cs"/>
        </a:defRPr>
      </a:lvl1pPr>
    </p:titleStyle>
    <p:bodyStyle>
      <a:lvl1pPr marL="0" eaLnBrk="1" hangingPunct="1">
        <a:spcBef>
          <a:spcPts val="1200"/>
        </a:spcBef>
        <a:spcAft>
          <a:spcPts val="1200"/>
        </a:spcAft>
        <a:defRPr sz="2200">
          <a:solidFill>
            <a:schemeClr val="tx1"/>
          </a:solidFill>
          <a:latin typeface="Calibre Light" panose="020B0303030202060203" pitchFamily="34" charset="0"/>
          <a:ea typeface="+mn-ea"/>
          <a:cs typeface="+mn-cs"/>
        </a:defRPr>
      </a:lvl1pPr>
      <a:lvl2pPr marL="0" indent="0" eaLnBrk="1" hangingPunct="1">
        <a:spcAft>
          <a:spcPts val="600"/>
        </a:spcAft>
        <a:defRPr sz="1600" b="0">
          <a:solidFill>
            <a:schemeClr val="tx1"/>
          </a:solidFill>
          <a:latin typeface="Calibre Semibold" panose="020B0703030202060203" pitchFamily="34" charset="0"/>
          <a:ea typeface="+mn-ea"/>
          <a:cs typeface="+mn-cs"/>
        </a:defRPr>
      </a:lvl2pPr>
      <a:lvl3pPr marL="0" indent="0" eaLnBrk="1" hangingPunct="1">
        <a:spcBef>
          <a:spcPts val="300"/>
        </a:spcBef>
        <a:spcAft>
          <a:spcPts val="300"/>
        </a:spcAft>
        <a:defRPr sz="1200">
          <a:solidFill>
            <a:schemeClr val="tx1"/>
          </a:solidFill>
          <a:latin typeface="+mn-lt"/>
          <a:ea typeface="+mn-ea"/>
          <a:cs typeface="+mn-cs"/>
        </a:defRPr>
      </a:lvl3pPr>
      <a:lvl4pPr marL="171450" indent="-171450" eaLnBrk="1" hangingPunct="1">
        <a:spcBef>
          <a:spcPts val="300"/>
        </a:spcBef>
        <a:spcAft>
          <a:spcPts val="300"/>
        </a:spcAft>
        <a:buClr>
          <a:schemeClr val="tx1"/>
        </a:buClr>
        <a:buFont typeface="SwissReSansOTLight" panose="04000400000000000000" pitchFamily="82" charset="0"/>
        <a:buChar char="–"/>
        <a:defRPr sz="1200">
          <a:solidFill>
            <a:schemeClr val="tx1"/>
          </a:solidFill>
          <a:latin typeface="+mn-lt"/>
          <a:ea typeface="+mn-ea"/>
          <a:cs typeface="+mn-cs"/>
        </a:defRPr>
      </a:lvl4pPr>
      <a:lvl5pPr marL="360363" indent="-184150" eaLnBrk="1" hangingPunct="1">
        <a:spcBef>
          <a:spcPts val="300"/>
        </a:spcBef>
        <a:spcAft>
          <a:spcPts val="300"/>
        </a:spcAft>
        <a:buFont typeface="SwissReSansOTLight" panose="04000400000000000000" pitchFamily="82" charset="0"/>
        <a:buChar char="–"/>
        <a:defRPr sz="1200" b="0">
          <a:solidFill>
            <a:schemeClr val="tx1"/>
          </a:solidFill>
          <a:latin typeface="+mn-lt"/>
          <a:ea typeface="+mn-ea"/>
          <a:cs typeface="+mn-cs"/>
        </a:defRPr>
      </a:lvl5pPr>
      <a:lvl6pPr marL="0" indent="0" eaLnBrk="1" hangingPunct="1">
        <a:spcBef>
          <a:spcPts val="600"/>
        </a:spcBef>
        <a:spcAft>
          <a:spcPts val="0"/>
        </a:spcAft>
        <a:buClr>
          <a:schemeClr val="tx1"/>
        </a:buClr>
        <a:buFontTx/>
        <a:buNone/>
        <a:defRPr sz="1200">
          <a:solidFill>
            <a:schemeClr val="tx1"/>
          </a:solidFill>
          <a:latin typeface="Calibre Semibold" panose="020B07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p:bodyStyle>
    <p:otherStyle>
      <a:lvl1pPr marL="0" eaLnBrk="1" hangingPunct="1">
        <a:defRPr>
          <a:latin typeface="+mn-lt"/>
          <a:ea typeface="+mn-ea"/>
          <a:cs typeface="+mn-cs"/>
        </a:defRPr>
      </a:lvl1pPr>
      <a:lvl2pPr marL="277246" eaLnBrk="1" hangingPunct="1">
        <a:defRPr>
          <a:latin typeface="+mn-lt"/>
          <a:ea typeface="+mn-ea"/>
          <a:cs typeface="+mn-cs"/>
        </a:defRPr>
      </a:lvl2pPr>
      <a:lvl3pPr marL="554492" eaLnBrk="1" hangingPunct="1">
        <a:defRPr>
          <a:latin typeface="+mn-lt"/>
          <a:ea typeface="+mn-ea"/>
          <a:cs typeface="+mn-cs"/>
        </a:defRPr>
      </a:lvl3pPr>
      <a:lvl4pPr marL="831738" eaLnBrk="1" hangingPunct="1">
        <a:defRPr>
          <a:latin typeface="+mn-lt"/>
          <a:ea typeface="+mn-ea"/>
          <a:cs typeface="+mn-cs"/>
        </a:defRPr>
      </a:lvl4pPr>
      <a:lvl5pPr marL="1108984" eaLnBrk="1" hangingPunct="1">
        <a:defRPr>
          <a:latin typeface="+mn-lt"/>
          <a:ea typeface="+mn-ea"/>
          <a:cs typeface="+mn-cs"/>
        </a:defRPr>
      </a:lvl5pPr>
      <a:lvl6pPr marL="1386230" eaLnBrk="1" hangingPunct="1">
        <a:defRPr>
          <a:latin typeface="+mn-lt"/>
          <a:ea typeface="+mn-ea"/>
          <a:cs typeface="+mn-cs"/>
        </a:defRPr>
      </a:lvl6pPr>
      <a:lvl7pPr marL="1663476" eaLnBrk="1" hangingPunct="1">
        <a:defRPr>
          <a:latin typeface="+mn-lt"/>
          <a:ea typeface="+mn-ea"/>
          <a:cs typeface="+mn-cs"/>
        </a:defRPr>
      </a:lvl7pPr>
      <a:lvl8pPr marL="1940723" eaLnBrk="1" hangingPunct="1">
        <a:defRPr>
          <a:latin typeface="+mn-lt"/>
          <a:ea typeface="+mn-ea"/>
          <a:cs typeface="+mn-cs"/>
        </a:defRPr>
      </a:lvl8pPr>
      <a:lvl9pPr marL="2217969" eaLnBrk="1" hangingPunct="1">
        <a:defRPr>
          <a:latin typeface="+mn-lt"/>
          <a:ea typeface="+mn-ea"/>
          <a:cs typeface="+mn-cs"/>
        </a:defRPr>
      </a:lvl9pPr>
    </p:otherStyle>
  </p:txStyles>
  <p:extLst>
    <p:ext uri="{27BBF7A9-308A-43DC-89C8-2F10F3537804}">
      <p15:sldGuideLst xmlns:p15="http://schemas.microsoft.com/office/powerpoint/2012/main">
        <p15:guide id="1">
          <p15:clr>
            <a:srgbClr val="F26B43"/>
          </p15:clr>
        </p15:guide>
        <p15:guide id="2" pos="7680">
          <p15:clr>
            <a:srgbClr val="F26B43"/>
          </p15:clr>
        </p15:guide>
        <p15:guide id="3" pos="258">
          <p15:clr>
            <a:srgbClr val="F26B43"/>
          </p15:clr>
        </p15:guide>
        <p15:guide id="4" pos="322">
          <p15:clr>
            <a:srgbClr val="F26B43"/>
          </p15:clr>
        </p15:guide>
        <p15:guide id="5" pos="581">
          <p15:clr>
            <a:srgbClr val="F26B43"/>
          </p15:clr>
        </p15:guide>
        <p15:guide id="6" pos="645">
          <p15:clr>
            <a:srgbClr val="F26B43"/>
          </p15:clr>
        </p15:guide>
        <p15:guide id="7" pos="904">
          <p15:clr>
            <a:srgbClr val="F26B43"/>
          </p15:clr>
        </p15:guide>
        <p15:guide id="8" pos="968">
          <p15:clr>
            <a:srgbClr val="F26B43"/>
          </p15:clr>
        </p15:guide>
        <p15:guide id="10" pos="1290">
          <p15:clr>
            <a:srgbClr val="F26B43"/>
          </p15:clr>
        </p15:guide>
        <p15:guide id="11" pos="1549">
          <p15:clr>
            <a:srgbClr val="F26B43"/>
          </p15:clr>
        </p15:guide>
        <p15:guide id="12" pos="1613">
          <p15:clr>
            <a:srgbClr val="F26B43"/>
          </p15:clr>
        </p15:guide>
        <p15:guide id="13" pos="1867">
          <p15:clr>
            <a:srgbClr val="F26B43"/>
          </p15:clr>
        </p15:guide>
        <p15:guide id="14" pos="1936">
          <p15:clr>
            <a:srgbClr val="F26B43"/>
          </p15:clr>
        </p15:guide>
        <p15:guide id="15" pos="2194">
          <p15:clr>
            <a:srgbClr val="F26B43"/>
          </p15:clr>
        </p15:guide>
        <p15:guide id="16" pos="2258">
          <p15:clr>
            <a:srgbClr val="F26B43"/>
          </p15:clr>
        </p15:guide>
        <p15:guide id="17" pos="2517">
          <p15:clr>
            <a:srgbClr val="F26B43"/>
          </p15:clr>
        </p15:guide>
        <p15:guide id="18" pos="2581">
          <p15:clr>
            <a:srgbClr val="F26B43"/>
          </p15:clr>
        </p15:guide>
        <p15:guide id="19" pos="2840">
          <p15:clr>
            <a:srgbClr val="F26B43"/>
          </p15:clr>
        </p15:guide>
        <p15:guide id="20" pos="2904">
          <p15:clr>
            <a:srgbClr val="F26B43"/>
          </p15:clr>
        </p15:guide>
        <p15:guide id="21" pos="3162">
          <p15:clr>
            <a:srgbClr val="F26B43"/>
          </p15:clr>
        </p15:guide>
        <p15:guide id="22" pos="3228">
          <p15:clr>
            <a:srgbClr val="F26B43"/>
          </p15:clr>
        </p15:guide>
        <p15:guide id="23" pos="3485">
          <p15:clr>
            <a:srgbClr val="F26B43"/>
          </p15:clr>
        </p15:guide>
        <p15:guide id="24" pos="3549">
          <p15:clr>
            <a:srgbClr val="F26B43"/>
          </p15:clr>
        </p15:guide>
        <p15:guide id="25" pos="3808">
          <p15:clr>
            <a:srgbClr val="F26B43"/>
          </p15:clr>
        </p15:guide>
        <p15:guide id="26" pos="3872">
          <p15:clr>
            <a:srgbClr val="F26B43"/>
          </p15:clr>
        </p15:guide>
        <p15:guide id="27" pos="4135">
          <p15:clr>
            <a:srgbClr val="F26B43"/>
          </p15:clr>
        </p15:guide>
        <p15:guide id="28" pos="4194">
          <p15:clr>
            <a:srgbClr val="F26B43"/>
          </p15:clr>
        </p15:guide>
        <p15:guide id="29" pos="4453">
          <p15:clr>
            <a:srgbClr val="F26B43"/>
          </p15:clr>
        </p15:guide>
        <p15:guide id="30" pos="4517">
          <p15:clr>
            <a:srgbClr val="F26B43"/>
          </p15:clr>
        </p15:guide>
        <p15:guide id="31" pos="4776">
          <p15:clr>
            <a:srgbClr val="F26B43"/>
          </p15:clr>
        </p15:guide>
        <p15:guide id="32" pos="4840">
          <p15:clr>
            <a:srgbClr val="F26B43"/>
          </p15:clr>
        </p15:guide>
        <p15:guide id="33" pos="5098">
          <p15:clr>
            <a:srgbClr val="F26B43"/>
          </p15:clr>
        </p15:guide>
        <p15:guide id="34" pos="5162">
          <p15:clr>
            <a:srgbClr val="F26B43"/>
          </p15:clr>
        </p15:guide>
        <p15:guide id="35" pos="5421">
          <p15:clr>
            <a:srgbClr val="F26B43"/>
          </p15:clr>
        </p15:guide>
        <p15:guide id="36" pos="5485">
          <p15:clr>
            <a:srgbClr val="F26B43"/>
          </p15:clr>
        </p15:guide>
        <p15:guide id="37" pos="5744">
          <p15:clr>
            <a:srgbClr val="F26B43"/>
          </p15:clr>
        </p15:guide>
        <p15:guide id="38" pos="5808">
          <p15:clr>
            <a:srgbClr val="F26B43"/>
          </p15:clr>
        </p15:guide>
        <p15:guide id="39" pos="6066">
          <p15:clr>
            <a:srgbClr val="F26B43"/>
          </p15:clr>
        </p15:guide>
        <p15:guide id="40" pos="6130">
          <p15:clr>
            <a:srgbClr val="F26B43"/>
          </p15:clr>
        </p15:guide>
        <p15:guide id="41" pos="6389">
          <p15:clr>
            <a:srgbClr val="F26B43"/>
          </p15:clr>
        </p15:guide>
        <p15:guide id="42" pos="6453">
          <p15:clr>
            <a:srgbClr val="F26B43"/>
          </p15:clr>
        </p15:guide>
        <p15:guide id="43" pos="6712">
          <p15:clr>
            <a:srgbClr val="F26B43"/>
          </p15:clr>
        </p15:guide>
        <p15:guide id="44" pos="6776">
          <p15:clr>
            <a:srgbClr val="F26B43"/>
          </p15:clr>
        </p15:guide>
        <p15:guide id="45" pos="7034">
          <p15:clr>
            <a:srgbClr val="F26B43"/>
          </p15:clr>
        </p15:guide>
        <p15:guide id="46" pos="7098">
          <p15:clr>
            <a:srgbClr val="F26B43"/>
          </p15:clr>
        </p15:guide>
        <p15:guide id="47" pos="7357">
          <p15:clr>
            <a:srgbClr val="F26B43"/>
          </p15:clr>
        </p15:guide>
        <p15:guide id="48" pos="7421">
          <p15:clr>
            <a:srgbClr val="F26B43"/>
          </p15:clr>
        </p15:guide>
        <p15:guide id="49" orient="horz">
          <p15:clr>
            <a:srgbClr val="F26B43"/>
          </p15:clr>
        </p15:guide>
        <p15:guide id="50" orient="horz" pos="4320">
          <p15:clr>
            <a:srgbClr val="F26B43"/>
          </p15:clr>
        </p15:guide>
        <p15:guide id="51" orient="horz" pos="222">
          <p15:clr>
            <a:srgbClr val="F26B43"/>
          </p15:clr>
        </p15:guide>
        <p15:guide id="52" orient="horz" pos="552">
          <p15:clr>
            <a:srgbClr val="F26B43"/>
          </p15:clr>
        </p15:guide>
        <p15:guide id="53" orient="horz" pos="616">
          <p15:clr>
            <a:srgbClr val="F26B43"/>
          </p15:clr>
        </p15:guide>
        <p15:guide id="54" orient="horz" pos="945">
          <p15:clr>
            <a:srgbClr val="F26B43"/>
          </p15:clr>
        </p15:guide>
        <p15:guide id="55" orient="horz" pos="1009">
          <p15:clr>
            <a:srgbClr val="F26B43"/>
          </p15:clr>
        </p15:guide>
        <p15:guide id="56" orient="horz" pos="1339">
          <p15:clr>
            <a:srgbClr val="F26B43"/>
          </p15:clr>
        </p15:guide>
        <p15:guide id="57" orient="horz" pos="1403">
          <p15:clr>
            <a:srgbClr val="F26B43"/>
          </p15:clr>
        </p15:guide>
        <p15:guide id="58" orient="horz" pos="1733">
          <p15:clr>
            <a:srgbClr val="F26B43"/>
          </p15:clr>
        </p15:guide>
        <p15:guide id="59" orient="horz" pos="1797">
          <p15:clr>
            <a:srgbClr val="F26B43"/>
          </p15:clr>
        </p15:guide>
        <p15:guide id="60" orient="horz" pos="2127">
          <p15:clr>
            <a:srgbClr val="F26B43"/>
          </p15:clr>
        </p15:guide>
        <p15:guide id="61" orient="horz" pos="2191">
          <p15:clr>
            <a:srgbClr val="F26B43"/>
          </p15:clr>
        </p15:guide>
        <p15:guide id="62" orient="horz" pos="2520">
          <p15:clr>
            <a:srgbClr val="F26B43"/>
          </p15:clr>
        </p15:guide>
        <p15:guide id="63" orient="horz" pos="2584">
          <p15:clr>
            <a:srgbClr val="F26B43"/>
          </p15:clr>
        </p15:guide>
        <p15:guide id="64" orient="horz" pos="2914">
          <p15:clr>
            <a:srgbClr val="F26B43"/>
          </p15:clr>
        </p15:guide>
        <p15:guide id="65" orient="horz" pos="2978">
          <p15:clr>
            <a:srgbClr val="F26B43"/>
          </p15:clr>
        </p15:guide>
        <p15:guide id="66" orient="horz" pos="3308">
          <p15:clr>
            <a:srgbClr val="F26B43"/>
          </p15:clr>
        </p15:guide>
        <p15:guide id="67" orient="horz" pos="3372">
          <p15:clr>
            <a:srgbClr val="F26B43"/>
          </p15:clr>
        </p15:guide>
        <p15:guide id="68" orient="horz" pos="3702">
          <p15:clr>
            <a:srgbClr val="F26B43"/>
          </p15:clr>
        </p15:guide>
        <p15:guide id="69" orient="horz" pos="3766">
          <p15:clr>
            <a:srgbClr val="F26B43"/>
          </p15:clr>
        </p15:guide>
        <p15:guide id="70" orient="horz" pos="4096">
          <p15:clr>
            <a:srgbClr val="F26B43"/>
          </p15:clr>
        </p15:guide>
        <p15:guide id="90" pos="1232">
          <p15:clr>
            <a:srgbClr val="F26B43"/>
          </p15:clr>
        </p15:guide>
        <p15:guide id="91" orient="horz" pos="4020">
          <p15:clr>
            <a:srgbClr val="F26B43"/>
          </p15:clr>
        </p15:guide>
        <p15:guide id="92" orient="horz" pos="30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3.jpeg"/><Relationship Id="rId2" Type="http://schemas.openxmlformats.org/officeDocument/2006/relationships/notesSlide" Target="../notesSlides/notesSlide1.xml"/><Relationship Id="rId1" Type="http://schemas.openxmlformats.org/officeDocument/2006/relationships/slideLayout" Target="../slideLayouts/slideLayout80.xml"/></Relationships>
</file>

<file path=ppt/slides/_rels/slide10.xml.rels><?xml version="1.0" encoding="UTF-8" standalone="yes"?>
<Relationships xmlns="http://schemas.openxmlformats.org/package/2006/relationships"><Relationship Id="rId3" Type="http://schemas.openxmlformats.org/officeDocument/2006/relationships/chart" Target="../charts/chart7.xml"/><Relationship Id="rId2" Type="http://schemas.openxmlformats.org/officeDocument/2006/relationships/notesSlide" Target="../notesSlides/notesSlide10.xml"/><Relationship Id="rId1" Type="http://schemas.openxmlformats.org/officeDocument/2006/relationships/slideLayout" Target="../slideLayouts/slideLayout103.xml"/><Relationship Id="rId4" Type="http://schemas.openxmlformats.org/officeDocument/2006/relationships/chart" Target="../charts/chart8.xml"/></Relationships>
</file>

<file path=ppt/slides/_rels/slide11.xml.rels><?xml version="1.0" encoding="UTF-8" standalone="yes"?>
<Relationships xmlns="http://schemas.openxmlformats.org/package/2006/relationships"><Relationship Id="rId3" Type="http://schemas.openxmlformats.org/officeDocument/2006/relationships/chart" Target="../charts/chart9.xml"/><Relationship Id="rId2" Type="http://schemas.openxmlformats.org/officeDocument/2006/relationships/notesSlide" Target="../notesSlides/notesSlide11.xml"/><Relationship Id="rId1" Type="http://schemas.openxmlformats.org/officeDocument/2006/relationships/slideLayout" Target="../slideLayouts/slideLayout103.xml"/><Relationship Id="rId4" Type="http://schemas.openxmlformats.org/officeDocument/2006/relationships/hyperlink" Target="https://www.cbre.com/insights/briefs/cotw-debt-funding-gap-arises-in-multifamily-sector" TargetMode="External"/></Relationships>
</file>

<file path=ppt/slides/_rels/slide12.xml.rels><?xml version="1.0" encoding="UTF-8" standalone="yes"?>
<Relationships xmlns="http://schemas.openxmlformats.org/package/2006/relationships"><Relationship Id="rId3" Type="http://schemas.openxmlformats.org/officeDocument/2006/relationships/chart" Target="../charts/chart10.xml"/><Relationship Id="rId2" Type="http://schemas.openxmlformats.org/officeDocument/2006/relationships/notesSlide" Target="../notesSlides/notesSlide12.xml"/><Relationship Id="rId1" Type="http://schemas.openxmlformats.org/officeDocument/2006/relationships/slideLayout" Target="../slideLayouts/slideLayout103.xml"/><Relationship Id="rId4" Type="http://schemas.openxmlformats.org/officeDocument/2006/relationships/chart" Target="../charts/chart11.xml"/></Relationships>
</file>

<file path=ppt/slides/_rels/slide13.xml.rels><?xml version="1.0" encoding="UTF-8" standalone="yes"?>
<Relationships xmlns="http://schemas.openxmlformats.org/package/2006/relationships"><Relationship Id="rId3" Type="http://schemas.openxmlformats.org/officeDocument/2006/relationships/chart" Target="../charts/chart12.xml"/><Relationship Id="rId2" Type="http://schemas.openxmlformats.org/officeDocument/2006/relationships/notesSlide" Target="../notesSlides/notesSlide13.xml"/><Relationship Id="rId1" Type="http://schemas.openxmlformats.org/officeDocument/2006/relationships/slideLayout" Target="../slideLayouts/slideLayout103.xml"/><Relationship Id="rId4" Type="http://schemas.openxmlformats.org/officeDocument/2006/relationships/chart" Target="../charts/chart13.xml"/></Relationships>
</file>

<file path=ppt/slides/_rels/slide14.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notesSlide" Target="../notesSlides/notesSlide14.xml"/><Relationship Id="rId1" Type="http://schemas.openxmlformats.org/officeDocument/2006/relationships/slideLayout" Target="../slideLayouts/slideLayout80.xml"/></Relationships>
</file>

<file path=ppt/slides/_rels/slide15.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Layout" Target="../slideLayouts/slideLayout104.xml"/></Relationships>
</file>

<file path=ppt/slides/_rels/slide16.xml.rels><?xml version="1.0" encoding="UTF-8" standalone="yes"?>
<Relationships xmlns="http://schemas.openxmlformats.org/package/2006/relationships"><Relationship Id="rId3" Type="http://schemas.openxmlformats.org/officeDocument/2006/relationships/chart" Target="../charts/chart14.xml"/><Relationship Id="rId2" Type="http://schemas.openxmlformats.org/officeDocument/2006/relationships/notesSlide" Target="../notesSlides/notesSlide15.xml"/><Relationship Id="rId1" Type="http://schemas.openxmlformats.org/officeDocument/2006/relationships/slideLayout" Target="../slideLayouts/slideLayout104.xml"/><Relationship Id="rId4" Type="http://schemas.openxmlformats.org/officeDocument/2006/relationships/image" Target="../media/image8.png"/></Relationships>
</file>

<file path=ppt/slides/_rels/slide17.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9.png"/><Relationship Id="rId1" Type="http://schemas.openxmlformats.org/officeDocument/2006/relationships/slideLayout" Target="../slideLayouts/slideLayout104.xml"/></Relationships>
</file>

<file path=ppt/slides/_rels/slide18.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0.png"/><Relationship Id="rId1" Type="http://schemas.openxmlformats.org/officeDocument/2006/relationships/slideLayout" Target="../slideLayouts/slideLayout104.xml"/></Relationships>
</file>

<file path=ppt/slides/_rels/slide19.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1.png"/><Relationship Id="rId1" Type="http://schemas.openxmlformats.org/officeDocument/2006/relationships/slideLayout" Target="../slideLayouts/slideLayout104.xml"/></Relationships>
</file>

<file path=ppt/slides/_rels/slide2.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2.xml"/><Relationship Id="rId1" Type="http://schemas.openxmlformats.org/officeDocument/2006/relationships/slideLayout" Target="../slideLayouts/slideLayout12.xml"/></Relationships>
</file>

<file path=ppt/slides/_rels/slide20.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2.png"/><Relationship Id="rId1" Type="http://schemas.openxmlformats.org/officeDocument/2006/relationships/slideLayout" Target="../slideLayouts/slideLayout104.xml"/></Relationships>
</file>

<file path=ppt/slides/_rels/slide21.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3.emf"/><Relationship Id="rId1" Type="http://schemas.openxmlformats.org/officeDocument/2006/relationships/slideLayout" Target="../slideLayouts/slideLayout104.xml"/></Relationships>
</file>

<file path=ppt/slides/_rels/slide22.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4.png"/><Relationship Id="rId1" Type="http://schemas.openxmlformats.org/officeDocument/2006/relationships/slideLayout" Target="../slideLayouts/slideLayout104.xml"/></Relationships>
</file>

<file path=ppt/slides/_rels/slide2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5.png"/><Relationship Id="rId1" Type="http://schemas.openxmlformats.org/officeDocument/2006/relationships/slideLayout" Target="../slideLayouts/slideLayout104.xml"/></Relationships>
</file>

<file path=ppt/slides/_rels/slide2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16.png"/><Relationship Id="rId1" Type="http://schemas.openxmlformats.org/officeDocument/2006/relationships/slideLayout" Target="../slideLayouts/slideLayout104.xml"/></Relationships>
</file>

<file path=ppt/slides/_rels/slide3.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notesSlide" Target="../notesSlides/notesSlide3.xml"/><Relationship Id="rId1" Type="http://schemas.openxmlformats.org/officeDocument/2006/relationships/slideLayout" Target="../slideLayouts/slideLayout12.xml"/></Relationships>
</file>

<file path=ppt/slides/_rels/slide4.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4.xml"/><Relationship Id="rId1" Type="http://schemas.openxmlformats.org/officeDocument/2006/relationships/slideLayout" Target="../slideLayouts/slideLayout12.xml"/></Relationships>
</file>

<file path=ppt/slides/_rels/slide5.xml.rels><?xml version="1.0" encoding="UTF-8" standalone="yes"?>
<Relationships xmlns="http://schemas.openxmlformats.org/package/2006/relationships"><Relationship Id="rId3" Type="http://schemas.openxmlformats.org/officeDocument/2006/relationships/chart" Target="../charts/chart4.xml"/><Relationship Id="rId2" Type="http://schemas.openxmlformats.org/officeDocument/2006/relationships/notesSlide" Target="../notesSlides/notesSlide5.xml"/><Relationship Id="rId1" Type="http://schemas.openxmlformats.org/officeDocument/2006/relationships/slideLayout" Target="../slideLayouts/slideLayout12.xml"/><Relationship Id="rId4" Type="http://schemas.openxmlformats.org/officeDocument/2006/relationships/image" Target="../media/image4.png"/></Relationships>
</file>

<file path=ppt/slides/_rels/slide6.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notesSlide" Target="../notesSlides/notesSlide6.xml"/><Relationship Id="rId1" Type="http://schemas.openxmlformats.org/officeDocument/2006/relationships/slideLayout" Target="../slideLayouts/slideLayout12.xml"/></Relationships>
</file>

<file path=ppt/slides/_rels/slide7.xml.rels><?xml version="1.0" encoding="UTF-8" standalone="yes"?>
<Relationships xmlns="http://schemas.openxmlformats.org/package/2006/relationships"><Relationship Id="rId3" Type="http://schemas.openxmlformats.org/officeDocument/2006/relationships/chart" Target="../charts/chart6.xml"/><Relationship Id="rId2" Type="http://schemas.openxmlformats.org/officeDocument/2006/relationships/notesSlide" Target="../notesSlides/notesSlide7.xml"/><Relationship Id="rId1" Type="http://schemas.openxmlformats.org/officeDocument/2006/relationships/slideLayout" Target="../slideLayouts/slideLayout12.xml"/></Relationships>
</file>

<file path=ppt/slides/_rels/slide8.xml.rels><?xml version="1.0" encoding="UTF-8" standalone="yes"?>
<Relationships xmlns="http://schemas.openxmlformats.org/package/2006/relationships"><Relationship Id="rId3" Type="http://schemas.openxmlformats.org/officeDocument/2006/relationships/hyperlink" Target="mailto:richard.barkham@cbre.com" TargetMode="External"/><Relationship Id="rId2" Type="http://schemas.openxmlformats.org/officeDocument/2006/relationships/notesSlide" Target="../notesSlides/notesSlide8.xml"/><Relationship Id="rId1" Type="http://schemas.openxmlformats.org/officeDocument/2006/relationships/slideLayout" Target="../slideLayouts/slideLayout80.xml"/><Relationship Id="rId4" Type="http://schemas.openxmlformats.org/officeDocument/2006/relationships/hyperlink" Target="mailto:Jacob.cottrell@cbre.com" TargetMode="External"/></Relationships>
</file>

<file path=ppt/slides/_rels/slide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9.xml"/><Relationship Id="rId1" Type="http://schemas.openxmlformats.org/officeDocument/2006/relationships/slideLayout" Target="../slideLayouts/slideLayout8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0B14DF79-0C2E-484D-B570-C39BC6495510}"/>
              </a:ext>
            </a:extLst>
          </p:cNvPr>
          <p:cNvSpPr>
            <a:spLocks noGrp="1"/>
          </p:cNvSpPr>
          <p:nvPr>
            <p:ph type="body" idx="4294967295"/>
          </p:nvPr>
        </p:nvSpPr>
        <p:spPr>
          <a:xfrm>
            <a:off x="9790113" y="5834063"/>
            <a:ext cx="2401887" cy="412750"/>
          </a:xfrm>
        </p:spPr>
        <p:txBody>
          <a:bodyPr/>
          <a:lstStyle/>
          <a:p>
            <a:r>
              <a:rPr lang="en-US" sz="1800" b="0" dirty="0">
                <a:latin typeface="+mn-lt"/>
              </a:rPr>
              <a:t>July 24</a:t>
            </a:r>
            <a:r>
              <a:rPr lang="en-US" sz="1800" b="0" baseline="30000" dirty="0">
                <a:latin typeface="+mn-lt"/>
              </a:rPr>
              <a:t>th</a:t>
            </a:r>
            <a:r>
              <a:rPr lang="en-US" sz="1800" b="0" dirty="0">
                <a:latin typeface="+mn-lt"/>
              </a:rPr>
              <a:t>, 2024</a:t>
            </a:r>
          </a:p>
        </p:txBody>
      </p:sp>
      <p:sp>
        <p:nvSpPr>
          <p:cNvPr id="4" name="Title 3">
            <a:extLst>
              <a:ext uri="{FF2B5EF4-FFF2-40B4-BE49-F238E27FC236}">
                <a16:creationId xmlns:a16="http://schemas.microsoft.com/office/drawing/2014/main" id="{EA2F7B7B-585B-402E-9F47-DD47DB7E1FDF}"/>
              </a:ext>
            </a:extLst>
          </p:cNvPr>
          <p:cNvSpPr>
            <a:spLocks noGrp="1"/>
          </p:cNvSpPr>
          <p:nvPr>
            <p:ph type="title" idx="4294967295"/>
          </p:nvPr>
        </p:nvSpPr>
        <p:spPr>
          <a:xfrm>
            <a:off x="1035636" y="1752600"/>
            <a:ext cx="9513888" cy="1398588"/>
          </a:xfrm>
        </p:spPr>
        <p:txBody>
          <a:bodyPr/>
          <a:lstStyle/>
          <a:p>
            <a:r>
              <a:rPr lang="en-US" sz="5400" dirty="0"/>
              <a:t>Global Property Markets 2024:</a:t>
            </a:r>
            <a:br>
              <a:rPr lang="en-US" sz="5400" dirty="0"/>
            </a:br>
            <a:r>
              <a:rPr lang="en-US" sz="4800" i="1" dirty="0"/>
              <a:t>Trends. Cultures. Perspectives.</a:t>
            </a:r>
            <a:endParaRPr lang="en-US" sz="4000" dirty="0"/>
          </a:p>
        </p:txBody>
      </p:sp>
      <p:sp>
        <p:nvSpPr>
          <p:cNvPr id="7" name="Text Placeholder 6">
            <a:extLst>
              <a:ext uri="{FF2B5EF4-FFF2-40B4-BE49-F238E27FC236}">
                <a16:creationId xmlns:a16="http://schemas.microsoft.com/office/drawing/2014/main" id="{FB3C7724-357D-4B1E-A460-48D816E7F7A0}"/>
              </a:ext>
            </a:extLst>
          </p:cNvPr>
          <p:cNvSpPr txBox="1">
            <a:spLocks/>
          </p:cNvSpPr>
          <p:nvPr/>
        </p:nvSpPr>
        <p:spPr>
          <a:xfrm>
            <a:off x="3471259" y="4110881"/>
            <a:ext cx="2134943" cy="1998786"/>
          </a:xfrm>
          <a:prstGeom prst="rect">
            <a:avLst/>
          </a:prstGeom>
        </p:spPr>
        <p:txBody>
          <a:bodyPr/>
          <a:lstStyle>
            <a:lvl1pPr marL="0" eaLnBrk="1" hangingPunct="1">
              <a:spcBef>
                <a:spcPts val="1200"/>
              </a:spcBef>
              <a:spcAft>
                <a:spcPts val="1200"/>
              </a:spcAft>
              <a:defRPr sz="2200">
                <a:solidFill>
                  <a:schemeClr val="tx1"/>
                </a:solidFill>
                <a:latin typeface="Calibre Light" panose="020B0303030202060203" pitchFamily="34" charset="0"/>
                <a:ea typeface="+mn-ea"/>
                <a:cs typeface="+mn-cs"/>
              </a:defRPr>
            </a:lvl1pPr>
            <a:lvl2pPr marL="0" indent="0" eaLnBrk="1" hangingPunct="1">
              <a:spcAft>
                <a:spcPts val="600"/>
              </a:spcAft>
              <a:defRPr sz="1600" b="0">
                <a:solidFill>
                  <a:schemeClr val="tx1"/>
                </a:solidFill>
                <a:latin typeface="Calibre Semibold" panose="020B0703030202060203" pitchFamily="34" charset="0"/>
                <a:ea typeface="+mn-ea"/>
                <a:cs typeface="+mn-cs"/>
              </a:defRPr>
            </a:lvl2pPr>
            <a:lvl3pPr marL="0" indent="0" eaLnBrk="1" hangingPunct="1">
              <a:spcBef>
                <a:spcPts val="300"/>
              </a:spcBef>
              <a:spcAft>
                <a:spcPts val="300"/>
              </a:spcAft>
              <a:defRPr sz="1200">
                <a:solidFill>
                  <a:schemeClr val="tx1"/>
                </a:solidFill>
                <a:latin typeface="+mn-lt"/>
                <a:ea typeface="+mn-ea"/>
                <a:cs typeface="+mn-cs"/>
              </a:defRPr>
            </a:lvl3pPr>
            <a:lvl4pPr marL="171450" indent="-171450" eaLnBrk="1" hangingPunct="1">
              <a:spcBef>
                <a:spcPts val="300"/>
              </a:spcBef>
              <a:spcAft>
                <a:spcPts val="300"/>
              </a:spcAft>
              <a:buClr>
                <a:schemeClr val="tx1"/>
              </a:buClr>
              <a:buFont typeface="SwissReSansOTLight" panose="04000400000000000000" pitchFamily="82" charset="0"/>
              <a:buChar char="–"/>
              <a:defRPr sz="1200">
                <a:solidFill>
                  <a:schemeClr val="tx1"/>
                </a:solidFill>
                <a:latin typeface="+mn-lt"/>
                <a:ea typeface="+mn-ea"/>
                <a:cs typeface="+mn-cs"/>
              </a:defRPr>
            </a:lvl4pPr>
            <a:lvl5pPr marL="360363" indent="-184150" eaLnBrk="1" hangingPunct="1">
              <a:spcBef>
                <a:spcPts val="300"/>
              </a:spcBef>
              <a:spcAft>
                <a:spcPts val="300"/>
              </a:spcAft>
              <a:buFont typeface="SwissReSansOTLight" panose="04000400000000000000" pitchFamily="82" charset="0"/>
              <a:buChar char="–"/>
              <a:defRPr sz="1200" b="0">
                <a:solidFill>
                  <a:schemeClr val="tx1"/>
                </a:solidFill>
                <a:latin typeface="+mn-lt"/>
                <a:ea typeface="+mn-ea"/>
                <a:cs typeface="+mn-cs"/>
              </a:defRPr>
            </a:lvl5pPr>
            <a:lvl6pPr marL="0" indent="0" eaLnBrk="1" hangingPunct="1">
              <a:spcBef>
                <a:spcPts val="600"/>
              </a:spcBef>
              <a:spcAft>
                <a:spcPts val="0"/>
              </a:spcAft>
              <a:buClr>
                <a:schemeClr val="tx1"/>
              </a:buClr>
              <a:buFontTx/>
              <a:buNone/>
              <a:defRPr sz="1200">
                <a:solidFill>
                  <a:schemeClr val="tx1"/>
                </a:solidFill>
                <a:latin typeface="Calibre Semibold" panose="020B07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a:lstStyle>
          <a:p>
            <a:pPr marL="0" marR="0" lvl="1" indent="0" algn="l" defTabSz="914400" rtl="0" eaLnBrk="1" fontAlgn="auto" latinLnBrk="0" hangingPunct="1">
              <a:lnSpc>
                <a:spcPct val="100000"/>
              </a:lnSpc>
              <a:spcBef>
                <a:spcPts val="0"/>
              </a:spcBef>
              <a:spcAft>
                <a:spcPts val="600"/>
              </a:spcAft>
              <a:buClrTx/>
              <a:buSzTx/>
              <a:buFontTx/>
              <a:buNone/>
              <a:tabLst/>
              <a:defRPr/>
            </a:pPr>
            <a:r>
              <a:rPr kumimoji="0" lang="en-GB" sz="1600" b="0" i="0" u="none" strike="noStrike" kern="0" cap="none" spc="0" normalizeH="0" baseline="0" noProof="0" dirty="0">
                <a:ln>
                  <a:noFill/>
                </a:ln>
                <a:solidFill>
                  <a:srgbClr val="435254"/>
                </a:solidFill>
                <a:effectLst/>
                <a:uLnTx/>
                <a:uFillTx/>
                <a:latin typeface="Calibre Semibold" panose="020B0703030202060203" pitchFamily="34" charset="0"/>
                <a:ea typeface="+mn-ea"/>
                <a:cs typeface="+mn-cs"/>
              </a:rPr>
              <a:t>Richard Barkham, Ph.D.</a:t>
            </a:r>
          </a:p>
          <a:p>
            <a:pPr marL="0" marR="0" lvl="2" indent="0" algn="l" defTabSz="914400" rtl="0" eaLnBrk="1" fontAlgn="auto" latinLnBrk="0" hangingPunct="1">
              <a:lnSpc>
                <a:spcPct val="100000"/>
              </a:lnSpc>
              <a:spcBef>
                <a:spcPts val="0"/>
              </a:spcBef>
              <a:spcAft>
                <a:spcPts val="300"/>
              </a:spcAft>
              <a:buClrTx/>
              <a:buSzTx/>
              <a:buFontTx/>
              <a:buNone/>
              <a:tabLst/>
              <a:defRPr/>
            </a:pPr>
            <a:r>
              <a:rPr kumimoji="0" lang="en-GB" sz="1200" b="0" i="0" u="none" strike="noStrike" kern="0" cap="none" spc="0" normalizeH="0" baseline="0" noProof="0" dirty="0">
                <a:ln>
                  <a:noFill/>
                </a:ln>
                <a:solidFill>
                  <a:srgbClr val="435254"/>
                </a:solidFill>
                <a:effectLst/>
                <a:uLnTx/>
                <a:uFillTx/>
                <a:latin typeface="Calibre"/>
                <a:ea typeface="+mn-ea"/>
                <a:cs typeface="+mn-cs"/>
              </a:rPr>
              <a:t>Global Chief Economist &amp;</a:t>
            </a:r>
          </a:p>
          <a:p>
            <a:pPr marL="0" marR="0" lvl="2" indent="0" algn="l" defTabSz="914400" rtl="0" eaLnBrk="1" fontAlgn="auto" latinLnBrk="0" hangingPunct="1">
              <a:lnSpc>
                <a:spcPct val="100000"/>
              </a:lnSpc>
              <a:spcBef>
                <a:spcPts val="0"/>
              </a:spcBef>
              <a:spcAft>
                <a:spcPts val="300"/>
              </a:spcAft>
              <a:buClrTx/>
              <a:buSzTx/>
              <a:buFontTx/>
              <a:buNone/>
              <a:tabLst/>
              <a:defRPr/>
            </a:pPr>
            <a:r>
              <a:rPr kumimoji="0" lang="en-GB" sz="1200" b="0" i="0" u="none" strike="noStrike" kern="0" cap="none" spc="0" normalizeH="0" baseline="0" noProof="0" dirty="0">
                <a:ln>
                  <a:noFill/>
                </a:ln>
                <a:solidFill>
                  <a:srgbClr val="435254"/>
                </a:solidFill>
                <a:effectLst/>
                <a:uLnTx/>
                <a:uFillTx/>
                <a:latin typeface="Calibre"/>
                <a:ea typeface="+mn-ea"/>
                <a:cs typeface="+mn-cs"/>
              </a:rPr>
              <a:t>Global Head of Research</a:t>
            </a:r>
          </a:p>
        </p:txBody>
      </p:sp>
      <p:pic>
        <p:nvPicPr>
          <p:cNvPr id="2" name="Picture 1">
            <a:extLst>
              <a:ext uri="{FF2B5EF4-FFF2-40B4-BE49-F238E27FC236}">
                <a16:creationId xmlns:a16="http://schemas.microsoft.com/office/drawing/2014/main" id="{74601F73-C11E-E6AD-EC1E-ED492698811E}"/>
              </a:ext>
            </a:extLst>
          </p:cNvPr>
          <p:cNvPicPr>
            <a:picLocks noChangeAspect="1"/>
          </p:cNvPicPr>
          <p:nvPr/>
        </p:nvPicPr>
        <p:blipFill rotWithShape="1">
          <a:blip r:embed="rId3" cstate="hqprint">
            <a:extLst>
              <a:ext uri="{28A0092B-C50C-407E-A947-70E740481C1C}">
                <a14:useLocalDpi xmlns:a14="http://schemas.microsoft.com/office/drawing/2010/main"/>
              </a:ext>
            </a:extLst>
          </a:blip>
          <a:srcRect r="-3393"/>
          <a:stretch/>
        </p:blipFill>
        <p:spPr>
          <a:xfrm>
            <a:off x="1071403" y="3970949"/>
            <a:ext cx="2293744" cy="2138718"/>
          </a:xfrm>
          <a:prstGeom prst="rect">
            <a:avLst/>
          </a:prstGeom>
        </p:spPr>
      </p:pic>
      <p:sp>
        <p:nvSpPr>
          <p:cNvPr id="3" name="Rectangle 2">
            <a:extLst>
              <a:ext uri="{FF2B5EF4-FFF2-40B4-BE49-F238E27FC236}">
                <a16:creationId xmlns:a16="http://schemas.microsoft.com/office/drawing/2014/main" id="{BCAC5769-6979-17B4-E812-B377871A46AC}"/>
              </a:ext>
            </a:extLst>
          </p:cNvPr>
          <p:cNvSpPr/>
          <p:nvPr/>
        </p:nvSpPr>
        <p:spPr>
          <a:xfrm>
            <a:off x="457200" y="6477000"/>
            <a:ext cx="2133600" cy="228600"/>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75860978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8FC1B1E-003E-B7DF-6D93-42804DC147DF}"/>
              </a:ext>
            </a:extLst>
          </p:cNvPr>
          <p:cNvSpPr>
            <a:spLocks noGrp="1"/>
          </p:cNvSpPr>
          <p:nvPr>
            <p:ph type="title"/>
          </p:nvPr>
        </p:nvSpPr>
        <p:spPr>
          <a:xfrm>
            <a:off x="486347" y="826055"/>
            <a:ext cx="11435621" cy="557338"/>
          </a:xfrm>
        </p:spPr>
        <p:txBody>
          <a:bodyPr/>
          <a:lstStyle/>
          <a:p>
            <a:r>
              <a:rPr lang="en-US" sz="3300" dirty="0"/>
              <a:t>Investment volumes off to a slow start but positive signals ahead</a:t>
            </a:r>
            <a:r>
              <a:rPr lang="en-US" sz="3500" dirty="0"/>
              <a:t>?</a:t>
            </a:r>
          </a:p>
        </p:txBody>
      </p:sp>
      <p:sp>
        <p:nvSpPr>
          <p:cNvPr id="25" name="Text Placeholder 7">
            <a:extLst>
              <a:ext uri="{FF2B5EF4-FFF2-40B4-BE49-F238E27FC236}">
                <a16:creationId xmlns:a16="http://schemas.microsoft.com/office/drawing/2014/main" id="{3ACA8F5F-791B-75C4-B7A2-AC0144A65399}"/>
              </a:ext>
            </a:extLst>
          </p:cNvPr>
          <p:cNvSpPr>
            <a:spLocks noGrp="1"/>
          </p:cNvSpPr>
          <p:nvPr>
            <p:ph sz="quarter" idx="11"/>
          </p:nvPr>
        </p:nvSpPr>
        <p:spPr>
          <a:xfrm>
            <a:off x="6186798" y="1308100"/>
            <a:ext cx="5606845" cy="488096"/>
          </a:xfrm>
          <a:solidFill>
            <a:schemeClr val="bg1"/>
          </a:solidFill>
        </p:spPr>
        <p:txBody>
          <a:bodyPr/>
          <a:lstStyle/>
          <a:p>
            <a:pPr marL="45720">
              <a:spcBef>
                <a:spcPts val="600"/>
              </a:spcBef>
            </a:pPr>
            <a:r>
              <a:rPr lang="en-US" sz="1400" b="1" dirty="0">
                <a:latin typeface="Calibre Semibold" panose="020B0503030202060203"/>
              </a:rPr>
              <a:t>Fraction of quarterly CRE Investment Volume as a share of the cyclical peak (US)	</a:t>
            </a:r>
          </a:p>
        </p:txBody>
      </p:sp>
      <p:sp>
        <p:nvSpPr>
          <p:cNvPr id="4" name="Text Placeholder 3">
            <a:extLst>
              <a:ext uri="{FF2B5EF4-FFF2-40B4-BE49-F238E27FC236}">
                <a16:creationId xmlns:a16="http://schemas.microsoft.com/office/drawing/2014/main" id="{71320755-1045-C1E4-56BA-1A41F180AE97}"/>
              </a:ext>
            </a:extLst>
          </p:cNvPr>
          <p:cNvSpPr>
            <a:spLocks noGrp="1"/>
          </p:cNvSpPr>
          <p:nvPr>
            <p:ph type="body" sz="quarter" idx="13"/>
          </p:nvPr>
        </p:nvSpPr>
        <p:spPr>
          <a:xfrm>
            <a:off x="6154612" y="5966142"/>
            <a:ext cx="5657976" cy="299759"/>
          </a:xfrm>
        </p:spPr>
        <p:txBody>
          <a:bodyPr/>
          <a:lstStyle/>
          <a:p>
            <a:endParaRPr lang="en-US" dirty="0"/>
          </a:p>
          <a:p>
            <a:endParaRPr lang="en-US" dirty="0"/>
          </a:p>
          <a:p>
            <a:endParaRPr lang="en-US" dirty="0"/>
          </a:p>
          <a:p>
            <a:endParaRPr lang="en-US" dirty="0"/>
          </a:p>
          <a:p>
            <a:endParaRPr lang="en-US" dirty="0"/>
          </a:p>
          <a:p>
            <a:endParaRPr lang="en-US" dirty="0"/>
          </a:p>
          <a:p>
            <a:endParaRPr lang="en-US" dirty="0"/>
          </a:p>
          <a:p>
            <a:endParaRPr lang="en-US" dirty="0"/>
          </a:p>
          <a:p>
            <a:r>
              <a:rPr lang="en-US" dirty="0"/>
              <a:t>Source: MSCI-RCA, CBRE Econometric Advisors</a:t>
            </a:r>
          </a:p>
        </p:txBody>
      </p:sp>
      <p:sp>
        <p:nvSpPr>
          <p:cNvPr id="22" name="Text Placeholder 21">
            <a:extLst>
              <a:ext uri="{FF2B5EF4-FFF2-40B4-BE49-F238E27FC236}">
                <a16:creationId xmlns:a16="http://schemas.microsoft.com/office/drawing/2014/main" id="{2BE56385-9634-75CF-3D0C-486FB5C8150C}"/>
              </a:ext>
            </a:extLst>
          </p:cNvPr>
          <p:cNvSpPr>
            <a:spLocks noGrp="1"/>
          </p:cNvSpPr>
          <p:nvPr>
            <p:ph type="body" sz="quarter" idx="14"/>
          </p:nvPr>
        </p:nvSpPr>
        <p:spPr>
          <a:xfrm>
            <a:off x="329868" y="5973746"/>
            <a:ext cx="5657976" cy="299759"/>
          </a:xfrm>
        </p:spPr>
        <p:txBody>
          <a:bodyPr/>
          <a:lstStyle/>
          <a:p>
            <a:r>
              <a:rPr lang="en-US" dirty="0"/>
              <a:t>Source: MSCI-RCA, CBRE Econometric Advisors</a:t>
            </a:r>
          </a:p>
        </p:txBody>
      </p:sp>
      <p:sp>
        <p:nvSpPr>
          <p:cNvPr id="23" name="Text Placeholder 8">
            <a:extLst>
              <a:ext uri="{FF2B5EF4-FFF2-40B4-BE49-F238E27FC236}">
                <a16:creationId xmlns:a16="http://schemas.microsoft.com/office/drawing/2014/main" id="{C916600C-56AA-C5DA-6D9D-56BB0BD6B825}"/>
              </a:ext>
            </a:extLst>
          </p:cNvPr>
          <p:cNvSpPr txBox="1">
            <a:spLocks/>
          </p:cNvSpPr>
          <p:nvPr/>
        </p:nvSpPr>
        <p:spPr>
          <a:xfrm>
            <a:off x="380999" y="1383393"/>
            <a:ext cx="5606845" cy="291039"/>
          </a:xfrm>
          <a:prstGeom prst="rect">
            <a:avLst/>
          </a:prstGeom>
        </p:spPr>
        <p:txBody>
          <a:bodyPr vert="horz" lIns="0" tIns="0" rIns="72000" bIns="0" rtlCol="0">
            <a:noAutofit/>
          </a:bodyPr>
          <a:lstStyle>
            <a:lvl1pPr marL="0" eaLnBrk="1" hangingPunct="1">
              <a:spcBef>
                <a:spcPts val="0"/>
              </a:spcBef>
              <a:spcAft>
                <a:spcPts val="300"/>
              </a:spcAft>
              <a:defRPr sz="1400" b="1" i="0">
                <a:solidFill>
                  <a:schemeClr val="tx1"/>
                </a:solidFill>
                <a:latin typeface="Calibre Semibold" panose="020B0503030202060203" pitchFamily="34" charset="77"/>
                <a:ea typeface="+mn-ea"/>
                <a:cs typeface="+mn-cs"/>
              </a:defRPr>
            </a:lvl1pPr>
            <a:lvl2pPr marL="0" indent="0" eaLnBrk="1" hangingPunct="1">
              <a:spcBef>
                <a:spcPts val="900"/>
              </a:spcBef>
              <a:spcAft>
                <a:spcPts val="0"/>
              </a:spcAft>
              <a:buClr>
                <a:srgbClr val="17E88F"/>
              </a:buClr>
              <a:buFontTx/>
              <a:buNone/>
              <a:defRPr sz="1200" b="0">
                <a:solidFill>
                  <a:schemeClr val="accent6"/>
                </a:solidFill>
                <a:latin typeface="Calibre Medium" panose="020B0603030202060203" pitchFamily="34" charset="0"/>
                <a:ea typeface="+mn-ea"/>
                <a:cs typeface="+mn-cs"/>
              </a:defRPr>
            </a:lvl2pPr>
            <a:lvl3pPr marL="0" indent="0" eaLnBrk="1" hangingPunct="1">
              <a:spcBef>
                <a:spcPts val="600"/>
              </a:spcBef>
              <a:spcAft>
                <a:spcPts val="600"/>
              </a:spcAft>
              <a:defRPr sz="1200">
                <a:solidFill>
                  <a:schemeClr val="tx1"/>
                </a:solidFill>
                <a:latin typeface="Calibre Light" panose="020B0303030202060203" pitchFamily="34" charset="0"/>
                <a:ea typeface="+mn-ea"/>
                <a:cs typeface="+mn-cs"/>
              </a:defRPr>
            </a:lvl3pPr>
            <a:lvl4pPr marL="171450" indent="-171450" eaLnBrk="1" hangingPunct="1">
              <a:spcBef>
                <a:spcPts val="600"/>
              </a:spcBef>
              <a:spcAft>
                <a:spcPts val="0"/>
              </a:spcAft>
              <a:buClr>
                <a:srgbClr val="17E88F"/>
              </a:buClr>
              <a:buFont typeface="SwissReSansOTLight" panose="04000400000000000000" pitchFamily="82" charset="0"/>
              <a:buChar char="–"/>
              <a:defRPr sz="1100" b="0" i="0">
                <a:solidFill>
                  <a:schemeClr val="accent6"/>
                </a:solidFill>
                <a:latin typeface="Calibre" panose="020B0503030202060203" pitchFamily="34" charset="77"/>
                <a:ea typeface="+mn-ea"/>
                <a:cs typeface="+mn-cs"/>
              </a:defRPr>
            </a:lvl4pPr>
            <a:lvl5pPr marL="176213" indent="0" eaLnBrk="1" hangingPunct="1">
              <a:spcBef>
                <a:spcPts val="0"/>
              </a:spcBef>
              <a:spcAft>
                <a:spcPts val="0"/>
              </a:spcAft>
              <a:buFont typeface="SwissReSansOTLight" panose="04000400000000000000" pitchFamily="82" charset="0"/>
              <a:buNone/>
              <a:defRPr sz="1100" b="0">
                <a:solidFill>
                  <a:schemeClr val="tx1"/>
                </a:solidFill>
                <a:latin typeface="Calibre Light" panose="020B0303030202060203" pitchFamily="34" charset="0"/>
                <a:ea typeface="+mn-ea"/>
                <a:cs typeface="+mn-cs"/>
              </a:defRPr>
            </a:lvl5pPr>
            <a:lvl6pPr marL="342900" indent="-171450" eaLnBrk="1" hangingPunct="1">
              <a:spcBef>
                <a:spcPts val="300"/>
              </a:spcBef>
              <a:spcAft>
                <a:spcPts val="0"/>
              </a:spcAft>
              <a:buClr>
                <a:schemeClr val="tx1"/>
              </a:buClr>
              <a:buFont typeface="Arial" panose="020B0604020202020204" pitchFamily="34" charset="0"/>
              <a:buChar char="‒"/>
              <a:defRPr sz="1100">
                <a:solidFill>
                  <a:schemeClr val="tx1"/>
                </a:solidFill>
                <a:latin typeface="Calibre Light" panose="020B03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b="1" i="0" u="none" strike="noStrike" kern="0" cap="none" spc="0" normalizeH="0" baseline="0" noProof="0" dirty="0">
                <a:ln>
                  <a:noFill/>
                </a:ln>
                <a:solidFill>
                  <a:srgbClr val="435254"/>
                </a:solidFill>
                <a:effectLst/>
                <a:uLnTx/>
                <a:uFillTx/>
                <a:latin typeface="Calibre Semibold" panose="020B0503030202060203" pitchFamily="34" charset="77"/>
                <a:ea typeface="+mn-ea"/>
                <a:cs typeface="+mn-cs"/>
              </a:rPr>
              <a:t>Cumulative Daily Global CRE Investment Volume (Billions, USD)</a:t>
            </a:r>
          </a:p>
          <a:p>
            <a:pPr marL="0" marR="0" lvl="0" indent="0" algn="l" defTabSz="914400" rtl="0" eaLnBrk="1" fontAlgn="auto" latinLnBrk="0" hangingPunct="1">
              <a:lnSpc>
                <a:spcPct val="100000"/>
              </a:lnSpc>
              <a:spcBef>
                <a:spcPts val="0"/>
              </a:spcBef>
              <a:spcAft>
                <a:spcPts val="300"/>
              </a:spcAft>
              <a:buClrTx/>
              <a:buSzTx/>
              <a:buFontTx/>
              <a:buNone/>
              <a:tabLst/>
              <a:defRPr/>
            </a:pPr>
            <a:endParaRPr kumimoji="0" lang="en-US" sz="1200" b="0" i="0" u="none" strike="noStrike" kern="0" cap="none" spc="0" normalizeH="0" baseline="0" noProof="0" dirty="0">
              <a:ln>
                <a:noFill/>
              </a:ln>
              <a:solidFill>
                <a:srgbClr val="435254"/>
              </a:solidFill>
              <a:effectLst/>
              <a:uLnTx/>
              <a:uFillTx/>
              <a:latin typeface="Calibre Semibold" panose="020B0503030202060203" pitchFamily="34" charset="77"/>
              <a:ea typeface="+mn-ea"/>
              <a:cs typeface="+mn-cs"/>
            </a:endParaRPr>
          </a:p>
        </p:txBody>
      </p:sp>
      <p:graphicFrame>
        <p:nvGraphicFramePr>
          <p:cNvPr id="9" name="Chart Placeholder 10">
            <a:extLst>
              <a:ext uri="{FF2B5EF4-FFF2-40B4-BE49-F238E27FC236}">
                <a16:creationId xmlns:a16="http://schemas.microsoft.com/office/drawing/2014/main" id="{0950DADD-CCE4-C7BF-EFAA-2F95EBA7264A}"/>
              </a:ext>
            </a:extLst>
          </p:cNvPr>
          <p:cNvGraphicFramePr>
            <a:graphicFrameLocks/>
          </p:cNvGraphicFramePr>
          <p:nvPr>
            <p:extLst>
              <p:ext uri="{D42A27DB-BD31-4B8C-83A1-F6EECF244321}">
                <p14:modId xmlns:p14="http://schemas.microsoft.com/office/powerpoint/2010/main" val="3968561336"/>
              </p:ext>
            </p:extLst>
          </p:nvPr>
        </p:nvGraphicFramePr>
        <p:xfrm>
          <a:off x="6186798" y="1796196"/>
          <a:ext cx="5606845" cy="3665920"/>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10" name="Chart 9">
            <a:extLst>
              <a:ext uri="{FF2B5EF4-FFF2-40B4-BE49-F238E27FC236}">
                <a16:creationId xmlns:a16="http://schemas.microsoft.com/office/drawing/2014/main" id="{1BBE5EDE-9A1A-2CAD-1CC8-244D8F697766}"/>
              </a:ext>
            </a:extLst>
          </p:cNvPr>
          <p:cNvGraphicFramePr>
            <a:graphicFrameLocks/>
          </p:cNvGraphicFramePr>
          <p:nvPr/>
        </p:nvGraphicFramePr>
        <p:xfrm>
          <a:off x="329868" y="1799260"/>
          <a:ext cx="5341299" cy="4081423"/>
        </p:xfrm>
        <a:graphic>
          <a:graphicData uri="http://schemas.openxmlformats.org/drawingml/2006/chart">
            <c:chart xmlns:c="http://schemas.openxmlformats.org/drawingml/2006/chart" xmlns:r="http://schemas.openxmlformats.org/officeDocument/2006/relationships" r:id="rId4"/>
          </a:graphicData>
        </a:graphic>
      </p:graphicFrame>
      <p:sp>
        <p:nvSpPr>
          <p:cNvPr id="3" name="Rectangle 2">
            <a:extLst>
              <a:ext uri="{FF2B5EF4-FFF2-40B4-BE49-F238E27FC236}">
                <a16:creationId xmlns:a16="http://schemas.microsoft.com/office/drawing/2014/main" id="{ECB128F4-FDEA-6836-D5BA-1804944B0ECE}"/>
              </a:ext>
            </a:extLst>
          </p:cNvPr>
          <p:cNvSpPr/>
          <p:nvPr/>
        </p:nvSpPr>
        <p:spPr>
          <a:xfrm>
            <a:off x="380999" y="6405841"/>
            <a:ext cx="2286001" cy="299759"/>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119294871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8FC1B1E-003E-B7DF-6D93-42804DC147DF}"/>
              </a:ext>
            </a:extLst>
          </p:cNvPr>
          <p:cNvSpPr>
            <a:spLocks noGrp="1"/>
          </p:cNvSpPr>
          <p:nvPr>
            <p:ph type="title"/>
          </p:nvPr>
        </p:nvSpPr>
        <p:spPr>
          <a:xfrm>
            <a:off x="990600" y="814262"/>
            <a:ext cx="11435621" cy="557338"/>
          </a:xfrm>
        </p:spPr>
        <p:txBody>
          <a:bodyPr/>
          <a:lstStyle/>
          <a:p>
            <a:r>
              <a:rPr lang="en-US" sz="3300" dirty="0"/>
              <a:t>But what about Distress? Different impacts across the globe</a:t>
            </a:r>
          </a:p>
        </p:txBody>
      </p:sp>
      <p:sp>
        <p:nvSpPr>
          <p:cNvPr id="25" name="Text Placeholder 7">
            <a:extLst>
              <a:ext uri="{FF2B5EF4-FFF2-40B4-BE49-F238E27FC236}">
                <a16:creationId xmlns:a16="http://schemas.microsoft.com/office/drawing/2014/main" id="{3ACA8F5F-791B-75C4-B7A2-AC0144A65399}"/>
              </a:ext>
            </a:extLst>
          </p:cNvPr>
          <p:cNvSpPr>
            <a:spLocks noGrp="1"/>
          </p:cNvSpPr>
          <p:nvPr>
            <p:ph sz="quarter" idx="11"/>
          </p:nvPr>
        </p:nvSpPr>
        <p:spPr>
          <a:xfrm>
            <a:off x="6182233" y="1308629"/>
            <a:ext cx="5617656" cy="319073"/>
          </a:xfrm>
          <a:solidFill>
            <a:schemeClr val="bg1"/>
          </a:solidFill>
        </p:spPr>
        <p:txBody>
          <a:bodyPr/>
          <a:lstStyle/>
          <a:p>
            <a:pPr marL="45720">
              <a:lnSpc>
                <a:spcPct val="150000"/>
              </a:lnSpc>
            </a:pPr>
            <a:r>
              <a:rPr lang="en-US" sz="1400" b="1" dirty="0">
                <a:latin typeface="Calibre Semibold" panose="020B0503030202060203"/>
              </a:rPr>
              <a:t>Debt funding gap globally (billions, USD)</a:t>
            </a:r>
          </a:p>
        </p:txBody>
      </p:sp>
      <p:sp>
        <p:nvSpPr>
          <p:cNvPr id="4" name="Text Placeholder 3">
            <a:extLst>
              <a:ext uri="{FF2B5EF4-FFF2-40B4-BE49-F238E27FC236}">
                <a16:creationId xmlns:a16="http://schemas.microsoft.com/office/drawing/2014/main" id="{71320755-1045-C1E4-56BA-1A41F180AE97}"/>
              </a:ext>
            </a:extLst>
          </p:cNvPr>
          <p:cNvSpPr>
            <a:spLocks noGrp="1"/>
          </p:cNvSpPr>
          <p:nvPr>
            <p:ph type="body" sz="quarter" idx="13"/>
          </p:nvPr>
        </p:nvSpPr>
        <p:spPr>
          <a:xfrm>
            <a:off x="6154613" y="5707543"/>
            <a:ext cx="5657976" cy="299759"/>
          </a:xfrm>
        </p:spPr>
        <p:txBody>
          <a:bodyPr/>
          <a:lstStyle/>
          <a:p>
            <a:endParaRPr lang="en-US" dirty="0"/>
          </a:p>
          <a:p>
            <a:endParaRPr lang="en-US" dirty="0"/>
          </a:p>
          <a:p>
            <a:endParaRPr lang="en-US" dirty="0"/>
          </a:p>
          <a:p>
            <a:endParaRPr lang="en-US" dirty="0"/>
          </a:p>
          <a:p>
            <a:endParaRPr lang="en-US" dirty="0"/>
          </a:p>
          <a:p>
            <a:endParaRPr lang="en-US" dirty="0"/>
          </a:p>
          <a:p>
            <a:endParaRPr lang="en-US" dirty="0"/>
          </a:p>
          <a:p>
            <a:endParaRPr lang="en-US" dirty="0"/>
          </a:p>
          <a:p>
            <a:r>
              <a:rPr lang="en-US" dirty="0"/>
              <a:t>Source: CBRE Research &amp; CBRE Econometric Advisors</a:t>
            </a:r>
          </a:p>
        </p:txBody>
      </p:sp>
      <p:graphicFrame>
        <p:nvGraphicFramePr>
          <p:cNvPr id="20" name="Chart Placeholder 10">
            <a:extLst>
              <a:ext uri="{FF2B5EF4-FFF2-40B4-BE49-F238E27FC236}">
                <a16:creationId xmlns:a16="http://schemas.microsoft.com/office/drawing/2014/main" id="{D383191B-D67A-2ABC-D28D-CF5B26FBCC24}"/>
              </a:ext>
            </a:extLst>
          </p:cNvPr>
          <p:cNvGraphicFramePr>
            <a:graphicFrameLocks noGrp="1"/>
          </p:cNvGraphicFramePr>
          <p:nvPr>
            <p:ph type="chart" sz="quarter" idx="12"/>
          </p:nvPr>
        </p:nvGraphicFramePr>
        <p:xfrm>
          <a:off x="343123" y="1866157"/>
          <a:ext cx="5649913" cy="3681815"/>
        </p:xfrm>
        <a:graphic>
          <a:graphicData uri="http://schemas.openxmlformats.org/drawingml/2006/chart">
            <c:chart xmlns:c="http://schemas.openxmlformats.org/drawingml/2006/chart" xmlns:r="http://schemas.openxmlformats.org/officeDocument/2006/relationships" r:id="rId3"/>
          </a:graphicData>
        </a:graphic>
      </p:graphicFrame>
      <p:sp>
        <p:nvSpPr>
          <p:cNvPr id="22" name="Text Placeholder 21">
            <a:extLst>
              <a:ext uri="{FF2B5EF4-FFF2-40B4-BE49-F238E27FC236}">
                <a16:creationId xmlns:a16="http://schemas.microsoft.com/office/drawing/2014/main" id="{2BE56385-9634-75CF-3D0C-486FB5C8150C}"/>
              </a:ext>
            </a:extLst>
          </p:cNvPr>
          <p:cNvSpPr>
            <a:spLocks noGrp="1"/>
          </p:cNvSpPr>
          <p:nvPr>
            <p:ph type="body" sz="quarter" idx="14"/>
          </p:nvPr>
        </p:nvSpPr>
        <p:spPr>
          <a:xfrm>
            <a:off x="329868" y="5973746"/>
            <a:ext cx="5657976" cy="299759"/>
          </a:xfrm>
        </p:spPr>
        <p:txBody>
          <a:bodyPr/>
          <a:lstStyle/>
          <a:p>
            <a:r>
              <a:rPr lang="en-US" dirty="0"/>
              <a:t>Source: CBRE Econometric Advisors</a:t>
            </a:r>
          </a:p>
          <a:p>
            <a:r>
              <a:rPr lang="en-US" i="1" dirty="0"/>
              <a:t>*This chart is an updated version of Figure 1 from </a:t>
            </a:r>
            <a:r>
              <a:rPr lang="en-US" i="1" dirty="0">
                <a:hlinkClick r:id="rId4"/>
              </a:rPr>
              <a:t>“Debt Funding Gap Arises in Multifamily Sector”</a:t>
            </a:r>
            <a:r>
              <a:rPr lang="en-US" i="1" dirty="0"/>
              <a:t> published by CBRE EA on October 25, 2023.</a:t>
            </a:r>
          </a:p>
        </p:txBody>
      </p:sp>
      <p:sp>
        <p:nvSpPr>
          <p:cNvPr id="23" name="Text Placeholder 8">
            <a:extLst>
              <a:ext uri="{FF2B5EF4-FFF2-40B4-BE49-F238E27FC236}">
                <a16:creationId xmlns:a16="http://schemas.microsoft.com/office/drawing/2014/main" id="{C916600C-56AA-C5DA-6D9D-56BB0BD6B825}"/>
              </a:ext>
            </a:extLst>
          </p:cNvPr>
          <p:cNvSpPr txBox="1">
            <a:spLocks/>
          </p:cNvSpPr>
          <p:nvPr/>
        </p:nvSpPr>
        <p:spPr>
          <a:xfrm>
            <a:off x="380999" y="1383393"/>
            <a:ext cx="5606845" cy="291039"/>
          </a:xfrm>
          <a:prstGeom prst="rect">
            <a:avLst/>
          </a:prstGeom>
        </p:spPr>
        <p:txBody>
          <a:bodyPr vert="horz" lIns="0" tIns="0" rIns="72000" bIns="0" rtlCol="0">
            <a:noAutofit/>
          </a:bodyPr>
          <a:lstStyle>
            <a:lvl1pPr marL="0" eaLnBrk="1" hangingPunct="1">
              <a:spcBef>
                <a:spcPts val="0"/>
              </a:spcBef>
              <a:spcAft>
                <a:spcPts val="300"/>
              </a:spcAft>
              <a:defRPr sz="1400" b="1" i="0">
                <a:solidFill>
                  <a:schemeClr val="tx1"/>
                </a:solidFill>
                <a:latin typeface="Calibre Semibold" panose="020B0503030202060203" pitchFamily="34" charset="77"/>
                <a:ea typeface="+mn-ea"/>
                <a:cs typeface="+mn-cs"/>
              </a:defRPr>
            </a:lvl1pPr>
            <a:lvl2pPr marL="0" indent="0" eaLnBrk="1" hangingPunct="1">
              <a:spcBef>
                <a:spcPts val="900"/>
              </a:spcBef>
              <a:spcAft>
                <a:spcPts val="0"/>
              </a:spcAft>
              <a:buClr>
                <a:srgbClr val="17E88F"/>
              </a:buClr>
              <a:buFontTx/>
              <a:buNone/>
              <a:defRPr sz="1200" b="0">
                <a:solidFill>
                  <a:schemeClr val="accent6"/>
                </a:solidFill>
                <a:latin typeface="Calibre Medium" panose="020B0603030202060203" pitchFamily="34" charset="0"/>
                <a:ea typeface="+mn-ea"/>
                <a:cs typeface="+mn-cs"/>
              </a:defRPr>
            </a:lvl2pPr>
            <a:lvl3pPr marL="0" indent="0" eaLnBrk="1" hangingPunct="1">
              <a:spcBef>
                <a:spcPts val="600"/>
              </a:spcBef>
              <a:spcAft>
                <a:spcPts val="600"/>
              </a:spcAft>
              <a:defRPr sz="1200">
                <a:solidFill>
                  <a:schemeClr val="tx1"/>
                </a:solidFill>
                <a:latin typeface="Calibre Light" panose="020B0303030202060203" pitchFamily="34" charset="0"/>
                <a:ea typeface="+mn-ea"/>
                <a:cs typeface="+mn-cs"/>
              </a:defRPr>
            </a:lvl3pPr>
            <a:lvl4pPr marL="171450" indent="-171450" eaLnBrk="1" hangingPunct="1">
              <a:spcBef>
                <a:spcPts val="600"/>
              </a:spcBef>
              <a:spcAft>
                <a:spcPts val="0"/>
              </a:spcAft>
              <a:buClr>
                <a:srgbClr val="17E88F"/>
              </a:buClr>
              <a:buFont typeface="SwissReSansOTLight" panose="04000400000000000000" pitchFamily="82" charset="0"/>
              <a:buChar char="–"/>
              <a:defRPr sz="1100" b="0" i="0">
                <a:solidFill>
                  <a:schemeClr val="accent6"/>
                </a:solidFill>
                <a:latin typeface="Calibre" panose="020B0503030202060203" pitchFamily="34" charset="77"/>
                <a:ea typeface="+mn-ea"/>
                <a:cs typeface="+mn-cs"/>
              </a:defRPr>
            </a:lvl4pPr>
            <a:lvl5pPr marL="176213" indent="0" eaLnBrk="1" hangingPunct="1">
              <a:spcBef>
                <a:spcPts val="0"/>
              </a:spcBef>
              <a:spcAft>
                <a:spcPts val="0"/>
              </a:spcAft>
              <a:buFont typeface="SwissReSansOTLight" panose="04000400000000000000" pitchFamily="82" charset="0"/>
              <a:buNone/>
              <a:defRPr sz="1100" b="0">
                <a:solidFill>
                  <a:schemeClr val="tx1"/>
                </a:solidFill>
                <a:latin typeface="Calibre Light" panose="020B0303030202060203" pitchFamily="34" charset="0"/>
                <a:ea typeface="+mn-ea"/>
                <a:cs typeface="+mn-cs"/>
              </a:defRPr>
            </a:lvl5pPr>
            <a:lvl6pPr marL="342900" indent="-171450" eaLnBrk="1" hangingPunct="1">
              <a:spcBef>
                <a:spcPts val="300"/>
              </a:spcBef>
              <a:spcAft>
                <a:spcPts val="0"/>
              </a:spcAft>
              <a:buClr>
                <a:schemeClr val="tx1"/>
              </a:buClr>
              <a:buFont typeface="Arial" panose="020B0604020202020204" pitchFamily="34" charset="0"/>
              <a:buChar char="‒"/>
              <a:defRPr sz="1100">
                <a:solidFill>
                  <a:schemeClr val="tx1"/>
                </a:solidFill>
                <a:latin typeface="Calibre Light" panose="020B03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a:lstStyle>
          <a:p>
            <a:r>
              <a:rPr lang="en-US" kern="0" dirty="0"/>
              <a:t>Debt Funding Gap by Sector for Loans Originated During 2019-2022* (Billions, USD)</a:t>
            </a:r>
          </a:p>
          <a:p>
            <a:endParaRPr lang="en-US" sz="1200" b="0" kern="0" dirty="0"/>
          </a:p>
        </p:txBody>
      </p:sp>
      <p:graphicFrame>
        <p:nvGraphicFramePr>
          <p:cNvPr id="24" name="Table 23">
            <a:extLst>
              <a:ext uri="{FF2B5EF4-FFF2-40B4-BE49-F238E27FC236}">
                <a16:creationId xmlns:a16="http://schemas.microsoft.com/office/drawing/2014/main" id="{B6E050BA-CBC4-C5D2-618E-84427966BCF0}"/>
              </a:ext>
            </a:extLst>
          </p:cNvPr>
          <p:cNvGraphicFramePr>
            <a:graphicFrameLocks noGrp="1"/>
          </p:cNvGraphicFramePr>
          <p:nvPr>
            <p:extLst>
              <p:ext uri="{D42A27DB-BD31-4B8C-83A1-F6EECF244321}">
                <p14:modId xmlns:p14="http://schemas.microsoft.com/office/powerpoint/2010/main" val="1721924806"/>
              </p:ext>
            </p:extLst>
          </p:nvPr>
        </p:nvGraphicFramePr>
        <p:xfrm>
          <a:off x="6182233" y="1627702"/>
          <a:ext cx="5621688" cy="3893634"/>
        </p:xfrm>
        <a:graphic>
          <a:graphicData uri="http://schemas.openxmlformats.org/drawingml/2006/table">
            <a:tbl>
              <a:tblPr firstRow="1" bandRow="1">
                <a:tableStyleId>{5C22544A-7EE6-4342-B048-85BDC9FD1C3A}</a:tableStyleId>
              </a:tblPr>
              <a:tblGrid>
                <a:gridCol w="1405422">
                  <a:extLst>
                    <a:ext uri="{9D8B030D-6E8A-4147-A177-3AD203B41FA5}">
                      <a16:colId xmlns:a16="http://schemas.microsoft.com/office/drawing/2014/main" val="979436317"/>
                    </a:ext>
                  </a:extLst>
                </a:gridCol>
                <a:gridCol w="1450344">
                  <a:extLst>
                    <a:ext uri="{9D8B030D-6E8A-4147-A177-3AD203B41FA5}">
                      <a16:colId xmlns:a16="http://schemas.microsoft.com/office/drawing/2014/main" val="11284490"/>
                    </a:ext>
                  </a:extLst>
                </a:gridCol>
                <a:gridCol w="1360500">
                  <a:extLst>
                    <a:ext uri="{9D8B030D-6E8A-4147-A177-3AD203B41FA5}">
                      <a16:colId xmlns:a16="http://schemas.microsoft.com/office/drawing/2014/main" val="1127597431"/>
                    </a:ext>
                  </a:extLst>
                </a:gridCol>
                <a:gridCol w="1405422">
                  <a:extLst>
                    <a:ext uri="{9D8B030D-6E8A-4147-A177-3AD203B41FA5}">
                      <a16:colId xmlns:a16="http://schemas.microsoft.com/office/drawing/2014/main" val="3155357674"/>
                    </a:ext>
                  </a:extLst>
                </a:gridCol>
              </a:tblGrid>
              <a:tr h="648939">
                <a:tc>
                  <a:txBody>
                    <a:bodyPr/>
                    <a:lstStyle/>
                    <a:p>
                      <a:pPr algn="ctr">
                        <a:lnSpc>
                          <a:spcPct val="100000"/>
                        </a:lnSpc>
                        <a:spcBef>
                          <a:spcPts val="0"/>
                        </a:spcBef>
                        <a:spcAft>
                          <a:spcPts val="0"/>
                        </a:spcAft>
                      </a:pPr>
                      <a:endParaRPr lang="en-US" sz="1400" b="1" i="0" u="none" cap="none" dirty="0">
                        <a:solidFill>
                          <a:srgbClr val="435254"/>
                        </a:solidFill>
                        <a:latin typeface="Calibre" panose="020B0503030202060203" pitchFamily="34" charset="77"/>
                      </a:endParaRP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12700" cap="flat" cmpd="sng" algn="ctr">
                      <a:solidFill>
                        <a:schemeClr val="lt1">
                          <a:alpha val="0"/>
                        </a:schemeClr>
                      </a:solidFill>
                      <a:prstDash val="solid"/>
                      <a:round/>
                      <a:headEnd type="none" w="med" len="med"/>
                      <a:tailEnd type="none" w="med" len="med"/>
                    </a:lnT>
                    <a:lnB w="12700" cap="flat" cmpd="sng" algn="ctr">
                      <a:solidFill>
                        <a:srgbClr val="425254"/>
                      </a:solidFill>
                      <a:prstDash val="solid"/>
                      <a:round/>
                      <a:headEnd type="none" w="med" len="med"/>
                      <a:tailEnd type="none" w="med" len="med"/>
                    </a:lnB>
                    <a:solidFill>
                      <a:schemeClr val="bg1">
                        <a:alpha val="0"/>
                      </a:schemeClr>
                    </a:solidFill>
                  </a:tcPr>
                </a:tc>
                <a:tc>
                  <a:txBody>
                    <a:bodyPr/>
                    <a:lstStyle/>
                    <a:p>
                      <a:pPr algn="ctr">
                        <a:lnSpc>
                          <a:spcPct val="100000"/>
                        </a:lnSpc>
                        <a:spcBef>
                          <a:spcPts val="0"/>
                        </a:spcBef>
                        <a:spcAft>
                          <a:spcPts val="0"/>
                        </a:spcAft>
                      </a:pPr>
                      <a:r>
                        <a:rPr lang="en-US" sz="1400" b="1" i="0" u="none" cap="none" dirty="0">
                          <a:solidFill>
                            <a:srgbClr val="435254"/>
                          </a:solidFill>
                          <a:latin typeface="Calibre" panose="020B0503030202060203" pitchFamily="34" charset="77"/>
                        </a:rPr>
                        <a:t>Published</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12700" cap="flat" cmpd="sng" algn="ctr">
                      <a:solidFill>
                        <a:schemeClr val="lt1">
                          <a:alpha val="0"/>
                        </a:schemeClr>
                      </a:solidFill>
                      <a:prstDash val="solid"/>
                      <a:round/>
                      <a:headEnd type="none" w="med" len="med"/>
                      <a:tailEnd type="none" w="med" len="med"/>
                    </a:lnT>
                    <a:lnB w="12700" cap="flat" cmpd="sng" algn="ctr">
                      <a:solidFill>
                        <a:srgbClr val="425254"/>
                      </a:solidFill>
                      <a:prstDash val="solid"/>
                      <a:round/>
                      <a:headEnd type="none" w="med" len="med"/>
                      <a:tailEnd type="none" w="med" len="med"/>
                    </a:lnB>
                    <a:solidFill>
                      <a:srgbClr val="C0D4CB"/>
                    </a:solidFill>
                  </a:tcPr>
                </a:tc>
                <a:tc>
                  <a:txBody>
                    <a:bodyPr/>
                    <a:lstStyle/>
                    <a:p>
                      <a:pPr algn="ctr">
                        <a:lnSpc>
                          <a:spcPct val="100000"/>
                        </a:lnSpc>
                        <a:spcBef>
                          <a:spcPts val="0"/>
                        </a:spcBef>
                        <a:spcAft>
                          <a:spcPts val="0"/>
                        </a:spcAft>
                      </a:pPr>
                      <a:r>
                        <a:rPr lang="en-US" sz="1400" b="1" i="0" u="none" cap="none">
                          <a:solidFill>
                            <a:srgbClr val="435254"/>
                          </a:solidFill>
                          <a:latin typeface="Calibre" panose="020B0503030202060203" pitchFamily="34" charset="77"/>
                        </a:rPr>
                        <a:t>Period</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12700" cap="flat" cmpd="sng" algn="ctr">
                      <a:solidFill>
                        <a:schemeClr val="lt1">
                          <a:alpha val="0"/>
                        </a:schemeClr>
                      </a:solidFill>
                      <a:prstDash val="solid"/>
                      <a:round/>
                      <a:headEnd type="none" w="med" len="med"/>
                      <a:tailEnd type="none" w="med" len="med"/>
                    </a:lnT>
                    <a:lnB w="12700" cap="flat" cmpd="sng" algn="ctr">
                      <a:solidFill>
                        <a:srgbClr val="425254"/>
                      </a:solidFill>
                      <a:prstDash val="solid"/>
                      <a:round/>
                      <a:headEnd type="none" w="med" len="med"/>
                      <a:tailEnd type="none" w="med" len="med"/>
                    </a:lnB>
                    <a:solidFill>
                      <a:srgbClr val="C0D4CB"/>
                    </a:solidFill>
                  </a:tcPr>
                </a:tc>
                <a:tc>
                  <a:txBody>
                    <a:bodyPr/>
                    <a:lstStyle/>
                    <a:p>
                      <a:pPr algn="ctr">
                        <a:lnSpc>
                          <a:spcPct val="100000"/>
                        </a:lnSpc>
                        <a:spcBef>
                          <a:spcPts val="0"/>
                        </a:spcBef>
                        <a:spcAft>
                          <a:spcPts val="0"/>
                        </a:spcAft>
                      </a:pPr>
                      <a:r>
                        <a:rPr lang="en-US" sz="1400" b="1" i="0" u="none" cap="none">
                          <a:solidFill>
                            <a:srgbClr val="435254"/>
                          </a:solidFill>
                          <a:latin typeface="Calibre" panose="020B0503030202060203" pitchFamily="34" charset="77"/>
                        </a:rPr>
                        <a:t>Absolute Gap</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12700" cap="flat" cmpd="sng" algn="ctr">
                      <a:solidFill>
                        <a:schemeClr val="lt1">
                          <a:alpha val="0"/>
                        </a:schemeClr>
                      </a:solidFill>
                      <a:prstDash val="solid"/>
                      <a:round/>
                      <a:headEnd type="none" w="med" len="med"/>
                      <a:tailEnd type="none" w="med" len="med"/>
                    </a:lnT>
                    <a:lnB w="12700" cap="flat" cmpd="sng" algn="ctr">
                      <a:solidFill>
                        <a:srgbClr val="425254"/>
                      </a:solidFill>
                      <a:prstDash val="solid"/>
                      <a:round/>
                      <a:headEnd type="none" w="med" len="med"/>
                      <a:tailEnd type="none" w="med" len="med"/>
                    </a:lnB>
                    <a:solidFill>
                      <a:srgbClr val="C0D4CB"/>
                    </a:solidFill>
                  </a:tcPr>
                </a:tc>
                <a:extLst>
                  <a:ext uri="{0D108BD9-81ED-4DB2-BD59-A6C34878D82A}">
                    <a16:rowId xmlns:a16="http://schemas.microsoft.com/office/drawing/2014/main" val="4218514508"/>
                  </a:ext>
                </a:extLst>
              </a:tr>
              <a:tr h="648939">
                <a:tc>
                  <a:txBody>
                    <a:bodyPr/>
                    <a:lstStyle/>
                    <a:p>
                      <a:pPr algn="l">
                        <a:lnSpc>
                          <a:spcPct val="100000"/>
                        </a:lnSpc>
                        <a:spcBef>
                          <a:spcPts val="0"/>
                        </a:spcBef>
                        <a:spcAft>
                          <a:spcPts val="0"/>
                        </a:spcAft>
                      </a:pPr>
                      <a:r>
                        <a:rPr lang="en-US" sz="1400" b="0" i="0" u="none" cap="none" dirty="0">
                          <a:solidFill>
                            <a:srgbClr val="435254"/>
                          </a:solidFill>
                          <a:latin typeface="Calibre" panose="020B0503030202060203" pitchFamily="34" charset="77"/>
                        </a:rPr>
                        <a:t>U.S. Offices*</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1270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chemeClr val="bg1">
                        <a:alpha val="0"/>
                      </a:schemeClr>
                    </a:solidFill>
                  </a:tcPr>
                </a:tc>
                <a:tc>
                  <a:txBody>
                    <a:bodyPr/>
                    <a:lstStyle/>
                    <a:p>
                      <a:pPr algn="ctr">
                        <a:lnSpc>
                          <a:spcPct val="100000"/>
                        </a:lnSpc>
                        <a:spcBef>
                          <a:spcPts val="0"/>
                        </a:spcBef>
                        <a:spcAft>
                          <a:spcPts val="0"/>
                        </a:spcAft>
                      </a:pPr>
                      <a:r>
                        <a:rPr lang="en-US" sz="1400" b="0" i="0" u="none" cap="none" dirty="0">
                          <a:solidFill>
                            <a:srgbClr val="435254"/>
                          </a:solidFill>
                          <a:latin typeface="Calibre" panose="020B0503030202060203" pitchFamily="34" charset="77"/>
                        </a:rPr>
                        <a:t>May 2024</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1270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tc>
                  <a:txBody>
                    <a:bodyPr/>
                    <a:lstStyle/>
                    <a:p>
                      <a:pPr algn="ctr">
                        <a:lnSpc>
                          <a:spcPct val="100000"/>
                        </a:lnSpc>
                        <a:spcBef>
                          <a:spcPts val="0"/>
                        </a:spcBef>
                        <a:spcAft>
                          <a:spcPts val="0"/>
                        </a:spcAft>
                      </a:pPr>
                      <a:r>
                        <a:rPr lang="en-US" sz="1400" b="0" i="0" u="none" cap="none" dirty="0">
                          <a:solidFill>
                            <a:srgbClr val="435254"/>
                          </a:solidFill>
                          <a:latin typeface="Calibre" panose="020B0503030202060203" pitchFamily="34" charset="77"/>
                        </a:rPr>
                        <a:t>2024 – 2027</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1270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tc>
                  <a:txBody>
                    <a:bodyPr/>
                    <a:lstStyle/>
                    <a:p>
                      <a:pPr algn="ctr">
                        <a:lnSpc>
                          <a:spcPct val="100000"/>
                        </a:lnSpc>
                        <a:spcBef>
                          <a:spcPts val="0"/>
                        </a:spcBef>
                        <a:spcAft>
                          <a:spcPts val="0"/>
                        </a:spcAft>
                      </a:pPr>
                      <a:r>
                        <a:rPr lang="en-US" sz="1400" b="0" i="0" u="none" cap="none">
                          <a:solidFill>
                            <a:srgbClr val="435254"/>
                          </a:solidFill>
                          <a:latin typeface="Calibre" panose="020B0503030202060203" pitchFamily="34" charset="77"/>
                        </a:rPr>
                        <a:t>$ 127 bn</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1270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337937371"/>
                  </a:ext>
                </a:extLst>
              </a:tr>
              <a:tr h="648939">
                <a:tc>
                  <a:txBody>
                    <a:bodyPr/>
                    <a:lstStyle/>
                    <a:p>
                      <a:pPr algn="l">
                        <a:lnSpc>
                          <a:spcPct val="100000"/>
                        </a:lnSpc>
                        <a:spcBef>
                          <a:spcPts val="0"/>
                        </a:spcBef>
                        <a:spcAft>
                          <a:spcPts val="0"/>
                        </a:spcAft>
                      </a:pPr>
                      <a:r>
                        <a:rPr lang="en-US" sz="1400" b="0" i="0" u="none" cap="none" dirty="0">
                          <a:solidFill>
                            <a:srgbClr val="435254"/>
                          </a:solidFill>
                          <a:latin typeface="Calibre" panose="020B0503030202060203" pitchFamily="34" charset="77"/>
                        </a:rPr>
                        <a:t>U.S. Multifamily*</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chemeClr val="bg1">
                        <a:alpha val="0"/>
                      </a:schemeClr>
                    </a:solidFill>
                  </a:tcPr>
                </a:tc>
                <a:tc>
                  <a:txBody>
                    <a:bodyPr/>
                    <a:lstStyle/>
                    <a:p>
                      <a:pPr algn="ctr">
                        <a:lnSpc>
                          <a:spcPct val="100000"/>
                        </a:lnSpc>
                        <a:spcBef>
                          <a:spcPts val="0"/>
                        </a:spcBef>
                        <a:spcAft>
                          <a:spcPts val="0"/>
                        </a:spcAft>
                      </a:pPr>
                      <a:r>
                        <a:rPr lang="en-US" sz="1400" b="0" i="0" u="none" cap="none" dirty="0">
                          <a:solidFill>
                            <a:srgbClr val="435254"/>
                          </a:solidFill>
                          <a:latin typeface="Calibre" panose="020B0503030202060203" pitchFamily="34" charset="77"/>
                        </a:rPr>
                        <a:t>May 2024</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chemeClr val="bg1">
                        <a:alpha val="0"/>
                      </a:schemeClr>
                    </a:solidFill>
                  </a:tcPr>
                </a:tc>
                <a:tc>
                  <a:txBody>
                    <a:bodyPr/>
                    <a:lstStyle/>
                    <a:p>
                      <a:pPr marL="0" marR="0" lvl="0" indent="0" algn="ctr" defTabSz="914400" eaLnBrk="1" fontAlgn="auto" latinLnBrk="0" hangingPunct="1">
                        <a:lnSpc>
                          <a:spcPct val="100000"/>
                        </a:lnSpc>
                        <a:spcBef>
                          <a:spcPts val="0"/>
                        </a:spcBef>
                        <a:spcAft>
                          <a:spcPts val="0"/>
                        </a:spcAft>
                        <a:buClrTx/>
                        <a:buSzTx/>
                        <a:buFontTx/>
                        <a:buNone/>
                        <a:tabLst/>
                        <a:defRPr/>
                      </a:pPr>
                      <a:r>
                        <a:rPr lang="en-US" sz="1400" b="0" i="0" u="none" cap="none" dirty="0">
                          <a:solidFill>
                            <a:srgbClr val="435254"/>
                          </a:solidFill>
                          <a:latin typeface="Calibre" panose="020B0503030202060203" pitchFamily="34" charset="77"/>
                        </a:rPr>
                        <a:t>2024 – 2027</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tc>
                  <a:txBody>
                    <a:bodyPr/>
                    <a:lstStyle/>
                    <a:p>
                      <a:pPr algn="ctr">
                        <a:lnSpc>
                          <a:spcPct val="100000"/>
                        </a:lnSpc>
                        <a:spcBef>
                          <a:spcPts val="0"/>
                        </a:spcBef>
                        <a:spcAft>
                          <a:spcPts val="0"/>
                        </a:spcAft>
                      </a:pPr>
                      <a:r>
                        <a:rPr lang="en-US" sz="1400" b="0" i="0" u="none" cap="none" dirty="0">
                          <a:solidFill>
                            <a:srgbClr val="435254"/>
                          </a:solidFill>
                          <a:latin typeface="Calibre" panose="020B0503030202060203" pitchFamily="34" charset="77"/>
                        </a:rPr>
                        <a:t>$34 bn</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1932086557"/>
                  </a:ext>
                </a:extLst>
              </a:tr>
              <a:tr h="648939">
                <a:tc>
                  <a:txBody>
                    <a:bodyPr/>
                    <a:lstStyle/>
                    <a:p>
                      <a:pPr algn="l">
                        <a:lnSpc>
                          <a:spcPct val="100000"/>
                        </a:lnSpc>
                        <a:spcBef>
                          <a:spcPts val="0"/>
                        </a:spcBef>
                        <a:spcAft>
                          <a:spcPts val="0"/>
                        </a:spcAft>
                      </a:pPr>
                      <a:r>
                        <a:rPr lang="en-US" sz="1400" b="0" i="0" u="none" cap="none" dirty="0">
                          <a:solidFill>
                            <a:srgbClr val="435254"/>
                          </a:solidFill>
                          <a:latin typeface="Calibre" panose="020B0503030202060203" pitchFamily="34" charset="77"/>
                        </a:rPr>
                        <a:t>Europe Office</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chemeClr val="bg1">
                        <a:alpha val="0"/>
                      </a:schemeClr>
                    </a:solidFill>
                  </a:tcPr>
                </a:tc>
                <a:tc>
                  <a:txBody>
                    <a:bodyPr/>
                    <a:lstStyle/>
                    <a:p>
                      <a:pPr algn="ctr">
                        <a:lnSpc>
                          <a:spcPct val="100000"/>
                        </a:lnSpc>
                        <a:spcBef>
                          <a:spcPts val="0"/>
                        </a:spcBef>
                        <a:spcAft>
                          <a:spcPts val="0"/>
                        </a:spcAft>
                      </a:pPr>
                      <a:r>
                        <a:rPr lang="en-US" sz="1400" b="0" i="0" u="none" cap="none" dirty="0">
                          <a:solidFill>
                            <a:srgbClr val="435254"/>
                          </a:solidFill>
                          <a:latin typeface="Calibre" panose="020B0503030202060203" pitchFamily="34" charset="77"/>
                        </a:rPr>
                        <a:t>December 2023</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tc>
                  <a:txBody>
                    <a:bodyPr/>
                    <a:lstStyle/>
                    <a:p>
                      <a:pPr marL="0" marR="0" lvl="0" indent="0" algn="ctr" defTabSz="914400" eaLnBrk="1" fontAlgn="auto" latinLnBrk="0" hangingPunct="1">
                        <a:lnSpc>
                          <a:spcPct val="100000"/>
                        </a:lnSpc>
                        <a:spcBef>
                          <a:spcPts val="0"/>
                        </a:spcBef>
                        <a:spcAft>
                          <a:spcPts val="0"/>
                        </a:spcAft>
                        <a:buClrTx/>
                        <a:buSzTx/>
                        <a:buFontTx/>
                        <a:buNone/>
                        <a:tabLst/>
                        <a:defRPr/>
                      </a:pPr>
                      <a:r>
                        <a:rPr lang="en-US" sz="1400" b="0" i="0" u="none" cap="none" dirty="0">
                          <a:solidFill>
                            <a:srgbClr val="435254"/>
                          </a:solidFill>
                          <a:latin typeface="Calibre" panose="020B0503030202060203" pitchFamily="34" charset="77"/>
                        </a:rPr>
                        <a:t>2024 – 2027</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tc>
                  <a:txBody>
                    <a:bodyPr/>
                    <a:lstStyle/>
                    <a:p>
                      <a:pPr algn="ctr">
                        <a:lnSpc>
                          <a:spcPct val="100000"/>
                        </a:lnSpc>
                        <a:spcBef>
                          <a:spcPts val="0"/>
                        </a:spcBef>
                        <a:spcAft>
                          <a:spcPts val="0"/>
                        </a:spcAft>
                      </a:pPr>
                      <a:r>
                        <a:rPr lang="en-US" sz="1400" b="0" i="0" u="none" cap="none">
                          <a:solidFill>
                            <a:srgbClr val="435254"/>
                          </a:solidFill>
                          <a:latin typeface="Calibre" panose="020B0503030202060203" pitchFamily="34" charset="77"/>
                        </a:rPr>
                        <a:t>$ 66 bn</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1002829372"/>
                  </a:ext>
                </a:extLst>
              </a:tr>
              <a:tr h="648939">
                <a:tc>
                  <a:txBody>
                    <a:bodyPr/>
                    <a:lstStyle/>
                    <a:p>
                      <a:pPr algn="l">
                        <a:lnSpc>
                          <a:spcPct val="100000"/>
                        </a:lnSpc>
                        <a:spcBef>
                          <a:spcPts val="0"/>
                        </a:spcBef>
                        <a:spcAft>
                          <a:spcPts val="0"/>
                        </a:spcAft>
                      </a:pPr>
                      <a:r>
                        <a:rPr lang="en-US" sz="1400" b="0" i="0" u="none" cap="none">
                          <a:solidFill>
                            <a:srgbClr val="435254"/>
                          </a:solidFill>
                          <a:latin typeface="Calibre" panose="020B0503030202060203" pitchFamily="34" charset="77"/>
                        </a:rPr>
                        <a:t>Europe All</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chemeClr val="bg1">
                        <a:alpha val="0"/>
                      </a:schemeClr>
                    </a:solidFill>
                  </a:tcPr>
                </a:tc>
                <a:tc>
                  <a:txBody>
                    <a:bodyPr/>
                    <a:lstStyle/>
                    <a:p>
                      <a:pPr marL="0" marR="0" lvl="0" indent="0" algn="ctr" defTabSz="914400" eaLnBrk="1" fontAlgn="auto" latinLnBrk="0" hangingPunct="1">
                        <a:lnSpc>
                          <a:spcPct val="100000"/>
                        </a:lnSpc>
                        <a:spcBef>
                          <a:spcPts val="0"/>
                        </a:spcBef>
                        <a:spcAft>
                          <a:spcPts val="0"/>
                        </a:spcAft>
                        <a:buClrTx/>
                        <a:buSzTx/>
                        <a:buFontTx/>
                        <a:buNone/>
                        <a:tabLst/>
                        <a:defRPr/>
                      </a:pPr>
                      <a:r>
                        <a:rPr lang="en-US" sz="1400" b="0" i="0" u="none" cap="none">
                          <a:solidFill>
                            <a:srgbClr val="435254"/>
                          </a:solidFill>
                          <a:latin typeface="Calibre" panose="020B0503030202060203" pitchFamily="34" charset="77"/>
                        </a:rPr>
                        <a:t>December 2023</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tc>
                  <a:txBody>
                    <a:bodyPr/>
                    <a:lstStyle/>
                    <a:p>
                      <a:pPr algn="ctr">
                        <a:lnSpc>
                          <a:spcPct val="100000"/>
                        </a:lnSpc>
                        <a:spcBef>
                          <a:spcPts val="0"/>
                        </a:spcBef>
                        <a:spcAft>
                          <a:spcPts val="0"/>
                        </a:spcAft>
                      </a:pPr>
                      <a:r>
                        <a:rPr lang="en-US" sz="1400" b="0" i="0" u="none" cap="none">
                          <a:solidFill>
                            <a:srgbClr val="435254"/>
                          </a:solidFill>
                          <a:latin typeface="Calibre" panose="020B0503030202060203" pitchFamily="34" charset="77"/>
                        </a:rPr>
                        <a:t>2024 - 2027</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tc>
                  <a:txBody>
                    <a:bodyPr/>
                    <a:lstStyle/>
                    <a:p>
                      <a:pPr algn="ctr">
                        <a:lnSpc>
                          <a:spcPct val="100000"/>
                        </a:lnSpc>
                        <a:spcBef>
                          <a:spcPts val="0"/>
                        </a:spcBef>
                        <a:spcAft>
                          <a:spcPts val="0"/>
                        </a:spcAft>
                      </a:pPr>
                      <a:r>
                        <a:rPr lang="en-US" sz="1400" b="0" i="0" u="none" cap="none">
                          <a:solidFill>
                            <a:srgbClr val="435254"/>
                          </a:solidFill>
                          <a:latin typeface="Calibre" panose="020B0503030202060203" pitchFamily="34" charset="77"/>
                        </a:rPr>
                        <a:t>$ 123 bn</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182976883"/>
                  </a:ext>
                </a:extLst>
              </a:tr>
              <a:tr h="648939">
                <a:tc>
                  <a:txBody>
                    <a:bodyPr/>
                    <a:lstStyle/>
                    <a:p>
                      <a:pPr algn="l">
                        <a:lnSpc>
                          <a:spcPct val="100000"/>
                        </a:lnSpc>
                        <a:spcBef>
                          <a:spcPts val="0"/>
                        </a:spcBef>
                        <a:spcAft>
                          <a:spcPts val="0"/>
                        </a:spcAft>
                      </a:pPr>
                      <a:r>
                        <a:rPr lang="en-US" sz="1400" b="0" i="0" u="none" cap="none" dirty="0">
                          <a:solidFill>
                            <a:srgbClr val="435254"/>
                          </a:solidFill>
                          <a:latin typeface="Calibre" panose="020B0503030202060203" pitchFamily="34" charset="77"/>
                        </a:rPr>
                        <a:t>APAC All</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chemeClr val="bg1">
                        <a:alpha val="0"/>
                      </a:schemeClr>
                    </a:solidFill>
                  </a:tcPr>
                </a:tc>
                <a:tc>
                  <a:txBody>
                    <a:bodyPr/>
                    <a:lstStyle/>
                    <a:p>
                      <a:pPr algn="ctr">
                        <a:lnSpc>
                          <a:spcPct val="100000"/>
                        </a:lnSpc>
                        <a:spcBef>
                          <a:spcPts val="0"/>
                        </a:spcBef>
                        <a:spcAft>
                          <a:spcPts val="0"/>
                        </a:spcAft>
                      </a:pPr>
                      <a:r>
                        <a:rPr lang="en-US" sz="1400" b="0" i="0" u="none" cap="none" dirty="0">
                          <a:solidFill>
                            <a:srgbClr val="435254"/>
                          </a:solidFill>
                          <a:latin typeface="Calibre" panose="020B0503030202060203" pitchFamily="34" charset="77"/>
                        </a:rPr>
                        <a:t>May 2023</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tc>
                  <a:txBody>
                    <a:bodyPr/>
                    <a:lstStyle/>
                    <a:p>
                      <a:pPr algn="ctr">
                        <a:lnSpc>
                          <a:spcPct val="100000"/>
                        </a:lnSpc>
                        <a:spcBef>
                          <a:spcPts val="0"/>
                        </a:spcBef>
                        <a:spcAft>
                          <a:spcPts val="0"/>
                        </a:spcAft>
                      </a:pPr>
                      <a:r>
                        <a:rPr lang="en-US" sz="1400" b="0" i="0" u="none" cap="none">
                          <a:solidFill>
                            <a:srgbClr val="435254"/>
                          </a:solidFill>
                          <a:latin typeface="Calibre" panose="020B0503030202060203" pitchFamily="34" charset="77"/>
                        </a:rPr>
                        <a:t>2023 - 2025</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tc>
                  <a:txBody>
                    <a:bodyPr/>
                    <a:lstStyle/>
                    <a:p>
                      <a:pPr algn="ctr">
                        <a:lnSpc>
                          <a:spcPct val="100000"/>
                        </a:lnSpc>
                        <a:spcBef>
                          <a:spcPts val="0"/>
                        </a:spcBef>
                        <a:spcAft>
                          <a:spcPts val="0"/>
                        </a:spcAft>
                      </a:pPr>
                      <a:r>
                        <a:rPr lang="en-US" sz="1400" b="0" i="0" u="none" cap="none" dirty="0">
                          <a:solidFill>
                            <a:srgbClr val="435254"/>
                          </a:solidFill>
                          <a:latin typeface="Calibre" panose="020B0503030202060203" pitchFamily="34" charset="77"/>
                        </a:rPr>
                        <a:t>$ 5.8 bn</a:t>
                      </a:r>
                    </a:p>
                  </a:txBody>
                  <a:tcPr marL="0" marR="0" marT="36576" marB="36576" anchor="ctr">
                    <a:lnL w="12700" cap="flat" cmpd="sng" algn="ctr">
                      <a:solidFill>
                        <a:schemeClr val="lt1">
                          <a:alpha val="0"/>
                        </a:schemeClr>
                      </a:solidFill>
                      <a:prstDash val="solid"/>
                      <a:round/>
                      <a:headEnd type="none" w="med" len="med"/>
                      <a:tailEnd type="none" w="med" len="med"/>
                    </a:lnL>
                    <a:lnR w="12700" cap="flat" cmpd="sng" algn="ctr">
                      <a:solidFill>
                        <a:schemeClr val="lt1">
                          <a:alpha val="0"/>
                        </a:schemeClr>
                      </a:solidFill>
                      <a:prstDash val="solid"/>
                      <a:round/>
                      <a:headEnd type="none" w="med" len="med"/>
                      <a:tailEnd type="none" w="med" len="med"/>
                    </a:lnR>
                    <a:lnT w="6350" cap="flat" cmpd="sng" algn="ctr">
                      <a:solidFill>
                        <a:srgbClr val="425254"/>
                      </a:solidFill>
                      <a:prstDash val="solid"/>
                      <a:round/>
                      <a:headEnd type="none" w="med" len="med"/>
                      <a:tailEnd type="none" w="med" len="med"/>
                    </a:lnT>
                    <a:lnB w="6350" cap="flat" cmpd="sng" algn="ctr">
                      <a:solidFill>
                        <a:srgbClr val="425254"/>
                      </a:solidFill>
                      <a:prstDash val="solid"/>
                      <a:round/>
                      <a:headEnd type="none" w="med" len="med"/>
                      <a:tailEnd type="none" w="med" len="med"/>
                    </a:lnB>
                    <a:solidFill>
                      <a:srgbClr val="FFFFFF">
                        <a:alpha val="0"/>
                      </a:srgbClr>
                    </a:solidFill>
                  </a:tcPr>
                </a:tc>
                <a:extLst>
                  <a:ext uri="{0D108BD9-81ED-4DB2-BD59-A6C34878D82A}">
                    <a16:rowId xmlns:a16="http://schemas.microsoft.com/office/drawing/2014/main" val="2019503407"/>
                  </a:ext>
                </a:extLst>
              </a:tr>
            </a:tbl>
          </a:graphicData>
        </a:graphic>
      </p:graphicFrame>
      <p:sp>
        <p:nvSpPr>
          <p:cNvPr id="3" name="Rectangle 2">
            <a:extLst>
              <a:ext uri="{FF2B5EF4-FFF2-40B4-BE49-F238E27FC236}">
                <a16:creationId xmlns:a16="http://schemas.microsoft.com/office/drawing/2014/main" id="{5F888F3E-DFAD-91B8-502B-9F3ED2593E49}"/>
              </a:ext>
            </a:extLst>
          </p:cNvPr>
          <p:cNvSpPr/>
          <p:nvPr/>
        </p:nvSpPr>
        <p:spPr>
          <a:xfrm>
            <a:off x="343123" y="6329641"/>
            <a:ext cx="2628677" cy="299759"/>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74711931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8FC1B1E-003E-B7DF-6D93-42804DC147DF}"/>
              </a:ext>
            </a:extLst>
          </p:cNvPr>
          <p:cNvSpPr>
            <a:spLocks noGrp="1"/>
          </p:cNvSpPr>
          <p:nvPr>
            <p:ph type="title"/>
          </p:nvPr>
        </p:nvSpPr>
        <p:spPr>
          <a:xfrm>
            <a:off x="380999" y="814262"/>
            <a:ext cx="11435621" cy="557338"/>
          </a:xfrm>
        </p:spPr>
        <p:txBody>
          <a:bodyPr/>
          <a:lstStyle/>
          <a:p>
            <a:pPr algn="ctr"/>
            <a:r>
              <a:rPr lang="en-US" sz="3300" dirty="0"/>
              <a:t>Why offices? The working from home trend demystified</a:t>
            </a:r>
          </a:p>
        </p:txBody>
      </p:sp>
      <p:sp>
        <p:nvSpPr>
          <p:cNvPr id="25" name="Text Placeholder 7">
            <a:extLst>
              <a:ext uri="{FF2B5EF4-FFF2-40B4-BE49-F238E27FC236}">
                <a16:creationId xmlns:a16="http://schemas.microsoft.com/office/drawing/2014/main" id="{3ACA8F5F-791B-75C4-B7A2-AC0144A65399}"/>
              </a:ext>
            </a:extLst>
          </p:cNvPr>
          <p:cNvSpPr>
            <a:spLocks noGrp="1"/>
          </p:cNvSpPr>
          <p:nvPr>
            <p:ph sz="quarter" idx="11"/>
          </p:nvPr>
        </p:nvSpPr>
        <p:spPr>
          <a:xfrm>
            <a:off x="6154613" y="1309411"/>
            <a:ext cx="5635243" cy="450702"/>
          </a:xfrm>
          <a:solidFill>
            <a:schemeClr val="bg1"/>
          </a:solidFill>
        </p:spPr>
        <p:txBody>
          <a:bodyPr/>
          <a:lstStyle/>
          <a:p>
            <a:pPr marL="45720">
              <a:lnSpc>
                <a:spcPct val="150000"/>
              </a:lnSpc>
            </a:pPr>
            <a:r>
              <a:rPr lang="en-US" sz="1400" b="1" dirty="0">
                <a:latin typeface="Calibre Semibold" panose="020B0503030202060203"/>
              </a:rPr>
              <a:t>Vacancy Rate comparison (%)</a:t>
            </a:r>
          </a:p>
        </p:txBody>
      </p:sp>
      <p:sp>
        <p:nvSpPr>
          <p:cNvPr id="4" name="Text Placeholder 3">
            <a:extLst>
              <a:ext uri="{FF2B5EF4-FFF2-40B4-BE49-F238E27FC236}">
                <a16:creationId xmlns:a16="http://schemas.microsoft.com/office/drawing/2014/main" id="{71320755-1045-C1E4-56BA-1A41F180AE97}"/>
              </a:ext>
            </a:extLst>
          </p:cNvPr>
          <p:cNvSpPr>
            <a:spLocks noGrp="1"/>
          </p:cNvSpPr>
          <p:nvPr>
            <p:ph type="body" sz="quarter" idx="13"/>
          </p:nvPr>
        </p:nvSpPr>
        <p:spPr>
          <a:xfrm>
            <a:off x="6154613" y="5796241"/>
            <a:ext cx="5657976" cy="299759"/>
          </a:xfrm>
        </p:spPr>
        <p:txBody>
          <a:bodyPr/>
          <a:lstStyle/>
          <a:p>
            <a:endParaRPr lang="en-US" dirty="0"/>
          </a:p>
          <a:p>
            <a:endParaRPr lang="en-US" dirty="0"/>
          </a:p>
          <a:p>
            <a:endParaRPr lang="en-US" dirty="0"/>
          </a:p>
          <a:p>
            <a:endParaRPr lang="en-US" dirty="0"/>
          </a:p>
          <a:p>
            <a:endParaRPr lang="en-US" dirty="0"/>
          </a:p>
          <a:p>
            <a:endParaRPr lang="en-US" dirty="0"/>
          </a:p>
          <a:p>
            <a:endParaRPr lang="en-US" dirty="0"/>
          </a:p>
          <a:p>
            <a:endParaRPr lang="en-US" dirty="0"/>
          </a:p>
          <a:p>
            <a:r>
              <a:rPr lang="en-US" dirty="0"/>
              <a:t>Source: CBRE Econometric Advisors</a:t>
            </a:r>
          </a:p>
        </p:txBody>
      </p:sp>
      <p:sp>
        <p:nvSpPr>
          <p:cNvPr id="22" name="Text Placeholder 21">
            <a:extLst>
              <a:ext uri="{FF2B5EF4-FFF2-40B4-BE49-F238E27FC236}">
                <a16:creationId xmlns:a16="http://schemas.microsoft.com/office/drawing/2014/main" id="{2BE56385-9634-75CF-3D0C-486FB5C8150C}"/>
              </a:ext>
            </a:extLst>
          </p:cNvPr>
          <p:cNvSpPr>
            <a:spLocks noGrp="1"/>
          </p:cNvSpPr>
          <p:nvPr>
            <p:ph type="body" sz="quarter" idx="14"/>
          </p:nvPr>
        </p:nvSpPr>
        <p:spPr>
          <a:xfrm>
            <a:off x="275366" y="5713645"/>
            <a:ext cx="5606846" cy="299759"/>
          </a:xfrm>
        </p:spPr>
        <p:txBody>
          <a:bodyPr/>
          <a:lstStyle/>
          <a:p>
            <a:r>
              <a:rPr lang="en-US" dirty="0"/>
              <a:t>Source: CBRE ERIX &amp; Econometric Advisors</a:t>
            </a:r>
          </a:p>
        </p:txBody>
      </p:sp>
      <p:sp>
        <p:nvSpPr>
          <p:cNvPr id="23" name="Text Placeholder 8">
            <a:extLst>
              <a:ext uri="{FF2B5EF4-FFF2-40B4-BE49-F238E27FC236}">
                <a16:creationId xmlns:a16="http://schemas.microsoft.com/office/drawing/2014/main" id="{C916600C-56AA-C5DA-6D9D-56BB0BD6B825}"/>
              </a:ext>
            </a:extLst>
          </p:cNvPr>
          <p:cNvSpPr txBox="1">
            <a:spLocks/>
          </p:cNvSpPr>
          <p:nvPr/>
        </p:nvSpPr>
        <p:spPr>
          <a:xfrm>
            <a:off x="380999" y="1383393"/>
            <a:ext cx="5606845" cy="291039"/>
          </a:xfrm>
          <a:prstGeom prst="rect">
            <a:avLst/>
          </a:prstGeom>
        </p:spPr>
        <p:txBody>
          <a:bodyPr vert="horz" lIns="0" tIns="0" rIns="72000" bIns="0" rtlCol="0">
            <a:noAutofit/>
          </a:bodyPr>
          <a:lstStyle>
            <a:lvl1pPr marL="0" eaLnBrk="1" hangingPunct="1">
              <a:spcBef>
                <a:spcPts val="0"/>
              </a:spcBef>
              <a:spcAft>
                <a:spcPts val="300"/>
              </a:spcAft>
              <a:defRPr sz="1400" b="1" i="0">
                <a:solidFill>
                  <a:schemeClr val="tx1"/>
                </a:solidFill>
                <a:latin typeface="Calibre Semibold" panose="020B0503030202060203" pitchFamily="34" charset="77"/>
                <a:ea typeface="+mn-ea"/>
                <a:cs typeface="+mn-cs"/>
              </a:defRPr>
            </a:lvl1pPr>
            <a:lvl2pPr marL="0" indent="0" eaLnBrk="1" hangingPunct="1">
              <a:spcBef>
                <a:spcPts val="900"/>
              </a:spcBef>
              <a:spcAft>
                <a:spcPts val="0"/>
              </a:spcAft>
              <a:buClr>
                <a:srgbClr val="17E88F"/>
              </a:buClr>
              <a:buFontTx/>
              <a:buNone/>
              <a:defRPr sz="1200" b="0">
                <a:solidFill>
                  <a:schemeClr val="accent6"/>
                </a:solidFill>
                <a:latin typeface="Calibre Medium" panose="020B0603030202060203" pitchFamily="34" charset="0"/>
                <a:ea typeface="+mn-ea"/>
                <a:cs typeface="+mn-cs"/>
              </a:defRPr>
            </a:lvl2pPr>
            <a:lvl3pPr marL="0" indent="0" eaLnBrk="1" hangingPunct="1">
              <a:spcBef>
                <a:spcPts val="600"/>
              </a:spcBef>
              <a:spcAft>
                <a:spcPts val="600"/>
              </a:spcAft>
              <a:defRPr sz="1200">
                <a:solidFill>
                  <a:schemeClr val="tx1"/>
                </a:solidFill>
                <a:latin typeface="Calibre Light" panose="020B0303030202060203" pitchFamily="34" charset="0"/>
                <a:ea typeface="+mn-ea"/>
                <a:cs typeface="+mn-cs"/>
              </a:defRPr>
            </a:lvl3pPr>
            <a:lvl4pPr marL="171450" indent="-171450" eaLnBrk="1" hangingPunct="1">
              <a:spcBef>
                <a:spcPts val="600"/>
              </a:spcBef>
              <a:spcAft>
                <a:spcPts val="0"/>
              </a:spcAft>
              <a:buClr>
                <a:srgbClr val="17E88F"/>
              </a:buClr>
              <a:buFont typeface="SwissReSansOTLight" panose="04000400000000000000" pitchFamily="82" charset="0"/>
              <a:buChar char="–"/>
              <a:defRPr sz="1100" b="0" i="0">
                <a:solidFill>
                  <a:schemeClr val="accent6"/>
                </a:solidFill>
                <a:latin typeface="Calibre" panose="020B0503030202060203" pitchFamily="34" charset="77"/>
                <a:ea typeface="+mn-ea"/>
                <a:cs typeface="+mn-cs"/>
              </a:defRPr>
            </a:lvl4pPr>
            <a:lvl5pPr marL="176213" indent="0" eaLnBrk="1" hangingPunct="1">
              <a:spcBef>
                <a:spcPts val="0"/>
              </a:spcBef>
              <a:spcAft>
                <a:spcPts val="0"/>
              </a:spcAft>
              <a:buFont typeface="SwissReSansOTLight" panose="04000400000000000000" pitchFamily="82" charset="0"/>
              <a:buNone/>
              <a:defRPr sz="1100" b="0">
                <a:solidFill>
                  <a:schemeClr val="tx1"/>
                </a:solidFill>
                <a:latin typeface="Calibre Light" panose="020B0303030202060203" pitchFamily="34" charset="0"/>
                <a:ea typeface="+mn-ea"/>
                <a:cs typeface="+mn-cs"/>
              </a:defRPr>
            </a:lvl5pPr>
            <a:lvl6pPr marL="342900" indent="-171450" eaLnBrk="1" hangingPunct="1">
              <a:spcBef>
                <a:spcPts val="300"/>
              </a:spcBef>
              <a:spcAft>
                <a:spcPts val="0"/>
              </a:spcAft>
              <a:buClr>
                <a:schemeClr val="tx1"/>
              </a:buClr>
              <a:buFont typeface="Arial" panose="020B0604020202020204" pitchFamily="34" charset="0"/>
              <a:buChar char="‒"/>
              <a:defRPr sz="1100">
                <a:solidFill>
                  <a:schemeClr val="tx1"/>
                </a:solidFill>
                <a:latin typeface="Calibre Light" panose="020B03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a:lstStyle>
          <a:p>
            <a:r>
              <a:rPr lang="en-GB" sz="1400" dirty="0"/>
              <a:t>Aggregate Vacancy Rates, 2019 – Q1 2024</a:t>
            </a:r>
          </a:p>
          <a:p>
            <a:pPr marL="0" marR="0" lvl="0" indent="0" algn="l" defTabSz="914400" rtl="0" eaLnBrk="1" fontAlgn="auto" latinLnBrk="0" hangingPunct="1">
              <a:lnSpc>
                <a:spcPct val="100000"/>
              </a:lnSpc>
              <a:spcBef>
                <a:spcPts val="0"/>
              </a:spcBef>
              <a:spcAft>
                <a:spcPts val="300"/>
              </a:spcAft>
              <a:buClrTx/>
              <a:buSzTx/>
              <a:buFontTx/>
              <a:buNone/>
              <a:tabLst/>
              <a:defRPr/>
            </a:pPr>
            <a:endParaRPr kumimoji="0" lang="en-US" sz="1200" b="0" i="0" u="none" strike="noStrike" kern="0" cap="none" spc="0" normalizeH="0" baseline="0" noProof="0" dirty="0">
              <a:ln>
                <a:noFill/>
              </a:ln>
              <a:solidFill>
                <a:srgbClr val="435254"/>
              </a:solidFill>
              <a:effectLst/>
              <a:uLnTx/>
              <a:uFillTx/>
              <a:latin typeface="Calibre Semibold" panose="020B0503030202060203" pitchFamily="34" charset="77"/>
              <a:ea typeface="+mn-ea"/>
              <a:cs typeface="+mn-cs"/>
            </a:endParaRPr>
          </a:p>
        </p:txBody>
      </p:sp>
      <p:graphicFrame>
        <p:nvGraphicFramePr>
          <p:cNvPr id="6" name="Content Placeholder 9">
            <a:extLst>
              <a:ext uri="{FF2B5EF4-FFF2-40B4-BE49-F238E27FC236}">
                <a16:creationId xmlns:a16="http://schemas.microsoft.com/office/drawing/2014/main" id="{06336683-D32F-F902-048A-9333BA2FDE1D}"/>
              </a:ext>
            </a:extLst>
          </p:cNvPr>
          <p:cNvGraphicFramePr>
            <a:graphicFrameLocks/>
          </p:cNvGraphicFramePr>
          <p:nvPr/>
        </p:nvGraphicFramePr>
        <p:xfrm>
          <a:off x="453005" y="1772813"/>
          <a:ext cx="5200439" cy="3934730"/>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13" name="Content Placeholder 22">
            <a:extLst>
              <a:ext uri="{FF2B5EF4-FFF2-40B4-BE49-F238E27FC236}">
                <a16:creationId xmlns:a16="http://schemas.microsoft.com/office/drawing/2014/main" id="{AA410E58-C224-A671-8F0F-61B1CFDC4BD6}"/>
              </a:ext>
            </a:extLst>
          </p:cNvPr>
          <p:cNvGraphicFramePr>
            <a:graphicFrameLocks/>
          </p:cNvGraphicFramePr>
          <p:nvPr>
            <p:extLst>
              <p:ext uri="{D42A27DB-BD31-4B8C-83A1-F6EECF244321}">
                <p14:modId xmlns:p14="http://schemas.microsoft.com/office/powerpoint/2010/main" val="1658602324"/>
              </p:ext>
            </p:extLst>
          </p:nvPr>
        </p:nvGraphicFramePr>
        <p:xfrm>
          <a:off x="6154613" y="1579563"/>
          <a:ext cx="5635243" cy="4275137"/>
        </p:xfrm>
        <a:graphic>
          <a:graphicData uri="http://schemas.openxmlformats.org/drawingml/2006/chart">
            <c:chart xmlns:c="http://schemas.openxmlformats.org/drawingml/2006/chart" xmlns:r="http://schemas.openxmlformats.org/officeDocument/2006/relationships" r:id="rId4"/>
          </a:graphicData>
        </a:graphic>
      </p:graphicFrame>
      <p:sp>
        <p:nvSpPr>
          <p:cNvPr id="3" name="Rectangle 2">
            <a:extLst>
              <a:ext uri="{FF2B5EF4-FFF2-40B4-BE49-F238E27FC236}">
                <a16:creationId xmlns:a16="http://schemas.microsoft.com/office/drawing/2014/main" id="{91DD2EDE-9389-4A97-1BD5-D3E8C25323A3}"/>
              </a:ext>
            </a:extLst>
          </p:cNvPr>
          <p:cNvSpPr/>
          <p:nvPr/>
        </p:nvSpPr>
        <p:spPr>
          <a:xfrm>
            <a:off x="275366" y="6405841"/>
            <a:ext cx="2391634" cy="299759"/>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135867725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8FC1B1E-003E-B7DF-6D93-42804DC147DF}"/>
              </a:ext>
            </a:extLst>
          </p:cNvPr>
          <p:cNvSpPr>
            <a:spLocks noGrp="1"/>
          </p:cNvSpPr>
          <p:nvPr>
            <p:ph type="title"/>
          </p:nvPr>
        </p:nvSpPr>
        <p:spPr>
          <a:xfrm>
            <a:off x="486347" y="859852"/>
            <a:ext cx="11435621" cy="557338"/>
          </a:xfrm>
        </p:spPr>
        <p:txBody>
          <a:bodyPr/>
          <a:lstStyle/>
          <a:p>
            <a:pPr algn="l"/>
            <a:r>
              <a:rPr lang="en-US" sz="3300" dirty="0"/>
              <a:t>Flight from commodity office stock and the flight to ‘prime offices’</a:t>
            </a:r>
          </a:p>
        </p:txBody>
      </p:sp>
      <p:sp>
        <p:nvSpPr>
          <p:cNvPr id="25" name="Text Placeholder 7">
            <a:extLst>
              <a:ext uri="{FF2B5EF4-FFF2-40B4-BE49-F238E27FC236}">
                <a16:creationId xmlns:a16="http://schemas.microsoft.com/office/drawing/2014/main" id="{3ACA8F5F-791B-75C4-B7A2-AC0144A65399}"/>
              </a:ext>
            </a:extLst>
          </p:cNvPr>
          <p:cNvSpPr>
            <a:spLocks noGrp="1"/>
          </p:cNvSpPr>
          <p:nvPr>
            <p:ph sz="quarter" idx="11"/>
          </p:nvPr>
        </p:nvSpPr>
        <p:spPr>
          <a:xfrm>
            <a:off x="6162676" y="1309411"/>
            <a:ext cx="5649913" cy="320143"/>
          </a:xfrm>
          <a:solidFill>
            <a:schemeClr val="bg1"/>
          </a:solidFill>
        </p:spPr>
        <p:txBody>
          <a:bodyPr/>
          <a:lstStyle/>
          <a:p>
            <a:pPr marL="45720">
              <a:lnSpc>
                <a:spcPct val="150000"/>
              </a:lnSpc>
            </a:pPr>
            <a:r>
              <a:rPr lang="en-US" sz="1400" b="1" dirty="0">
                <a:latin typeface="Calibre Semibold" panose="020B0503030202060203"/>
              </a:rPr>
              <a:t>Top 16 Markets: Vacancy Rate in the US (%)</a:t>
            </a:r>
          </a:p>
        </p:txBody>
      </p:sp>
      <p:sp>
        <p:nvSpPr>
          <p:cNvPr id="4" name="Text Placeholder 3">
            <a:extLst>
              <a:ext uri="{FF2B5EF4-FFF2-40B4-BE49-F238E27FC236}">
                <a16:creationId xmlns:a16="http://schemas.microsoft.com/office/drawing/2014/main" id="{71320755-1045-C1E4-56BA-1A41F180AE97}"/>
              </a:ext>
            </a:extLst>
          </p:cNvPr>
          <p:cNvSpPr>
            <a:spLocks noGrp="1"/>
          </p:cNvSpPr>
          <p:nvPr>
            <p:ph type="body" sz="quarter" idx="13"/>
          </p:nvPr>
        </p:nvSpPr>
        <p:spPr>
          <a:xfrm>
            <a:off x="6207852" y="5713645"/>
            <a:ext cx="4379943" cy="299759"/>
          </a:xfrm>
        </p:spPr>
        <p:txBody>
          <a:bodyPr/>
          <a:lstStyle/>
          <a:p>
            <a:endParaRPr lang="en-US" dirty="0"/>
          </a:p>
          <a:p>
            <a:endParaRPr lang="en-US" dirty="0"/>
          </a:p>
          <a:p>
            <a:endParaRPr lang="en-US" dirty="0"/>
          </a:p>
          <a:p>
            <a:endParaRPr lang="en-US" dirty="0"/>
          </a:p>
          <a:p>
            <a:endParaRPr lang="en-US" dirty="0"/>
          </a:p>
          <a:p>
            <a:endParaRPr lang="en-US" dirty="0"/>
          </a:p>
          <a:p>
            <a:endParaRPr lang="en-US" dirty="0"/>
          </a:p>
          <a:p>
            <a:endParaRPr lang="en-US" dirty="0"/>
          </a:p>
          <a:p>
            <a:r>
              <a:rPr lang="en-US" dirty="0"/>
              <a:t>Source: CBRE Econometric Advisors</a:t>
            </a:r>
          </a:p>
        </p:txBody>
      </p:sp>
      <p:sp>
        <p:nvSpPr>
          <p:cNvPr id="22" name="Text Placeholder 21">
            <a:extLst>
              <a:ext uri="{FF2B5EF4-FFF2-40B4-BE49-F238E27FC236}">
                <a16:creationId xmlns:a16="http://schemas.microsoft.com/office/drawing/2014/main" id="{2BE56385-9634-75CF-3D0C-486FB5C8150C}"/>
              </a:ext>
            </a:extLst>
          </p:cNvPr>
          <p:cNvSpPr>
            <a:spLocks noGrp="1"/>
          </p:cNvSpPr>
          <p:nvPr>
            <p:ph type="body" sz="quarter" idx="14"/>
          </p:nvPr>
        </p:nvSpPr>
        <p:spPr>
          <a:xfrm>
            <a:off x="224236" y="5713645"/>
            <a:ext cx="5657976" cy="299759"/>
          </a:xfrm>
        </p:spPr>
        <p:txBody>
          <a:bodyPr/>
          <a:lstStyle/>
          <a:p>
            <a:r>
              <a:rPr lang="en-US" dirty="0"/>
              <a:t>Source: CBRE Econometric Advisors</a:t>
            </a:r>
          </a:p>
        </p:txBody>
      </p:sp>
      <p:sp>
        <p:nvSpPr>
          <p:cNvPr id="23" name="Text Placeholder 8">
            <a:extLst>
              <a:ext uri="{FF2B5EF4-FFF2-40B4-BE49-F238E27FC236}">
                <a16:creationId xmlns:a16="http://schemas.microsoft.com/office/drawing/2014/main" id="{C916600C-56AA-C5DA-6D9D-56BB0BD6B825}"/>
              </a:ext>
            </a:extLst>
          </p:cNvPr>
          <p:cNvSpPr txBox="1">
            <a:spLocks/>
          </p:cNvSpPr>
          <p:nvPr/>
        </p:nvSpPr>
        <p:spPr>
          <a:xfrm>
            <a:off x="380999" y="1383393"/>
            <a:ext cx="5606845" cy="291039"/>
          </a:xfrm>
          <a:prstGeom prst="rect">
            <a:avLst/>
          </a:prstGeom>
        </p:spPr>
        <p:txBody>
          <a:bodyPr vert="horz" lIns="0" tIns="0" rIns="72000" bIns="0" rtlCol="0">
            <a:noAutofit/>
          </a:bodyPr>
          <a:lstStyle>
            <a:lvl1pPr marL="0" eaLnBrk="1" hangingPunct="1">
              <a:spcBef>
                <a:spcPts val="0"/>
              </a:spcBef>
              <a:spcAft>
                <a:spcPts val="300"/>
              </a:spcAft>
              <a:defRPr sz="1400" b="1" i="0">
                <a:solidFill>
                  <a:schemeClr val="tx1"/>
                </a:solidFill>
                <a:latin typeface="Calibre Semibold" panose="020B0503030202060203" pitchFamily="34" charset="77"/>
                <a:ea typeface="+mn-ea"/>
                <a:cs typeface="+mn-cs"/>
              </a:defRPr>
            </a:lvl1pPr>
            <a:lvl2pPr marL="0" indent="0" eaLnBrk="1" hangingPunct="1">
              <a:spcBef>
                <a:spcPts val="900"/>
              </a:spcBef>
              <a:spcAft>
                <a:spcPts val="0"/>
              </a:spcAft>
              <a:buClr>
                <a:srgbClr val="17E88F"/>
              </a:buClr>
              <a:buFontTx/>
              <a:buNone/>
              <a:defRPr sz="1200" b="0">
                <a:solidFill>
                  <a:schemeClr val="accent6"/>
                </a:solidFill>
                <a:latin typeface="Calibre Medium" panose="020B0603030202060203" pitchFamily="34" charset="0"/>
                <a:ea typeface="+mn-ea"/>
                <a:cs typeface="+mn-cs"/>
              </a:defRPr>
            </a:lvl2pPr>
            <a:lvl3pPr marL="0" indent="0" eaLnBrk="1" hangingPunct="1">
              <a:spcBef>
                <a:spcPts val="600"/>
              </a:spcBef>
              <a:spcAft>
                <a:spcPts val="600"/>
              </a:spcAft>
              <a:defRPr sz="1200">
                <a:solidFill>
                  <a:schemeClr val="tx1"/>
                </a:solidFill>
                <a:latin typeface="Calibre Light" panose="020B0303030202060203" pitchFamily="34" charset="0"/>
                <a:ea typeface="+mn-ea"/>
                <a:cs typeface="+mn-cs"/>
              </a:defRPr>
            </a:lvl3pPr>
            <a:lvl4pPr marL="171450" indent="-171450" eaLnBrk="1" hangingPunct="1">
              <a:spcBef>
                <a:spcPts val="600"/>
              </a:spcBef>
              <a:spcAft>
                <a:spcPts val="0"/>
              </a:spcAft>
              <a:buClr>
                <a:srgbClr val="17E88F"/>
              </a:buClr>
              <a:buFont typeface="SwissReSansOTLight" panose="04000400000000000000" pitchFamily="82" charset="0"/>
              <a:buChar char="–"/>
              <a:defRPr sz="1100" b="0" i="0">
                <a:solidFill>
                  <a:schemeClr val="accent6"/>
                </a:solidFill>
                <a:latin typeface="Calibre" panose="020B0503030202060203" pitchFamily="34" charset="77"/>
                <a:ea typeface="+mn-ea"/>
                <a:cs typeface="+mn-cs"/>
              </a:defRPr>
            </a:lvl4pPr>
            <a:lvl5pPr marL="176213" indent="0" eaLnBrk="1" hangingPunct="1">
              <a:spcBef>
                <a:spcPts val="0"/>
              </a:spcBef>
              <a:spcAft>
                <a:spcPts val="0"/>
              </a:spcAft>
              <a:buFont typeface="SwissReSansOTLight" panose="04000400000000000000" pitchFamily="82" charset="0"/>
              <a:buNone/>
              <a:defRPr sz="1100" b="0">
                <a:solidFill>
                  <a:schemeClr val="tx1"/>
                </a:solidFill>
                <a:latin typeface="Calibre Light" panose="020B0303030202060203" pitchFamily="34" charset="0"/>
                <a:ea typeface="+mn-ea"/>
                <a:cs typeface="+mn-cs"/>
              </a:defRPr>
            </a:lvl5pPr>
            <a:lvl6pPr marL="342900" indent="-171450" eaLnBrk="1" hangingPunct="1">
              <a:spcBef>
                <a:spcPts val="300"/>
              </a:spcBef>
              <a:spcAft>
                <a:spcPts val="0"/>
              </a:spcAft>
              <a:buClr>
                <a:schemeClr val="tx1"/>
              </a:buClr>
              <a:buFont typeface="Arial" panose="020B0604020202020204" pitchFamily="34" charset="0"/>
              <a:buChar char="‒"/>
              <a:defRPr sz="1100">
                <a:solidFill>
                  <a:schemeClr val="tx1"/>
                </a:solidFill>
                <a:latin typeface="Calibre Light" panose="020B03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a:lstStyle>
          <a:p>
            <a:r>
              <a:rPr lang="en-US" dirty="0"/>
              <a:t>Increase In Vacant SF (‘000 SF), Q1 2024 less Q1 2020</a:t>
            </a:r>
          </a:p>
          <a:p>
            <a:pPr marL="0" marR="0" lvl="0" indent="0" algn="l" defTabSz="914400" rtl="0" eaLnBrk="1" fontAlgn="auto" latinLnBrk="0" hangingPunct="1">
              <a:lnSpc>
                <a:spcPct val="100000"/>
              </a:lnSpc>
              <a:spcBef>
                <a:spcPts val="0"/>
              </a:spcBef>
              <a:spcAft>
                <a:spcPts val="300"/>
              </a:spcAft>
              <a:buClrTx/>
              <a:buSzTx/>
              <a:buFontTx/>
              <a:buNone/>
              <a:tabLst/>
              <a:defRPr/>
            </a:pPr>
            <a:endParaRPr kumimoji="0" lang="en-US" sz="1200" b="0" i="0" u="none" strike="noStrike" kern="0" cap="none" spc="0" normalizeH="0" baseline="0" noProof="0" dirty="0">
              <a:ln>
                <a:noFill/>
              </a:ln>
              <a:solidFill>
                <a:srgbClr val="435254"/>
              </a:solidFill>
              <a:effectLst/>
              <a:uLnTx/>
              <a:uFillTx/>
              <a:latin typeface="Calibre Semibold" panose="020B0503030202060203" pitchFamily="34" charset="77"/>
              <a:ea typeface="+mn-ea"/>
              <a:cs typeface="+mn-cs"/>
            </a:endParaRPr>
          </a:p>
        </p:txBody>
      </p:sp>
      <p:graphicFrame>
        <p:nvGraphicFramePr>
          <p:cNvPr id="5" name="Chart Placeholder 8">
            <a:extLst>
              <a:ext uri="{FF2B5EF4-FFF2-40B4-BE49-F238E27FC236}">
                <a16:creationId xmlns:a16="http://schemas.microsoft.com/office/drawing/2014/main" id="{72A4BF9B-B6E5-734C-F078-291738F52A40}"/>
              </a:ext>
            </a:extLst>
          </p:cNvPr>
          <p:cNvGraphicFramePr>
            <a:graphicFrameLocks/>
          </p:cNvGraphicFramePr>
          <p:nvPr/>
        </p:nvGraphicFramePr>
        <p:xfrm>
          <a:off x="224236" y="1915992"/>
          <a:ext cx="4719919" cy="3895725"/>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9" name="Chart Placeholder 6">
            <a:extLst>
              <a:ext uri="{FF2B5EF4-FFF2-40B4-BE49-F238E27FC236}">
                <a16:creationId xmlns:a16="http://schemas.microsoft.com/office/drawing/2014/main" id="{CED653A6-B0BF-7DDB-BD5D-609D9CF59B1B}"/>
              </a:ext>
            </a:extLst>
          </p:cNvPr>
          <p:cNvGraphicFramePr>
            <a:graphicFrameLocks/>
          </p:cNvGraphicFramePr>
          <p:nvPr>
            <p:extLst>
              <p:ext uri="{D42A27DB-BD31-4B8C-83A1-F6EECF244321}">
                <p14:modId xmlns:p14="http://schemas.microsoft.com/office/powerpoint/2010/main" val="681917754"/>
              </p:ext>
            </p:extLst>
          </p:nvPr>
        </p:nvGraphicFramePr>
        <p:xfrm>
          <a:off x="6161088" y="1615002"/>
          <a:ext cx="5649913" cy="3813146"/>
        </p:xfrm>
        <a:graphic>
          <a:graphicData uri="http://schemas.openxmlformats.org/drawingml/2006/chart">
            <c:chart xmlns:c="http://schemas.openxmlformats.org/drawingml/2006/chart" xmlns:r="http://schemas.openxmlformats.org/officeDocument/2006/relationships" r:id="rId4"/>
          </a:graphicData>
        </a:graphic>
      </p:graphicFrame>
      <p:sp>
        <p:nvSpPr>
          <p:cNvPr id="3" name="Rectangle 2">
            <a:extLst>
              <a:ext uri="{FF2B5EF4-FFF2-40B4-BE49-F238E27FC236}">
                <a16:creationId xmlns:a16="http://schemas.microsoft.com/office/drawing/2014/main" id="{F9DA2AAF-3C0D-ED67-90C8-218856A57699}"/>
              </a:ext>
            </a:extLst>
          </p:cNvPr>
          <p:cNvSpPr/>
          <p:nvPr/>
        </p:nvSpPr>
        <p:spPr>
          <a:xfrm>
            <a:off x="65231" y="6400800"/>
            <a:ext cx="2518964" cy="299759"/>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26700343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0B14DF79-0C2E-484D-B570-C39BC6495510}"/>
              </a:ext>
            </a:extLst>
          </p:cNvPr>
          <p:cNvSpPr>
            <a:spLocks noGrp="1"/>
          </p:cNvSpPr>
          <p:nvPr>
            <p:ph type="body" idx="4294967295"/>
          </p:nvPr>
        </p:nvSpPr>
        <p:spPr>
          <a:xfrm>
            <a:off x="9790113" y="5834063"/>
            <a:ext cx="2401887" cy="412750"/>
          </a:xfrm>
        </p:spPr>
        <p:txBody>
          <a:bodyPr/>
          <a:lstStyle/>
          <a:p>
            <a:r>
              <a:rPr lang="en-US" sz="1800" b="0" dirty="0">
                <a:latin typeface="+mn-lt"/>
              </a:rPr>
              <a:t>July 24</a:t>
            </a:r>
            <a:r>
              <a:rPr lang="en-US" sz="1800" b="0" baseline="30000" dirty="0">
                <a:latin typeface="+mn-lt"/>
              </a:rPr>
              <a:t>th</a:t>
            </a:r>
            <a:r>
              <a:rPr lang="en-US" sz="1800" b="0" dirty="0">
                <a:latin typeface="+mn-lt"/>
              </a:rPr>
              <a:t>, 2024</a:t>
            </a:r>
          </a:p>
        </p:txBody>
      </p:sp>
      <p:sp>
        <p:nvSpPr>
          <p:cNvPr id="4" name="Title 3">
            <a:extLst>
              <a:ext uri="{FF2B5EF4-FFF2-40B4-BE49-F238E27FC236}">
                <a16:creationId xmlns:a16="http://schemas.microsoft.com/office/drawing/2014/main" id="{EA2F7B7B-585B-402E-9F47-DD47DB7E1FDF}"/>
              </a:ext>
            </a:extLst>
          </p:cNvPr>
          <p:cNvSpPr>
            <a:spLocks noGrp="1"/>
          </p:cNvSpPr>
          <p:nvPr>
            <p:ph type="title" idx="4294967295"/>
          </p:nvPr>
        </p:nvSpPr>
        <p:spPr>
          <a:xfrm>
            <a:off x="1035636" y="1752600"/>
            <a:ext cx="9513888" cy="1398588"/>
          </a:xfrm>
        </p:spPr>
        <p:txBody>
          <a:bodyPr/>
          <a:lstStyle/>
          <a:p>
            <a:r>
              <a:rPr lang="en-US" sz="5400" dirty="0"/>
              <a:t>Global Property Markets 2024:</a:t>
            </a:r>
            <a:br>
              <a:rPr lang="en-US" sz="5400" dirty="0"/>
            </a:br>
            <a:r>
              <a:rPr lang="en-US" sz="4800" i="1" dirty="0"/>
              <a:t>Trends. Cultures. Perspectives.</a:t>
            </a:r>
            <a:endParaRPr lang="en-US" sz="4000" dirty="0"/>
          </a:p>
        </p:txBody>
      </p:sp>
      <p:sp>
        <p:nvSpPr>
          <p:cNvPr id="7" name="Text Placeholder 6">
            <a:extLst>
              <a:ext uri="{FF2B5EF4-FFF2-40B4-BE49-F238E27FC236}">
                <a16:creationId xmlns:a16="http://schemas.microsoft.com/office/drawing/2014/main" id="{FB3C7724-357D-4B1E-A460-48D816E7F7A0}"/>
              </a:ext>
            </a:extLst>
          </p:cNvPr>
          <p:cNvSpPr txBox="1">
            <a:spLocks/>
          </p:cNvSpPr>
          <p:nvPr/>
        </p:nvSpPr>
        <p:spPr>
          <a:xfrm>
            <a:off x="3471259" y="4110881"/>
            <a:ext cx="3767741" cy="1998786"/>
          </a:xfrm>
          <a:prstGeom prst="rect">
            <a:avLst/>
          </a:prstGeom>
        </p:spPr>
        <p:txBody>
          <a:bodyPr/>
          <a:lstStyle>
            <a:lvl1pPr marL="0" eaLnBrk="1" hangingPunct="1">
              <a:spcBef>
                <a:spcPts val="1200"/>
              </a:spcBef>
              <a:spcAft>
                <a:spcPts val="1200"/>
              </a:spcAft>
              <a:defRPr sz="2200">
                <a:solidFill>
                  <a:schemeClr val="tx1"/>
                </a:solidFill>
                <a:latin typeface="Calibre Light" panose="020B0303030202060203" pitchFamily="34" charset="0"/>
                <a:ea typeface="+mn-ea"/>
                <a:cs typeface="+mn-cs"/>
              </a:defRPr>
            </a:lvl1pPr>
            <a:lvl2pPr marL="0" indent="0" eaLnBrk="1" hangingPunct="1">
              <a:spcAft>
                <a:spcPts val="600"/>
              </a:spcAft>
              <a:defRPr sz="1600" b="0">
                <a:solidFill>
                  <a:schemeClr val="tx1"/>
                </a:solidFill>
                <a:latin typeface="Calibre Semibold" panose="020B0703030202060203" pitchFamily="34" charset="0"/>
                <a:ea typeface="+mn-ea"/>
                <a:cs typeface="+mn-cs"/>
              </a:defRPr>
            </a:lvl2pPr>
            <a:lvl3pPr marL="0" indent="0" eaLnBrk="1" hangingPunct="1">
              <a:spcBef>
                <a:spcPts val="300"/>
              </a:spcBef>
              <a:spcAft>
                <a:spcPts val="300"/>
              </a:spcAft>
              <a:defRPr sz="1200">
                <a:solidFill>
                  <a:schemeClr val="tx1"/>
                </a:solidFill>
                <a:latin typeface="+mn-lt"/>
                <a:ea typeface="+mn-ea"/>
                <a:cs typeface="+mn-cs"/>
              </a:defRPr>
            </a:lvl3pPr>
            <a:lvl4pPr marL="171450" indent="-171450" eaLnBrk="1" hangingPunct="1">
              <a:spcBef>
                <a:spcPts val="300"/>
              </a:spcBef>
              <a:spcAft>
                <a:spcPts val="300"/>
              </a:spcAft>
              <a:buClr>
                <a:schemeClr val="tx1"/>
              </a:buClr>
              <a:buFont typeface="SwissReSansOTLight" panose="04000400000000000000" pitchFamily="82" charset="0"/>
              <a:buChar char="–"/>
              <a:defRPr sz="1200">
                <a:solidFill>
                  <a:schemeClr val="tx1"/>
                </a:solidFill>
                <a:latin typeface="+mn-lt"/>
                <a:ea typeface="+mn-ea"/>
                <a:cs typeface="+mn-cs"/>
              </a:defRPr>
            </a:lvl4pPr>
            <a:lvl5pPr marL="360363" indent="-184150" eaLnBrk="1" hangingPunct="1">
              <a:spcBef>
                <a:spcPts val="300"/>
              </a:spcBef>
              <a:spcAft>
                <a:spcPts val="300"/>
              </a:spcAft>
              <a:buFont typeface="SwissReSansOTLight" panose="04000400000000000000" pitchFamily="82" charset="0"/>
              <a:buChar char="–"/>
              <a:defRPr sz="1200" b="0">
                <a:solidFill>
                  <a:schemeClr val="tx1"/>
                </a:solidFill>
                <a:latin typeface="+mn-lt"/>
                <a:ea typeface="+mn-ea"/>
                <a:cs typeface="+mn-cs"/>
              </a:defRPr>
            </a:lvl5pPr>
            <a:lvl6pPr marL="0" indent="0" eaLnBrk="1" hangingPunct="1">
              <a:spcBef>
                <a:spcPts val="600"/>
              </a:spcBef>
              <a:spcAft>
                <a:spcPts val="0"/>
              </a:spcAft>
              <a:buClr>
                <a:schemeClr val="tx1"/>
              </a:buClr>
              <a:buFontTx/>
              <a:buNone/>
              <a:defRPr sz="1200">
                <a:solidFill>
                  <a:schemeClr val="tx1"/>
                </a:solidFill>
                <a:latin typeface="Calibre Semibold" panose="020B07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a:lstStyle>
          <a:p>
            <a:pPr marL="0" marR="0" lvl="1" indent="0" algn="l" defTabSz="914400" rtl="0" eaLnBrk="1" fontAlgn="auto" latinLnBrk="0" hangingPunct="1">
              <a:lnSpc>
                <a:spcPct val="100000"/>
              </a:lnSpc>
              <a:spcBef>
                <a:spcPts val="0"/>
              </a:spcBef>
              <a:spcAft>
                <a:spcPts val="600"/>
              </a:spcAft>
              <a:buClrTx/>
              <a:buSzTx/>
              <a:buFontTx/>
              <a:buNone/>
              <a:tabLst/>
              <a:defRPr/>
            </a:pPr>
            <a:r>
              <a:rPr kumimoji="0" lang="en-US" altLang="ja-JP" sz="1600" b="0" i="0" u="none" strike="noStrike" kern="0" cap="none" spc="0" normalizeH="0" baseline="0" noProof="0" dirty="0">
                <a:ln>
                  <a:noFill/>
                </a:ln>
                <a:solidFill>
                  <a:srgbClr val="435254"/>
                </a:solidFill>
                <a:effectLst/>
                <a:uLnTx/>
                <a:uFillTx/>
                <a:latin typeface="Calibre Semibold" panose="020B0703030202060203" pitchFamily="34" charset="0"/>
                <a:ea typeface="+mn-ea"/>
                <a:cs typeface="+mn-cs"/>
              </a:rPr>
              <a:t>Yoshio</a:t>
            </a:r>
            <a:r>
              <a:rPr lang="ja-JP" altLang="en-US" dirty="0">
                <a:solidFill>
                  <a:srgbClr val="435254"/>
                </a:solidFill>
              </a:rPr>
              <a:t> </a:t>
            </a:r>
            <a:r>
              <a:rPr lang="en-US" altLang="ja-JP" dirty="0">
                <a:solidFill>
                  <a:srgbClr val="435254"/>
                </a:solidFill>
              </a:rPr>
              <a:t>Nakayama</a:t>
            </a:r>
            <a:endParaRPr kumimoji="0" lang="en-GB" sz="1600" b="0" i="0" u="none" strike="noStrike" kern="0" cap="none" spc="0" normalizeH="0" baseline="0" noProof="0" dirty="0">
              <a:ln>
                <a:noFill/>
              </a:ln>
              <a:solidFill>
                <a:srgbClr val="435254"/>
              </a:solidFill>
              <a:effectLst/>
              <a:uLnTx/>
              <a:uFillTx/>
              <a:latin typeface="Calibre Semibold" panose="020B0703030202060203" pitchFamily="34" charset="0"/>
              <a:ea typeface="+mn-ea"/>
              <a:cs typeface="+mn-cs"/>
            </a:endParaRPr>
          </a:p>
          <a:p>
            <a:pPr marL="0" marR="0" lvl="2" indent="0" algn="l" defTabSz="914400" rtl="0" eaLnBrk="1" fontAlgn="auto" latinLnBrk="0" hangingPunct="1">
              <a:lnSpc>
                <a:spcPct val="100000"/>
              </a:lnSpc>
              <a:spcBef>
                <a:spcPts val="0"/>
              </a:spcBef>
              <a:spcAft>
                <a:spcPts val="300"/>
              </a:spcAft>
              <a:buClrTx/>
              <a:buSzTx/>
              <a:buFontTx/>
              <a:buNone/>
              <a:tabLst/>
              <a:defRPr/>
            </a:pPr>
            <a:r>
              <a:rPr lang="en-GB" dirty="0">
                <a:solidFill>
                  <a:srgbClr val="435254"/>
                </a:solidFill>
                <a:latin typeface="Calibre"/>
              </a:rPr>
              <a:t>President / Representative Director</a:t>
            </a:r>
          </a:p>
          <a:p>
            <a:pPr marL="0" marR="0" lvl="2" indent="0" algn="l" defTabSz="914400" rtl="0" eaLnBrk="1" fontAlgn="auto" latinLnBrk="0" hangingPunct="1">
              <a:lnSpc>
                <a:spcPct val="100000"/>
              </a:lnSpc>
              <a:spcBef>
                <a:spcPts val="0"/>
              </a:spcBef>
              <a:spcAft>
                <a:spcPts val="300"/>
              </a:spcAft>
              <a:buClrTx/>
              <a:buSzTx/>
              <a:buFontTx/>
              <a:buNone/>
              <a:tabLst/>
              <a:defRPr/>
            </a:pPr>
            <a:r>
              <a:rPr kumimoji="0" lang="en-GB" sz="1200" b="0" i="0" u="none" strike="noStrike" kern="0" cap="none" spc="0" normalizeH="0" baseline="0" noProof="0" dirty="0">
                <a:ln>
                  <a:noFill/>
                </a:ln>
                <a:solidFill>
                  <a:srgbClr val="435254"/>
                </a:solidFill>
                <a:effectLst/>
                <a:uLnTx/>
                <a:uFillTx/>
                <a:latin typeface="Calibre"/>
                <a:ea typeface="+mn-ea"/>
                <a:cs typeface="+mn-cs"/>
              </a:rPr>
              <a:t>XYMAX Real Estate Institute</a:t>
            </a:r>
          </a:p>
        </p:txBody>
      </p:sp>
      <p:sp>
        <p:nvSpPr>
          <p:cNvPr id="3" name="Rectangle 2">
            <a:extLst>
              <a:ext uri="{FF2B5EF4-FFF2-40B4-BE49-F238E27FC236}">
                <a16:creationId xmlns:a16="http://schemas.microsoft.com/office/drawing/2014/main" id="{BCAC5769-6979-17B4-E812-B377871A46AC}"/>
              </a:ext>
            </a:extLst>
          </p:cNvPr>
          <p:cNvSpPr/>
          <p:nvPr/>
        </p:nvSpPr>
        <p:spPr>
          <a:xfrm>
            <a:off x="457200" y="6477000"/>
            <a:ext cx="2133600" cy="228600"/>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marL="0" marR="0" lvl="0" indent="0" algn="ctr" defTabSz="914400" eaLnBrk="1" fontAlgn="auto" latinLnBrk="0" hangingPunct="1">
              <a:lnSpc>
                <a:spcPct val="100000"/>
              </a:lnSpc>
              <a:spcBef>
                <a:spcPts val="1200"/>
              </a:spcBef>
              <a:spcAft>
                <a:spcPts val="300"/>
              </a:spcAft>
              <a:buClrTx/>
              <a:buSzTx/>
              <a:buFontTx/>
              <a:buNone/>
              <a:tabLst/>
              <a:defRPr/>
            </a:pPr>
            <a:endParaRPr kumimoji="0" lang="en-US" sz="2200" b="0" i="0" u="none" strike="noStrike" kern="0" cap="none" spc="0" normalizeH="0" baseline="0" noProof="0" dirty="0">
              <a:ln>
                <a:noFill/>
              </a:ln>
              <a:solidFill>
                <a:srgbClr val="FFFFFF"/>
              </a:solidFill>
              <a:effectLst/>
              <a:uLnTx/>
              <a:uFillTx/>
              <a:latin typeface="Calibre"/>
              <a:ea typeface="+mn-ea"/>
              <a:cs typeface="+mn-cs"/>
            </a:endParaRPr>
          </a:p>
        </p:txBody>
      </p:sp>
      <p:pic>
        <p:nvPicPr>
          <p:cNvPr id="2" name="図 1" descr="スーツを着ている男はスマイルしている&#10;&#10;自動的に生成された説明">
            <a:extLst>
              <a:ext uri="{FF2B5EF4-FFF2-40B4-BE49-F238E27FC236}">
                <a16:creationId xmlns:a16="http://schemas.microsoft.com/office/drawing/2014/main" id="{8B699CB0-CF1F-BED4-3778-3D65E8F21316}"/>
              </a:ext>
            </a:extLst>
          </p:cNvPr>
          <p:cNvPicPr>
            <a:picLocks noChangeAspect="1"/>
          </p:cNvPicPr>
          <p:nvPr/>
        </p:nvPicPr>
        <p:blipFill rotWithShape="1">
          <a:blip r:embed="rId3" cstate="email">
            <a:extLst>
              <a:ext uri="{28A0092B-C50C-407E-A947-70E740481C1C}">
                <a14:useLocalDpi xmlns:a14="http://schemas.microsoft.com/office/drawing/2010/main" val="0"/>
              </a:ext>
            </a:extLst>
          </a:blip>
          <a:srcRect l="11000" t="7357" r="16000" b="31323"/>
          <a:stretch/>
        </p:blipFill>
        <p:spPr>
          <a:xfrm>
            <a:off x="2015392" y="3962400"/>
            <a:ext cx="1150816" cy="1353210"/>
          </a:xfrm>
          <a:prstGeom prst="rect">
            <a:avLst/>
          </a:prstGeom>
        </p:spPr>
      </p:pic>
    </p:spTree>
    <p:extLst>
      <p:ext uri="{BB962C8B-B14F-4D97-AF65-F5344CB8AC3E}">
        <p14:creationId xmlns:p14="http://schemas.microsoft.com/office/powerpoint/2010/main" val="426939226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タイトル 1">
            <a:extLst>
              <a:ext uri="{FF2B5EF4-FFF2-40B4-BE49-F238E27FC236}">
                <a16:creationId xmlns:a16="http://schemas.microsoft.com/office/drawing/2014/main" id="{CD417E68-3B78-73C2-20DD-33F69A0999E1}"/>
              </a:ext>
            </a:extLst>
          </p:cNvPr>
          <p:cNvSpPr txBox="1">
            <a:spLocks/>
          </p:cNvSpPr>
          <p:nvPr/>
        </p:nvSpPr>
        <p:spPr>
          <a:xfrm>
            <a:off x="922832" y="763971"/>
            <a:ext cx="9855527" cy="539317"/>
          </a:xfrm>
          <a:prstGeom prst="rect">
            <a:avLst/>
          </a:prstGeom>
        </p:spPr>
        <p:txBody>
          <a:bodyPr vert="horz" lIns="0" tIns="45720" rIns="91440" bIns="45720" rtlCol="0" anchor="ctr">
            <a:noAutofit/>
          </a:bodyPr>
          <a:lstStyle>
            <a:lvl1pPr algn="ctr" defTabSz="914400" rtl="0" eaLnBrk="1" latinLnBrk="0" hangingPunct="1">
              <a:lnSpc>
                <a:spcPct val="90000"/>
              </a:lnSpc>
              <a:spcBef>
                <a:spcPct val="0"/>
              </a:spcBef>
              <a:buNone/>
              <a:defRPr sz="6000" kern="1200">
                <a:solidFill>
                  <a:schemeClr val="tx1"/>
                </a:solidFill>
                <a:latin typeface="+mj-lt"/>
                <a:ea typeface="+mj-ea"/>
                <a:cs typeface="+mj-cs"/>
              </a:defRPr>
            </a:lvl1pPr>
          </a:lstStyle>
          <a:p>
            <a:r>
              <a:rPr lang="en-US" altLang="ja-JP" dirty="0">
                <a:solidFill>
                  <a:schemeClr val="bg1"/>
                </a:solidFill>
                <a:cs typeface="Arial" panose="020B0604020202020204" pitchFamily="34" charset="0"/>
              </a:rPr>
              <a:t> </a:t>
            </a:r>
            <a:r>
              <a:rPr kumimoji="1" lang="en-US" altLang="ja-JP" sz="4000" dirty="0">
                <a:solidFill>
                  <a:srgbClr val="1C1C1C"/>
                </a:solidFill>
                <a:cs typeface="Arial" panose="020B0604020202020204" pitchFamily="34" charset="0"/>
              </a:rPr>
              <a:t>Japan Economy Overview</a:t>
            </a:r>
            <a:r>
              <a:rPr kumimoji="1" lang="ja-JP" altLang="en-US" sz="4000" dirty="0">
                <a:solidFill>
                  <a:srgbClr val="1C1C1C"/>
                </a:solidFill>
                <a:cs typeface="Arial" panose="020B0604020202020204" pitchFamily="34" charset="0"/>
              </a:rPr>
              <a:t>　</a:t>
            </a:r>
            <a:endParaRPr kumimoji="1" lang="en-US" altLang="ja-JP" sz="4000" dirty="0">
              <a:solidFill>
                <a:srgbClr val="1C1C1C"/>
              </a:solidFill>
              <a:cs typeface="Arial" panose="020B0604020202020204" pitchFamily="34" charset="0"/>
            </a:endParaRPr>
          </a:p>
        </p:txBody>
      </p:sp>
      <p:sp>
        <p:nvSpPr>
          <p:cNvPr id="6" name="正方形/長方形 5">
            <a:extLst>
              <a:ext uri="{FF2B5EF4-FFF2-40B4-BE49-F238E27FC236}">
                <a16:creationId xmlns:a16="http://schemas.microsoft.com/office/drawing/2014/main" id="{C9A19CC8-5F73-58F4-4C27-EDA62706BA5A}"/>
              </a:ext>
            </a:extLst>
          </p:cNvPr>
          <p:cNvSpPr/>
          <p:nvPr/>
        </p:nvSpPr>
        <p:spPr>
          <a:xfrm>
            <a:off x="396884" y="2811565"/>
            <a:ext cx="5768910" cy="3766735"/>
          </a:xfrm>
          <a:prstGeom prst="rect">
            <a:avLst/>
          </a:prstGeom>
        </p:spPr>
        <p:txBody>
          <a:bodyPr wrap="square">
            <a:noAutofit/>
          </a:bodyPr>
          <a:lstStyle/>
          <a:p>
            <a:pPr marL="342900" indent="-342900" fontAlgn="base">
              <a:lnSpc>
                <a:spcPts val="2000"/>
              </a:lnSpc>
              <a:spcBef>
                <a:spcPts val="600"/>
              </a:spcBef>
              <a:spcAft>
                <a:spcPts val="600"/>
              </a:spcAft>
              <a:buFont typeface="Arial" panose="020B0604020202020204" pitchFamily="34" charset="0"/>
              <a:buChar char="•"/>
              <a:defRPr/>
            </a:pPr>
            <a:r>
              <a:rPr lang="en-US" altLang="ja-JP" sz="1600" dirty="0">
                <a:solidFill>
                  <a:srgbClr val="1C1C1C"/>
                </a:solidFill>
                <a:latin typeface="Arial" panose="020B0604020202020204" pitchFamily="34" charset="0"/>
                <a:ea typeface="メイリオ" panose="020B0604030504040204" pitchFamily="50" charset="-128"/>
                <a:cs typeface="Arial" panose="020B0604020202020204" pitchFamily="34" charset="0"/>
              </a:rPr>
              <a:t>Japan GDP growth is expected to be slow down to -0.7% due to sluggish external demands in China. </a:t>
            </a:r>
          </a:p>
          <a:p>
            <a:pPr marL="342900" indent="-342900" fontAlgn="base">
              <a:lnSpc>
                <a:spcPts val="2000"/>
              </a:lnSpc>
              <a:spcBef>
                <a:spcPts val="600"/>
              </a:spcBef>
              <a:spcAft>
                <a:spcPts val="600"/>
              </a:spcAft>
              <a:buFont typeface="Arial" panose="020B0604020202020204" pitchFamily="34" charset="0"/>
              <a:buChar char="•"/>
              <a:defRPr/>
            </a:pPr>
            <a:r>
              <a:rPr lang="en-US" altLang="ja-JP" sz="1600" dirty="0">
                <a:solidFill>
                  <a:srgbClr val="1C1C1C"/>
                </a:solidFill>
                <a:latin typeface="Arial" panose="020B0604020202020204" pitchFamily="34" charset="0"/>
                <a:ea typeface="メイリオ" panose="020B0604030504040204" pitchFamily="50" charset="-128"/>
                <a:cs typeface="Arial" panose="020B0604020202020204" pitchFamily="34" charset="0"/>
              </a:rPr>
              <a:t>BOJ’s Tankan DI (Biz Sentiment) for the non-manufacturing (</a:t>
            </a:r>
            <a:r>
              <a:rPr lang="ja-JP" alt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②</a:t>
            </a:r>
            <a:r>
              <a:rPr lang="en-US" altLang="ja-JP" sz="1600" dirty="0">
                <a:solidFill>
                  <a:srgbClr val="1C1C1C"/>
                </a:solidFill>
                <a:latin typeface="Arial" panose="020B0604020202020204" pitchFamily="34" charset="0"/>
                <a:ea typeface="メイリオ" panose="020B0604030504040204" pitchFamily="50" charset="-128"/>
                <a:cs typeface="Arial" panose="020B0604020202020204" pitchFamily="34" charset="0"/>
              </a:rPr>
              <a:t>) marked the highest level of +34, reflecting a boost from the strong recovery in overseas tourism. </a:t>
            </a:r>
          </a:p>
          <a:p>
            <a:pPr marL="342900" indent="-342900" fontAlgn="base">
              <a:lnSpc>
                <a:spcPts val="2000"/>
              </a:lnSpc>
              <a:spcBef>
                <a:spcPts val="600"/>
              </a:spcBef>
              <a:spcAft>
                <a:spcPts val="600"/>
              </a:spcAft>
              <a:buFont typeface="Arial" panose="020B0604020202020204" pitchFamily="34" charset="0"/>
              <a:buChar char="•"/>
              <a:defRPr/>
            </a:pPr>
            <a:r>
              <a:rPr lang="en-US" altLang="ja-JP" sz="1600" dirty="0">
                <a:solidFill>
                  <a:srgbClr val="1C1C1C"/>
                </a:solidFill>
                <a:latin typeface="Arial" panose="020B0604020202020204" pitchFamily="34" charset="0"/>
                <a:ea typeface="メイリオ" panose="020B0604030504040204" pitchFamily="50" charset="-128"/>
                <a:cs typeface="Arial" panose="020B0604020202020204" pitchFamily="34" charset="0"/>
              </a:rPr>
              <a:t>BOJ abandoned its negative rate policy by increasing the base rate from -0.1% to 0.1% in Mar 2024.</a:t>
            </a:r>
          </a:p>
          <a:p>
            <a:pPr marL="342900" indent="-342900" fontAlgn="base">
              <a:lnSpc>
                <a:spcPts val="2000"/>
              </a:lnSpc>
              <a:spcBef>
                <a:spcPts val="600"/>
              </a:spcBef>
              <a:spcAft>
                <a:spcPts val="600"/>
              </a:spcAft>
              <a:buFont typeface="Arial" panose="020B0604020202020204" pitchFamily="34" charset="0"/>
              <a:buChar char="•"/>
              <a:defRPr/>
            </a:pPr>
            <a:r>
              <a:rPr lang="en-US" altLang="ja-JP" sz="1600" dirty="0">
                <a:solidFill>
                  <a:srgbClr val="1C1C1C"/>
                </a:solidFill>
                <a:latin typeface="Arial" panose="020B0604020202020204" pitchFamily="34" charset="0"/>
                <a:ea typeface="メイリオ" panose="020B0604030504040204" pitchFamily="50" charset="-128"/>
                <a:cs typeface="Arial" panose="020B0604020202020204" pitchFamily="34" charset="0"/>
              </a:rPr>
              <a:t>Long-term yield remained calm below 1% following the BOJ’s above decision. </a:t>
            </a:r>
          </a:p>
        </p:txBody>
      </p:sp>
      <p:graphicFrame>
        <p:nvGraphicFramePr>
          <p:cNvPr id="7" name="表 5">
            <a:extLst>
              <a:ext uri="{FF2B5EF4-FFF2-40B4-BE49-F238E27FC236}">
                <a16:creationId xmlns:a16="http://schemas.microsoft.com/office/drawing/2014/main" id="{B0AA4359-C43E-2FFB-C20E-B6FA1881C35E}"/>
              </a:ext>
            </a:extLst>
          </p:cNvPr>
          <p:cNvGraphicFramePr>
            <a:graphicFrameLocks noGrp="1"/>
          </p:cNvGraphicFramePr>
          <p:nvPr>
            <p:extLst>
              <p:ext uri="{D42A27DB-BD31-4B8C-83A1-F6EECF244321}">
                <p14:modId xmlns:p14="http://schemas.microsoft.com/office/powerpoint/2010/main" val="2035113019"/>
              </p:ext>
            </p:extLst>
          </p:nvPr>
        </p:nvGraphicFramePr>
        <p:xfrm>
          <a:off x="7422315" y="1660702"/>
          <a:ext cx="3716710" cy="2099904"/>
        </p:xfrm>
        <a:graphic>
          <a:graphicData uri="http://schemas.openxmlformats.org/drawingml/2006/table">
            <a:tbl>
              <a:tblPr firstRow="1" bandRow="1">
                <a:tableStyleId>{5C22544A-7EE6-4342-B048-85BDC9FD1C3A}</a:tableStyleId>
              </a:tblPr>
              <a:tblGrid>
                <a:gridCol w="2023432">
                  <a:extLst>
                    <a:ext uri="{9D8B030D-6E8A-4147-A177-3AD203B41FA5}">
                      <a16:colId xmlns:a16="http://schemas.microsoft.com/office/drawing/2014/main" val="111900884"/>
                    </a:ext>
                  </a:extLst>
                </a:gridCol>
                <a:gridCol w="838499">
                  <a:extLst>
                    <a:ext uri="{9D8B030D-6E8A-4147-A177-3AD203B41FA5}">
                      <a16:colId xmlns:a16="http://schemas.microsoft.com/office/drawing/2014/main" val="1010699090"/>
                    </a:ext>
                  </a:extLst>
                </a:gridCol>
                <a:gridCol w="854779">
                  <a:extLst>
                    <a:ext uri="{9D8B030D-6E8A-4147-A177-3AD203B41FA5}">
                      <a16:colId xmlns:a16="http://schemas.microsoft.com/office/drawing/2014/main" val="2685442193"/>
                    </a:ext>
                  </a:extLst>
                </a:gridCol>
              </a:tblGrid>
              <a:tr h="272626">
                <a:tc>
                  <a:txBody>
                    <a:bodyPr/>
                    <a:lstStyle/>
                    <a:p>
                      <a:endParaRPr kumimoji="1" lang="ja-JP" altLang="en-US" sz="1200" dirty="0"/>
                    </a:p>
                  </a:txBody>
                  <a:tcPr/>
                </a:tc>
                <a:tc>
                  <a:txBody>
                    <a:bodyPr/>
                    <a:lstStyle/>
                    <a:p>
                      <a:pPr algn="ctr"/>
                      <a:r>
                        <a:rPr kumimoji="1" lang="en-US" altLang="ja-JP" sz="1200" dirty="0"/>
                        <a:t>2023</a:t>
                      </a:r>
                      <a:endParaRPr kumimoji="1" lang="ja-JP" altLang="en-US" sz="1200" dirty="0"/>
                    </a:p>
                  </a:txBody>
                  <a:tcPr/>
                </a:tc>
                <a:tc>
                  <a:txBody>
                    <a:bodyPr/>
                    <a:lstStyle/>
                    <a:p>
                      <a:pPr algn="ctr"/>
                      <a:r>
                        <a:rPr kumimoji="1" lang="en-US" altLang="ja-JP" sz="1200" dirty="0"/>
                        <a:t>Q1 2024</a:t>
                      </a:r>
                      <a:endParaRPr kumimoji="1" lang="ja-JP" altLang="en-US" sz="1200" dirty="0"/>
                    </a:p>
                  </a:txBody>
                  <a:tcPr/>
                </a:tc>
                <a:extLst>
                  <a:ext uri="{0D108BD9-81ED-4DB2-BD59-A6C34878D82A}">
                    <a16:rowId xmlns:a16="http://schemas.microsoft.com/office/drawing/2014/main" val="2901044921"/>
                  </a:ext>
                </a:extLst>
              </a:tr>
              <a:tr h="314220">
                <a:tc>
                  <a:txBody>
                    <a:bodyPr/>
                    <a:lstStyle/>
                    <a:p>
                      <a:r>
                        <a:rPr kumimoji="1" lang="en-US" altLang="ja-JP" sz="1200" dirty="0"/>
                        <a:t>Real GDP (%)</a:t>
                      </a:r>
                      <a:endParaRPr kumimoji="1" lang="ja-JP" altLang="en-US" sz="1200" dirty="0"/>
                    </a:p>
                  </a:txBody>
                  <a:tcPr/>
                </a:tc>
                <a:tc>
                  <a:txBody>
                    <a:bodyPr/>
                    <a:lstStyle/>
                    <a:p>
                      <a:pPr algn="ctr"/>
                      <a:r>
                        <a:rPr kumimoji="1" lang="en-US" altLang="ja-JP" sz="1200" dirty="0"/>
                        <a:t>1.8</a:t>
                      </a:r>
                      <a:endParaRPr kumimoji="1" lang="ja-JP" altLang="en-US" sz="1200" dirty="0"/>
                    </a:p>
                  </a:txBody>
                  <a:tcPr/>
                </a:tc>
                <a:tc>
                  <a:txBody>
                    <a:bodyPr/>
                    <a:lstStyle/>
                    <a:p>
                      <a:pPr algn="ctr"/>
                      <a:r>
                        <a:rPr kumimoji="1" lang="en-US" altLang="ja-JP" sz="1200" dirty="0"/>
                        <a:t>-0.7</a:t>
                      </a:r>
                      <a:endParaRPr kumimoji="1" lang="ja-JP" altLang="en-US" sz="1200" dirty="0"/>
                    </a:p>
                  </a:txBody>
                  <a:tcPr/>
                </a:tc>
                <a:extLst>
                  <a:ext uri="{0D108BD9-81ED-4DB2-BD59-A6C34878D82A}">
                    <a16:rowId xmlns:a16="http://schemas.microsoft.com/office/drawing/2014/main" val="2610875381"/>
                  </a:ext>
                </a:extLst>
              </a:tr>
              <a:tr h="314220">
                <a:tc>
                  <a:txBody>
                    <a:bodyPr/>
                    <a:lstStyle/>
                    <a:p>
                      <a:r>
                        <a:rPr kumimoji="1" lang="en-US" altLang="ja-JP" sz="1200" dirty="0"/>
                        <a:t>Core CPI (%)</a:t>
                      </a:r>
                      <a:endParaRPr kumimoji="1" lang="ja-JP" altLang="en-US" sz="1200" dirty="0"/>
                    </a:p>
                  </a:txBody>
                  <a:tcPr/>
                </a:tc>
                <a:tc>
                  <a:txBody>
                    <a:bodyPr/>
                    <a:lstStyle/>
                    <a:p>
                      <a:pPr algn="ctr"/>
                      <a:r>
                        <a:rPr kumimoji="1" lang="en-US" altLang="ja-JP" sz="1200" dirty="0"/>
                        <a:t>3.1</a:t>
                      </a:r>
                      <a:endParaRPr kumimoji="1" lang="ja-JP" altLang="en-US" sz="1200" dirty="0"/>
                    </a:p>
                  </a:txBody>
                  <a:tcPr/>
                </a:tc>
                <a:tc>
                  <a:txBody>
                    <a:bodyPr/>
                    <a:lstStyle/>
                    <a:p>
                      <a:pPr algn="ctr"/>
                      <a:r>
                        <a:rPr kumimoji="1" lang="en-US" altLang="ja-JP" sz="1200" dirty="0"/>
                        <a:t>2.6</a:t>
                      </a:r>
                      <a:endParaRPr kumimoji="1" lang="ja-JP" altLang="en-US" sz="1200" dirty="0"/>
                    </a:p>
                  </a:txBody>
                  <a:tcPr/>
                </a:tc>
                <a:extLst>
                  <a:ext uri="{0D108BD9-81ED-4DB2-BD59-A6C34878D82A}">
                    <a16:rowId xmlns:a16="http://schemas.microsoft.com/office/drawing/2014/main" val="3897566559"/>
                  </a:ext>
                </a:extLst>
              </a:tr>
              <a:tr h="314220">
                <a:tc>
                  <a:txBody>
                    <a:bodyPr/>
                    <a:lstStyle/>
                    <a:p>
                      <a:r>
                        <a:rPr kumimoji="1" lang="en-US" altLang="ja-JP" sz="1200" dirty="0"/>
                        <a:t>Base Rate (%)</a:t>
                      </a:r>
                      <a:endParaRPr kumimoji="1" lang="ja-JP" altLang="en-US" sz="1200" dirty="0"/>
                    </a:p>
                  </a:txBody>
                  <a:tcPr/>
                </a:tc>
                <a:tc>
                  <a:txBody>
                    <a:bodyPr/>
                    <a:lstStyle/>
                    <a:p>
                      <a:pPr algn="ctr"/>
                      <a:r>
                        <a:rPr kumimoji="1" lang="en-US" altLang="ja-JP" sz="1200" dirty="0"/>
                        <a:t>-0.039</a:t>
                      </a:r>
                      <a:endParaRPr kumimoji="1" lang="ja-JP" altLang="en-US" sz="1200" dirty="0"/>
                    </a:p>
                  </a:txBody>
                  <a:tcPr/>
                </a:tc>
                <a:tc>
                  <a:txBody>
                    <a:bodyPr/>
                    <a:lstStyle/>
                    <a:p>
                      <a:pPr algn="ctr"/>
                      <a:r>
                        <a:rPr kumimoji="1" lang="en-US" altLang="ja-JP" sz="1200" dirty="0"/>
                        <a:t>0.074</a:t>
                      </a:r>
                      <a:endParaRPr kumimoji="1" lang="ja-JP" altLang="en-US" sz="1200" dirty="0"/>
                    </a:p>
                  </a:txBody>
                  <a:tcPr/>
                </a:tc>
                <a:extLst>
                  <a:ext uri="{0D108BD9-81ED-4DB2-BD59-A6C34878D82A}">
                    <a16:rowId xmlns:a16="http://schemas.microsoft.com/office/drawing/2014/main" val="1076778245"/>
                  </a:ext>
                </a:extLst>
              </a:tr>
              <a:tr h="294384">
                <a:tc>
                  <a:txBody>
                    <a:bodyPr/>
                    <a:lstStyle/>
                    <a:p>
                      <a:r>
                        <a:rPr kumimoji="1" lang="en-US" altLang="ja-JP" sz="1200" dirty="0"/>
                        <a:t>JGB Yield (10 </a:t>
                      </a:r>
                      <a:r>
                        <a:rPr kumimoji="1" lang="en-US" altLang="ja-JP" sz="1200" dirty="0" err="1"/>
                        <a:t>yrs</a:t>
                      </a:r>
                      <a:r>
                        <a:rPr kumimoji="1" lang="en-US" altLang="ja-JP" sz="1200" dirty="0"/>
                        <a:t>, %)</a:t>
                      </a:r>
                      <a:endParaRPr kumimoji="1" lang="ja-JP" altLang="en-US" sz="1200" dirty="0"/>
                    </a:p>
                  </a:txBody>
                  <a:tcPr/>
                </a:tc>
                <a:tc>
                  <a:txBody>
                    <a:bodyPr/>
                    <a:lstStyle/>
                    <a:p>
                      <a:pPr algn="ctr"/>
                      <a:r>
                        <a:rPr kumimoji="1" lang="en-US" altLang="ja-JP" sz="1200" dirty="0"/>
                        <a:t>0.6</a:t>
                      </a:r>
                      <a:endParaRPr kumimoji="1" lang="ja-JP" altLang="en-US" sz="1200" dirty="0"/>
                    </a:p>
                  </a:txBody>
                  <a:tcPr/>
                </a:tc>
                <a:tc>
                  <a:txBody>
                    <a:bodyPr/>
                    <a:lstStyle/>
                    <a:p>
                      <a:pPr algn="ctr"/>
                      <a:r>
                        <a:rPr kumimoji="1" lang="en-US" altLang="ja-JP" sz="1200" dirty="0"/>
                        <a:t>0.7</a:t>
                      </a:r>
                      <a:endParaRPr kumimoji="1" lang="ja-JP" altLang="en-US" sz="1200" dirty="0"/>
                    </a:p>
                  </a:txBody>
                  <a:tcPr/>
                </a:tc>
                <a:extLst>
                  <a:ext uri="{0D108BD9-81ED-4DB2-BD59-A6C34878D82A}">
                    <a16:rowId xmlns:a16="http://schemas.microsoft.com/office/drawing/2014/main" val="2785227410"/>
                  </a:ext>
                </a:extLst>
              </a:tr>
              <a:tr h="272646">
                <a:tc>
                  <a:txBody>
                    <a:bodyPr/>
                    <a:lstStyle/>
                    <a:p>
                      <a:r>
                        <a:rPr kumimoji="1" lang="en-US" altLang="ja-JP" sz="1200" dirty="0"/>
                        <a:t>Tankan DI (Biz Sentiment)</a:t>
                      </a:r>
                      <a:endParaRPr kumimoji="1" lang="ja-JP" altLang="en-US" sz="1200" dirty="0"/>
                    </a:p>
                  </a:txBody>
                  <a:tcPr/>
                </a:tc>
                <a:tc>
                  <a:txBody>
                    <a:bodyPr/>
                    <a:lstStyle/>
                    <a:p>
                      <a:pPr algn="ctr"/>
                      <a:r>
                        <a:rPr kumimoji="1" lang="en-US" altLang="ja-JP" sz="1200" dirty="0"/>
                        <a:t>13</a:t>
                      </a:r>
                      <a:endParaRPr kumimoji="1" lang="ja-JP" altLang="en-US" sz="1200" dirty="0"/>
                    </a:p>
                  </a:txBody>
                  <a:tcPr/>
                </a:tc>
                <a:tc>
                  <a:txBody>
                    <a:bodyPr/>
                    <a:lstStyle/>
                    <a:p>
                      <a:pPr algn="ctr"/>
                      <a:r>
                        <a:rPr kumimoji="1" lang="en-US" altLang="ja-JP" sz="1200" dirty="0"/>
                        <a:t>12</a:t>
                      </a:r>
                      <a:endParaRPr kumimoji="1" lang="ja-JP" altLang="en-US" sz="1200" dirty="0"/>
                    </a:p>
                  </a:txBody>
                  <a:tcPr/>
                </a:tc>
                <a:extLst>
                  <a:ext uri="{0D108BD9-81ED-4DB2-BD59-A6C34878D82A}">
                    <a16:rowId xmlns:a16="http://schemas.microsoft.com/office/drawing/2014/main" val="3602389842"/>
                  </a:ext>
                </a:extLst>
              </a:tr>
              <a:tr h="314220">
                <a:tc>
                  <a:txBody>
                    <a:bodyPr/>
                    <a:lstStyle/>
                    <a:p>
                      <a:r>
                        <a:rPr kumimoji="1" lang="en-US" altLang="ja-JP" sz="1200" dirty="0"/>
                        <a:t>Nikkei 225 Index</a:t>
                      </a:r>
                      <a:endParaRPr kumimoji="1" lang="ja-JP" altLang="en-US" sz="1200" dirty="0"/>
                    </a:p>
                  </a:txBody>
                  <a:tcPr/>
                </a:tc>
                <a:tc>
                  <a:txBody>
                    <a:bodyPr/>
                    <a:lstStyle/>
                    <a:p>
                      <a:pPr algn="ctr"/>
                      <a:r>
                        <a:rPr kumimoji="1" lang="en-US" altLang="ja-JP" sz="1200" dirty="0"/>
                        <a:t>33,464</a:t>
                      </a:r>
                      <a:endParaRPr kumimoji="1" lang="ja-JP" altLang="en-US" sz="1200" dirty="0"/>
                    </a:p>
                  </a:txBody>
                  <a:tcPr/>
                </a:tc>
                <a:tc>
                  <a:txBody>
                    <a:bodyPr/>
                    <a:lstStyle/>
                    <a:p>
                      <a:pPr algn="ctr"/>
                      <a:r>
                        <a:rPr kumimoji="1" lang="en-US" altLang="ja-JP" sz="1200" dirty="0"/>
                        <a:t>40,369</a:t>
                      </a:r>
                      <a:endParaRPr kumimoji="1" lang="ja-JP" altLang="en-US" sz="1200" dirty="0"/>
                    </a:p>
                  </a:txBody>
                  <a:tcPr/>
                </a:tc>
                <a:extLst>
                  <a:ext uri="{0D108BD9-81ED-4DB2-BD59-A6C34878D82A}">
                    <a16:rowId xmlns:a16="http://schemas.microsoft.com/office/drawing/2014/main" val="2129410041"/>
                  </a:ext>
                </a:extLst>
              </a:tr>
            </a:tbl>
          </a:graphicData>
        </a:graphic>
      </p:graphicFrame>
      <p:sp>
        <p:nvSpPr>
          <p:cNvPr id="8" name="テキスト ボックス 7">
            <a:extLst>
              <a:ext uri="{FF2B5EF4-FFF2-40B4-BE49-F238E27FC236}">
                <a16:creationId xmlns:a16="http://schemas.microsoft.com/office/drawing/2014/main" id="{FB38A382-01A6-51DD-D107-87A25D465F92}"/>
              </a:ext>
            </a:extLst>
          </p:cNvPr>
          <p:cNvSpPr txBox="1"/>
          <p:nvPr/>
        </p:nvSpPr>
        <p:spPr>
          <a:xfrm>
            <a:off x="7546703" y="3732071"/>
            <a:ext cx="3656320" cy="227422"/>
          </a:xfrm>
          <a:prstGeom prst="rect">
            <a:avLst/>
          </a:prstGeom>
        </p:spPr>
        <p:txBody>
          <a:bodyPr lIns="55715" tIns="27857" rIns="55715" bIns="27857">
            <a:noAutofit/>
          </a:bodyPr>
          <a:lstStyle>
            <a:defPPr>
              <a:defRPr lang="ja-JP"/>
            </a:defPPr>
            <a:lvl1pPr indent="0" defTabSz="957263" eaLnBrk="0" fontAlgn="base" hangingPunct="0">
              <a:spcBef>
                <a:spcPct val="20000"/>
              </a:spcBef>
              <a:spcAft>
                <a:spcPct val="0"/>
              </a:spcAft>
              <a:buNone/>
              <a:defRPr sz="800" kern="0">
                <a:latin typeface="メイリオ" panose="020B0604030504040204" pitchFamily="50" charset="-128"/>
                <a:ea typeface="メイリオ" panose="020B0604030504040204" pitchFamily="50" charset="-128"/>
                <a:cs typeface="メイリオ" panose="020B0604030504040204" pitchFamily="50" charset="-128"/>
              </a:defRPr>
            </a:lvl1pPr>
            <a:lvl2pPr marL="777875" indent="-298450" defTabSz="957263" eaLnBrk="0" fontAlgn="base" hangingPunct="0">
              <a:spcBef>
                <a:spcPct val="20000"/>
              </a:spcBef>
              <a:spcAft>
                <a:spcPct val="0"/>
              </a:spcAft>
              <a:buChar char="–"/>
              <a:defRPr sz="2900"/>
            </a:lvl2pPr>
            <a:lvl3pPr marL="1196975" indent="-239713" defTabSz="957263" eaLnBrk="0" fontAlgn="base" hangingPunct="0">
              <a:spcBef>
                <a:spcPct val="20000"/>
              </a:spcBef>
              <a:spcAft>
                <a:spcPct val="0"/>
              </a:spcAft>
              <a:buChar char="•"/>
              <a:defRPr sz="2500"/>
            </a:lvl3pPr>
            <a:lvl4pPr marL="1676400" indent="-239713" defTabSz="957263" eaLnBrk="0" fontAlgn="base" hangingPunct="0">
              <a:spcBef>
                <a:spcPct val="20000"/>
              </a:spcBef>
              <a:spcAft>
                <a:spcPct val="0"/>
              </a:spcAft>
              <a:buChar char="–"/>
              <a:defRPr sz="2100"/>
            </a:lvl4pPr>
            <a:lvl5pPr marL="2152650" indent="-236538" defTabSz="957263" eaLnBrk="0" fontAlgn="base" hangingPunct="0">
              <a:spcBef>
                <a:spcPct val="20000"/>
              </a:spcBef>
              <a:spcAft>
                <a:spcPct val="0"/>
              </a:spcAft>
              <a:buChar char="»"/>
              <a:defRPr sz="2100"/>
            </a:lvl5pPr>
            <a:lvl6pPr marL="2609850" indent="-236538" defTabSz="957263" fontAlgn="base">
              <a:spcBef>
                <a:spcPct val="20000"/>
              </a:spcBef>
              <a:spcAft>
                <a:spcPct val="0"/>
              </a:spcAft>
              <a:buChar char="»"/>
              <a:defRPr sz="2100"/>
            </a:lvl6pPr>
            <a:lvl7pPr marL="3067050" indent="-236538" defTabSz="957263" fontAlgn="base">
              <a:spcBef>
                <a:spcPct val="20000"/>
              </a:spcBef>
              <a:spcAft>
                <a:spcPct val="0"/>
              </a:spcAft>
              <a:buChar char="»"/>
              <a:defRPr sz="2100"/>
            </a:lvl7pPr>
            <a:lvl8pPr marL="3524250" indent="-236538" defTabSz="957263" fontAlgn="base">
              <a:spcBef>
                <a:spcPct val="20000"/>
              </a:spcBef>
              <a:spcAft>
                <a:spcPct val="0"/>
              </a:spcAft>
              <a:buChar char="»"/>
              <a:defRPr sz="2100"/>
            </a:lvl8pPr>
            <a:lvl9pPr marL="3981450" indent="-236538" defTabSz="957263" fontAlgn="base">
              <a:spcBef>
                <a:spcPct val="20000"/>
              </a:spcBef>
              <a:spcAft>
                <a:spcPct val="0"/>
              </a:spcAft>
              <a:buChar char="»"/>
              <a:defRPr sz="2100"/>
            </a:lvl9pPr>
          </a:lstStyle>
          <a:p>
            <a:pPr defTabSz="583332">
              <a:defRPr/>
            </a:pPr>
            <a:r>
              <a:rPr kumimoji="1" lang="en-US" sz="1000" dirty="0">
                <a:solidFill>
                  <a:prstClr val="black"/>
                </a:solidFill>
                <a:latin typeface="Arial" panose="020B0604020202020204" pitchFamily="34" charset="0"/>
                <a:cs typeface="Arial" panose="020B0604020202020204" pitchFamily="34" charset="0"/>
              </a:rPr>
              <a:t>Source: Compiled by XYMAX REI from various data</a:t>
            </a:r>
          </a:p>
        </p:txBody>
      </p:sp>
      <p:sp>
        <p:nvSpPr>
          <p:cNvPr id="9" name="テキスト ボックス 8">
            <a:extLst>
              <a:ext uri="{FF2B5EF4-FFF2-40B4-BE49-F238E27FC236}">
                <a16:creationId xmlns:a16="http://schemas.microsoft.com/office/drawing/2014/main" id="{2E04C69D-6BDF-51FB-ABC5-55BDF092389D}"/>
              </a:ext>
            </a:extLst>
          </p:cNvPr>
          <p:cNvSpPr txBox="1"/>
          <p:nvPr/>
        </p:nvSpPr>
        <p:spPr>
          <a:xfrm>
            <a:off x="8407635" y="1402732"/>
            <a:ext cx="2636843" cy="268141"/>
          </a:xfrm>
          <a:prstGeom prst="rect">
            <a:avLst/>
          </a:prstGeom>
          <a:noFill/>
        </p:spPr>
        <p:txBody>
          <a:bodyPr wrap="square" rtlCol="0">
            <a:noAutofit/>
          </a:bodyPr>
          <a:lstStyle/>
          <a:p>
            <a:r>
              <a:rPr lang="en-US" altLang="ja-JP" sz="1200" b="1" dirty="0">
                <a:latin typeface="Arial" panose="020B0604020202020204" pitchFamily="34" charset="0"/>
                <a:ea typeface="ＭＳ Ｐゴシック" panose="020B0600070205080204" pitchFamily="50" charset="-128"/>
                <a:cs typeface="Arial" panose="020B0604020202020204" pitchFamily="34" charset="0"/>
              </a:rPr>
              <a:t>Key Economic Indicators</a:t>
            </a:r>
          </a:p>
        </p:txBody>
      </p:sp>
      <p:grpSp>
        <p:nvGrpSpPr>
          <p:cNvPr id="10" name="グループ化 9">
            <a:extLst>
              <a:ext uri="{FF2B5EF4-FFF2-40B4-BE49-F238E27FC236}">
                <a16:creationId xmlns:a16="http://schemas.microsoft.com/office/drawing/2014/main" id="{2A738021-F1A5-1022-A9B0-E1A897AD6D52}"/>
              </a:ext>
            </a:extLst>
          </p:cNvPr>
          <p:cNvGrpSpPr/>
          <p:nvPr/>
        </p:nvGrpSpPr>
        <p:grpSpPr>
          <a:xfrm>
            <a:off x="6976241" y="3959493"/>
            <a:ext cx="5115581" cy="2809954"/>
            <a:chOff x="5701442" y="3242158"/>
            <a:chExt cx="5160224" cy="2951279"/>
          </a:xfrm>
        </p:grpSpPr>
        <p:pic>
          <p:nvPicPr>
            <p:cNvPr id="11" name="図 10">
              <a:extLst>
                <a:ext uri="{FF2B5EF4-FFF2-40B4-BE49-F238E27FC236}">
                  <a16:creationId xmlns:a16="http://schemas.microsoft.com/office/drawing/2014/main" id="{D0D94CEC-A10A-AF41-A16C-63770DACB874}"/>
                </a:ext>
              </a:extLst>
            </p:cNvPr>
            <p:cNvPicPr>
              <a:picLocks noChangeAspect="1"/>
            </p:cNvPicPr>
            <p:nvPr/>
          </p:nvPicPr>
          <p:blipFill rotWithShape="1">
            <a:blip r:embed="rId2"/>
            <a:srcRect r="3893"/>
            <a:stretch/>
          </p:blipFill>
          <p:spPr>
            <a:xfrm>
              <a:off x="5701442" y="3242158"/>
              <a:ext cx="5160224" cy="2750518"/>
            </a:xfrm>
            <a:prstGeom prst="rect">
              <a:avLst/>
            </a:prstGeom>
          </p:spPr>
        </p:pic>
        <p:sp>
          <p:nvSpPr>
            <p:cNvPr id="12" name="テキスト ボックス 11">
              <a:extLst>
                <a:ext uri="{FF2B5EF4-FFF2-40B4-BE49-F238E27FC236}">
                  <a16:creationId xmlns:a16="http://schemas.microsoft.com/office/drawing/2014/main" id="{715AC2D1-A777-0F64-FF5C-27145E9013F5}"/>
                </a:ext>
              </a:extLst>
            </p:cNvPr>
            <p:cNvSpPr txBox="1"/>
            <p:nvPr/>
          </p:nvSpPr>
          <p:spPr>
            <a:xfrm>
              <a:off x="5817031" y="5996959"/>
              <a:ext cx="4929045" cy="196478"/>
            </a:xfrm>
            <a:prstGeom prst="rect">
              <a:avLst/>
            </a:prstGeom>
          </p:spPr>
          <p:txBody>
            <a:bodyPr lIns="55715" tIns="27857" rIns="55715" bIns="27857">
              <a:noAutofit/>
            </a:bodyPr>
            <a:lstStyle>
              <a:defPPr>
                <a:defRPr lang="ja-JP"/>
              </a:defPPr>
              <a:lvl1pPr indent="0" defTabSz="957263" eaLnBrk="0" fontAlgn="base" hangingPunct="0">
                <a:spcBef>
                  <a:spcPct val="20000"/>
                </a:spcBef>
                <a:spcAft>
                  <a:spcPct val="0"/>
                </a:spcAft>
                <a:buNone/>
                <a:defRPr sz="800" kern="0">
                  <a:latin typeface="メイリオ" panose="020B0604030504040204" pitchFamily="50" charset="-128"/>
                  <a:ea typeface="メイリオ" panose="020B0604030504040204" pitchFamily="50" charset="-128"/>
                  <a:cs typeface="メイリオ" panose="020B0604030504040204" pitchFamily="50" charset="-128"/>
                </a:defRPr>
              </a:lvl1pPr>
              <a:lvl2pPr marL="777875" indent="-298450" defTabSz="957263" eaLnBrk="0" fontAlgn="base" hangingPunct="0">
                <a:spcBef>
                  <a:spcPct val="20000"/>
                </a:spcBef>
                <a:spcAft>
                  <a:spcPct val="0"/>
                </a:spcAft>
                <a:buChar char="–"/>
                <a:defRPr sz="2900"/>
              </a:lvl2pPr>
              <a:lvl3pPr marL="1196975" indent="-239713" defTabSz="957263" eaLnBrk="0" fontAlgn="base" hangingPunct="0">
                <a:spcBef>
                  <a:spcPct val="20000"/>
                </a:spcBef>
                <a:spcAft>
                  <a:spcPct val="0"/>
                </a:spcAft>
                <a:buChar char="•"/>
                <a:defRPr sz="2500"/>
              </a:lvl3pPr>
              <a:lvl4pPr marL="1676400" indent="-239713" defTabSz="957263" eaLnBrk="0" fontAlgn="base" hangingPunct="0">
                <a:spcBef>
                  <a:spcPct val="20000"/>
                </a:spcBef>
                <a:spcAft>
                  <a:spcPct val="0"/>
                </a:spcAft>
                <a:buChar char="–"/>
                <a:defRPr sz="2100"/>
              </a:lvl4pPr>
              <a:lvl5pPr marL="2152650" indent="-236538" defTabSz="957263" eaLnBrk="0" fontAlgn="base" hangingPunct="0">
                <a:spcBef>
                  <a:spcPct val="20000"/>
                </a:spcBef>
                <a:spcAft>
                  <a:spcPct val="0"/>
                </a:spcAft>
                <a:buChar char="»"/>
                <a:defRPr sz="2100"/>
              </a:lvl5pPr>
              <a:lvl6pPr marL="2609850" indent="-236538" defTabSz="957263" fontAlgn="base">
                <a:spcBef>
                  <a:spcPct val="20000"/>
                </a:spcBef>
                <a:spcAft>
                  <a:spcPct val="0"/>
                </a:spcAft>
                <a:buChar char="»"/>
                <a:defRPr sz="2100"/>
              </a:lvl6pPr>
              <a:lvl7pPr marL="3067050" indent="-236538" defTabSz="957263" fontAlgn="base">
                <a:spcBef>
                  <a:spcPct val="20000"/>
                </a:spcBef>
                <a:spcAft>
                  <a:spcPct val="0"/>
                </a:spcAft>
                <a:buChar char="»"/>
                <a:defRPr sz="2100"/>
              </a:lvl7pPr>
              <a:lvl8pPr marL="3524250" indent="-236538" defTabSz="957263" fontAlgn="base">
                <a:spcBef>
                  <a:spcPct val="20000"/>
                </a:spcBef>
                <a:spcAft>
                  <a:spcPct val="0"/>
                </a:spcAft>
                <a:buChar char="»"/>
                <a:defRPr sz="2100"/>
              </a:lvl8pPr>
              <a:lvl9pPr marL="3981450" indent="-236538" defTabSz="957263" fontAlgn="base">
                <a:spcBef>
                  <a:spcPct val="20000"/>
                </a:spcBef>
                <a:spcAft>
                  <a:spcPct val="0"/>
                </a:spcAft>
                <a:buChar char="»"/>
                <a:defRPr sz="2100"/>
              </a:lvl9pPr>
            </a:lstStyle>
            <a:p>
              <a:pPr defTabSz="583332">
                <a:defRPr/>
              </a:pPr>
              <a:r>
                <a:rPr kumimoji="1" lang="en-US" sz="1000" dirty="0">
                  <a:solidFill>
                    <a:prstClr val="black"/>
                  </a:solidFill>
                  <a:latin typeface="Arial" panose="020B0604020202020204" pitchFamily="34" charset="0"/>
                  <a:cs typeface="Arial" panose="020B0604020202020204" pitchFamily="34" charset="0"/>
                </a:rPr>
                <a:t>Source: Short-Term Economic Survey of Enterprises in Japan, Bank of Japan</a:t>
              </a:r>
            </a:p>
            <a:p>
              <a:pPr defTabSz="583332">
                <a:defRPr/>
              </a:pPr>
              <a:endParaRPr kumimoji="1" lang="en-US" sz="1000" dirty="0">
                <a:solidFill>
                  <a:prstClr val="black"/>
                </a:solidFill>
                <a:latin typeface="Arial" panose="020B0604020202020204" pitchFamily="34" charset="0"/>
                <a:cs typeface="Arial" panose="020B0604020202020204" pitchFamily="34" charset="0"/>
              </a:endParaRPr>
            </a:p>
          </p:txBody>
        </p:sp>
        <p:sp>
          <p:nvSpPr>
            <p:cNvPr id="13" name="テキスト ボックス 12">
              <a:extLst>
                <a:ext uri="{FF2B5EF4-FFF2-40B4-BE49-F238E27FC236}">
                  <a16:creationId xmlns:a16="http://schemas.microsoft.com/office/drawing/2014/main" id="{35C1170D-3024-C917-B23E-F7246FEDFADF}"/>
                </a:ext>
              </a:extLst>
            </p:cNvPr>
            <p:cNvSpPr txBox="1"/>
            <p:nvPr/>
          </p:nvSpPr>
          <p:spPr>
            <a:xfrm>
              <a:off x="6887506" y="3242158"/>
              <a:ext cx="3016869" cy="268141"/>
            </a:xfrm>
            <a:prstGeom prst="rect">
              <a:avLst/>
            </a:prstGeom>
            <a:noFill/>
          </p:spPr>
          <p:txBody>
            <a:bodyPr wrap="square" rtlCol="0">
              <a:noAutofit/>
            </a:bodyPr>
            <a:lstStyle/>
            <a:p>
              <a:r>
                <a:rPr lang="en-US" altLang="ja-JP" sz="1200" b="1" dirty="0">
                  <a:latin typeface="Arial" panose="020B0604020202020204" pitchFamily="34" charset="0"/>
                  <a:ea typeface="ＭＳ Ｐゴシック" panose="020B0600070205080204" pitchFamily="50" charset="-128"/>
                  <a:cs typeface="Arial" panose="020B0604020202020204" pitchFamily="34" charset="0"/>
                </a:rPr>
                <a:t>Tankan DI (Biz Sentiment) -detail</a:t>
              </a:r>
            </a:p>
          </p:txBody>
        </p:sp>
      </p:grpSp>
      <p:pic>
        <p:nvPicPr>
          <p:cNvPr id="2" name="図 1">
            <a:extLst>
              <a:ext uri="{FF2B5EF4-FFF2-40B4-BE49-F238E27FC236}">
                <a16:creationId xmlns:a16="http://schemas.microsoft.com/office/drawing/2014/main" id="{57E95EE9-B346-37AE-5AEC-EBCE7FB78875}"/>
              </a:ext>
            </a:extLst>
          </p:cNvPr>
          <p:cNvPicPr>
            <a:picLocks noChangeAspect="1"/>
          </p:cNvPicPr>
          <p:nvPr/>
        </p:nvPicPr>
        <p:blipFill>
          <a:blip r:embed="rId3"/>
          <a:stretch>
            <a:fillRect/>
          </a:stretch>
        </p:blipFill>
        <p:spPr>
          <a:xfrm flipH="1">
            <a:off x="11701191" y="1023589"/>
            <a:ext cx="419653" cy="279699"/>
          </a:xfrm>
          <a:prstGeom prst="rect">
            <a:avLst/>
          </a:prstGeom>
        </p:spPr>
      </p:pic>
    </p:spTree>
    <p:extLst>
      <p:ext uri="{BB962C8B-B14F-4D97-AF65-F5344CB8AC3E}">
        <p14:creationId xmlns:p14="http://schemas.microsoft.com/office/powerpoint/2010/main" val="80503848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タイトル 1">
            <a:extLst>
              <a:ext uri="{FF2B5EF4-FFF2-40B4-BE49-F238E27FC236}">
                <a16:creationId xmlns:a16="http://schemas.microsoft.com/office/drawing/2014/main" id="{3665B106-1A95-F6E7-EB89-4D27724F02BF}"/>
              </a:ext>
            </a:extLst>
          </p:cNvPr>
          <p:cNvSpPr txBox="1">
            <a:spLocks/>
          </p:cNvSpPr>
          <p:nvPr/>
        </p:nvSpPr>
        <p:spPr>
          <a:xfrm>
            <a:off x="1277816" y="786672"/>
            <a:ext cx="8915400" cy="719089"/>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kumimoji="1" sz="2400" b="0" kern="1200">
                <a:solidFill>
                  <a:srgbClr val="1E2380"/>
                </a:solidFill>
                <a:latin typeface="Arial" panose="020B0604020202020204" pitchFamily="34" charset="0"/>
                <a:ea typeface="ＭＳ Ｐゴシック" panose="020B0600070205080204" pitchFamily="50" charset="-128"/>
                <a:cs typeface="メイリオ" pitchFamily="50" charset="-128"/>
              </a:defRPr>
            </a:lvl1pPr>
          </a:lstStyle>
          <a:p>
            <a:r>
              <a:rPr lang="en-US" altLang="ja-JP" sz="4000" dirty="0">
                <a:solidFill>
                  <a:srgbClr val="1C1C1C"/>
                </a:solidFill>
                <a:latin typeface="+mj-lt"/>
                <a:ea typeface="+mj-ea"/>
                <a:cs typeface="Arial" panose="020B0604020202020204" pitchFamily="34" charset="0"/>
              </a:rPr>
              <a:t>Office – How big is Tokyo Office Market?</a:t>
            </a:r>
          </a:p>
        </p:txBody>
      </p:sp>
      <p:sp>
        <p:nvSpPr>
          <p:cNvPr id="6" name="テキスト ボックス 5">
            <a:extLst>
              <a:ext uri="{FF2B5EF4-FFF2-40B4-BE49-F238E27FC236}">
                <a16:creationId xmlns:a16="http://schemas.microsoft.com/office/drawing/2014/main" id="{98F43916-26A0-7D8D-8426-345A5019E2D1}"/>
              </a:ext>
            </a:extLst>
          </p:cNvPr>
          <p:cNvSpPr txBox="1"/>
          <p:nvPr/>
        </p:nvSpPr>
        <p:spPr>
          <a:xfrm>
            <a:off x="243765" y="3013404"/>
            <a:ext cx="5087743" cy="1995290"/>
          </a:xfrm>
          <a:prstGeom prst="rect">
            <a:avLst/>
          </a:prstGeom>
          <a:noFill/>
        </p:spPr>
        <p:txBody>
          <a:bodyPr wrap="square" rtlCol="0">
            <a:spAutoFit/>
          </a:bodyPr>
          <a:lstStyle/>
          <a:p>
            <a:pPr marL="171450" indent="-171450">
              <a:lnSpc>
                <a:spcPts val="2100"/>
              </a:lnSpc>
              <a:spcBef>
                <a:spcPts val="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Population: Tokyo 14mil. / Japan 124 mil. = 11.3%</a:t>
            </a:r>
          </a:p>
          <a:p>
            <a:pPr marL="171450" indent="-171450">
              <a:lnSpc>
                <a:spcPts val="2100"/>
              </a:lnSpc>
              <a:spcBef>
                <a:spcPts val="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Greater Tokyo: 38mil., the largest metropolis in the world</a:t>
            </a:r>
          </a:p>
          <a:p>
            <a:pPr marL="171450" indent="-171450">
              <a:lnSpc>
                <a:spcPts val="2100"/>
              </a:lnSpc>
              <a:spcBef>
                <a:spcPts val="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Tokyo occupies approx. </a:t>
            </a:r>
            <a:r>
              <a:rPr kumimoji="1" lang="en-US" sz="1600" dirty="0">
                <a:solidFill>
                  <a:srgbClr val="FF0000"/>
                </a:solidFill>
                <a:latin typeface="Arial" panose="020B0604020202020204" pitchFamily="34" charset="0"/>
                <a:cs typeface="Arial" panose="020B0604020202020204" pitchFamily="34" charset="0"/>
              </a:rPr>
              <a:t>60%</a:t>
            </a:r>
            <a:r>
              <a:rPr kumimoji="1" lang="en-US" sz="1600" dirty="0">
                <a:solidFill>
                  <a:srgbClr val="1C1C1C"/>
                </a:solidFill>
                <a:latin typeface="Arial" panose="020B0604020202020204" pitchFamily="34" charset="0"/>
                <a:cs typeface="Arial" panose="020B0604020202020204" pitchFamily="34" charset="0"/>
              </a:rPr>
              <a:t> of Japan office stock.</a:t>
            </a:r>
          </a:p>
          <a:p>
            <a:pPr marL="171450" indent="-171450">
              <a:lnSpc>
                <a:spcPts val="2100"/>
              </a:lnSpc>
              <a:spcBef>
                <a:spcPts val="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Osaka, the 2</a:t>
            </a:r>
            <a:r>
              <a:rPr kumimoji="1" lang="en-US" sz="1600" baseline="30000" dirty="0">
                <a:solidFill>
                  <a:srgbClr val="1C1C1C"/>
                </a:solidFill>
                <a:latin typeface="Arial" panose="020B0604020202020204" pitchFamily="34" charset="0"/>
                <a:cs typeface="Arial" panose="020B0604020202020204" pitchFamily="34" charset="0"/>
              </a:rPr>
              <a:t>nd</a:t>
            </a:r>
            <a:r>
              <a:rPr kumimoji="1" lang="en-US" sz="1600" dirty="0">
                <a:solidFill>
                  <a:srgbClr val="1C1C1C"/>
                </a:solidFill>
                <a:latin typeface="Arial" panose="020B0604020202020204" pitchFamily="34" charset="0"/>
                <a:cs typeface="Arial" panose="020B0604020202020204" pitchFamily="34" charset="0"/>
              </a:rPr>
              <a:t> largest market, is still 26% of Tokyo</a:t>
            </a:r>
          </a:p>
          <a:p>
            <a:pPr marL="171450" indent="-171450">
              <a:lnSpc>
                <a:spcPts val="2100"/>
              </a:lnSpc>
              <a:spcBef>
                <a:spcPts val="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Tokyo has larger office stock than NYC and LDN.</a:t>
            </a:r>
          </a:p>
        </p:txBody>
      </p:sp>
      <p:grpSp>
        <p:nvGrpSpPr>
          <p:cNvPr id="14" name="グループ化 13">
            <a:extLst>
              <a:ext uri="{FF2B5EF4-FFF2-40B4-BE49-F238E27FC236}">
                <a16:creationId xmlns:a16="http://schemas.microsoft.com/office/drawing/2014/main" id="{091797EB-DE6C-03C3-C68C-B536DDC37329}"/>
              </a:ext>
            </a:extLst>
          </p:cNvPr>
          <p:cNvGrpSpPr/>
          <p:nvPr/>
        </p:nvGrpSpPr>
        <p:grpSpPr>
          <a:xfrm>
            <a:off x="3709851" y="2951887"/>
            <a:ext cx="8249259" cy="3761676"/>
            <a:chOff x="1644569" y="2584617"/>
            <a:chExt cx="8249259" cy="3761676"/>
          </a:xfrm>
        </p:grpSpPr>
        <p:grpSp>
          <p:nvGrpSpPr>
            <p:cNvPr id="15" name="グループ化 14">
              <a:extLst>
                <a:ext uri="{FF2B5EF4-FFF2-40B4-BE49-F238E27FC236}">
                  <a16:creationId xmlns:a16="http://schemas.microsoft.com/office/drawing/2014/main" id="{080FEB51-2EF6-DECA-B244-06E6833F35FC}"/>
                </a:ext>
              </a:extLst>
            </p:cNvPr>
            <p:cNvGrpSpPr/>
            <p:nvPr/>
          </p:nvGrpSpPr>
          <p:grpSpPr>
            <a:xfrm>
              <a:off x="1644569" y="2584617"/>
              <a:ext cx="8182626" cy="3761676"/>
              <a:chOff x="1644569" y="2584617"/>
              <a:chExt cx="8182626" cy="3761676"/>
            </a:xfrm>
          </p:grpSpPr>
          <p:sp>
            <p:nvSpPr>
              <p:cNvPr id="29" name="テキスト ボックス 28">
                <a:extLst>
                  <a:ext uri="{FF2B5EF4-FFF2-40B4-BE49-F238E27FC236}">
                    <a16:creationId xmlns:a16="http://schemas.microsoft.com/office/drawing/2014/main" id="{BD3393E4-A928-1CD6-8BEA-AE340BD5AC36}"/>
                  </a:ext>
                </a:extLst>
              </p:cNvPr>
              <p:cNvSpPr txBox="1"/>
              <p:nvPr/>
            </p:nvSpPr>
            <p:spPr>
              <a:xfrm>
                <a:off x="1644569" y="5915406"/>
                <a:ext cx="2025665" cy="430887"/>
              </a:xfrm>
              <a:prstGeom prst="rect">
                <a:avLst/>
              </a:prstGeom>
              <a:noFill/>
            </p:spPr>
            <p:txBody>
              <a:bodyPr wrap="square" rtlCol="0">
                <a:spAutoFit/>
              </a:bodyPr>
              <a:lstStyle/>
              <a:p>
                <a:pPr>
                  <a:spcBef>
                    <a:spcPts val="0"/>
                  </a:spcBef>
                  <a:spcAft>
                    <a:spcPts val="0"/>
                  </a:spcAft>
                </a:pPr>
                <a:r>
                  <a:rPr kumimoji="1" lang="en-US" altLang="ja-JP" sz="1100" dirty="0">
                    <a:solidFill>
                      <a:schemeClr val="tx1">
                        <a:lumMod val="75000"/>
                        <a:lumOff val="25000"/>
                      </a:schemeClr>
                    </a:solidFill>
                  </a:rPr>
                  <a:t>1 tsubo = 3.3 sqm = 35.58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 </a:t>
                </a:r>
              </a:p>
              <a:p>
                <a:pPr>
                  <a:spcBef>
                    <a:spcPts val="0"/>
                  </a:spcBef>
                  <a:spcAft>
                    <a:spcPts val="0"/>
                  </a:spcAft>
                </a:pPr>
                <a:r>
                  <a:rPr kumimoji="1" lang="en-US" altLang="ja-JP" sz="1100" dirty="0">
                    <a:solidFill>
                      <a:schemeClr val="tx1">
                        <a:lumMod val="75000"/>
                        <a:lumOff val="25000"/>
                      </a:schemeClr>
                    </a:solidFill>
                  </a:rPr>
                  <a:t>1 sqm = 10.76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a:t>
                </a:r>
                <a:endParaRPr kumimoji="1" lang="ja-JP" altLang="en-US" sz="1100" dirty="0">
                  <a:solidFill>
                    <a:schemeClr val="tx1">
                      <a:lumMod val="75000"/>
                      <a:lumOff val="25000"/>
                    </a:schemeClr>
                  </a:solidFill>
                </a:endParaRPr>
              </a:p>
            </p:txBody>
          </p:sp>
          <p:sp>
            <p:nvSpPr>
              <p:cNvPr id="30" name="テキスト ボックス 29">
                <a:extLst>
                  <a:ext uri="{FF2B5EF4-FFF2-40B4-BE49-F238E27FC236}">
                    <a16:creationId xmlns:a16="http://schemas.microsoft.com/office/drawing/2014/main" id="{6599DE3E-4EB9-8F48-9ADB-C6DAF229FA12}"/>
                  </a:ext>
                </a:extLst>
              </p:cNvPr>
              <p:cNvSpPr txBox="1"/>
              <p:nvPr/>
            </p:nvSpPr>
            <p:spPr>
              <a:xfrm>
                <a:off x="3746762" y="6080027"/>
                <a:ext cx="4237496" cy="246221"/>
              </a:xfrm>
              <a:prstGeom prst="rect">
                <a:avLst/>
              </a:prstGeom>
              <a:noFill/>
            </p:spPr>
            <p:txBody>
              <a:bodyPr wrap="square" rtlCol="0">
                <a:spAutoFit/>
              </a:bodyPr>
              <a:lstStyle/>
              <a:p>
                <a:r>
                  <a:rPr kumimoji="1" lang="en-US" altLang="ja-JP" sz="1000" dirty="0">
                    <a:latin typeface="Arial" panose="020B0604020202020204" pitchFamily="34" charset="0"/>
                    <a:cs typeface="Arial" panose="020B0604020202020204" pitchFamily="34" charset="0"/>
                  </a:rPr>
                  <a:t>Source: Compiled by XYMAX REI based on Sanko Estate Data</a:t>
                </a:r>
                <a:endParaRPr kumimoji="1" lang="ja-JP" altLang="en-US" sz="1000" dirty="0">
                  <a:latin typeface="Arial" panose="020B0604020202020204" pitchFamily="34" charset="0"/>
                  <a:cs typeface="Arial" panose="020B0604020202020204" pitchFamily="34" charset="0"/>
                </a:endParaRPr>
              </a:p>
            </p:txBody>
          </p:sp>
          <p:graphicFrame>
            <p:nvGraphicFramePr>
              <p:cNvPr id="31" name="グラフ 30">
                <a:extLst>
                  <a:ext uri="{FF2B5EF4-FFF2-40B4-BE49-F238E27FC236}">
                    <a16:creationId xmlns:a16="http://schemas.microsoft.com/office/drawing/2014/main" id="{2B28B1AF-680E-6BE2-CD28-2FD41210A5EB}"/>
                  </a:ext>
                </a:extLst>
              </p:cNvPr>
              <p:cNvGraphicFramePr>
                <a:graphicFrameLocks/>
              </p:cNvGraphicFramePr>
              <p:nvPr/>
            </p:nvGraphicFramePr>
            <p:xfrm>
              <a:off x="3529000" y="2584617"/>
              <a:ext cx="6298195" cy="3523222"/>
            </p:xfrm>
            <a:graphic>
              <a:graphicData uri="http://schemas.openxmlformats.org/drawingml/2006/chart">
                <c:chart xmlns:c="http://schemas.openxmlformats.org/drawingml/2006/chart" xmlns:r="http://schemas.openxmlformats.org/officeDocument/2006/relationships" r:id="rId3"/>
              </a:graphicData>
            </a:graphic>
          </p:graphicFrame>
        </p:grpSp>
        <p:sp>
          <p:nvSpPr>
            <p:cNvPr id="16" name="テキスト ボックス 15">
              <a:extLst>
                <a:ext uri="{FF2B5EF4-FFF2-40B4-BE49-F238E27FC236}">
                  <a16:creationId xmlns:a16="http://schemas.microsoft.com/office/drawing/2014/main" id="{56E4D418-1E2C-A6F6-6714-24B06FF2E8E3}"/>
                </a:ext>
              </a:extLst>
            </p:cNvPr>
            <p:cNvSpPr txBox="1"/>
            <p:nvPr/>
          </p:nvSpPr>
          <p:spPr>
            <a:xfrm>
              <a:off x="4110446" y="2937246"/>
              <a:ext cx="1689463" cy="276999"/>
            </a:xfrm>
            <a:prstGeom prst="rect">
              <a:avLst/>
            </a:prstGeom>
            <a:noFill/>
          </p:spPr>
          <p:txBody>
            <a:bodyPr wrap="square" rtlCol="0">
              <a:spAutoFit/>
            </a:bodyPr>
            <a:lstStyle/>
            <a:p>
              <a:r>
                <a:rPr kumimoji="1" lang="en-US" altLang="ja-JP" sz="1200" dirty="0">
                  <a:solidFill>
                    <a:srgbClr val="3333FF"/>
                  </a:solidFill>
                </a:rPr>
                <a:t>429mil </a:t>
              </a:r>
              <a:r>
                <a:rPr kumimoji="1" lang="en-US" altLang="ja-JP" sz="1200" dirty="0" err="1">
                  <a:solidFill>
                    <a:srgbClr val="3333FF"/>
                  </a:solidFill>
                </a:rPr>
                <a:t>sq.ft</a:t>
              </a:r>
              <a:r>
                <a:rPr kumimoji="1" lang="en-US" altLang="ja-JP" sz="1200" dirty="0">
                  <a:solidFill>
                    <a:srgbClr val="3333FF"/>
                  </a:solidFill>
                </a:rPr>
                <a:t>.</a:t>
              </a:r>
              <a:endParaRPr kumimoji="1" lang="ja-JP" altLang="en-US" sz="1200" dirty="0">
                <a:solidFill>
                  <a:srgbClr val="3333FF"/>
                </a:solidFill>
              </a:endParaRPr>
            </a:p>
          </p:txBody>
        </p:sp>
        <p:sp>
          <p:nvSpPr>
            <p:cNvPr id="17" name="テキスト ボックス 16">
              <a:extLst>
                <a:ext uri="{FF2B5EF4-FFF2-40B4-BE49-F238E27FC236}">
                  <a16:creationId xmlns:a16="http://schemas.microsoft.com/office/drawing/2014/main" id="{9CD4B731-049C-33C5-B326-7F612B55057E}"/>
                </a:ext>
              </a:extLst>
            </p:cNvPr>
            <p:cNvSpPr txBox="1"/>
            <p:nvPr/>
          </p:nvSpPr>
          <p:spPr>
            <a:xfrm>
              <a:off x="4988635" y="4522542"/>
              <a:ext cx="1011572" cy="276999"/>
            </a:xfrm>
            <a:prstGeom prst="rect">
              <a:avLst/>
            </a:prstGeom>
            <a:noFill/>
          </p:spPr>
          <p:txBody>
            <a:bodyPr wrap="square" rtlCol="0">
              <a:spAutoFit/>
            </a:bodyPr>
            <a:lstStyle/>
            <a:p>
              <a:r>
                <a:rPr kumimoji="1" lang="en-US" altLang="ja-JP" sz="1200" dirty="0">
                  <a:solidFill>
                    <a:srgbClr val="3333FF"/>
                  </a:solidFill>
                </a:rPr>
                <a:t>111mil </a:t>
              </a:r>
              <a:r>
                <a:rPr kumimoji="1" lang="en-US" altLang="ja-JP" sz="1200" dirty="0" err="1">
                  <a:solidFill>
                    <a:srgbClr val="3333FF"/>
                  </a:solidFill>
                </a:rPr>
                <a:t>sq.ft</a:t>
              </a:r>
              <a:r>
                <a:rPr kumimoji="1" lang="en-US" altLang="ja-JP" sz="1200" dirty="0">
                  <a:solidFill>
                    <a:srgbClr val="3333FF"/>
                  </a:solidFill>
                </a:rPr>
                <a:t>.</a:t>
              </a:r>
              <a:endParaRPr kumimoji="1" lang="ja-JP" altLang="en-US" sz="1200" dirty="0">
                <a:solidFill>
                  <a:srgbClr val="3333FF"/>
                </a:solidFill>
              </a:endParaRPr>
            </a:p>
          </p:txBody>
        </p:sp>
        <p:sp>
          <p:nvSpPr>
            <p:cNvPr id="18" name="テキスト ボックス 17">
              <a:extLst>
                <a:ext uri="{FF2B5EF4-FFF2-40B4-BE49-F238E27FC236}">
                  <a16:creationId xmlns:a16="http://schemas.microsoft.com/office/drawing/2014/main" id="{70B07A3A-C5A9-5743-E095-E878BA785508}"/>
                </a:ext>
              </a:extLst>
            </p:cNvPr>
            <p:cNvSpPr txBox="1"/>
            <p:nvPr/>
          </p:nvSpPr>
          <p:spPr>
            <a:xfrm>
              <a:off x="5935237" y="4844759"/>
              <a:ext cx="1011572" cy="276999"/>
            </a:xfrm>
            <a:prstGeom prst="rect">
              <a:avLst/>
            </a:prstGeom>
            <a:noFill/>
          </p:spPr>
          <p:txBody>
            <a:bodyPr wrap="square" rtlCol="0">
              <a:spAutoFit/>
            </a:bodyPr>
            <a:lstStyle/>
            <a:p>
              <a:r>
                <a:rPr kumimoji="1" lang="en-US" altLang="ja-JP" sz="1200" dirty="0">
                  <a:solidFill>
                    <a:srgbClr val="3333FF"/>
                  </a:solidFill>
                </a:rPr>
                <a:t>46mil </a:t>
              </a:r>
              <a:r>
                <a:rPr kumimoji="1" lang="en-US" altLang="ja-JP" sz="1200" dirty="0" err="1">
                  <a:solidFill>
                    <a:srgbClr val="3333FF"/>
                  </a:solidFill>
                </a:rPr>
                <a:t>sq.ft</a:t>
              </a:r>
              <a:r>
                <a:rPr kumimoji="1" lang="en-US" altLang="ja-JP" sz="1200" dirty="0">
                  <a:solidFill>
                    <a:srgbClr val="3333FF"/>
                  </a:solidFill>
                </a:rPr>
                <a:t>.</a:t>
              </a:r>
              <a:endParaRPr kumimoji="1" lang="ja-JP" altLang="en-US" sz="1200" dirty="0">
                <a:solidFill>
                  <a:srgbClr val="3333FF"/>
                </a:solidFill>
              </a:endParaRPr>
            </a:p>
          </p:txBody>
        </p:sp>
        <p:sp>
          <p:nvSpPr>
            <p:cNvPr id="19" name="テキスト ボックス 18">
              <a:extLst>
                <a:ext uri="{FF2B5EF4-FFF2-40B4-BE49-F238E27FC236}">
                  <a16:creationId xmlns:a16="http://schemas.microsoft.com/office/drawing/2014/main" id="{26C5AFE6-B161-4FF1-620F-640ED8DA0B53}"/>
                </a:ext>
              </a:extLst>
            </p:cNvPr>
            <p:cNvSpPr txBox="1"/>
            <p:nvPr/>
          </p:nvSpPr>
          <p:spPr>
            <a:xfrm>
              <a:off x="6852355" y="4899804"/>
              <a:ext cx="1011572" cy="276999"/>
            </a:xfrm>
            <a:prstGeom prst="rect">
              <a:avLst/>
            </a:prstGeom>
            <a:noFill/>
          </p:spPr>
          <p:txBody>
            <a:bodyPr wrap="square" rtlCol="0">
              <a:spAutoFit/>
            </a:bodyPr>
            <a:lstStyle/>
            <a:p>
              <a:r>
                <a:rPr kumimoji="1" lang="en-US" altLang="ja-JP" sz="1200" dirty="0">
                  <a:solidFill>
                    <a:srgbClr val="3333FF"/>
                  </a:solidFill>
                </a:rPr>
                <a:t>32mil </a:t>
              </a:r>
              <a:r>
                <a:rPr kumimoji="1" lang="en-US" altLang="ja-JP" sz="1200" dirty="0" err="1">
                  <a:solidFill>
                    <a:srgbClr val="3333FF"/>
                  </a:solidFill>
                </a:rPr>
                <a:t>sq.ft</a:t>
              </a:r>
              <a:r>
                <a:rPr kumimoji="1" lang="en-US" altLang="ja-JP" sz="1200" dirty="0">
                  <a:solidFill>
                    <a:srgbClr val="3333FF"/>
                  </a:solidFill>
                </a:rPr>
                <a:t>.</a:t>
              </a:r>
              <a:endParaRPr kumimoji="1" lang="ja-JP" altLang="en-US" sz="1200" dirty="0">
                <a:solidFill>
                  <a:srgbClr val="3333FF"/>
                </a:solidFill>
              </a:endParaRPr>
            </a:p>
          </p:txBody>
        </p:sp>
        <p:sp>
          <p:nvSpPr>
            <p:cNvPr id="20" name="テキスト ボックス 19">
              <a:extLst>
                <a:ext uri="{FF2B5EF4-FFF2-40B4-BE49-F238E27FC236}">
                  <a16:creationId xmlns:a16="http://schemas.microsoft.com/office/drawing/2014/main" id="{68F18936-1AC2-10AA-A57D-D5C5A15F9004}"/>
                </a:ext>
              </a:extLst>
            </p:cNvPr>
            <p:cNvSpPr txBox="1"/>
            <p:nvPr/>
          </p:nvSpPr>
          <p:spPr>
            <a:xfrm>
              <a:off x="7984258" y="4983258"/>
              <a:ext cx="1011572" cy="276999"/>
            </a:xfrm>
            <a:prstGeom prst="rect">
              <a:avLst/>
            </a:prstGeom>
            <a:noFill/>
          </p:spPr>
          <p:txBody>
            <a:bodyPr wrap="square" rtlCol="0">
              <a:spAutoFit/>
            </a:bodyPr>
            <a:lstStyle/>
            <a:p>
              <a:r>
                <a:rPr kumimoji="1" lang="en-US" altLang="ja-JP" sz="1200" dirty="0">
                  <a:solidFill>
                    <a:srgbClr val="3333FF"/>
                  </a:solidFill>
                </a:rPr>
                <a:t>22mil </a:t>
              </a:r>
              <a:r>
                <a:rPr kumimoji="1" lang="en-US" altLang="ja-JP" sz="1200" dirty="0" err="1">
                  <a:solidFill>
                    <a:srgbClr val="3333FF"/>
                  </a:solidFill>
                </a:rPr>
                <a:t>sq.ft</a:t>
              </a:r>
              <a:r>
                <a:rPr kumimoji="1" lang="en-US" altLang="ja-JP" sz="1200" dirty="0">
                  <a:solidFill>
                    <a:srgbClr val="3333FF"/>
                  </a:solidFill>
                </a:rPr>
                <a:t>.</a:t>
              </a:r>
              <a:endParaRPr kumimoji="1" lang="ja-JP" altLang="en-US" sz="1200" dirty="0">
                <a:solidFill>
                  <a:srgbClr val="3333FF"/>
                </a:solidFill>
              </a:endParaRPr>
            </a:p>
          </p:txBody>
        </p:sp>
        <p:sp>
          <p:nvSpPr>
            <p:cNvPr id="21" name="テキスト ボックス 20">
              <a:extLst>
                <a:ext uri="{FF2B5EF4-FFF2-40B4-BE49-F238E27FC236}">
                  <a16:creationId xmlns:a16="http://schemas.microsoft.com/office/drawing/2014/main" id="{92ADCEE5-177B-4B18-39C1-EAA5292C8534}"/>
                </a:ext>
              </a:extLst>
            </p:cNvPr>
            <p:cNvSpPr txBox="1"/>
            <p:nvPr/>
          </p:nvSpPr>
          <p:spPr>
            <a:xfrm>
              <a:off x="8882256" y="5029874"/>
              <a:ext cx="1011572" cy="276999"/>
            </a:xfrm>
            <a:prstGeom prst="rect">
              <a:avLst/>
            </a:prstGeom>
            <a:noFill/>
          </p:spPr>
          <p:txBody>
            <a:bodyPr wrap="square" rtlCol="0">
              <a:spAutoFit/>
            </a:bodyPr>
            <a:lstStyle/>
            <a:p>
              <a:r>
                <a:rPr kumimoji="1" lang="en-US" altLang="ja-JP" sz="1200" dirty="0">
                  <a:solidFill>
                    <a:srgbClr val="3333FF"/>
                  </a:solidFill>
                </a:rPr>
                <a:t>17mil </a:t>
              </a:r>
              <a:r>
                <a:rPr kumimoji="1" lang="en-US" altLang="ja-JP" sz="1200" dirty="0" err="1">
                  <a:solidFill>
                    <a:srgbClr val="3333FF"/>
                  </a:solidFill>
                </a:rPr>
                <a:t>sq.ft</a:t>
              </a:r>
              <a:r>
                <a:rPr kumimoji="1" lang="en-US" altLang="ja-JP" sz="1200" dirty="0">
                  <a:solidFill>
                    <a:srgbClr val="3333FF"/>
                  </a:solidFill>
                </a:rPr>
                <a:t>.</a:t>
              </a:r>
              <a:endParaRPr kumimoji="1" lang="ja-JP" altLang="en-US" sz="1200" dirty="0">
                <a:solidFill>
                  <a:srgbClr val="3333FF"/>
                </a:solidFill>
              </a:endParaRPr>
            </a:p>
          </p:txBody>
        </p:sp>
        <p:sp>
          <p:nvSpPr>
            <p:cNvPr id="22" name="テキスト ボックス 21">
              <a:extLst>
                <a:ext uri="{FF2B5EF4-FFF2-40B4-BE49-F238E27FC236}">
                  <a16:creationId xmlns:a16="http://schemas.microsoft.com/office/drawing/2014/main" id="{9F46F222-BC0B-9ED2-93E0-D0CD34E7B591}"/>
                </a:ext>
              </a:extLst>
            </p:cNvPr>
            <p:cNvSpPr txBox="1"/>
            <p:nvPr/>
          </p:nvSpPr>
          <p:spPr>
            <a:xfrm>
              <a:off x="4267201" y="2629036"/>
              <a:ext cx="539930" cy="276999"/>
            </a:xfrm>
            <a:prstGeom prst="rect">
              <a:avLst/>
            </a:prstGeom>
            <a:solidFill>
              <a:srgbClr val="FFFFCC"/>
            </a:solidFill>
          </p:spPr>
          <p:txBody>
            <a:bodyPr wrap="square" rtlCol="0">
              <a:spAutoFit/>
            </a:bodyPr>
            <a:lstStyle/>
            <a:p>
              <a:pPr algn="ctr"/>
              <a:r>
                <a:rPr kumimoji="1" lang="en-US" altLang="ja-JP" sz="1200" dirty="0"/>
                <a:t>100 </a:t>
              </a:r>
            </a:p>
          </p:txBody>
        </p:sp>
        <p:sp>
          <p:nvSpPr>
            <p:cNvPr id="23" name="テキスト ボックス 22">
              <a:extLst>
                <a:ext uri="{FF2B5EF4-FFF2-40B4-BE49-F238E27FC236}">
                  <a16:creationId xmlns:a16="http://schemas.microsoft.com/office/drawing/2014/main" id="{AA4089C3-FF5A-F011-8F95-A3F90A65165C}"/>
                </a:ext>
              </a:extLst>
            </p:cNvPr>
            <p:cNvSpPr txBox="1"/>
            <p:nvPr/>
          </p:nvSpPr>
          <p:spPr>
            <a:xfrm>
              <a:off x="5259979" y="4294297"/>
              <a:ext cx="539930" cy="276999"/>
            </a:xfrm>
            <a:prstGeom prst="rect">
              <a:avLst/>
            </a:prstGeom>
            <a:solidFill>
              <a:srgbClr val="FFFFCC"/>
            </a:solidFill>
          </p:spPr>
          <p:txBody>
            <a:bodyPr wrap="square" rtlCol="0">
              <a:spAutoFit/>
            </a:bodyPr>
            <a:lstStyle/>
            <a:p>
              <a:pPr algn="ctr"/>
              <a:r>
                <a:rPr kumimoji="1" lang="en-US" altLang="ja-JP" sz="1200" dirty="0"/>
                <a:t>26 </a:t>
              </a:r>
            </a:p>
          </p:txBody>
        </p:sp>
        <p:sp>
          <p:nvSpPr>
            <p:cNvPr id="24" name="テキスト ボックス 23">
              <a:extLst>
                <a:ext uri="{FF2B5EF4-FFF2-40B4-BE49-F238E27FC236}">
                  <a16:creationId xmlns:a16="http://schemas.microsoft.com/office/drawing/2014/main" id="{D353508E-8F87-EC11-9011-5A951990D85A}"/>
                </a:ext>
              </a:extLst>
            </p:cNvPr>
            <p:cNvSpPr txBox="1"/>
            <p:nvPr/>
          </p:nvSpPr>
          <p:spPr>
            <a:xfrm>
              <a:off x="6170231" y="4582715"/>
              <a:ext cx="539930" cy="276999"/>
            </a:xfrm>
            <a:prstGeom prst="rect">
              <a:avLst/>
            </a:prstGeom>
            <a:solidFill>
              <a:srgbClr val="FFFFCC"/>
            </a:solidFill>
          </p:spPr>
          <p:txBody>
            <a:bodyPr wrap="square" rtlCol="0">
              <a:spAutoFit/>
            </a:bodyPr>
            <a:lstStyle/>
            <a:p>
              <a:pPr algn="ctr"/>
              <a:r>
                <a:rPr kumimoji="1" lang="en-US" altLang="ja-JP" sz="1200" dirty="0"/>
                <a:t>11 </a:t>
              </a:r>
            </a:p>
          </p:txBody>
        </p:sp>
        <p:sp>
          <p:nvSpPr>
            <p:cNvPr id="25" name="テキスト ボックス 24">
              <a:extLst>
                <a:ext uri="{FF2B5EF4-FFF2-40B4-BE49-F238E27FC236}">
                  <a16:creationId xmlns:a16="http://schemas.microsoft.com/office/drawing/2014/main" id="{6EBD6A94-3773-82E1-5351-050DD81C9626}"/>
                </a:ext>
              </a:extLst>
            </p:cNvPr>
            <p:cNvSpPr txBox="1"/>
            <p:nvPr/>
          </p:nvSpPr>
          <p:spPr>
            <a:xfrm>
              <a:off x="7103806" y="4613956"/>
              <a:ext cx="539930" cy="276999"/>
            </a:xfrm>
            <a:prstGeom prst="rect">
              <a:avLst/>
            </a:prstGeom>
            <a:solidFill>
              <a:srgbClr val="FFFFCC"/>
            </a:solidFill>
          </p:spPr>
          <p:txBody>
            <a:bodyPr wrap="square" rtlCol="0">
              <a:spAutoFit/>
            </a:bodyPr>
            <a:lstStyle/>
            <a:p>
              <a:pPr algn="ctr"/>
              <a:r>
                <a:rPr kumimoji="1" lang="en-US" altLang="ja-JP" sz="1200" dirty="0"/>
                <a:t>8</a:t>
              </a:r>
            </a:p>
          </p:txBody>
        </p:sp>
        <p:sp>
          <p:nvSpPr>
            <p:cNvPr id="26" name="テキスト ボックス 25">
              <a:extLst>
                <a:ext uri="{FF2B5EF4-FFF2-40B4-BE49-F238E27FC236}">
                  <a16:creationId xmlns:a16="http://schemas.microsoft.com/office/drawing/2014/main" id="{5553EB3B-49C6-8BEB-43C7-A041FB42C51E}"/>
                </a:ext>
              </a:extLst>
            </p:cNvPr>
            <p:cNvSpPr txBox="1"/>
            <p:nvPr/>
          </p:nvSpPr>
          <p:spPr>
            <a:xfrm>
              <a:off x="8090943" y="4661041"/>
              <a:ext cx="539930" cy="276999"/>
            </a:xfrm>
            <a:prstGeom prst="rect">
              <a:avLst/>
            </a:prstGeom>
            <a:solidFill>
              <a:srgbClr val="FFFFCC"/>
            </a:solidFill>
          </p:spPr>
          <p:txBody>
            <a:bodyPr wrap="square" rtlCol="0">
              <a:spAutoFit/>
            </a:bodyPr>
            <a:lstStyle/>
            <a:p>
              <a:pPr algn="ctr"/>
              <a:r>
                <a:rPr kumimoji="1" lang="en-US" altLang="ja-JP" sz="1200" dirty="0"/>
                <a:t>5</a:t>
              </a:r>
            </a:p>
          </p:txBody>
        </p:sp>
        <p:sp>
          <p:nvSpPr>
            <p:cNvPr id="27" name="テキスト ボックス 26">
              <a:extLst>
                <a:ext uri="{FF2B5EF4-FFF2-40B4-BE49-F238E27FC236}">
                  <a16:creationId xmlns:a16="http://schemas.microsoft.com/office/drawing/2014/main" id="{1E744F0C-7B45-CAA6-1C04-AABDA6EE908A}"/>
                </a:ext>
              </a:extLst>
            </p:cNvPr>
            <p:cNvSpPr txBox="1"/>
            <p:nvPr/>
          </p:nvSpPr>
          <p:spPr>
            <a:xfrm>
              <a:off x="9022918" y="4767830"/>
              <a:ext cx="539930" cy="276999"/>
            </a:xfrm>
            <a:prstGeom prst="rect">
              <a:avLst/>
            </a:prstGeom>
            <a:solidFill>
              <a:srgbClr val="FFFFCC"/>
            </a:solidFill>
          </p:spPr>
          <p:txBody>
            <a:bodyPr wrap="square" rtlCol="0">
              <a:spAutoFit/>
            </a:bodyPr>
            <a:lstStyle/>
            <a:p>
              <a:pPr algn="ctr"/>
              <a:r>
                <a:rPr kumimoji="1" lang="en-US" altLang="ja-JP" sz="1200" dirty="0"/>
                <a:t>4</a:t>
              </a:r>
            </a:p>
          </p:txBody>
        </p:sp>
        <p:sp>
          <p:nvSpPr>
            <p:cNvPr id="28" name="正方形/長方形 27">
              <a:extLst>
                <a:ext uri="{FF2B5EF4-FFF2-40B4-BE49-F238E27FC236}">
                  <a16:creationId xmlns:a16="http://schemas.microsoft.com/office/drawing/2014/main" id="{FD418D68-C3BB-18FB-EEFB-53D40AA00822}"/>
                </a:ext>
              </a:extLst>
            </p:cNvPr>
            <p:cNvSpPr/>
            <p:nvPr/>
          </p:nvSpPr>
          <p:spPr>
            <a:xfrm>
              <a:off x="4277711" y="5623226"/>
              <a:ext cx="677466" cy="412052"/>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a:p>
          </p:txBody>
        </p:sp>
      </p:grpSp>
      <p:sp>
        <p:nvSpPr>
          <p:cNvPr id="13" name="字幕 12">
            <a:extLst>
              <a:ext uri="{FF2B5EF4-FFF2-40B4-BE49-F238E27FC236}">
                <a16:creationId xmlns:a16="http://schemas.microsoft.com/office/drawing/2014/main" id="{7A8DA5DB-8FB3-0716-F723-72FA729DB220}"/>
              </a:ext>
            </a:extLst>
          </p:cNvPr>
          <p:cNvSpPr txBox="1">
            <a:spLocks noGrp="1"/>
          </p:cNvSpPr>
          <p:nvPr>
            <p:ph type="subTitle" idx="1"/>
          </p:nvPr>
        </p:nvSpPr>
        <p:spPr>
          <a:xfrm>
            <a:off x="7325261" y="2614613"/>
            <a:ext cx="3176752" cy="299249"/>
          </a:xfrm>
          <a:prstGeom prst="rect">
            <a:avLst/>
          </a:prstGeom>
          <a:noFill/>
        </p:spPr>
        <p:txBody>
          <a:bodyPr wrap="square" rtlCol="0">
            <a:noAutofit/>
          </a:bodyPr>
          <a:lstStyle/>
          <a:p>
            <a:r>
              <a:rPr lang="en-US" altLang="ja-JP" sz="1200" b="1" dirty="0">
                <a:latin typeface="Arial" panose="020B0604020202020204" pitchFamily="34" charset="0"/>
                <a:ea typeface="ＭＳ Ｐゴシック" panose="020B0600070205080204" pitchFamily="50" charset="-128"/>
                <a:cs typeface="Arial" panose="020B0604020202020204" pitchFamily="34" charset="0"/>
              </a:rPr>
              <a:t>Office Stock in Japan by major city</a:t>
            </a:r>
          </a:p>
        </p:txBody>
      </p:sp>
      <p:pic>
        <p:nvPicPr>
          <p:cNvPr id="3" name="図 2">
            <a:extLst>
              <a:ext uri="{FF2B5EF4-FFF2-40B4-BE49-F238E27FC236}">
                <a16:creationId xmlns:a16="http://schemas.microsoft.com/office/drawing/2014/main" id="{1B1A6E55-4BDF-C00E-DE45-F6C8733673D1}"/>
              </a:ext>
            </a:extLst>
          </p:cNvPr>
          <p:cNvPicPr>
            <a:picLocks noChangeAspect="1"/>
          </p:cNvPicPr>
          <p:nvPr/>
        </p:nvPicPr>
        <p:blipFill>
          <a:blip r:embed="rId4"/>
          <a:stretch>
            <a:fillRect/>
          </a:stretch>
        </p:blipFill>
        <p:spPr>
          <a:xfrm flipH="1">
            <a:off x="11701191" y="1023589"/>
            <a:ext cx="419653" cy="279699"/>
          </a:xfrm>
          <a:prstGeom prst="rect">
            <a:avLst/>
          </a:prstGeom>
        </p:spPr>
      </p:pic>
    </p:spTree>
    <p:extLst>
      <p:ext uri="{BB962C8B-B14F-4D97-AF65-F5344CB8AC3E}">
        <p14:creationId xmlns:p14="http://schemas.microsoft.com/office/powerpoint/2010/main" val="399206617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タイトル 1">
            <a:extLst>
              <a:ext uri="{FF2B5EF4-FFF2-40B4-BE49-F238E27FC236}">
                <a16:creationId xmlns:a16="http://schemas.microsoft.com/office/drawing/2014/main" id="{0122381A-C2B8-F09A-E8A9-9F49FF005232}"/>
              </a:ext>
            </a:extLst>
          </p:cNvPr>
          <p:cNvSpPr txBox="1">
            <a:spLocks/>
          </p:cNvSpPr>
          <p:nvPr/>
        </p:nvSpPr>
        <p:spPr>
          <a:xfrm>
            <a:off x="1277815" y="786672"/>
            <a:ext cx="10073357" cy="719089"/>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kumimoji="1" sz="2400" b="0" kern="1200">
                <a:solidFill>
                  <a:srgbClr val="1E2380"/>
                </a:solidFill>
                <a:latin typeface="Arial" panose="020B0604020202020204" pitchFamily="34" charset="0"/>
                <a:ea typeface="ＭＳ Ｐゴシック" panose="020B0600070205080204" pitchFamily="50" charset="-128"/>
                <a:cs typeface="メイリオ" pitchFamily="50" charset="-128"/>
              </a:defRPr>
            </a:lvl1pPr>
          </a:lstStyle>
          <a:p>
            <a:r>
              <a:rPr lang="en-US" altLang="ja-JP" sz="4000" dirty="0">
                <a:solidFill>
                  <a:srgbClr val="1C1C1C"/>
                </a:solidFill>
                <a:latin typeface="+mj-lt"/>
                <a:ea typeface="+mj-ea"/>
                <a:cs typeface="Arial" panose="020B0604020202020204" pitchFamily="34" charset="0"/>
              </a:rPr>
              <a:t>Feature of Tokyo office stock: ”Office Pyramid” </a:t>
            </a:r>
          </a:p>
        </p:txBody>
      </p:sp>
      <p:sp>
        <p:nvSpPr>
          <p:cNvPr id="6" name="テキスト ボックス 5">
            <a:extLst>
              <a:ext uri="{FF2B5EF4-FFF2-40B4-BE49-F238E27FC236}">
                <a16:creationId xmlns:a16="http://schemas.microsoft.com/office/drawing/2014/main" id="{6A1F3495-9D0B-02CF-D042-5E92F37B673F}"/>
              </a:ext>
            </a:extLst>
          </p:cNvPr>
          <p:cNvSpPr txBox="1"/>
          <p:nvPr/>
        </p:nvSpPr>
        <p:spPr>
          <a:xfrm>
            <a:off x="52053" y="2821293"/>
            <a:ext cx="4007254" cy="3234219"/>
          </a:xfrm>
          <a:prstGeom prst="rect">
            <a:avLst/>
          </a:prstGeom>
          <a:noFill/>
        </p:spPr>
        <p:txBody>
          <a:bodyPr wrap="square" rtlCol="0">
            <a:spAutoFit/>
          </a:bodyPr>
          <a:lstStyle/>
          <a:p>
            <a:pPr marL="171450" indent="-171450">
              <a:lnSpc>
                <a:spcPts val="1900"/>
              </a:lnSpc>
              <a:spcBef>
                <a:spcPts val="60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Office Pyramid” simply shows the feature of Tokyo office stock.</a:t>
            </a:r>
          </a:p>
          <a:p>
            <a:pPr marL="171450" indent="-171450">
              <a:lnSpc>
                <a:spcPts val="1900"/>
              </a:lnSpc>
              <a:spcBef>
                <a:spcPts val="60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The office stock is 13.13 million tsubo (467million </a:t>
            </a:r>
            <a:r>
              <a:rPr kumimoji="1" lang="en-US" sz="1600" dirty="0" err="1">
                <a:solidFill>
                  <a:srgbClr val="1C1C1C"/>
                </a:solidFill>
                <a:latin typeface="Arial" panose="020B0604020202020204" pitchFamily="34" charset="0"/>
                <a:cs typeface="Arial" panose="020B0604020202020204" pitchFamily="34" charset="0"/>
              </a:rPr>
              <a:t>sq.ft</a:t>
            </a:r>
            <a:r>
              <a:rPr kumimoji="1" lang="en-US" sz="1600" dirty="0">
                <a:solidFill>
                  <a:srgbClr val="1C1C1C"/>
                </a:solidFill>
                <a:latin typeface="Arial" panose="020B0604020202020204" pitchFamily="34" charset="0"/>
                <a:cs typeface="Arial" panose="020B0604020202020204" pitchFamily="34" charset="0"/>
              </a:rPr>
              <a:t>.) on a rentable area basis.</a:t>
            </a:r>
          </a:p>
          <a:p>
            <a:pPr marL="171450" indent="-171450">
              <a:lnSpc>
                <a:spcPts val="1900"/>
              </a:lnSpc>
              <a:spcBef>
                <a:spcPts val="60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Large Bldg.: Owned by large corporation (including RE company), institutional investors, funds and REITs, @25.5yr.old</a:t>
            </a:r>
          </a:p>
          <a:p>
            <a:pPr marL="171450" indent="-171450">
              <a:lnSpc>
                <a:spcPts val="1900"/>
              </a:lnSpc>
              <a:spcBef>
                <a:spcPts val="60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Small &amp; Medium Bldg.: Mainly owned by small companies and individuals, @34.8yr.old</a:t>
            </a:r>
          </a:p>
        </p:txBody>
      </p:sp>
      <p:grpSp>
        <p:nvGrpSpPr>
          <p:cNvPr id="7" name="グループ化 6">
            <a:extLst>
              <a:ext uri="{FF2B5EF4-FFF2-40B4-BE49-F238E27FC236}">
                <a16:creationId xmlns:a16="http://schemas.microsoft.com/office/drawing/2014/main" id="{2F7F1995-EB9C-A3D2-D410-8DD8EE36786E}"/>
              </a:ext>
            </a:extLst>
          </p:cNvPr>
          <p:cNvGrpSpPr/>
          <p:nvPr/>
        </p:nvGrpSpPr>
        <p:grpSpPr>
          <a:xfrm>
            <a:off x="3943651" y="2270548"/>
            <a:ext cx="8104945" cy="4438217"/>
            <a:chOff x="2349319" y="2510621"/>
            <a:chExt cx="7789554" cy="4131137"/>
          </a:xfrm>
        </p:grpSpPr>
        <p:sp>
          <p:nvSpPr>
            <p:cNvPr id="8" name="テキスト ボックス 7">
              <a:extLst>
                <a:ext uri="{FF2B5EF4-FFF2-40B4-BE49-F238E27FC236}">
                  <a16:creationId xmlns:a16="http://schemas.microsoft.com/office/drawing/2014/main" id="{F7EB107C-D2EB-F0F1-AF6B-020B169B0C76}"/>
                </a:ext>
              </a:extLst>
            </p:cNvPr>
            <p:cNvSpPr txBox="1"/>
            <p:nvPr/>
          </p:nvSpPr>
          <p:spPr>
            <a:xfrm>
              <a:off x="3076630" y="6356706"/>
              <a:ext cx="2377146" cy="261610"/>
            </a:xfrm>
            <a:prstGeom prst="rect">
              <a:avLst/>
            </a:prstGeom>
            <a:noFill/>
          </p:spPr>
          <p:txBody>
            <a:bodyPr wrap="square" rtlCol="0">
              <a:spAutoFit/>
            </a:bodyPr>
            <a:lstStyle/>
            <a:p>
              <a:r>
                <a:rPr kumimoji="1" lang="en-US" altLang="ja-JP" sz="1100" dirty="0">
                  <a:solidFill>
                    <a:schemeClr val="tx1">
                      <a:lumMod val="75000"/>
                      <a:lumOff val="25000"/>
                    </a:schemeClr>
                  </a:solidFill>
                </a:rPr>
                <a:t>1 </a:t>
              </a:r>
              <a:r>
                <a:rPr kumimoji="1" lang="en-US" altLang="ja-JP" sz="1100" dirty="0" err="1">
                  <a:solidFill>
                    <a:schemeClr val="tx1">
                      <a:lumMod val="75000"/>
                      <a:lumOff val="25000"/>
                    </a:schemeClr>
                  </a:solidFill>
                </a:rPr>
                <a:t>tsubo</a:t>
              </a:r>
              <a:r>
                <a:rPr kumimoji="1" lang="en-US" altLang="ja-JP" sz="1100" dirty="0">
                  <a:solidFill>
                    <a:schemeClr val="tx1">
                      <a:lumMod val="75000"/>
                      <a:lumOff val="25000"/>
                    </a:schemeClr>
                  </a:solidFill>
                </a:rPr>
                <a:t> = 3.3 </a:t>
              </a:r>
              <a:r>
                <a:rPr kumimoji="1" lang="en-US" altLang="ja-JP" sz="1100" dirty="0" err="1">
                  <a:solidFill>
                    <a:schemeClr val="tx1">
                      <a:lumMod val="75000"/>
                      <a:lumOff val="25000"/>
                    </a:schemeClr>
                  </a:solidFill>
                </a:rPr>
                <a:t>sqm</a:t>
              </a:r>
              <a:r>
                <a:rPr kumimoji="1" lang="en-US" altLang="ja-JP" sz="1100" dirty="0">
                  <a:solidFill>
                    <a:schemeClr val="tx1">
                      <a:lumMod val="75000"/>
                      <a:lumOff val="25000"/>
                    </a:schemeClr>
                  </a:solidFill>
                </a:rPr>
                <a:t> = 35.58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 </a:t>
              </a:r>
              <a:endParaRPr kumimoji="1" lang="ja-JP" altLang="en-US" sz="1100" dirty="0">
                <a:solidFill>
                  <a:schemeClr val="tx1">
                    <a:lumMod val="75000"/>
                    <a:lumOff val="25000"/>
                  </a:schemeClr>
                </a:solidFill>
              </a:endParaRPr>
            </a:p>
          </p:txBody>
        </p:sp>
        <p:sp>
          <p:nvSpPr>
            <p:cNvPr id="9" name="テキスト ボックス 8">
              <a:extLst>
                <a:ext uri="{FF2B5EF4-FFF2-40B4-BE49-F238E27FC236}">
                  <a16:creationId xmlns:a16="http://schemas.microsoft.com/office/drawing/2014/main" id="{10451FA2-0C22-8456-1F9F-15CB03E5D9CD}"/>
                </a:ext>
              </a:extLst>
            </p:cNvPr>
            <p:cNvSpPr txBox="1"/>
            <p:nvPr/>
          </p:nvSpPr>
          <p:spPr>
            <a:xfrm>
              <a:off x="3930532" y="2510621"/>
              <a:ext cx="4219387" cy="276999"/>
            </a:xfrm>
            <a:prstGeom prst="rect">
              <a:avLst/>
            </a:prstGeom>
            <a:noFill/>
          </p:spPr>
          <p:txBody>
            <a:bodyPr wrap="square">
              <a:spAutoFit/>
            </a:bodyPr>
            <a:lstStyle/>
            <a:p>
              <a:r>
                <a:rPr lang="en-US" altLang="ja-JP" sz="1200" b="1" dirty="0"/>
                <a:t>Tokyo 23 Wards Office Stock Pyramid 2024 (Net Rentable Area)</a:t>
              </a:r>
              <a:endParaRPr lang="ja-JP" altLang="en-US" sz="1200" b="1" dirty="0"/>
            </a:p>
          </p:txBody>
        </p:sp>
        <p:sp>
          <p:nvSpPr>
            <p:cNvPr id="10" name="テキスト ボックス 9">
              <a:extLst>
                <a:ext uri="{FF2B5EF4-FFF2-40B4-BE49-F238E27FC236}">
                  <a16:creationId xmlns:a16="http://schemas.microsoft.com/office/drawing/2014/main" id="{53C354C1-C445-14B4-89D5-5A3A2B779BF1}"/>
                </a:ext>
              </a:extLst>
            </p:cNvPr>
            <p:cNvSpPr txBox="1"/>
            <p:nvPr/>
          </p:nvSpPr>
          <p:spPr>
            <a:xfrm>
              <a:off x="6435617" y="6403634"/>
              <a:ext cx="2899041" cy="238124"/>
            </a:xfrm>
            <a:prstGeom prst="rect">
              <a:avLst/>
            </a:prstGeom>
          </p:spPr>
          <p:txBody>
            <a:bodyPr lIns="55715" tIns="27857" rIns="55715" bIns="27857">
              <a:noAutofit/>
            </a:bodyPr>
            <a:lstStyle>
              <a:defPPr>
                <a:defRPr lang="ja-JP"/>
              </a:defPPr>
              <a:lvl1pPr indent="0" defTabSz="957263" eaLnBrk="0" fontAlgn="base" hangingPunct="0">
                <a:spcBef>
                  <a:spcPct val="20000"/>
                </a:spcBef>
                <a:spcAft>
                  <a:spcPct val="0"/>
                </a:spcAft>
                <a:buNone/>
                <a:defRPr sz="800" kern="0">
                  <a:latin typeface="メイリオ" panose="020B0604030504040204" pitchFamily="50" charset="-128"/>
                  <a:ea typeface="メイリオ" panose="020B0604030504040204" pitchFamily="50" charset="-128"/>
                  <a:cs typeface="メイリオ" panose="020B0604030504040204" pitchFamily="50" charset="-128"/>
                </a:defRPr>
              </a:lvl1pPr>
              <a:lvl2pPr marL="777875" indent="-298450" defTabSz="957263" eaLnBrk="0" fontAlgn="base" hangingPunct="0">
                <a:spcBef>
                  <a:spcPct val="20000"/>
                </a:spcBef>
                <a:spcAft>
                  <a:spcPct val="0"/>
                </a:spcAft>
                <a:buChar char="–"/>
                <a:defRPr sz="2900"/>
              </a:lvl2pPr>
              <a:lvl3pPr marL="1196975" indent="-239713" defTabSz="957263" eaLnBrk="0" fontAlgn="base" hangingPunct="0">
                <a:spcBef>
                  <a:spcPct val="20000"/>
                </a:spcBef>
                <a:spcAft>
                  <a:spcPct val="0"/>
                </a:spcAft>
                <a:buChar char="•"/>
                <a:defRPr sz="2500"/>
              </a:lvl3pPr>
              <a:lvl4pPr marL="1676400" indent="-239713" defTabSz="957263" eaLnBrk="0" fontAlgn="base" hangingPunct="0">
                <a:spcBef>
                  <a:spcPct val="20000"/>
                </a:spcBef>
                <a:spcAft>
                  <a:spcPct val="0"/>
                </a:spcAft>
                <a:buChar char="–"/>
                <a:defRPr sz="2100"/>
              </a:lvl4pPr>
              <a:lvl5pPr marL="2152650" indent="-236538" defTabSz="957263" eaLnBrk="0" fontAlgn="base" hangingPunct="0">
                <a:spcBef>
                  <a:spcPct val="20000"/>
                </a:spcBef>
                <a:spcAft>
                  <a:spcPct val="0"/>
                </a:spcAft>
                <a:buChar char="»"/>
                <a:defRPr sz="2100"/>
              </a:lvl5pPr>
              <a:lvl6pPr marL="2609850" indent="-236538" defTabSz="957263" fontAlgn="base">
                <a:spcBef>
                  <a:spcPct val="20000"/>
                </a:spcBef>
                <a:spcAft>
                  <a:spcPct val="0"/>
                </a:spcAft>
                <a:buChar char="»"/>
                <a:defRPr sz="2100"/>
              </a:lvl6pPr>
              <a:lvl7pPr marL="3067050" indent="-236538" defTabSz="957263" fontAlgn="base">
                <a:spcBef>
                  <a:spcPct val="20000"/>
                </a:spcBef>
                <a:spcAft>
                  <a:spcPct val="0"/>
                </a:spcAft>
                <a:buChar char="»"/>
                <a:defRPr sz="2100"/>
              </a:lvl7pPr>
              <a:lvl8pPr marL="3524250" indent="-236538" defTabSz="957263" fontAlgn="base">
                <a:spcBef>
                  <a:spcPct val="20000"/>
                </a:spcBef>
                <a:spcAft>
                  <a:spcPct val="0"/>
                </a:spcAft>
                <a:buChar char="»"/>
                <a:defRPr sz="2100"/>
              </a:lvl8pPr>
              <a:lvl9pPr marL="3981450" indent="-236538" defTabSz="957263" fontAlgn="base">
                <a:spcBef>
                  <a:spcPct val="20000"/>
                </a:spcBef>
                <a:spcAft>
                  <a:spcPct val="0"/>
                </a:spcAft>
                <a:buChar char="»"/>
                <a:defRPr sz="2100"/>
              </a:lvl9pPr>
            </a:lstStyle>
            <a:p>
              <a:pPr defTabSz="583332">
                <a:defRPr/>
              </a:pPr>
              <a:r>
                <a:rPr kumimoji="1" lang="en-US" sz="1000" dirty="0">
                  <a:solidFill>
                    <a:prstClr val="black"/>
                  </a:solidFill>
                  <a:latin typeface="Arial" panose="020B0604020202020204" pitchFamily="34" charset="0"/>
                  <a:cs typeface="Arial" panose="020B0604020202020204" pitchFamily="34" charset="0"/>
                </a:rPr>
                <a:t>Source: XYMAX REI “Office Pyramid 202</a:t>
              </a:r>
              <a:r>
                <a:rPr kumimoji="1" lang="en-US" altLang="ja-JP" sz="1000" dirty="0">
                  <a:solidFill>
                    <a:prstClr val="black"/>
                  </a:solidFill>
                  <a:latin typeface="Arial" panose="020B0604020202020204" pitchFamily="34" charset="0"/>
                  <a:cs typeface="Arial" panose="020B0604020202020204" pitchFamily="34" charset="0"/>
                </a:rPr>
                <a:t>4</a:t>
              </a:r>
              <a:r>
                <a:rPr kumimoji="1" lang="en-US" sz="1000" dirty="0">
                  <a:solidFill>
                    <a:prstClr val="black"/>
                  </a:solidFill>
                  <a:latin typeface="Arial" panose="020B0604020202020204" pitchFamily="34" charset="0"/>
                  <a:cs typeface="Arial" panose="020B0604020202020204" pitchFamily="34" charset="0"/>
                </a:rPr>
                <a:t>”</a:t>
              </a:r>
            </a:p>
          </p:txBody>
        </p:sp>
        <p:grpSp>
          <p:nvGrpSpPr>
            <p:cNvPr id="11" name="グループ化 10">
              <a:extLst>
                <a:ext uri="{FF2B5EF4-FFF2-40B4-BE49-F238E27FC236}">
                  <a16:creationId xmlns:a16="http://schemas.microsoft.com/office/drawing/2014/main" id="{3F116C7E-62E4-D983-E2D0-25D321AC6433}"/>
                </a:ext>
              </a:extLst>
            </p:cNvPr>
            <p:cNvGrpSpPr/>
            <p:nvPr/>
          </p:nvGrpSpPr>
          <p:grpSpPr>
            <a:xfrm>
              <a:off x="3116432" y="2863512"/>
              <a:ext cx="6294058" cy="3519865"/>
              <a:chOff x="406392" y="2843738"/>
              <a:chExt cx="6294058" cy="3519865"/>
            </a:xfrm>
          </p:grpSpPr>
          <p:pic>
            <p:nvPicPr>
              <p:cNvPr id="16" name="図 15">
                <a:extLst>
                  <a:ext uri="{FF2B5EF4-FFF2-40B4-BE49-F238E27FC236}">
                    <a16:creationId xmlns:a16="http://schemas.microsoft.com/office/drawing/2014/main" id="{B5E34CC9-9490-F814-9154-5D6BABCF13ED}"/>
                  </a:ext>
                </a:extLst>
              </p:cNvPr>
              <p:cNvPicPr>
                <a:picLocks noChangeAspect="1"/>
              </p:cNvPicPr>
              <p:nvPr/>
            </p:nvPicPr>
            <p:blipFill>
              <a:blip r:embed="rId2"/>
              <a:stretch>
                <a:fillRect/>
              </a:stretch>
            </p:blipFill>
            <p:spPr>
              <a:xfrm>
                <a:off x="406392" y="2843738"/>
                <a:ext cx="5727825" cy="3519865"/>
              </a:xfrm>
              <a:prstGeom prst="rect">
                <a:avLst/>
              </a:prstGeom>
            </p:spPr>
          </p:pic>
          <p:sp>
            <p:nvSpPr>
              <p:cNvPr id="17" name="テキスト ボックス 16">
                <a:extLst>
                  <a:ext uri="{FF2B5EF4-FFF2-40B4-BE49-F238E27FC236}">
                    <a16:creationId xmlns:a16="http://schemas.microsoft.com/office/drawing/2014/main" id="{0043488A-1076-AD28-B2C1-7E0FA781E39A}"/>
                  </a:ext>
                </a:extLst>
              </p:cNvPr>
              <p:cNvSpPr txBox="1"/>
              <p:nvPr/>
            </p:nvSpPr>
            <p:spPr>
              <a:xfrm>
                <a:off x="2051777" y="2910001"/>
                <a:ext cx="1383917" cy="261610"/>
              </a:xfrm>
              <a:prstGeom prst="rect">
                <a:avLst/>
              </a:prstGeom>
              <a:noFill/>
            </p:spPr>
            <p:txBody>
              <a:bodyPr wrap="square" rtlCol="0">
                <a:spAutoFit/>
              </a:bodyPr>
              <a:lstStyle/>
              <a:p>
                <a:r>
                  <a:rPr kumimoji="1" lang="en-US" altLang="ja-JP" sz="1100" dirty="0">
                    <a:solidFill>
                      <a:schemeClr val="tx1">
                        <a:lumMod val="75000"/>
                        <a:lumOff val="25000"/>
                      </a:schemeClr>
                    </a:solidFill>
                  </a:rPr>
                  <a:t>(467 million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a:t>
                </a:r>
                <a:endParaRPr kumimoji="1" lang="ja-JP" altLang="en-US" sz="1100" dirty="0">
                  <a:solidFill>
                    <a:schemeClr val="tx1">
                      <a:lumMod val="75000"/>
                      <a:lumOff val="25000"/>
                    </a:schemeClr>
                  </a:solidFill>
                </a:endParaRPr>
              </a:p>
            </p:txBody>
          </p:sp>
          <p:sp>
            <p:nvSpPr>
              <p:cNvPr id="18" name="テキスト ボックス 17">
                <a:extLst>
                  <a:ext uri="{FF2B5EF4-FFF2-40B4-BE49-F238E27FC236}">
                    <a16:creationId xmlns:a16="http://schemas.microsoft.com/office/drawing/2014/main" id="{235A3BE8-5F7D-5DFB-4CF7-4574C575A0C7}"/>
                  </a:ext>
                </a:extLst>
              </p:cNvPr>
              <p:cNvSpPr txBox="1"/>
              <p:nvPr/>
            </p:nvSpPr>
            <p:spPr>
              <a:xfrm>
                <a:off x="656856" y="3563219"/>
                <a:ext cx="1383917" cy="261610"/>
              </a:xfrm>
              <a:prstGeom prst="rect">
                <a:avLst/>
              </a:prstGeom>
              <a:noFill/>
            </p:spPr>
            <p:txBody>
              <a:bodyPr wrap="square" rtlCol="0">
                <a:spAutoFit/>
              </a:bodyPr>
              <a:lstStyle/>
              <a:p>
                <a:r>
                  <a:rPr kumimoji="1" lang="en-US" altLang="ja-JP" sz="1100" dirty="0">
                    <a:solidFill>
                      <a:schemeClr val="tx1">
                        <a:lumMod val="75000"/>
                        <a:lumOff val="25000"/>
                      </a:schemeClr>
                    </a:solidFill>
                  </a:rPr>
                  <a:t>(215 million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a:t>
                </a:r>
                <a:endParaRPr kumimoji="1" lang="ja-JP" altLang="en-US" sz="1100" dirty="0">
                  <a:solidFill>
                    <a:schemeClr val="tx1">
                      <a:lumMod val="75000"/>
                      <a:lumOff val="25000"/>
                    </a:schemeClr>
                  </a:solidFill>
                </a:endParaRPr>
              </a:p>
            </p:txBody>
          </p:sp>
          <p:sp>
            <p:nvSpPr>
              <p:cNvPr id="19" name="テキスト ボックス 18">
                <a:extLst>
                  <a:ext uri="{FF2B5EF4-FFF2-40B4-BE49-F238E27FC236}">
                    <a16:creationId xmlns:a16="http://schemas.microsoft.com/office/drawing/2014/main" id="{1DBB581F-8BD6-5A66-1F64-D279CF5EDA1A}"/>
                  </a:ext>
                </a:extLst>
              </p:cNvPr>
              <p:cNvSpPr txBox="1"/>
              <p:nvPr/>
            </p:nvSpPr>
            <p:spPr>
              <a:xfrm>
                <a:off x="3675154" y="3528979"/>
                <a:ext cx="1383917" cy="261610"/>
              </a:xfrm>
              <a:prstGeom prst="rect">
                <a:avLst/>
              </a:prstGeom>
              <a:noFill/>
            </p:spPr>
            <p:txBody>
              <a:bodyPr wrap="square" rtlCol="0">
                <a:spAutoFit/>
              </a:bodyPr>
              <a:lstStyle/>
              <a:p>
                <a:r>
                  <a:rPr kumimoji="1" lang="en-US" altLang="ja-JP" sz="1100" dirty="0">
                    <a:solidFill>
                      <a:schemeClr val="tx1">
                        <a:lumMod val="75000"/>
                        <a:lumOff val="25000"/>
                      </a:schemeClr>
                    </a:solidFill>
                  </a:rPr>
                  <a:t>(252 million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a:t>
                </a:r>
                <a:endParaRPr kumimoji="1" lang="ja-JP" altLang="en-US" sz="1100" dirty="0">
                  <a:solidFill>
                    <a:schemeClr val="tx1">
                      <a:lumMod val="75000"/>
                      <a:lumOff val="25000"/>
                    </a:schemeClr>
                  </a:solidFill>
                </a:endParaRPr>
              </a:p>
            </p:txBody>
          </p:sp>
          <p:sp>
            <p:nvSpPr>
              <p:cNvPr id="20" name="テキスト ボックス 19">
                <a:extLst>
                  <a:ext uri="{FF2B5EF4-FFF2-40B4-BE49-F238E27FC236}">
                    <a16:creationId xmlns:a16="http://schemas.microsoft.com/office/drawing/2014/main" id="{2C3E4621-1466-93F9-B3DD-AB87E30554BE}"/>
                  </a:ext>
                </a:extLst>
              </p:cNvPr>
              <p:cNvSpPr txBox="1"/>
              <p:nvPr/>
            </p:nvSpPr>
            <p:spPr>
              <a:xfrm>
                <a:off x="656856" y="4508709"/>
                <a:ext cx="1383917" cy="261610"/>
              </a:xfrm>
              <a:prstGeom prst="rect">
                <a:avLst/>
              </a:prstGeom>
              <a:noFill/>
            </p:spPr>
            <p:txBody>
              <a:bodyPr wrap="square" rtlCol="0">
                <a:spAutoFit/>
              </a:bodyPr>
              <a:lstStyle/>
              <a:p>
                <a:r>
                  <a:rPr kumimoji="1" lang="en-US" altLang="ja-JP" sz="1100" dirty="0">
                    <a:solidFill>
                      <a:schemeClr val="tx1">
                        <a:lumMod val="75000"/>
                        <a:lumOff val="25000"/>
                      </a:schemeClr>
                    </a:solidFill>
                  </a:rPr>
                  <a:t>(179 million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a:t>
                </a:r>
                <a:endParaRPr kumimoji="1" lang="ja-JP" altLang="en-US" sz="1100" dirty="0">
                  <a:solidFill>
                    <a:schemeClr val="tx1">
                      <a:lumMod val="75000"/>
                      <a:lumOff val="25000"/>
                    </a:schemeClr>
                  </a:solidFill>
                </a:endParaRPr>
              </a:p>
            </p:txBody>
          </p:sp>
          <p:sp>
            <p:nvSpPr>
              <p:cNvPr id="21" name="テキスト ボックス 20">
                <a:extLst>
                  <a:ext uri="{FF2B5EF4-FFF2-40B4-BE49-F238E27FC236}">
                    <a16:creationId xmlns:a16="http://schemas.microsoft.com/office/drawing/2014/main" id="{05601D0D-7F41-855F-B7F7-7F85227A25C5}"/>
                  </a:ext>
                </a:extLst>
              </p:cNvPr>
              <p:cNvSpPr txBox="1"/>
              <p:nvPr/>
            </p:nvSpPr>
            <p:spPr>
              <a:xfrm>
                <a:off x="768747" y="5715809"/>
                <a:ext cx="1383917" cy="261610"/>
              </a:xfrm>
              <a:prstGeom prst="rect">
                <a:avLst/>
              </a:prstGeom>
              <a:noFill/>
            </p:spPr>
            <p:txBody>
              <a:bodyPr wrap="square" rtlCol="0">
                <a:spAutoFit/>
              </a:bodyPr>
              <a:lstStyle/>
              <a:p>
                <a:r>
                  <a:rPr kumimoji="1" lang="en-US" altLang="ja-JP" sz="1100" dirty="0">
                    <a:solidFill>
                      <a:schemeClr val="tx1">
                        <a:lumMod val="75000"/>
                        <a:lumOff val="25000"/>
                      </a:schemeClr>
                    </a:solidFill>
                  </a:rPr>
                  <a:t>(36 million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a:t>
                </a:r>
                <a:endParaRPr kumimoji="1" lang="ja-JP" altLang="en-US" sz="1100" dirty="0">
                  <a:solidFill>
                    <a:schemeClr val="tx1">
                      <a:lumMod val="75000"/>
                      <a:lumOff val="25000"/>
                    </a:schemeClr>
                  </a:solidFill>
                </a:endParaRPr>
              </a:p>
            </p:txBody>
          </p:sp>
          <p:sp>
            <p:nvSpPr>
              <p:cNvPr id="22" name="テキスト ボックス 21">
                <a:extLst>
                  <a:ext uri="{FF2B5EF4-FFF2-40B4-BE49-F238E27FC236}">
                    <a16:creationId xmlns:a16="http://schemas.microsoft.com/office/drawing/2014/main" id="{E0E46E6D-F317-5708-D7C7-B28726D13F19}"/>
                  </a:ext>
                </a:extLst>
              </p:cNvPr>
              <p:cNvSpPr txBox="1"/>
              <p:nvPr/>
            </p:nvSpPr>
            <p:spPr>
              <a:xfrm>
                <a:off x="1609431" y="3882837"/>
                <a:ext cx="1383917" cy="261610"/>
              </a:xfrm>
              <a:prstGeom prst="rect">
                <a:avLst/>
              </a:prstGeom>
              <a:noFill/>
            </p:spPr>
            <p:txBody>
              <a:bodyPr wrap="square" rtlCol="0">
                <a:spAutoFit/>
              </a:bodyPr>
              <a:lstStyle/>
              <a:p>
                <a:r>
                  <a:rPr kumimoji="1" lang="en-US" altLang="ja-JP" sz="1100" dirty="0">
                    <a:solidFill>
                      <a:schemeClr val="tx1">
                        <a:lumMod val="75000"/>
                        <a:lumOff val="25000"/>
                      </a:schemeClr>
                    </a:solidFill>
                  </a:rPr>
                  <a:t>(47 million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a:t>
                </a:r>
                <a:endParaRPr kumimoji="1" lang="ja-JP" altLang="en-US" sz="1100" dirty="0">
                  <a:solidFill>
                    <a:schemeClr val="tx1">
                      <a:lumMod val="75000"/>
                      <a:lumOff val="25000"/>
                    </a:schemeClr>
                  </a:solidFill>
                </a:endParaRPr>
              </a:p>
            </p:txBody>
          </p:sp>
          <p:sp>
            <p:nvSpPr>
              <p:cNvPr id="23" name="テキスト ボックス 22">
                <a:extLst>
                  <a:ext uri="{FF2B5EF4-FFF2-40B4-BE49-F238E27FC236}">
                    <a16:creationId xmlns:a16="http://schemas.microsoft.com/office/drawing/2014/main" id="{E72C51FA-B7C8-4FA4-C7EE-8ED8D452D419}"/>
                  </a:ext>
                </a:extLst>
              </p:cNvPr>
              <p:cNvSpPr txBox="1"/>
              <p:nvPr/>
            </p:nvSpPr>
            <p:spPr>
              <a:xfrm>
                <a:off x="3834990" y="3965036"/>
                <a:ext cx="1383917" cy="261610"/>
              </a:xfrm>
              <a:prstGeom prst="rect">
                <a:avLst/>
              </a:prstGeom>
              <a:noFill/>
            </p:spPr>
            <p:txBody>
              <a:bodyPr wrap="square" rtlCol="0">
                <a:spAutoFit/>
              </a:bodyPr>
              <a:lstStyle/>
              <a:p>
                <a:r>
                  <a:rPr kumimoji="1" lang="en-US" altLang="ja-JP" sz="1100" dirty="0">
                    <a:solidFill>
                      <a:schemeClr val="tx1">
                        <a:lumMod val="75000"/>
                        <a:lumOff val="25000"/>
                      </a:schemeClr>
                    </a:solidFill>
                  </a:rPr>
                  <a:t>(32 million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a:t>
                </a:r>
                <a:endParaRPr kumimoji="1" lang="ja-JP" altLang="en-US" sz="1100" dirty="0">
                  <a:solidFill>
                    <a:schemeClr val="tx1">
                      <a:lumMod val="75000"/>
                      <a:lumOff val="25000"/>
                    </a:schemeClr>
                  </a:solidFill>
                </a:endParaRPr>
              </a:p>
            </p:txBody>
          </p:sp>
          <p:sp>
            <p:nvSpPr>
              <p:cNvPr id="24" name="テキスト ボックス 23">
                <a:extLst>
                  <a:ext uri="{FF2B5EF4-FFF2-40B4-BE49-F238E27FC236}">
                    <a16:creationId xmlns:a16="http://schemas.microsoft.com/office/drawing/2014/main" id="{608002F9-3D9C-CC42-5423-CC927B7BAAC6}"/>
                  </a:ext>
                </a:extLst>
              </p:cNvPr>
              <p:cNvSpPr txBox="1"/>
              <p:nvPr/>
            </p:nvSpPr>
            <p:spPr>
              <a:xfrm>
                <a:off x="4352377" y="4565057"/>
                <a:ext cx="1383917" cy="261610"/>
              </a:xfrm>
              <a:prstGeom prst="rect">
                <a:avLst/>
              </a:prstGeom>
              <a:noFill/>
            </p:spPr>
            <p:txBody>
              <a:bodyPr wrap="square" rtlCol="0">
                <a:spAutoFit/>
              </a:bodyPr>
              <a:lstStyle/>
              <a:p>
                <a:r>
                  <a:rPr kumimoji="1" lang="en-US" altLang="ja-JP" sz="1100" dirty="0">
                    <a:solidFill>
                      <a:schemeClr val="tx1">
                        <a:lumMod val="75000"/>
                        <a:lumOff val="25000"/>
                      </a:schemeClr>
                    </a:solidFill>
                  </a:rPr>
                  <a:t>(144 million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a:t>
                </a:r>
                <a:endParaRPr kumimoji="1" lang="ja-JP" altLang="en-US" sz="1100" dirty="0">
                  <a:solidFill>
                    <a:schemeClr val="tx1">
                      <a:lumMod val="75000"/>
                      <a:lumOff val="25000"/>
                    </a:schemeClr>
                  </a:solidFill>
                </a:endParaRPr>
              </a:p>
            </p:txBody>
          </p:sp>
          <p:sp>
            <p:nvSpPr>
              <p:cNvPr id="25" name="テキスト ボックス 24">
                <a:extLst>
                  <a:ext uri="{FF2B5EF4-FFF2-40B4-BE49-F238E27FC236}">
                    <a16:creationId xmlns:a16="http://schemas.microsoft.com/office/drawing/2014/main" id="{FEC13A67-6FCB-F40D-AC71-0951698ED804}"/>
                  </a:ext>
                </a:extLst>
              </p:cNvPr>
              <p:cNvSpPr txBox="1"/>
              <p:nvPr/>
            </p:nvSpPr>
            <p:spPr>
              <a:xfrm>
                <a:off x="4601452" y="5715809"/>
                <a:ext cx="1383917" cy="261610"/>
              </a:xfrm>
              <a:prstGeom prst="rect">
                <a:avLst/>
              </a:prstGeom>
              <a:noFill/>
            </p:spPr>
            <p:txBody>
              <a:bodyPr wrap="square" rtlCol="0">
                <a:spAutoFit/>
              </a:bodyPr>
              <a:lstStyle/>
              <a:p>
                <a:r>
                  <a:rPr kumimoji="1" lang="en-US" altLang="ja-JP" sz="1100" dirty="0">
                    <a:solidFill>
                      <a:schemeClr val="tx1">
                        <a:lumMod val="75000"/>
                        <a:lumOff val="25000"/>
                      </a:schemeClr>
                    </a:solidFill>
                  </a:rPr>
                  <a:t>(108 million </a:t>
                </a:r>
                <a:r>
                  <a:rPr kumimoji="1" lang="en-US" altLang="ja-JP" sz="1100" dirty="0" err="1">
                    <a:solidFill>
                      <a:schemeClr val="tx1">
                        <a:lumMod val="75000"/>
                        <a:lumOff val="25000"/>
                      </a:schemeClr>
                    </a:solidFill>
                  </a:rPr>
                  <a:t>sq.ft</a:t>
                </a:r>
                <a:r>
                  <a:rPr kumimoji="1" lang="en-US" altLang="ja-JP" sz="1100" dirty="0">
                    <a:solidFill>
                      <a:schemeClr val="tx1">
                        <a:lumMod val="75000"/>
                        <a:lumOff val="25000"/>
                      </a:schemeClr>
                    </a:solidFill>
                  </a:rPr>
                  <a:t>.)</a:t>
                </a:r>
                <a:endParaRPr kumimoji="1" lang="ja-JP" altLang="en-US" sz="1100" dirty="0">
                  <a:solidFill>
                    <a:schemeClr val="tx1">
                      <a:lumMod val="75000"/>
                      <a:lumOff val="25000"/>
                    </a:schemeClr>
                  </a:solidFill>
                </a:endParaRPr>
              </a:p>
            </p:txBody>
          </p:sp>
          <p:sp>
            <p:nvSpPr>
              <p:cNvPr id="28" name="テキスト ボックス 27">
                <a:extLst>
                  <a:ext uri="{FF2B5EF4-FFF2-40B4-BE49-F238E27FC236}">
                    <a16:creationId xmlns:a16="http://schemas.microsoft.com/office/drawing/2014/main" id="{9E4FCFC4-96DD-FB1C-EC4B-6E5827E09E4A}"/>
                  </a:ext>
                </a:extLst>
              </p:cNvPr>
              <p:cNvSpPr txBox="1"/>
              <p:nvPr/>
            </p:nvSpPr>
            <p:spPr>
              <a:xfrm>
                <a:off x="605129" y="3141562"/>
                <a:ext cx="2193616" cy="243509"/>
              </a:xfrm>
              <a:prstGeom prst="rect">
                <a:avLst/>
              </a:prstGeom>
              <a:noFill/>
            </p:spPr>
            <p:txBody>
              <a:bodyPr wrap="square" rtlCol="0">
                <a:spAutoFit/>
              </a:bodyPr>
              <a:lstStyle/>
              <a:p>
                <a:r>
                  <a:rPr kumimoji="1" lang="en-US" altLang="ja-JP" sz="1100" dirty="0">
                    <a:solidFill>
                      <a:srgbClr val="FF0000"/>
                    </a:solidFill>
                  </a:rPr>
                  <a:t>(GFL: 11,000 – 178,000 </a:t>
                </a:r>
                <a:r>
                  <a:rPr kumimoji="1" lang="en-US" altLang="ja-JP" sz="1100" dirty="0" err="1">
                    <a:solidFill>
                      <a:srgbClr val="FF0000"/>
                    </a:solidFill>
                  </a:rPr>
                  <a:t>sq.ft</a:t>
                </a:r>
                <a:r>
                  <a:rPr kumimoji="1" lang="en-US" altLang="ja-JP" sz="1100" dirty="0">
                    <a:solidFill>
                      <a:srgbClr val="FF0000"/>
                    </a:solidFill>
                  </a:rPr>
                  <a:t>.)</a:t>
                </a:r>
                <a:endParaRPr kumimoji="1" lang="ja-JP" altLang="en-US" sz="1100" dirty="0">
                  <a:solidFill>
                    <a:srgbClr val="FF0000"/>
                  </a:solidFill>
                </a:endParaRPr>
              </a:p>
            </p:txBody>
          </p:sp>
          <p:sp>
            <p:nvSpPr>
              <p:cNvPr id="29" name="テキスト ボックス 28">
                <a:extLst>
                  <a:ext uri="{FF2B5EF4-FFF2-40B4-BE49-F238E27FC236}">
                    <a16:creationId xmlns:a16="http://schemas.microsoft.com/office/drawing/2014/main" id="{A7C30EF6-B719-B89A-209F-C5C3B4439C94}"/>
                  </a:ext>
                </a:extLst>
              </p:cNvPr>
              <p:cNvSpPr txBox="1"/>
              <p:nvPr/>
            </p:nvSpPr>
            <p:spPr>
              <a:xfrm>
                <a:off x="4506834" y="3128050"/>
                <a:ext cx="2193616" cy="243509"/>
              </a:xfrm>
              <a:prstGeom prst="rect">
                <a:avLst/>
              </a:prstGeom>
              <a:noFill/>
            </p:spPr>
            <p:txBody>
              <a:bodyPr wrap="square" rtlCol="0">
                <a:spAutoFit/>
              </a:bodyPr>
              <a:lstStyle/>
              <a:p>
                <a:r>
                  <a:rPr kumimoji="1" lang="en-US" altLang="ja-JP" sz="1100" dirty="0">
                    <a:solidFill>
                      <a:srgbClr val="FF0000"/>
                    </a:solidFill>
                  </a:rPr>
                  <a:t>(GFL: 178,000 </a:t>
                </a:r>
                <a:r>
                  <a:rPr kumimoji="1" lang="en-US" altLang="ja-JP" sz="1100" dirty="0" err="1">
                    <a:solidFill>
                      <a:srgbClr val="FF0000"/>
                    </a:solidFill>
                  </a:rPr>
                  <a:t>sq.ft</a:t>
                </a:r>
                <a:r>
                  <a:rPr kumimoji="1" lang="en-US" altLang="ja-JP" sz="1100" dirty="0">
                    <a:solidFill>
                      <a:srgbClr val="FF0000"/>
                    </a:solidFill>
                  </a:rPr>
                  <a:t>. and above)</a:t>
                </a:r>
                <a:endParaRPr kumimoji="1" lang="ja-JP" altLang="en-US" sz="1100" dirty="0">
                  <a:solidFill>
                    <a:srgbClr val="FF0000"/>
                  </a:solidFill>
                </a:endParaRPr>
              </a:p>
            </p:txBody>
          </p:sp>
          <p:sp>
            <p:nvSpPr>
              <p:cNvPr id="3" name="テキスト ボックス 2">
                <a:extLst>
                  <a:ext uri="{FF2B5EF4-FFF2-40B4-BE49-F238E27FC236}">
                    <a16:creationId xmlns:a16="http://schemas.microsoft.com/office/drawing/2014/main" id="{5037D6C4-C3E8-49EA-7D15-937BA5BDB756}"/>
                  </a:ext>
                </a:extLst>
              </p:cNvPr>
              <p:cNvSpPr txBox="1"/>
              <p:nvPr/>
            </p:nvSpPr>
            <p:spPr>
              <a:xfrm>
                <a:off x="3230048" y="2925266"/>
                <a:ext cx="1099805" cy="243509"/>
              </a:xfrm>
              <a:prstGeom prst="rect">
                <a:avLst/>
              </a:prstGeom>
              <a:noFill/>
            </p:spPr>
            <p:txBody>
              <a:bodyPr wrap="square" rtlCol="0">
                <a:spAutoFit/>
              </a:bodyPr>
              <a:lstStyle/>
              <a:p>
                <a:r>
                  <a:rPr kumimoji="1" lang="en-US" altLang="ja-JP" sz="1100" b="1" dirty="0">
                    <a:solidFill>
                      <a:srgbClr val="000000"/>
                    </a:solidFill>
                  </a:rPr>
                  <a:t>Bldg. Age</a:t>
                </a:r>
                <a:endParaRPr kumimoji="1" lang="ja-JP" altLang="en-US" sz="1100" b="1" dirty="0">
                  <a:solidFill>
                    <a:srgbClr val="000000"/>
                  </a:solidFill>
                </a:endParaRPr>
              </a:p>
            </p:txBody>
          </p:sp>
        </p:grpSp>
        <p:sp>
          <p:nvSpPr>
            <p:cNvPr id="12" name="テキスト ボックス 11">
              <a:extLst>
                <a:ext uri="{FF2B5EF4-FFF2-40B4-BE49-F238E27FC236}">
                  <a16:creationId xmlns:a16="http://schemas.microsoft.com/office/drawing/2014/main" id="{41255D6F-7941-2DF3-150F-CC9D86A323F4}"/>
                </a:ext>
              </a:extLst>
            </p:cNvPr>
            <p:cNvSpPr txBox="1"/>
            <p:nvPr/>
          </p:nvSpPr>
          <p:spPr>
            <a:xfrm>
              <a:off x="2349319" y="4571664"/>
              <a:ext cx="1236944" cy="592470"/>
            </a:xfrm>
            <a:prstGeom prst="rect">
              <a:avLst/>
            </a:prstGeom>
            <a:noFill/>
          </p:spPr>
          <p:txBody>
            <a:bodyPr wrap="square" rtlCol="0">
              <a:spAutoFit/>
            </a:bodyPr>
            <a:lstStyle/>
            <a:p>
              <a:pPr>
                <a:lnSpc>
                  <a:spcPts val="1300"/>
                </a:lnSpc>
                <a:defRPr/>
              </a:pPr>
              <a:r>
                <a:rPr kumimoji="1" lang="en-US" sz="1100" dirty="0">
                  <a:solidFill>
                    <a:srgbClr val="002060"/>
                  </a:solidFill>
                  <a:latin typeface="Arial" panose="020B0604020202020204" pitchFamily="34" charset="0"/>
                  <a:cs typeface="Arial" panose="020B0604020202020204" pitchFamily="34" charset="0"/>
                </a:rPr>
                <a:t>Large volume of office supply in Babble period</a:t>
              </a:r>
            </a:p>
          </p:txBody>
        </p:sp>
        <p:cxnSp>
          <p:nvCxnSpPr>
            <p:cNvPr id="13" name="直線矢印コネクタ 12">
              <a:extLst>
                <a:ext uri="{FF2B5EF4-FFF2-40B4-BE49-F238E27FC236}">
                  <a16:creationId xmlns:a16="http://schemas.microsoft.com/office/drawing/2014/main" id="{2EFCC0E9-3804-9214-F03A-03EBADBE99BB}"/>
                </a:ext>
              </a:extLst>
            </p:cNvPr>
            <p:cNvCxnSpPr>
              <a:cxnSpLocks/>
            </p:cNvCxnSpPr>
            <p:nvPr/>
          </p:nvCxnSpPr>
          <p:spPr>
            <a:xfrm>
              <a:off x="3350774" y="4846440"/>
              <a:ext cx="470978" cy="0"/>
            </a:xfrm>
            <a:prstGeom prst="straightConnector1">
              <a:avLst/>
            </a:prstGeom>
            <a:ln>
              <a:solidFill>
                <a:srgbClr val="002060"/>
              </a:solidFill>
              <a:tailEnd type="triangle"/>
            </a:ln>
          </p:spPr>
          <p:style>
            <a:lnRef idx="1">
              <a:schemeClr val="accent1"/>
            </a:lnRef>
            <a:fillRef idx="0">
              <a:schemeClr val="accent1"/>
            </a:fillRef>
            <a:effectRef idx="0">
              <a:schemeClr val="accent1"/>
            </a:effectRef>
            <a:fontRef idx="minor">
              <a:schemeClr val="tx1"/>
            </a:fontRef>
          </p:style>
        </p:cxnSp>
        <p:sp>
          <p:nvSpPr>
            <p:cNvPr id="14" name="テキスト ボックス 13">
              <a:extLst>
                <a:ext uri="{FF2B5EF4-FFF2-40B4-BE49-F238E27FC236}">
                  <a16:creationId xmlns:a16="http://schemas.microsoft.com/office/drawing/2014/main" id="{C8F87E77-6A6E-05A8-3E9F-965C00B68C5D}"/>
                </a:ext>
              </a:extLst>
            </p:cNvPr>
            <p:cNvSpPr txBox="1"/>
            <p:nvPr/>
          </p:nvSpPr>
          <p:spPr>
            <a:xfrm>
              <a:off x="8909136" y="5200611"/>
              <a:ext cx="1229737" cy="551477"/>
            </a:xfrm>
            <a:prstGeom prst="rect">
              <a:avLst/>
            </a:prstGeom>
            <a:noFill/>
          </p:spPr>
          <p:txBody>
            <a:bodyPr wrap="square" rtlCol="0">
              <a:spAutoFit/>
            </a:bodyPr>
            <a:lstStyle/>
            <a:p>
              <a:pPr>
                <a:lnSpc>
                  <a:spcPts val="1300"/>
                </a:lnSpc>
                <a:defRPr/>
              </a:pPr>
              <a:r>
                <a:rPr kumimoji="1" lang="en-US" sz="1100" dirty="0">
                  <a:solidFill>
                    <a:srgbClr val="002060"/>
                  </a:solidFill>
                  <a:latin typeface="Arial" panose="020B0604020202020204" pitchFamily="34" charset="0"/>
                  <a:cs typeface="Arial" panose="020B0604020202020204" pitchFamily="34" charset="0"/>
                </a:rPr>
                <a:t>Continuous new office supply after Yr. 2000</a:t>
              </a:r>
            </a:p>
          </p:txBody>
        </p:sp>
        <p:sp>
          <p:nvSpPr>
            <p:cNvPr id="15" name="右中かっこ 14">
              <a:extLst>
                <a:ext uri="{FF2B5EF4-FFF2-40B4-BE49-F238E27FC236}">
                  <a16:creationId xmlns:a16="http://schemas.microsoft.com/office/drawing/2014/main" id="{30EDF9D6-9C9A-6607-BF7C-BA11AFCE8E1D}"/>
                </a:ext>
              </a:extLst>
            </p:cNvPr>
            <p:cNvSpPr/>
            <p:nvPr/>
          </p:nvSpPr>
          <p:spPr>
            <a:xfrm>
              <a:off x="8572499" y="5069881"/>
              <a:ext cx="305369" cy="927312"/>
            </a:xfrm>
            <a:prstGeom prst="rightBrace">
              <a:avLst/>
            </a:prstGeom>
            <a:ln>
              <a:solidFill>
                <a:srgbClr val="002060"/>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kumimoji="1" lang="ja-JP" altLang="en-US"/>
            </a:p>
          </p:txBody>
        </p:sp>
      </p:grpSp>
      <p:pic>
        <p:nvPicPr>
          <p:cNvPr id="2" name="図 1">
            <a:extLst>
              <a:ext uri="{FF2B5EF4-FFF2-40B4-BE49-F238E27FC236}">
                <a16:creationId xmlns:a16="http://schemas.microsoft.com/office/drawing/2014/main" id="{63289F57-C963-AFEF-304D-9CB6EAE2402C}"/>
              </a:ext>
            </a:extLst>
          </p:cNvPr>
          <p:cNvPicPr>
            <a:picLocks noChangeAspect="1"/>
          </p:cNvPicPr>
          <p:nvPr/>
        </p:nvPicPr>
        <p:blipFill>
          <a:blip r:embed="rId3"/>
          <a:stretch>
            <a:fillRect/>
          </a:stretch>
        </p:blipFill>
        <p:spPr>
          <a:xfrm flipH="1">
            <a:off x="11701191" y="1023589"/>
            <a:ext cx="419653" cy="279699"/>
          </a:xfrm>
          <a:prstGeom prst="rect">
            <a:avLst/>
          </a:prstGeom>
        </p:spPr>
      </p:pic>
      <p:sp>
        <p:nvSpPr>
          <p:cNvPr id="30" name="楕円 29">
            <a:extLst>
              <a:ext uri="{FF2B5EF4-FFF2-40B4-BE49-F238E27FC236}">
                <a16:creationId xmlns:a16="http://schemas.microsoft.com/office/drawing/2014/main" id="{124F8189-3E06-6682-DA67-A78C975A4770}"/>
              </a:ext>
            </a:extLst>
          </p:cNvPr>
          <p:cNvSpPr/>
          <p:nvPr/>
        </p:nvSpPr>
        <p:spPr>
          <a:xfrm>
            <a:off x="6453829" y="2568137"/>
            <a:ext cx="1184564" cy="386237"/>
          </a:xfrm>
          <a:prstGeom prst="ellipse">
            <a:avLst/>
          </a:prstGeom>
          <a:noFill/>
          <a:ln w="222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a:p>
        </p:txBody>
      </p:sp>
      <p:sp>
        <p:nvSpPr>
          <p:cNvPr id="31" name="楕円 30">
            <a:extLst>
              <a:ext uri="{FF2B5EF4-FFF2-40B4-BE49-F238E27FC236}">
                <a16:creationId xmlns:a16="http://schemas.microsoft.com/office/drawing/2014/main" id="{8D3876C5-706F-9BD9-1419-1924188330A4}"/>
              </a:ext>
            </a:extLst>
          </p:cNvPr>
          <p:cNvSpPr/>
          <p:nvPr/>
        </p:nvSpPr>
        <p:spPr>
          <a:xfrm>
            <a:off x="9843490" y="3268082"/>
            <a:ext cx="814612" cy="255290"/>
          </a:xfrm>
          <a:prstGeom prst="ellipse">
            <a:avLst/>
          </a:prstGeom>
          <a:noFill/>
          <a:ln w="222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a:p>
        </p:txBody>
      </p:sp>
      <p:sp>
        <p:nvSpPr>
          <p:cNvPr id="32" name="楕円 31">
            <a:extLst>
              <a:ext uri="{FF2B5EF4-FFF2-40B4-BE49-F238E27FC236}">
                <a16:creationId xmlns:a16="http://schemas.microsoft.com/office/drawing/2014/main" id="{76988967-2E3D-9C71-DD2B-05601FFAC7B1}"/>
              </a:ext>
            </a:extLst>
          </p:cNvPr>
          <p:cNvSpPr/>
          <p:nvPr/>
        </p:nvSpPr>
        <p:spPr>
          <a:xfrm>
            <a:off x="6885351" y="3258315"/>
            <a:ext cx="814612" cy="255290"/>
          </a:xfrm>
          <a:prstGeom prst="ellipse">
            <a:avLst/>
          </a:prstGeom>
          <a:noFill/>
          <a:ln w="222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a:p>
        </p:txBody>
      </p:sp>
    </p:spTree>
    <p:extLst>
      <p:ext uri="{BB962C8B-B14F-4D97-AF65-F5344CB8AC3E}">
        <p14:creationId xmlns:p14="http://schemas.microsoft.com/office/powerpoint/2010/main" val="2834326197"/>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タイトル 1">
            <a:extLst>
              <a:ext uri="{FF2B5EF4-FFF2-40B4-BE49-F238E27FC236}">
                <a16:creationId xmlns:a16="http://schemas.microsoft.com/office/drawing/2014/main" id="{B7052327-1C80-A16C-95CC-ACDB1434A4FB}"/>
              </a:ext>
            </a:extLst>
          </p:cNvPr>
          <p:cNvSpPr txBox="1">
            <a:spLocks/>
          </p:cNvSpPr>
          <p:nvPr/>
        </p:nvSpPr>
        <p:spPr>
          <a:xfrm>
            <a:off x="1277815" y="786672"/>
            <a:ext cx="10073357" cy="719089"/>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kumimoji="1" sz="2400" b="0" kern="1200">
                <a:solidFill>
                  <a:srgbClr val="1E2380"/>
                </a:solidFill>
                <a:latin typeface="Arial" panose="020B0604020202020204" pitchFamily="34" charset="0"/>
                <a:ea typeface="ＭＳ Ｐゴシック" panose="020B0600070205080204" pitchFamily="50" charset="-128"/>
                <a:cs typeface="メイリオ" pitchFamily="50" charset="-128"/>
              </a:defRPr>
            </a:lvl1pPr>
          </a:lstStyle>
          <a:p>
            <a:r>
              <a:rPr lang="en-US" altLang="ja-JP" sz="4000" dirty="0">
                <a:solidFill>
                  <a:srgbClr val="1C1C1C"/>
                </a:solidFill>
                <a:latin typeface="+mj-lt"/>
                <a:ea typeface="+mj-ea"/>
                <a:cs typeface="Arial" panose="020B0604020202020204" pitchFamily="34" charset="0"/>
              </a:rPr>
              <a:t>Office Market Cycle in Tokyo 23 Wards </a:t>
            </a:r>
          </a:p>
        </p:txBody>
      </p:sp>
      <p:sp>
        <p:nvSpPr>
          <p:cNvPr id="6" name="テキスト ボックス 5">
            <a:extLst>
              <a:ext uri="{FF2B5EF4-FFF2-40B4-BE49-F238E27FC236}">
                <a16:creationId xmlns:a16="http://schemas.microsoft.com/office/drawing/2014/main" id="{C6EFD299-A426-1A27-F6F8-1F64F7C340FC}"/>
              </a:ext>
            </a:extLst>
          </p:cNvPr>
          <p:cNvSpPr txBox="1"/>
          <p:nvPr/>
        </p:nvSpPr>
        <p:spPr>
          <a:xfrm>
            <a:off x="38419" y="3065223"/>
            <a:ext cx="3681260" cy="2593018"/>
          </a:xfrm>
          <a:prstGeom prst="rect">
            <a:avLst/>
          </a:prstGeom>
          <a:noFill/>
        </p:spPr>
        <p:txBody>
          <a:bodyPr wrap="square" rtlCol="0">
            <a:spAutoFit/>
          </a:bodyPr>
          <a:lstStyle/>
          <a:p>
            <a:pPr marL="171450" indent="-171450">
              <a:lnSpc>
                <a:spcPts val="1900"/>
              </a:lnSpc>
              <a:spcBef>
                <a:spcPts val="60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The market trend can be grasped by looking at the movement of vacancy rate and rent.</a:t>
            </a:r>
          </a:p>
          <a:p>
            <a:pPr marL="171450" indent="-171450">
              <a:lnSpc>
                <a:spcPts val="1900"/>
              </a:lnSpc>
              <a:spcBef>
                <a:spcPts val="60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1</a:t>
            </a:r>
            <a:r>
              <a:rPr kumimoji="1" lang="en-US" sz="1600" dirty="0">
                <a:solidFill>
                  <a:srgbClr val="FF0000"/>
                </a:solidFill>
                <a:latin typeface="Arial" panose="020B0604020202020204" pitchFamily="34" charset="0"/>
                <a:cs typeface="Arial" panose="020B0604020202020204" pitchFamily="34" charset="0"/>
              </a:rPr>
              <a:t>) Lehman Shock</a:t>
            </a:r>
            <a:r>
              <a:rPr kumimoji="1" lang="en-US" sz="1600" dirty="0">
                <a:solidFill>
                  <a:srgbClr val="1C1C1C"/>
                </a:solidFill>
                <a:latin typeface="Arial" panose="020B0604020202020204" pitchFamily="34" charset="0"/>
                <a:cs typeface="Arial" panose="020B0604020202020204" pitchFamily="34" charset="0"/>
              </a:rPr>
              <a:t>: Vacancy increased +5.52%, Rent index dropped -45pt</a:t>
            </a:r>
          </a:p>
          <a:p>
            <a:pPr marL="171450" indent="-171450">
              <a:lnSpc>
                <a:spcPts val="1900"/>
              </a:lnSpc>
              <a:spcBef>
                <a:spcPts val="600"/>
              </a:spcBef>
              <a:spcAft>
                <a:spcPts val="600"/>
              </a:spcAft>
              <a:buFont typeface="Arial" panose="020B0604020202020204" pitchFamily="34" charset="0"/>
              <a:buChar char="•"/>
              <a:defRPr/>
            </a:pPr>
            <a:r>
              <a:rPr kumimoji="1" lang="en-US" sz="1600" dirty="0">
                <a:solidFill>
                  <a:srgbClr val="1C1C1C"/>
                </a:solidFill>
                <a:latin typeface="Arial" panose="020B0604020202020204" pitchFamily="34" charset="0"/>
                <a:cs typeface="Arial" panose="020B0604020202020204" pitchFamily="34" charset="0"/>
              </a:rPr>
              <a:t>(2) </a:t>
            </a:r>
            <a:r>
              <a:rPr kumimoji="1" lang="en-US" sz="1600" dirty="0">
                <a:solidFill>
                  <a:srgbClr val="FF0000"/>
                </a:solidFill>
                <a:latin typeface="Arial" panose="020B0604020202020204" pitchFamily="34" charset="0"/>
                <a:cs typeface="Arial" panose="020B0604020202020204" pitchFamily="34" charset="0"/>
              </a:rPr>
              <a:t>COVID-19</a:t>
            </a:r>
            <a:r>
              <a:rPr kumimoji="1" lang="en-US" sz="1600" dirty="0">
                <a:solidFill>
                  <a:srgbClr val="1C1C1C"/>
                </a:solidFill>
                <a:latin typeface="Arial" panose="020B0604020202020204" pitchFamily="34" charset="0"/>
                <a:cs typeface="Arial" panose="020B0604020202020204" pitchFamily="34" charset="0"/>
              </a:rPr>
              <a:t>: Vacancy increased +3.01% (now: +2.21%), Rent index dropped -13pt (now: -10pt)</a:t>
            </a:r>
          </a:p>
        </p:txBody>
      </p:sp>
      <p:grpSp>
        <p:nvGrpSpPr>
          <p:cNvPr id="7" name="グループ化 6">
            <a:extLst>
              <a:ext uri="{FF2B5EF4-FFF2-40B4-BE49-F238E27FC236}">
                <a16:creationId xmlns:a16="http://schemas.microsoft.com/office/drawing/2014/main" id="{09716C28-BFF6-CC2F-045B-C31B3045D12B}"/>
              </a:ext>
            </a:extLst>
          </p:cNvPr>
          <p:cNvGrpSpPr/>
          <p:nvPr/>
        </p:nvGrpSpPr>
        <p:grpSpPr>
          <a:xfrm>
            <a:off x="4059622" y="2311294"/>
            <a:ext cx="7919108" cy="4290514"/>
            <a:chOff x="2896877" y="2596853"/>
            <a:chExt cx="6772148" cy="3923263"/>
          </a:xfrm>
        </p:grpSpPr>
        <p:grpSp>
          <p:nvGrpSpPr>
            <p:cNvPr id="8" name="グループ化 7">
              <a:extLst>
                <a:ext uri="{FF2B5EF4-FFF2-40B4-BE49-F238E27FC236}">
                  <a16:creationId xmlns:a16="http://schemas.microsoft.com/office/drawing/2014/main" id="{95FCFDBC-89DA-8E22-C7FA-2106A4AE8819}"/>
                </a:ext>
              </a:extLst>
            </p:cNvPr>
            <p:cNvGrpSpPr/>
            <p:nvPr/>
          </p:nvGrpSpPr>
          <p:grpSpPr>
            <a:xfrm>
              <a:off x="2896877" y="2596853"/>
              <a:ext cx="6772148" cy="3923263"/>
              <a:chOff x="2896877" y="2596853"/>
              <a:chExt cx="6772148" cy="3923263"/>
            </a:xfrm>
          </p:grpSpPr>
          <p:grpSp>
            <p:nvGrpSpPr>
              <p:cNvPr id="11" name="グループ化 10">
                <a:extLst>
                  <a:ext uri="{FF2B5EF4-FFF2-40B4-BE49-F238E27FC236}">
                    <a16:creationId xmlns:a16="http://schemas.microsoft.com/office/drawing/2014/main" id="{77CFEC45-D758-0140-20FB-939EB9F36B06}"/>
                  </a:ext>
                </a:extLst>
              </p:cNvPr>
              <p:cNvGrpSpPr/>
              <p:nvPr/>
            </p:nvGrpSpPr>
            <p:grpSpPr>
              <a:xfrm>
                <a:off x="2896877" y="2596853"/>
                <a:ext cx="6772148" cy="3923263"/>
                <a:chOff x="2896877" y="2596853"/>
                <a:chExt cx="6772148" cy="3923263"/>
              </a:xfrm>
            </p:grpSpPr>
            <p:pic>
              <p:nvPicPr>
                <p:cNvPr id="24" name="図 23">
                  <a:extLst>
                    <a:ext uri="{FF2B5EF4-FFF2-40B4-BE49-F238E27FC236}">
                      <a16:creationId xmlns:a16="http://schemas.microsoft.com/office/drawing/2014/main" id="{18E5B50D-2947-E3CE-530C-26361D2A88E4}"/>
                    </a:ext>
                  </a:extLst>
                </p:cNvPr>
                <p:cNvPicPr>
                  <a:picLocks noChangeAspect="1"/>
                </p:cNvPicPr>
                <p:nvPr/>
              </p:nvPicPr>
              <p:blipFill rotWithShape="1">
                <a:blip r:embed="rId2"/>
                <a:srcRect b="20312"/>
                <a:stretch/>
              </p:blipFill>
              <p:spPr>
                <a:xfrm>
                  <a:off x="2896877" y="2790130"/>
                  <a:ext cx="6180623" cy="3493958"/>
                </a:xfrm>
                <a:prstGeom prst="rect">
                  <a:avLst/>
                </a:prstGeom>
              </p:spPr>
            </p:pic>
            <p:sp>
              <p:nvSpPr>
                <p:cNvPr id="25" name="正方形/長方形 24">
                  <a:extLst>
                    <a:ext uri="{FF2B5EF4-FFF2-40B4-BE49-F238E27FC236}">
                      <a16:creationId xmlns:a16="http://schemas.microsoft.com/office/drawing/2014/main" id="{BCC4339B-E4A7-934F-ECC8-6202904BFC24}"/>
                    </a:ext>
                  </a:extLst>
                </p:cNvPr>
                <p:cNvSpPr/>
                <p:nvPr/>
              </p:nvSpPr>
              <p:spPr>
                <a:xfrm>
                  <a:off x="8923887" y="5658547"/>
                  <a:ext cx="745138" cy="400110"/>
                </a:xfrm>
                <a:prstGeom prst="rect">
                  <a:avLst/>
                </a:prstGeom>
              </p:spPr>
              <p:txBody>
                <a:bodyPr wrap="square">
                  <a:noAutofit/>
                </a:bodyPr>
                <a:lstStyle/>
                <a:p>
                  <a:r>
                    <a:rPr lang="en-US" altLang="ja-JP" sz="1000" dirty="0">
                      <a:solidFill>
                        <a:srgbClr val="323232"/>
                      </a:solidFill>
                      <a:latin typeface="Arial" panose="020B0604020202020204" pitchFamily="34" charset="0"/>
                      <a:ea typeface="ＭＳ Ｐゴシック" panose="020B0600070205080204" pitchFamily="50" charset="-128"/>
                      <a:cs typeface="Arial" panose="020B0604020202020204" pitchFamily="34" charset="0"/>
                    </a:rPr>
                    <a:t>Vacancy Rate </a:t>
                  </a:r>
                  <a:endParaRPr lang="en-US" altLang="ja-JP" sz="1000" dirty="0">
                    <a:latin typeface="Arial" panose="020B0604020202020204" pitchFamily="34" charset="0"/>
                    <a:ea typeface="ＭＳ Ｐゴシック" panose="020B0600070205080204" pitchFamily="50" charset="-128"/>
                    <a:cs typeface="Arial" panose="020B0604020202020204" pitchFamily="34" charset="0"/>
                  </a:endParaRPr>
                </a:p>
              </p:txBody>
            </p:sp>
            <p:sp>
              <p:nvSpPr>
                <p:cNvPr id="26" name="テキスト ボックス 25">
                  <a:extLst>
                    <a:ext uri="{FF2B5EF4-FFF2-40B4-BE49-F238E27FC236}">
                      <a16:creationId xmlns:a16="http://schemas.microsoft.com/office/drawing/2014/main" id="{36E0FC72-8795-333B-D5E2-A66F789C4D79}"/>
                    </a:ext>
                  </a:extLst>
                </p:cNvPr>
                <p:cNvSpPr txBox="1"/>
                <p:nvPr/>
              </p:nvSpPr>
              <p:spPr>
                <a:xfrm>
                  <a:off x="3364359" y="3320287"/>
                  <a:ext cx="1409580" cy="248401"/>
                </a:xfrm>
                <a:prstGeom prst="rect">
                  <a:avLst/>
                </a:prstGeom>
                <a:noFill/>
              </p:spPr>
              <p:txBody>
                <a:bodyPr wrap="square" rtlCol="0">
                  <a:spAutoFit/>
                </a:bodyPr>
                <a:lstStyle/>
                <a:p>
                  <a:pPr>
                    <a:lnSpc>
                      <a:spcPts val="1200"/>
                    </a:lnSpc>
                  </a:pPr>
                  <a:r>
                    <a:rPr kumimoji="1" lang="en-US" altLang="ja-JP" sz="1200" b="1" dirty="0">
                      <a:solidFill>
                        <a:srgbClr val="FF0000"/>
                      </a:solidFill>
                    </a:rPr>
                    <a:t>(2) COVID-19 starts</a:t>
                  </a:r>
                  <a:endParaRPr kumimoji="1" lang="ja-JP" altLang="en-US" sz="1200" b="1" dirty="0">
                    <a:solidFill>
                      <a:srgbClr val="FF0000"/>
                    </a:solidFill>
                  </a:endParaRPr>
                </a:p>
              </p:txBody>
            </p:sp>
            <p:sp>
              <p:nvSpPr>
                <p:cNvPr id="27" name="テキスト ボックス 26">
                  <a:extLst>
                    <a:ext uri="{FF2B5EF4-FFF2-40B4-BE49-F238E27FC236}">
                      <a16:creationId xmlns:a16="http://schemas.microsoft.com/office/drawing/2014/main" id="{3C6DFE91-A899-C0E6-889A-3B7B2CA67780}"/>
                    </a:ext>
                  </a:extLst>
                </p:cNvPr>
                <p:cNvSpPr txBox="1"/>
                <p:nvPr/>
              </p:nvSpPr>
              <p:spPr>
                <a:xfrm>
                  <a:off x="5022317" y="2640530"/>
                  <a:ext cx="1060928" cy="402290"/>
                </a:xfrm>
                <a:prstGeom prst="rect">
                  <a:avLst/>
                </a:prstGeom>
                <a:noFill/>
              </p:spPr>
              <p:txBody>
                <a:bodyPr wrap="square" rtlCol="0">
                  <a:spAutoFit/>
                </a:bodyPr>
                <a:lstStyle/>
                <a:p>
                  <a:pPr>
                    <a:lnSpc>
                      <a:spcPts val="1200"/>
                    </a:lnSpc>
                  </a:pPr>
                  <a:r>
                    <a:rPr kumimoji="1" lang="en-US" altLang="ja-JP" sz="1200" b="1" dirty="0">
                      <a:solidFill>
                        <a:srgbClr val="FF0000"/>
                      </a:solidFill>
                    </a:rPr>
                    <a:t>(1) Lehman  Shock starts</a:t>
                  </a:r>
                  <a:endParaRPr kumimoji="1" lang="ja-JP" altLang="en-US" sz="1200" b="1" dirty="0">
                    <a:solidFill>
                      <a:srgbClr val="FF0000"/>
                    </a:solidFill>
                  </a:endParaRPr>
                </a:p>
              </p:txBody>
            </p:sp>
            <p:sp>
              <p:nvSpPr>
                <p:cNvPr id="28" name="テキスト ボックス 27">
                  <a:extLst>
                    <a:ext uri="{FF2B5EF4-FFF2-40B4-BE49-F238E27FC236}">
                      <a16:creationId xmlns:a16="http://schemas.microsoft.com/office/drawing/2014/main" id="{8797529C-9723-8081-5C56-A7142C8E1EA5}"/>
                    </a:ext>
                  </a:extLst>
                </p:cNvPr>
                <p:cNvSpPr txBox="1"/>
                <p:nvPr/>
              </p:nvSpPr>
              <p:spPr>
                <a:xfrm>
                  <a:off x="2970153" y="6331005"/>
                  <a:ext cx="4535363" cy="189111"/>
                </a:xfrm>
                <a:prstGeom prst="rect">
                  <a:avLst/>
                </a:prstGeom>
              </p:spPr>
              <p:txBody>
                <a:bodyPr lIns="55715" tIns="27857" rIns="55715" bIns="27857">
                  <a:noAutofit/>
                </a:bodyPr>
                <a:lstStyle>
                  <a:defPPr>
                    <a:defRPr lang="ja-JP"/>
                  </a:defPPr>
                  <a:lvl1pPr indent="0" defTabSz="957263" eaLnBrk="0" fontAlgn="base" hangingPunct="0">
                    <a:spcBef>
                      <a:spcPct val="20000"/>
                    </a:spcBef>
                    <a:spcAft>
                      <a:spcPct val="0"/>
                    </a:spcAft>
                    <a:buNone/>
                    <a:defRPr sz="800" kern="0">
                      <a:latin typeface="メイリオ" panose="020B0604030504040204" pitchFamily="50" charset="-128"/>
                      <a:ea typeface="メイリオ" panose="020B0604030504040204" pitchFamily="50" charset="-128"/>
                      <a:cs typeface="メイリオ" panose="020B0604030504040204" pitchFamily="50" charset="-128"/>
                    </a:defRPr>
                  </a:lvl1pPr>
                  <a:lvl2pPr marL="777875" indent="-298450" defTabSz="957263" eaLnBrk="0" fontAlgn="base" hangingPunct="0">
                    <a:spcBef>
                      <a:spcPct val="20000"/>
                    </a:spcBef>
                    <a:spcAft>
                      <a:spcPct val="0"/>
                    </a:spcAft>
                    <a:buChar char="–"/>
                    <a:defRPr sz="2900"/>
                  </a:lvl2pPr>
                  <a:lvl3pPr marL="1196975" indent="-239713" defTabSz="957263" eaLnBrk="0" fontAlgn="base" hangingPunct="0">
                    <a:spcBef>
                      <a:spcPct val="20000"/>
                    </a:spcBef>
                    <a:spcAft>
                      <a:spcPct val="0"/>
                    </a:spcAft>
                    <a:buChar char="•"/>
                    <a:defRPr sz="2500"/>
                  </a:lvl3pPr>
                  <a:lvl4pPr marL="1676400" indent="-239713" defTabSz="957263" eaLnBrk="0" fontAlgn="base" hangingPunct="0">
                    <a:spcBef>
                      <a:spcPct val="20000"/>
                    </a:spcBef>
                    <a:spcAft>
                      <a:spcPct val="0"/>
                    </a:spcAft>
                    <a:buChar char="–"/>
                    <a:defRPr sz="2100"/>
                  </a:lvl4pPr>
                  <a:lvl5pPr marL="2152650" indent="-236538" defTabSz="957263" eaLnBrk="0" fontAlgn="base" hangingPunct="0">
                    <a:spcBef>
                      <a:spcPct val="20000"/>
                    </a:spcBef>
                    <a:spcAft>
                      <a:spcPct val="0"/>
                    </a:spcAft>
                    <a:buChar char="»"/>
                    <a:defRPr sz="2100"/>
                  </a:lvl5pPr>
                  <a:lvl6pPr marL="2609850" indent="-236538" defTabSz="957263" fontAlgn="base">
                    <a:spcBef>
                      <a:spcPct val="20000"/>
                    </a:spcBef>
                    <a:spcAft>
                      <a:spcPct val="0"/>
                    </a:spcAft>
                    <a:buChar char="»"/>
                    <a:defRPr sz="2100"/>
                  </a:lvl6pPr>
                  <a:lvl7pPr marL="3067050" indent="-236538" defTabSz="957263" fontAlgn="base">
                    <a:spcBef>
                      <a:spcPct val="20000"/>
                    </a:spcBef>
                    <a:spcAft>
                      <a:spcPct val="0"/>
                    </a:spcAft>
                    <a:buChar char="»"/>
                    <a:defRPr sz="2100"/>
                  </a:lvl7pPr>
                  <a:lvl8pPr marL="3524250" indent="-236538" defTabSz="957263" fontAlgn="base">
                    <a:spcBef>
                      <a:spcPct val="20000"/>
                    </a:spcBef>
                    <a:spcAft>
                      <a:spcPct val="0"/>
                    </a:spcAft>
                    <a:buChar char="»"/>
                    <a:defRPr sz="2100"/>
                  </a:lvl8pPr>
                  <a:lvl9pPr marL="3981450" indent="-236538" defTabSz="957263" fontAlgn="base">
                    <a:spcBef>
                      <a:spcPct val="20000"/>
                    </a:spcBef>
                    <a:spcAft>
                      <a:spcPct val="0"/>
                    </a:spcAft>
                    <a:buChar char="»"/>
                    <a:defRPr sz="2100"/>
                  </a:lvl9pPr>
                </a:lstStyle>
                <a:p>
                  <a:pPr defTabSz="583332">
                    <a:defRPr/>
                  </a:pPr>
                  <a:r>
                    <a:rPr kumimoji="1" lang="en-US" sz="1000" dirty="0">
                      <a:solidFill>
                        <a:prstClr val="black"/>
                      </a:solidFill>
                      <a:latin typeface="Arial" panose="020B0604020202020204" pitchFamily="34" charset="0"/>
                      <a:cs typeface="Arial" panose="020B0604020202020204" pitchFamily="34" charset="0"/>
                    </a:rPr>
                    <a:t>Source: XYMAX REI “Office Market Report Tokyo Q1 2024” </a:t>
                  </a:r>
                </a:p>
              </p:txBody>
            </p:sp>
            <p:sp>
              <p:nvSpPr>
                <p:cNvPr id="29" name="テキスト ボックス 28">
                  <a:extLst>
                    <a:ext uri="{FF2B5EF4-FFF2-40B4-BE49-F238E27FC236}">
                      <a16:creationId xmlns:a16="http://schemas.microsoft.com/office/drawing/2014/main" id="{3CB79252-1780-6F0E-62F1-22CC1D7FAAFC}"/>
                    </a:ext>
                  </a:extLst>
                </p:cNvPr>
                <p:cNvSpPr txBox="1"/>
                <p:nvPr/>
              </p:nvSpPr>
              <p:spPr>
                <a:xfrm>
                  <a:off x="4953429" y="3959030"/>
                  <a:ext cx="612107" cy="256069"/>
                </a:xfrm>
                <a:prstGeom prst="rect">
                  <a:avLst/>
                </a:prstGeom>
                <a:noFill/>
              </p:spPr>
              <p:txBody>
                <a:bodyPr wrap="square" rtlCol="0">
                  <a:spAutoFit/>
                </a:bodyPr>
                <a:lstStyle/>
                <a:p>
                  <a:pPr>
                    <a:lnSpc>
                      <a:spcPts val="1200"/>
                    </a:lnSpc>
                  </a:pPr>
                  <a:r>
                    <a:rPr kumimoji="1" lang="en-US" altLang="ja-JP" sz="1200" b="1" dirty="0">
                      <a:solidFill>
                        <a:srgbClr val="333333"/>
                      </a:solidFill>
                    </a:rPr>
                    <a:t>NOW</a:t>
                  </a:r>
                  <a:endParaRPr kumimoji="1" lang="ja-JP" altLang="en-US" sz="1200" b="1" dirty="0">
                    <a:solidFill>
                      <a:srgbClr val="333333"/>
                    </a:solidFill>
                  </a:endParaRPr>
                </a:p>
              </p:txBody>
            </p:sp>
            <p:sp>
              <p:nvSpPr>
                <p:cNvPr id="30" name="テキスト ボックス 29">
                  <a:extLst>
                    <a:ext uri="{FF2B5EF4-FFF2-40B4-BE49-F238E27FC236}">
                      <a16:creationId xmlns:a16="http://schemas.microsoft.com/office/drawing/2014/main" id="{A143F5BA-C4D2-647A-E3D2-903C7C0B68AC}"/>
                    </a:ext>
                  </a:extLst>
                </p:cNvPr>
                <p:cNvSpPr txBox="1"/>
                <p:nvPr/>
              </p:nvSpPr>
              <p:spPr>
                <a:xfrm>
                  <a:off x="5115526" y="3109553"/>
                  <a:ext cx="1409581" cy="248401"/>
                </a:xfrm>
                <a:prstGeom prst="rect">
                  <a:avLst/>
                </a:prstGeom>
                <a:noFill/>
              </p:spPr>
              <p:txBody>
                <a:bodyPr wrap="square" rtlCol="0">
                  <a:spAutoFit/>
                </a:bodyPr>
                <a:lstStyle/>
                <a:p>
                  <a:pPr>
                    <a:lnSpc>
                      <a:spcPts val="1200"/>
                    </a:lnSpc>
                  </a:pPr>
                  <a:r>
                    <a:rPr kumimoji="1" lang="en-US" altLang="ja-JP" sz="1200" b="1" dirty="0">
                      <a:solidFill>
                        <a:srgbClr val="3333FF"/>
                      </a:solidFill>
                    </a:rPr>
                    <a:t>(V: 3.13%, R: 117)</a:t>
                  </a:r>
                  <a:endParaRPr kumimoji="1" lang="ja-JP" altLang="en-US" sz="1200" b="1" dirty="0">
                    <a:solidFill>
                      <a:srgbClr val="3333FF"/>
                    </a:solidFill>
                  </a:endParaRPr>
                </a:p>
              </p:txBody>
            </p:sp>
            <p:sp>
              <p:nvSpPr>
                <p:cNvPr id="31" name="テキスト ボックス 30">
                  <a:extLst>
                    <a:ext uri="{FF2B5EF4-FFF2-40B4-BE49-F238E27FC236}">
                      <a16:creationId xmlns:a16="http://schemas.microsoft.com/office/drawing/2014/main" id="{A27CF565-8329-8E70-6A71-15C2C1B949FA}"/>
                    </a:ext>
                  </a:extLst>
                </p:cNvPr>
                <p:cNvSpPr txBox="1"/>
                <p:nvPr/>
              </p:nvSpPr>
              <p:spPr>
                <a:xfrm>
                  <a:off x="7835236" y="5523016"/>
                  <a:ext cx="1409581" cy="248401"/>
                </a:xfrm>
                <a:prstGeom prst="rect">
                  <a:avLst/>
                </a:prstGeom>
                <a:noFill/>
              </p:spPr>
              <p:txBody>
                <a:bodyPr wrap="square" rtlCol="0">
                  <a:spAutoFit/>
                </a:bodyPr>
                <a:lstStyle/>
                <a:p>
                  <a:pPr>
                    <a:lnSpc>
                      <a:spcPts val="1200"/>
                    </a:lnSpc>
                  </a:pPr>
                  <a:r>
                    <a:rPr kumimoji="1" lang="en-US" altLang="ja-JP" sz="1200" b="1" dirty="0">
                      <a:solidFill>
                        <a:srgbClr val="3333FF"/>
                      </a:solidFill>
                    </a:rPr>
                    <a:t>(V: 8.65%, R: 72)</a:t>
                  </a:r>
                  <a:endParaRPr kumimoji="1" lang="ja-JP" altLang="en-US" sz="1200" b="1" dirty="0">
                    <a:solidFill>
                      <a:srgbClr val="3333FF"/>
                    </a:solidFill>
                  </a:endParaRPr>
                </a:p>
              </p:txBody>
            </p:sp>
            <p:sp>
              <p:nvSpPr>
                <p:cNvPr id="32" name="テキスト ボックス 31">
                  <a:extLst>
                    <a:ext uri="{FF2B5EF4-FFF2-40B4-BE49-F238E27FC236}">
                      <a16:creationId xmlns:a16="http://schemas.microsoft.com/office/drawing/2014/main" id="{F936309F-D830-2DCD-88DB-BCFF2B33B2A8}"/>
                    </a:ext>
                  </a:extLst>
                </p:cNvPr>
                <p:cNvSpPr txBox="1"/>
                <p:nvPr/>
              </p:nvSpPr>
              <p:spPr>
                <a:xfrm>
                  <a:off x="7835236" y="5658547"/>
                  <a:ext cx="1409581" cy="248401"/>
                </a:xfrm>
                <a:prstGeom prst="rect">
                  <a:avLst/>
                </a:prstGeom>
                <a:noFill/>
              </p:spPr>
              <p:txBody>
                <a:bodyPr wrap="square" rtlCol="0">
                  <a:spAutoFit/>
                </a:bodyPr>
                <a:lstStyle/>
                <a:p>
                  <a:pPr>
                    <a:lnSpc>
                      <a:spcPts val="1200"/>
                    </a:lnSpc>
                  </a:pPr>
                  <a:r>
                    <a:rPr kumimoji="1" lang="en-US" altLang="ja-JP" sz="1200" b="1" i="1" dirty="0">
                      <a:solidFill>
                        <a:srgbClr val="FF0000"/>
                      </a:solidFill>
                    </a:rPr>
                    <a:t>V: +5.52%, R: -45pt</a:t>
                  </a:r>
                  <a:endParaRPr kumimoji="1" lang="ja-JP" altLang="en-US" sz="1200" b="1" i="1" dirty="0">
                    <a:solidFill>
                      <a:srgbClr val="FF0000"/>
                    </a:solidFill>
                  </a:endParaRPr>
                </a:p>
              </p:txBody>
            </p:sp>
            <p:sp>
              <p:nvSpPr>
                <p:cNvPr id="33" name="テキスト ボックス 32">
                  <a:extLst>
                    <a:ext uri="{FF2B5EF4-FFF2-40B4-BE49-F238E27FC236}">
                      <a16:creationId xmlns:a16="http://schemas.microsoft.com/office/drawing/2014/main" id="{C3F5CA35-1165-D75A-EF9B-675CC08F479F}"/>
                    </a:ext>
                  </a:extLst>
                </p:cNvPr>
                <p:cNvSpPr txBox="1"/>
                <p:nvPr/>
              </p:nvSpPr>
              <p:spPr>
                <a:xfrm>
                  <a:off x="3336920" y="3596694"/>
                  <a:ext cx="1409581" cy="248401"/>
                </a:xfrm>
                <a:prstGeom prst="rect">
                  <a:avLst/>
                </a:prstGeom>
                <a:noFill/>
              </p:spPr>
              <p:txBody>
                <a:bodyPr wrap="square" rtlCol="0">
                  <a:spAutoFit/>
                </a:bodyPr>
                <a:lstStyle/>
                <a:p>
                  <a:pPr>
                    <a:lnSpc>
                      <a:spcPts val="1200"/>
                    </a:lnSpc>
                  </a:pPr>
                  <a:r>
                    <a:rPr kumimoji="1" lang="en-US" altLang="ja-JP" sz="1200" b="1" dirty="0">
                      <a:solidFill>
                        <a:srgbClr val="3333FF"/>
                      </a:solidFill>
                    </a:rPr>
                    <a:t>(V: 1.01%, R: 104)</a:t>
                  </a:r>
                  <a:endParaRPr kumimoji="1" lang="ja-JP" altLang="en-US" sz="1200" b="1" dirty="0">
                    <a:solidFill>
                      <a:srgbClr val="3333FF"/>
                    </a:solidFill>
                  </a:endParaRPr>
                </a:p>
              </p:txBody>
            </p:sp>
            <p:sp>
              <p:nvSpPr>
                <p:cNvPr id="34" name="楕円 33">
                  <a:extLst>
                    <a:ext uri="{FF2B5EF4-FFF2-40B4-BE49-F238E27FC236}">
                      <a16:creationId xmlns:a16="http://schemas.microsoft.com/office/drawing/2014/main" id="{CA03AADE-180A-A4DA-A442-C3D5F4AB94B3}"/>
                    </a:ext>
                  </a:extLst>
                </p:cNvPr>
                <p:cNvSpPr/>
                <p:nvPr/>
              </p:nvSpPr>
              <p:spPr>
                <a:xfrm>
                  <a:off x="7968878" y="5231148"/>
                  <a:ext cx="186418" cy="160871"/>
                </a:xfrm>
                <a:prstGeom prst="ellipse">
                  <a:avLst/>
                </a:prstGeom>
                <a:solidFill>
                  <a:srgbClr val="00B05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dirty="0"/>
                </a:p>
              </p:txBody>
            </p:sp>
            <p:sp>
              <p:nvSpPr>
                <p:cNvPr id="35" name="楕円 34">
                  <a:extLst>
                    <a:ext uri="{FF2B5EF4-FFF2-40B4-BE49-F238E27FC236}">
                      <a16:creationId xmlns:a16="http://schemas.microsoft.com/office/drawing/2014/main" id="{05052868-C9C8-8D7B-90A0-18485B7FC028}"/>
                    </a:ext>
                  </a:extLst>
                </p:cNvPr>
                <p:cNvSpPr/>
                <p:nvPr/>
              </p:nvSpPr>
              <p:spPr>
                <a:xfrm>
                  <a:off x="5458469" y="4587322"/>
                  <a:ext cx="186418" cy="160871"/>
                </a:xfrm>
                <a:prstGeom prst="ellipse">
                  <a:avLst/>
                </a:prstGeom>
                <a:solidFill>
                  <a:srgbClr val="00B05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dirty="0"/>
                </a:p>
              </p:txBody>
            </p:sp>
            <p:sp>
              <p:nvSpPr>
                <p:cNvPr id="36" name="テキスト ボックス 35">
                  <a:extLst>
                    <a:ext uri="{FF2B5EF4-FFF2-40B4-BE49-F238E27FC236}">
                      <a16:creationId xmlns:a16="http://schemas.microsoft.com/office/drawing/2014/main" id="{E078B5AE-7056-7C7B-4EA7-5A7A371FF416}"/>
                    </a:ext>
                  </a:extLst>
                </p:cNvPr>
                <p:cNvSpPr txBox="1"/>
                <p:nvPr/>
              </p:nvSpPr>
              <p:spPr>
                <a:xfrm>
                  <a:off x="5044244" y="4875887"/>
                  <a:ext cx="1409581" cy="248401"/>
                </a:xfrm>
                <a:prstGeom prst="rect">
                  <a:avLst/>
                </a:prstGeom>
                <a:noFill/>
              </p:spPr>
              <p:txBody>
                <a:bodyPr wrap="square" rtlCol="0">
                  <a:spAutoFit/>
                </a:bodyPr>
                <a:lstStyle/>
                <a:p>
                  <a:pPr>
                    <a:lnSpc>
                      <a:spcPts val="1200"/>
                    </a:lnSpc>
                  </a:pPr>
                  <a:r>
                    <a:rPr kumimoji="1" lang="en-US" altLang="ja-JP" sz="1200" b="1" dirty="0">
                      <a:solidFill>
                        <a:srgbClr val="3333FF"/>
                      </a:solidFill>
                    </a:rPr>
                    <a:t>(V: 4.02%, R: 91)</a:t>
                  </a:r>
                  <a:endParaRPr kumimoji="1" lang="ja-JP" altLang="en-US" sz="1200" b="1" dirty="0">
                    <a:solidFill>
                      <a:srgbClr val="3333FF"/>
                    </a:solidFill>
                  </a:endParaRPr>
                </a:p>
              </p:txBody>
            </p:sp>
            <p:sp>
              <p:nvSpPr>
                <p:cNvPr id="37" name="テキスト ボックス 36">
                  <a:extLst>
                    <a:ext uri="{FF2B5EF4-FFF2-40B4-BE49-F238E27FC236}">
                      <a16:creationId xmlns:a16="http://schemas.microsoft.com/office/drawing/2014/main" id="{B47A4FE2-0632-BC0C-DF79-CD61B7A8E1F4}"/>
                    </a:ext>
                  </a:extLst>
                </p:cNvPr>
                <p:cNvSpPr txBox="1"/>
                <p:nvPr/>
              </p:nvSpPr>
              <p:spPr>
                <a:xfrm>
                  <a:off x="5026677" y="5039252"/>
                  <a:ext cx="1409581" cy="248401"/>
                </a:xfrm>
                <a:prstGeom prst="rect">
                  <a:avLst/>
                </a:prstGeom>
                <a:noFill/>
              </p:spPr>
              <p:txBody>
                <a:bodyPr wrap="square" rtlCol="0">
                  <a:spAutoFit/>
                </a:bodyPr>
                <a:lstStyle/>
                <a:p>
                  <a:pPr>
                    <a:lnSpc>
                      <a:spcPts val="1200"/>
                    </a:lnSpc>
                  </a:pPr>
                  <a:r>
                    <a:rPr kumimoji="1" lang="en-US" altLang="ja-JP" sz="1200" b="1" i="1" dirty="0">
                      <a:solidFill>
                        <a:srgbClr val="FF0000"/>
                      </a:solidFill>
                    </a:rPr>
                    <a:t>V: +3.01%, R: -13pt</a:t>
                  </a:r>
                  <a:endParaRPr kumimoji="1" lang="ja-JP" altLang="en-US" sz="1200" b="1" i="1" dirty="0">
                    <a:solidFill>
                      <a:srgbClr val="FF0000"/>
                    </a:solidFill>
                  </a:endParaRPr>
                </a:p>
              </p:txBody>
            </p:sp>
            <p:sp>
              <p:nvSpPr>
                <p:cNvPr id="38" name="テキスト ボックス 37">
                  <a:extLst>
                    <a:ext uri="{FF2B5EF4-FFF2-40B4-BE49-F238E27FC236}">
                      <a16:creationId xmlns:a16="http://schemas.microsoft.com/office/drawing/2014/main" id="{038B1729-04E7-F32E-8D77-52F0AF086E1C}"/>
                    </a:ext>
                  </a:extLst>
                </p:cNvPr>
                <p:cNvSpPr txBox="1"/>
                <p:nvPr/>
              </p:nvSpPr>
              <p:spPr>
                <a:xfrm>
                  <a:off x="5208736" y="4683019"/>
                  <a:ext cx="921528" cy="281433"/>
                </a:xfrm>
                <a:prstGeom prst="rect">
                  <a:avLst/>
                </a:prstGeom>
                <a:noFill/>
              </p:spPr>
              <p:txBody>
                <a:bodyPr wrap="square" rtlCol="0">
                  <a:spAutoFit/>
                </a:bodyPr>
                <a:lstStyle/>
                <a:p>
                  <a:r>
                    <a:rPr kumimoji="1" lang="en-US" altLang="ja-JP" sz="1400" b="1" dirty="0">
                      <a:solidFill>
                        <a:srgbClr val="7030A0"/>
                      </a:solidFill>
                      <a:latin typeface="Arial" panose="020B0604020202020204" pitchFamily="34" charset="0"/>
                      <a:cs typeface="Arial" panose="020B0604020202020204" pitchFamily="34" charset="0"/>
                    </a:rPr>
                    <a:t>Q3 2022</a:t>
                  </a:r>
                  <a:endParaRPr kumimoji="1" lang="ja-JP" altLang="en-US" sz="1400" b="1" dirty="0">
                    <a:solidFill>
                      <a:srgbClr val="7030A0"/>
                    </a:solidFill>
                    <a:latin typeface="Arial" panose="020B0604020202020204" pitchFamily="34" charset="0"/>
                    <a:cs typeface="Arial" panose="020B0604020202020204" pitchFamily="34" charset="0"/>
                  </a:endParaRPr>
                </a:p>
              </p:txBody>
            </p:sp>
            <p:sp>
              <p:nvSpPr>
                <p:cNvPr id="39" name="テキスト ボックス 38">
                  <a:extLst>
                    <a:ext uri="{FF2B5EF4-FFF2-40B4-BE49-F238E27FC236}">
                      <a16:creationId xmlns:a16="http://schemas.microsoft.com/office/drawing/2014/main" id="{430F4D78-FC0D-FE85-7250-4D9E2A3B9440}"/>
                    </a:ext>
                  </a:extLst>
                </p:cNvPr>
                <p:cNvSpPr txBox="1"/>
                <p:nvPr/>
              </p:nvSpPr>
              <p:spPr>
                <a:xfrm>
                  <a:off x="5613197" y="4527636"/>
                  <a:ext cx="792581" cy="307777"/>
                </a:xfrm>
                <a:prstGeom prst="rect">
                  <a:avLst/>
                </a:prstGeom>
                <a:noFill/>
              </p:spPr>
              <p:txBody>
                <a:bodyPr wrap="square" rtlCol="0">
                  <a:spAutoFit/>
                </a:bodyPr>
                <a:lstStyle/>
                <a:p>
                  <a:r>
                    <a:rPr kumimoji="1" lang="en-US" altLang="ja-JP" sz="1400" dirty="0">
                      <a:solidFill>
                        <a:srgbClr val="669900"/>
                      </a:solidFill>
                    </a:rPr>
                    <a:t>Trough</a:t>
                  </a:r>
                  <a:endParaRPr kumimoji="1" lang="ja-JP" altLang="en-US" sz="1400" dirty="0">
                    <a:solidFill>
                      <a:srgbClr val="669900"/>
                    </a:solidFill>
                  </a:endParaRPr>
                </a:p>
              </p:txBody>
            </p:sp>
            <p:sp>
              <p:nvSpPr>
                <p:cNvPr id="40" name="テキスト ボックス 39">
                  <a:extLst>
                    <a:ext uri="{FF2B5EF4-FFF2-40B4-BE49-F238E27FC236}">
                      <a16:creationId xmlns:a16="http://schemas.microsoft.com/office/drawing/2014/main" id="{1AE52E24-093E-F701-298F-AFA27DDBEB4B}"/>
                    </a:ext>
                  </a:extLst>
                </p:cNvPr>
                <p:cNvSpPr txBox="1"/>
                <p:nvPr/>
              </p:nvSpPr>
              <p:spPr>
                <a:xfrm>
                  <a:off x="4544798" y="2978471"/>
                  <a:ext cx="769379" cy="307777"/>
                </a:xfrm>
                <a:prstGeom prst="rect">
                  <a:avLst/>
                </a:prstGeom>
                <a:noFill/>
              </p:spPr>
              <p:txBody>
                <a:bodyPr wrap="square" rtlCol="0">
                  <a:spAutoFit/>
                </a:bodyPr>
                <a:lstStyle/>
                <a:p>
                  <a:r>
                    <a:rPr kumimoji="1" lang="en-US" altLang="ja-JP" sz="1400" dirty="0">
                      <a:solidFill>
                        <a:srgbClr val="FF0000"/>
                      </a:solidFill>
                    </a:rPr>
                    <a:t>Peak</a:t>
                  </a:r>
                  <a:endParaRPr kumimoji="1" lang="ja-JP" altLang="en-US" sz="1400" dirty="0">
                    <a:solidFill>
                      <a:srgbClr val="FF0000"/>
                    </a:solidFill>
                  </a:endParaRPr>
                </a:p>
              </p:txBody>
            </p:sp>
            <p:sp>
              <p:nvSpPr>
                <p:cNvPr id="41" name="テキスト ボックス 40">
                  <a:extLst>
                    <a:ext uri="{FF2B5EF4-FFF2-40B4-BE49-F238E27FC236}">
                      <a16:creationId xmlns:a16="http://schemas.microsoft.com/office/drawing/2014/main" id="{F707DC5E-A734-BBBE-1447-684EB6FA642C}"/>
                    </a:ext>
                  </a:extLst>
                </p:cNvPr>
                <p:cNvSpPr txBox="1"/>
                <p:nvPr/>
              </p:nvSpPr>
              <p:spPr>
                <a:xfrm>
                  <a:off x="3516820" y="3702924"/>
                  <a:ext cx="769379" cy="307777"/>
                </a:xfrm>
                <a:prstGeom prst="rect">
                  <a:avLst/>
                </a:prstGeom>
                <a:noFill/>
              </p:spPr>
              <p:txBody>
                <a:bodyPr wrap="square" rtlCol="0">
                  <a:spAutoFit/>
                </a:bodyPr>
                <a:lstStyle/>
                <a:p>
                  <a:r>
                    <a:rPr kumimoji="1" lang="en-US" altLang="ja-JP" sz="1400" dirty="0">
                      <a:solidFill>
                        <a:srgbClr val="FF0000"/>
                      </a:solidFill>
                    </a:rPr>
                    <a:t>Peak</a:t>
                  </a:r>
                  <a:endParaRPr kumimoji="1" lang="ja-JP" altLang="en-US" sz="1400" dirty="0">
                    <a:solidFill>
                      <a:srgbClr val="FF0000"/>
                    </a:solidFill>
                  </a:endParaRPr>
                </a:p>
              </p:txBody>
            </p:sp>
            <p:sp>
              <p:nvSpPr>
                <p:cNvPr id="42" name="テキスト ボックス 41">
                  <a:extLst>
                    <a:ext uri="{FF2B5EF4-FFF2-40B4-BE49-F238E27FC236}">
                      <a16:creationId xmlns:a16="http://schemas.microsoft.com/office/drawing/2014/main" id="{A4A09062-A6A7-30EE-9523-A67553A9DFE8}"/>
                    </a:ext>
                  </a:extLst>
                </p:cNvPr>
                <p:cNvSpPr txBox="1"/>
                <p:nvPr/>
              </p:nvSpPr>
              <p:spPr>
                <a:xfrm>
                  <a:off x="8131306" y="5152641"/>
                  <a:ext cx="792581" cy="307777"/>
                </a:xfrm>
                <a:prstGeom prst="rect">
                  <a:avLst/>
                </a:prstGeom>
                <a:noFill/>
              </p:spPr>
              <p:txBody>
                <a:bodyPr wrap="square" rtlCol="0">
                  <a:spAutoFit/>
                </a:bodyPr>
                <a:lstStyle/>
                <a:p>
                  <a:r>
                    <a:rPr kumimoji="1" lang="en-US" altLang="ja-JP" sz="1400" dirty="0">
                      <a:solidFill>
                        <a:srgbClr val="669900"/>
                      </a:solidFill>
                    </a:rPr>
                    <a:t>Trough</a:t>
                  </a:r>
                  <a:endParaRPr kumimoji="1" lang="ja-JP" altLang="en-US" sz="1400" dirty="0">
                    <a:solidFill>
                      <a:srgbClr val="669900"/>
                    </a:solidFill>
                  </a:endParaRPr>
                </a:p>
              </p:txBody>
            </p:sp>
            <p:sp>
              <p:nvSpPr>
                <p:cNvPr id="23" name="正方形/長方形 22">
                  <a:extLst>
                    <a:ext uri="{FF2B5EF4-FFF2-40B4-BE49-F238E27FC236}">
                      <a16:creationId xmlns:a16="http://schemas.microsoft.com/office/drawing/2014/main" id="{E2C42907-08C4-D02D-885F-1B9D6B294557}"/>
                    </a:ext>
                  </a:extLst>
                </p:cNvPr>
                <p:cNvSpPr/>
                <p:nvPr/>
              </p:nvSpPr>
              <p:spPr>
                <a:xfrm>
                  <a:off x="3267552" y="2596853"/>
                  <a:ext cx="916784" cy="400110"/>
                </a:xfrm>
                <a:prstGeom prst="rect">
                  <a:avLst/>
                </a:prstGeom>
              </p:spPr>
              <p:txBody>
                <a:bodyPr wrap="square">
                  <a:noAutofit/>
                </a:bodyPr>
                <a:lstStyle/>
                <a:p>
                  <a:r>
                    <a:rPr lang="en-US" altLang="ja-JP" sz="1000" dirty="0">
                      <a:solidFill>
                        <a:srgbClr val="323232"/>
                      </a:solidFill>
                      <a:latin typeface="Arial" panose="020B0604020202020204" pitchFamily="34" charset="0"/>
                      <a:ea typeface="ＭＳ Ｐゴシック" panose="020B0600070205080204" pitchFamily="50" charset="-128"/>
                      <a:cs typeface="Arial" panose="020B0604020202020204" pitchFamily="34" charset="0"/>
                    </a:rPr>
                    <a:t>New Contract Rent Index</a:t>
                  </a:r>
                  <a:endParaRPr lang="en-US" altLang="ja-JP" sz="1000" dirty="0">
                    <a:latin typeface="Arial" panose="020B0604020202020204" pitchFamily="34" charset="0"/>
                    <a:ea typeface="ＭＳ Ｐゴシック" panose="020B0600070205080204" pitchFamily="50" charset="-128"/>
                    <a:cs typeface="Arial" panose="020B0604020202020204" pitchFamily="34" charset="0"/>
                  </a:endParaRPr>
                </a:p>
              </p:txBody>
            </p:sp>
          </p:grpSp>
          <p:sp>
            <p:nvSpPr>
              <p:cNvPr id="13" name="楕円 12">
                <a:extLst>
                  <a:ext uri="{FF2B5EF4-FFF2-40B4-BE49-F238E27FC236}">
                    <a16:creationId xmlns:a16="http://schemas.microsoft.com/office/drawing/2014/main" id="{4ADEB2C9-1A1D-F0D5-6FB9-8460EFF1E7EC}"/>
                  </a:ext>
                </a:extLst>
              </p:cNvPr>
              <p:cNvSpPr/>
              <p:nvPr/>
            </p:nvSpPr>
            <p:spPr>
              <a:xfrm>
                <a:off x="5022317" y="3059636"/>
                <a:ext cx="186418" cy="160871"/>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a:p>
            </p:txBody>
          </p:sp>
          <p:sp>
            <p:nvSpPr>
              <p:cNvPr id="14" name="楕円 13">
                <a:extLst>
                  <a:ext uri="{FF2B5EF4-FFF2-40B4-BE49-F238E27FC236}">
                    <a16:creationId xmlns:a16="http://schemas.microsoft.com/office/drawing/2014/main" id="{1ED7279A-ECD6-9285-0003-48F09D41E8C8}"/>
                  </a:ext>
                </a:extLst>
              </p:cNvPr>
              <p:cNvSpPr/>
              <p:nvPr/>
            </p:nvSpPr>
            <p:spPr>
              <a:xfrm>
                <a:off x="3948502" y="3730443"/>
                <a:ext cx="186418" cy="160871"/>
              </a:xfrm>
              <a:prstGeom prst="ellipse">
                <a:avLst/>
              </a:prstGeom>
              <a:solidFill>
                <a:srgbClr val="FF00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a:p>
            </p:txBody>
          </p:sp>
        </p:grpSp>
        <p:sp>
          <p:nvSpPr>
            <p:cNvPr id="9" name="テキスト ボックス 8">
              <a:extLst>
                <a:ext uri="{FF2B5EF4-FFF2-40B4-BE49-F238E27FC236}">
                  <a16:creationId xmlns:a16="http://schemas.microsoft.com/office/drawing/2014/main" id="{A237FA2F-B724-5E89-B0F6-0B16EE6E7C7C}"/>
                </a:ext>
              </a:extLst>
            </p:cNvPr>
            <p:cNvSpPr txBox="1"/>
            <p:nvPr/>
          </p:nvSpPr>
          <p:spPr>
            <a:xfrm>
              <a:off x="5565537" y="4298447"/>
              <a:ext cx="1409581" cy="248401"/>
            </a:xfrm>
            <a:prstGeom prst="rect">
              <a:avLst/>
            </a:prstGeom>
            <a:noFill/>
          </p:spPr>
          <p:txBody>
            <a:bodyPr wrap="square" rtlCol="0">
              <a:spAutoFit/>
            </a:bodyPr>
            <a:lstStyle/>
            <a:p>
              <a:pPr>
                <a:lnSpc>
                  <a:spcPts val="1200"/>
                </a:lnSpc>
              </a:pPr>
              <a:r>
                <a:rPr kumimoji="1" lang="en-US" altLang="ja-JP" sz="1200" b="1" dirty="0">
                  <a:solidFill>
                    <a:srgbClr val="3333FF"/>
                  </a:solidFill>
                </a:rPr>
                <a:t>(V: 3.22%, R: 94)</a:t>
              </a:r>
              <a:endParaRPr kumimoji="1" lang="ja-JP" altLang="en-US" sz="1200" b="1" dirty="0">
                <a:solidFill>
                  <a:srgbClr val="3333FF"/>
                </a:solidFill>
              </a:endParaRPr>
            </a:p>
          </p:txBody>
        </p:sp>
        <p:sp>
          <p:nvSpPr>
            <p:cNvPr id="10" name="テキスト ボックス 9">
              <a:extLst>
                <a:ext uri="{FF2B5EF4-FFF2-40B4-BE49-F238E27FC236}">
                  <a16:creationId xmlns:a16="http://schemas.microsoft.com/office/drawing/2014/main" id="{307F9259-1816-4CCB-C53F-EDF022A3387E}"/>
                </a:ext>
              </a:extLst>
            </p:cNvPr>
            <p:cNvSpPr txBox="1"/>
            <p:nvPr/>
          </p:nvSpPr>
          <p:spPr>
            <a:xfrm>
              <a:off x="5605237" y="4422647"/>
              <a:ext cx="1409581" cy="248401"/>
            </a:xfrm>
            <a:prstGeom prst="rect">
              <a:avLst/>
            </a:prstGeom>
            <a:noFill/>
          </p:spPr>
          <p:txBody>
            <a:bodyPr wrap="square" rtlCol="0">
              <a:spAutoFit/>
            </a:bodyPr>
            <a:lstStyle/>
            <a:p>
              <a:pPr>
                <a:lnSpc>
                  <a:spcPts val="1200"/>
                </a:lnSpc>
              </a:pPr>
              <a:r>
                <a:rPr kumimoji="1" lang="en-US" altLang="ja-JP" sz="1200" b="1" i="1" dirty="0">
                  <a:solidFill>
                    <a:srgbClr val="FF0000"/>
                  </a:solidFill>
                </a:rPr>
                <a:t>V: +2.21%, R: -10pt</a:t>
              </a:r>
              <a:endParaRPr kumimoji="1" lang="ja-JP" altLang="en-US" sz="1200" b="1" i="1" dirty="0">
                <a:solidFill>
                  <a:srgbClr val="FF0000"/>
                </a:solidFill>
              </a:endParaRPr>
            </a:p>
          </p:txBody>
        </p:sp>
      </p:grpSp>
      <p:sp>
        <p:nvSpPr>
          <p:cNvPr id="43" name="テキスト ボックス 42">
            <a:extLst>
              <a:ext uri="{FF2B5EF4-FFF2-40B4-BE49-F238E27FC236}">
                <a16:creationId xmlns:a16="http://schemas.microsoft.com/office/drawing/2014/main" id="{B5FFC777-79F2-84E5-4717-A516C622F2AE}"/>
              </a:ext>
            </a:extLst>
          </p:cNvPr>
          <p:cNvSpPr txBox="1"/>
          <p:nvPr/>
        </p:nvSpPr>
        <p:spPr>
          <a:xfrm>
            <a:off x="6194250" y="2090644"/>
            <a:ext cx="3517309" cy="314310"/>
          </a:xfrm>
          <a:prstGeom prst="rect">
            <a:avLst/>
          </a:prstGeom>
          <a:noFill/>
        </p:spPr>
        <p:txBody>
          <a:bodyPr wrap="square" rtlCol="0">
            <a:noAutofit/>
          </a:bodyPr>
          <a:lstStyle/>
          <a:p>
            <a:pPr algn="ctr"/>
            <a:r>
              <a:rPr lang="en-US" altLang="ja-JP" sz="1200" b="1" dirty="0">
                <a:latin typeface="Arial" panose="020B0604020202020204" pitchFamily="34" charset="0"/>
                <a:ea typeface="ＭＳ Ｐゴシック" panose="020B0600070205080204" pitchFamily="50" charset="-128"/>
                <a:cs typeface="Arial" panose="020B0604020202020204" pitchFamily="34" charset="0"/>
              </a:rPr>
              <a:t>Office Market Cycle in Tokyo 23 wards</a:t>
            </a:r>
          </a:p>
        </p:txBody>
      </p:sp>
      <p:pic>
        <p:nvPicPr>
          <p:cNvPr id="3" name="図 2">
            <a:extLst>
              <a:ext uri="{FF2B5EF4-FFF2-40B4-BE49-F238E27FC236}">
                <a16:creationId xmlns:a16="http://schemas.microsoft.com/office/drawing/2014/main" id="{31D92CE0-15A7-383D-786F-6AC4296E9710}"/>
              </a:ext>
            </a:extLst>
          </p:cNvPr>
          <p:cNvPicPr>
            <a:picLocks noChangeAspect="1"/>
          </p:cNvPicPr>
          <p:nvPr/>
        </p:nvPicPr>
        <p:blipFill>
          <a:blip r:embed="rId3"/>
          <a:stretch>
            <a:fillRect/>
          </a:stretch>
        </p:blipFill>
        <p:spPr>
          <a:xfrm flipH="1">
            <a:off x="11701191" y="1023589"/>
            <a:ext cx="419653" cy="279699"/>
          </a:xfrm>
          <a:prstGeom prst="rect">
            <a:avLst/>
          </a:prstGeom>
        </p:spPr>
      </p:pic>
    </p:spTree>
    <p:extLst>
      <p:ext uri="{BB962C8B-B14F-4D97-AF65-F5344CB8AC3E}">
        <p14:creationId xmlns:p14="http://schemas.microsoft.com/office/powerpoint/2010/main" val="157232890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タイトル 1">
            <a:extLst>
              <a:ext uri="{FF2B5EF4-FFF2-40B4-BE49-F238E27FC236}">
                <a16:creationId xmlns:a16="http://schemas.microsoft.com/office/drawing/2014/main" id="{B3BBDB14-9048-88EF-7D5B-336A58A1A13B}"/>
              </a:ext>
            </a:extLst>
          </p:cNvPr>
          <p:cNvSpPr txBox="1">
            <a:spLocks/>
          </p:cNvSpPr>
          <p:nvPr/>
        </p:nvSpPr>
        <p:spPr>
          <a:xfrm>
            <a:off x="1277815" y="786672"/>
            <a:ext cx="10073357" cy="719089"/>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kumimoji="1" sz="2400" b="0" kern="1200">
                <a:solidFill>
                  <a:srgbClr val="1E2380"/>
                </a:solidFill>
                <a:latin typeface="Arial" panose="020B0604020202020204" pitchFamily="34" charset="0"/>
                <a:ea typeface="ＭＳ Ｐゴシック" panose="020B0600070205080204" pitchFamily="50" charset="-128"/>
                <a:cs typeface="メイリオ" pitchFamily="50" charset="-128"/>
              </a:defRPr>
            </a:lvl1pPr>
          </a:lstStyle>
          <a:p>
            <a:r>
              <a:rPr lang="en-US" altLang="ja-JP" sz="4000" dirty="0">
                <a:solidFill>
                  <a:srgbClr val="1C1C1C"/>
                </a:solidFill>
                <a:latin typeface="+mj-lt"/>
                <a:ea typeface="+mj-ea"/>
                <a:cs typeface="Arial" panose="020B0604020202020204" pitchFamily="34" charset="0"/>
              </a:rPr>
              <a:t>Office attendance rate (current / future intent) </a:t>
            </a:r>
          </a:p>
        </p:txBody>
      </p:sp>
      <p:pic>
        <p:nvPicPr>
          <p:cNvPr id="6" name="図 5">
            <a:extLst>
              <a:ext uri="{FF2B5EF4-FFF2-40B4-BE49-F238E27FC236}">
                <a16:creationId xmlns:a16="http://schemas.microsoft.com/office/drawing/2014/main" id="{35DF2D08-30F9-8C48-9B69-CC8BEB8F86C4}"/>
              </a:ext>
            </a:extLst>
          </p:cNvPr>
          <p:cNvPicPr>
            <a:picLocks noChangeAspect="1"/>
          </p:cNvPicPr>
          <p:nvPr/>
        </p:nvPicPr>
        <p:blipFill>
          <a:blip r:embed="rId2"/>
          <a:stretch>
            <a:fillRect/>
          </a:stretch>
        </p:blipFill>
        <p:spPr>
          <a:xfrm>
            <a:off x="5623696" y="2138623"/>
            <a:ext cx="5853561" cy="4285825"/>
          </a:xfrm>
          <a:prstGeom prst="rect">
            <a:avLst/>
          </a:prstGeom>
        </p:spPr>
      </p:pic>
      <p:sp>
        <p:nvSpPr>
          <p:cNvPr id="7" name="テキスト ボックス 6">
            <a:extLst>
              <a:ext uri="{FF2B5EF4-FFF2-40B4-BE49-F238E27FC236}">
                <a16:creationId xmlns:a16="http://schemas.microsoft.com/office/drawing/2014/main" id="{83EA94BA-1FE8-06EB-01DB-842C73B0E37C}"/>
              </a:ext>
            </a:extLst>
          </p:cNvPr>
          <p:cNvSpPr txBox="1"/>
          <p:nvPr/>
        </p:nvSpPr>
        <p:spPr>
          <a:xfrm>
            <a:off x="5478420" y="1799554"/>
            <a:ext cx="6144112" cy="260478"/>
          </a:xfrm>
          <a:prstGeom prst="rect">
            <a:avLst/>
          </a:prstGeom>
          <a:noFill/>
        </p:spPr>
        <p:txBody>
          <a:bodyPr wrap="square" rtlCol="0">
            <a:noAutofit/>
          </a:bodyPr>
          <a:lstStyle/>
          <a:p>
            <a:r>
              <a:rPr lang="en-US" altLang="ja-JP" sz="1200" b="1" dirty="0">
                <a:latin typeface="Arial" panose="020B0604020202020204" pitchFamily="34" charset="0"/>
                <a:ea typeface="ＭＳ Ｐゴシック" panose="020B0600070205080204" pitchFamily="50" charset="-128"/>
                <a:cs typeface="Arial" panose="020B0604020202020204" pitchFamily="34" charset="0"/>
              </a:rPr>
              <a:t>Office Attendance Rate (actual and intention, all major cities in Japan, companies)</a:t>
            </a:r>
          </a:p>
          <a:p>
            <a:endParaRPr lang="en-US" altLang="ja-JP" sz="1200" b="1" dirty="0">
              <a:latin typeface="Arial" panose="020B0604020202020204" pitchFamily="34" charset="0"/>
              <a:ea typeface="ＭＳ Ｐゴシック" panose="020B0600070205080204" pitchFamily="50" charset="-128"/>
              <a:cs typeface="Arial" panose="020B0604020202020204" pitchFamily="34" charset="0"/>
            </a:endParaRPr>
          </a:p>
        </p:txBody>
      </p:sp>
      <p:sp>
        <p:nvSpPr>
          <p:cNvPr id="8" name="テキスト ボックス 7">
            <a:extLst>
              <a:ext uri="{FF2B5EF4-FFF2-40B4-BE49-F238E27FC236}">
                <a16:creationId xmlns:a16="http://schemas.microsoft.com/office/drawing/2014/main" id="{2FC95ECF-3589-9CA4-00AA-3C56006EB206}"/>
              </a:ext>
            </a:extLst>
          </p:cNvPr>
          <p:cNvSpPr txBox="1"/>
          <p:nvPr/>
        </p:nvSpPr>
        <p:spPr>
          <a:xfrm>
            <a:off x="5623696" y="6500142"/>
            <a:ext cx="4881203" cy="226911"/>
          </a:xfrm>
          <a:prstGeom prst="rect">
            <a:avLst/>
          </a:prstGeom>
        </p:spPr>
        <p:txBody>
          <a:bodyPr lIns="55715" tIns="27857" rIns="55715" bIns="27857">
            <a:noAutofit/>
          </a:bodyPr>
          <a:lstStyle>
            <a:defPPr>
              <a:defRPr lang="ja-JP"/>
            </a:defPPr>
            <a:lvl1pPr indent="0" defTabSz="957263" eaLnBrk="0" fontAlgn="base" hangingPunct="0">
              <a:spcBef>
                <a:spcPct val="20000"/>
              </a:spcBef>
              <a:spcAft>
                <a:spcPct val="0"/>
              </a:spcAft>
              <a:buNone/>
              <a:defRPr sz="800" kern="0">
                <a:latin typeface="メイリオ" panose="020B0604030504040204" pitchFamily="50" charset="-128"/>
                <a:ea typeface="メイリオ" panose="020B0604030504040204" pitchFamily="50" charset="-128"/>
                <a:cs typeface="メイリオ" panose="020B0604030504040204" pitchFamily="50" charset="-128"/>
              </a:defRPr>
            </a:lvl1pPr>
            <a:lvl2pPr marL="777875" indent="-298450" defTabSz="957263" eaLnBrk="0" fontAlgn="base" hangingPunct="0">
              <a:spcBef>
                <a:spcPct val="20000"/>
              </a:spcBef>
              <a:spcAft>
                <a:spcPct val="0"/>
              </a:spcAft>
              <a:buChar char="–"/>
              <a:defRPr sz="2900"/>
            </a:lvl2pPr>
            <a:lvl3pPr marL="1196975" indent="-239713" defTabSz="957263" eaLnBrk="0" fontAlgn="base" hangingPunct="0">
              <a:spcBef>
                <a:spcPct val="20000"/>
              </a:spcBef>
              <a:spcAft>
                <a:spcPct val="0"/>
              </a:spcAft>
              <a:buChar char="•"/>
              <a:defRPr sz="2500"/>
            </a:lvl3pPr>
            <a:lvl4pPr marL="1676400" indent="-239713" defTabSz="957263" eaLnBrk="0" fontAlgn="base" hangingPunct="0">
              <a:spcBef>
                <a:spcPct val="20000"/>
              </a:spcBef>
              <a:spcAft>
                <a:spcPct val="0"/>
              </a:spcAft>
              <a:buChar char="–"/>
              <a:defRPr sz="2100"/>
            </a:lvl4pPr>
            <a:lvl5pPr marL="2152650" indent="-236538" defTabSz="957263" eaLnBrk="0" fontAlgn="base" hangingPunct="0">
              <a:spcBef>
                <a:spcPct val="20000"/>
              </a:spcBef>
              <a:spcAft>
                <a:spcPct val="0"/>
              </a:spcAft>
              <a:buChar char="»"/>
              <a:defRPr sz="2100"/>
            </a:lvl5pPr>
            <a:lvl6pPr marL="2609850" indent="-236538" defTabSz="957263" fontAlgn="base">
              <a:spcBef>
                <a:spcPct val="20000"/>
              </a:spcBef>
              <a:spcAft>
                <a:spcPct val="0"/>
              </a:spcAft>
              <a:buChar char="»"/>
              <a:defRPr sz="2100"/>
            </a:lvl6pPr>
            <a:lvl7pPr marL="3067050" indent="-236538" defTabSz="957263" fontAlgn="base">
              <a:spcBef>
                <a:spcPct val="20000"/>
              </a:spcBef>
              <a:spcAft>
                <a:spcPct val="0"/>
              </a:spcAft>
              <a:buChar char="»"/>
              <a:defRPr sz="2100"/>
            </a:lvl7pPr>
            <a:lvl8pPr marL="3524250" indent="-236538" defTabSz="957263" fontAlgn="base">
              <a:spcBef>
                <a:spcPct val="20000"/>
              </a:spcBef>
              <a:spcAft>
                <a:spcPct val="0"/>
              </a:spcAft>
              <a:buChar char="»"/>
              <a:defRPr sz="2100"/>
            </a:lvl8pPr>
            <a:lvl9pPr marL="3981450" indent="-236538" defTabSz="957263" fontAlgn="base">
              <a:spcBef>
                <a:spcPct val="20000"/>
              </a:spcBef>
              <a:spcAft>
                <a:spcPct val="0"/>
              </a:spcAft>
              <a:buChar char="»"/>
              <a:defRPr sz="2100"/>
            </a:lvl9pPr>
          </a:lstStyle>
          <a:p>
            <a:pPr defTabSz="583332">
              <a:defRPr/>
            </a:pPr>
            <a:r>
              <a:rPr kumimoji="1" lang="en-US" sz="1000" dirty="0">
                <a:solidFill>
                  <a:prstClr val="black"/>
                </a:solidFill>
                <a:latin typeface="Arial" panose="020B0604020202020204" pitchFamily="34" charset="0"/>
                <a:cs typeface="Arial" panose="020B0604020202020204" pitchFamily="34" charset="0"/>
              </a:rPr>
              <a:t>Source: XYMAX REI “Metropolitan Areas Office Demand Survey Spring 2024”</a:t>
            </a:r>
          </a:p>
        </p:txBody>
      </p:sp>
      <p:sp>
        <p:nvSpPr>
          <p:cNvPr id="9" name="字幕 8">
            <a:extLst>
              <a:ext uri="{FF2B5EF4-FFF2-40B4-BE49-F238E27FC236}">
                <a16:creationId xmlns:a16="http://schemas.microsoft.com/office/drawing/2014/main" id="{E1C850A3-3E45-68F9-1DA0-5E79BA3ECC54}"/>
              </a:ext>
            </a:extLst>
          </p:cNvPr>
          <p:cNvSpPr txBox="1">
            <a:spLocks noGrp="1"/>
          </p:cNvSpPr>
          <p:nvPr>
            <p:ph type="subTitle" idx="1"/>
          </p:nvPr>
        </p:nvSpPr>
        <p:spPr>
          <a:xfrm>
            <a:off x="403665" y="2783075"/>
            <a:ext cx="4697724" cy="3409138"/>
          </a:xfrm>
          <a:prstGeom prst="rect">
            <a:avLst/>
          </a:prstGeom>
          <a:noFill/>
        </p:spPr>
        <p:txBody>
          <a:bodyPr wrap="square" rtlCol="0">
            <a:spAutoFit/>
          </a:bodyPr>
          <a:lstStyle/>
          <a:p>
            <a:pPr algn="l">
              <a:lnSpc>
                <a:spcPts val="2031"/>
              </a:lnSpc>
              <a:spcAft>
                <a:spcPts val="975"/>
              </a:spcAft>
              <a:defRPr/>
            </a:pPr>
            <a:r>
              <a:rPr kumimoji="1" lang="en-US" sz="1600" b="1" dirty="0">
                <a:solidFill>
                  <a:srgbClr val="1C1C1C"/>
                </a:solidFill>
                <a:latin typeface="Arial" panose="020B0604020202020204" pitchFamily="34" charset="0"/>
                <a:ea typeface="メイリオ" panose="020B0604030504040204" pitchFamily="50" charset="-128"/>
                <a:cs typeface="Arial" panose="020B0604020202020204" pitchFamily="34" charset="0"/>
              </a:rPr>
              <a:t>Actual: </a:t>
            </a:r>
            <a:br>
              <a:rPr kumimoji="1"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br>
            <a:r>
              <a:rPr kumimoji="1"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About </a:t>
            </a:r>
            <a:r>
              <a:rPr kumimoji="1" lang="en-US" sz="1600" dirty="0">
                <a:solidFill>
                  <a:srgbClr val="FF0000"/>
                </a:solidFill>
                <a:latin typeface="Arial" panose="020B0604020202020204" pitchFamily="34" charset="0"/>
                <a:ea typeface="メイリオ" panose="020B0604030504040204" pitchFamily="50" charset="-128"/>
                <a:cs typeface="Arial" panose="020B0604020202020204" pitchFamily="34" charset="0"/>
              </a:rPr>
              <a:t>25%</a:t>
            </a:r>
            <a:r>
              <a:rPr kumimoji="1"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 of the companies implement 100% office attendance</a:t>
            </a:r>
          </a:p>
          <a:p>
            <a:pPr algn="l" defTabSz="371475">
              <a:lnSpc>
                <a:spcPts val="2031"/>
              </a:lnSpc>
              <a:spcAft>
                <a:spcPts val="975"/>
              </a:spcAft>
              <a:defRPr/>
            </a:pPr>
            <a:r>
              <a:rPr kumimoji="1"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18% of companies have less than 40% office attendance</a:t>
            </a:r>
          </a:p>
          <a:p>
            <a:pPr algn="l">
              <a:lnSpc>
                <a:spcPts val="2031"/>
              </a:lnSpc>
              <a:spcAft>
                <a:spcPts val="975"/>
              </a:spcAft>
              <a:defRPr/>
            </a:pPr>
            <a:r>
              <a:rPr kumimoji="1" lang="en-US" sz="1600" b="1" dirty="0">
                <a:solidFill>
                  <a:srgbClr val="1C1C1C"/>
                </a:solidFill>
                <a:latin typeface="Arial" panose="020B0604020202020204" pitchFamily="34" charset="0"/>
                <a:ea typeface="メイリオ" panose="020B0604030504040204" pitchFamily="50" charset="-128"/>
                <a:cs typeface="Arial" panose="020B0604020202020204" pitchFamily="34" charset="0"/>
              </a:rPr>
              <a:t>Intention:</a:t>
            </a:r>
            <a:r>
              <a:rPr kumimoji="1"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 </a:t>
            </a:r>
            <a:br>
              <a:rPr kumimoji="1"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br>
            <a:r>
              <a:rPr kumimoji="1"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About </a:t>
            </a:r>
            <a:r>
              <a:rPr kumimoji="1" lang="en-US" sz="1600" dirty="0">
                <a:solidFill>
                  <a:srgbClr val="FF0000"/>
                </a:solidFill>
                <a:latin typeface="Arial" panose="020B0604020202020204" pitchFamily="34" charset="0"/>
                <a:ea typeface="メイリオ" panose="020B0604030504040204" pitchFamily="50" charset="-128"/>
                <a:cs typeface="Arial" panose="020B0604020202020204" pitchFamily="34" charset="0"/>
              </a:rPr>
              <a:t>23%</a:t>
            </a:r>
            <a:r>
              <a:rPr kumimoji="1"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 of the companies intend to return to 100% office attendance</a:t>
            </a:r>
          </a:p>
          <a:p>
            <a:pPr algn="l" defTabSz="371475">
              <a:lnSpc>
                <a:spcPts val="2031"/>
              </a:lnSpc>
              <a:spcAft>
                <a:spcPts val="975"/>
              </a:spcAft>
              <a:defRPr/>
            </a:pPr>
            <a:r>
              <a:rPr kumimoji="1" lang="en-US" sz="1600" b="1" dirty="0">
                <a:solidFill>
                  <a:srgbClr val="FF0000"/>
                </a:solidFill>
                <a:latin typeface="Arial" panose="020B0604020202020204" pitchFamily="34" charset="0"/>
                <a:ea typeface="メイリオ" panose="020B0604030504040204" pitchFamily="50" charset="-128"/>
                <a:cs typeface="Arial" panose="020B0604020202020204" pitchFamily="34" charset="0"/>
              </a:rPr>
              <a:t>77%</a:t>
            </a: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 of the companies don’t intend to return to 100% office attendance, and maintain teleworking</a:t>
            </a:r>
          </a:p>
        </p:txBody>
      </p:sp>
      <p:pic>
        <p:nvPicPr>
          <p:cNvPr id="2" name="図 1">
            <a:extLst>
              <a:ext uri="{FF2B5EF4-FFF2-40B4-BE49-F238E27FC236}">
                <a16:creationId xmlns:a16="http://schemas.microsoft.com/office/drawing/2014/main" id="{7F55026C-B5DC-FF53-5249-787B9FC5121C}"/>
              </a:ext>
            </a:extLst>
          </p:cNvPr>
          <p:cNvPicPr>
            <a:picLocks noChangeAspect="1"/>
          </p:cNvPicPr>
          <p:nvPr/>
        </p:nvPicPr>
        <p:blipFill>
          <a:blip r:embed="rId3"/>
          <a:stretch>
            <a:fillRect/>
          </a:stretch>
        </p:blipFill>
        <p:spPr>
          <a:xfrm flipH="1">
            <a:off x="11701191" y="1023589"/>
            <a:ext cx="419653" cy="279699"/>
          </a:xfrm>
          <a:prstGeom prst="rect">
            <a:avLst/>
          </a:prstGeom>
        </p:spPr>
      </p:pic>
      <p:sp>
        <p:nvSpPr>
          <p:cNvPr id="3" name="楕円 2">
            <a:extLst>
              <a:ext uri="{FF2B5EF4-FFF2-40B4-BE49-F238E27FC236}">
                <a16:creationId xmlns:a16="http://schemas.microsoft.com/office/drawing/2014/main" id="{82148719-F617-BE07-8382-399BC3522369}"/>
              </a:ext>
            </a:extLst>
          </p:cNvPr>
          <p:cNvSpPr/>
          <p:nvPr/>
        </p:nvSpPr>
        <p:spPr>
          <a:xfrm>
            <a:off x="10884757" y="2190979"/>
            <a:ext cx="466415" cy="316197"/>
          </a:xfrm>
          <a:prstGeom prst="ellipse">
            <a:avLst/>
          </a:prstGeom>
          <a:noFill/>
          <a:ln w="222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a:p>
        </p:txBody>
      </p:sp>
      <p:sp>
        <p:nvSpPr>
          <p:cNvPr id="10" name="楕円 9">
            <a:extLst>
              <a:ext uri="{FF2B5EF4-FFF2-40B4-BE49-F238E27FC236}">
                <a16:creationId xmlns:a16="http://schemas.microsoft.com/office/drawing/2014/main" id="{4FBF8154-1DC5-7D62-5B60-200E7F588CB8}"/>
              </a:ext>
            </a:extLst>
          </p:cNvPr>
          <p:cNvSpPr/>
          <p:nvPr/>
        </p:nvSpPr>
        <p:spPr>
          <a:xfrm>
            <a:off x="10880873" y="3807239"/>
            <a:ext cx="474182" cy="316197"/>
          </a:xfrm>
          <a:prstGeom prst="ellipse">
            <a:avLst/>
          </a:prstGeom>
          <a:noFill/>
          <a:ln w="222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a:p>
        </p:txBody>
      </p:sp>
      <p:sp>
        <p:nvSpPr>
          <p:cNvPr id="11" name="楕円 10">
            <a:extLst>
              <a:ext uri="{FF2B5EF4-FFF2-40B4-BE49-F238E27FC236}">
                <a16:creationId xmlns:a16="http://schemas.microsoft.com/office/drawing/2014/main" id="{C1F5C904-1A96-8720-CCAF-73B37A610CF0}"/>
              </a:ext>
            </a:extLst>
          </p:cNvPr>
          <p:cNvSpPr/>
          <p:nvPr/>
        </p:nvSpPr>
        <p:spPr>
          <a:xfrm>
            <a:off x="9280937" y="4123436"/>
            <a:ext cx="474182" cy="316197"/>
          </a:xfrm>
          <a:prstGeom prst="ellipse">
            <a:avLst/>
          </a:prstGeom>
          <a:noFill/>
          <a:ln w="2222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a:p>
        </p:txBody>
      </p:sp>
    </p:spTree>
    <p:extLst>
      <p:ext uri="{BB962C8B-B14F-4D97-AF65-F5344CB8AC3E}">
        <p14:creationId xmlns:p14="http://schemas.microsoft.com/office/powerpoint/2010/main" val="150314305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9">
            <a:extLst>
              <a:ext uri="{FF2B5EF4-FFF2-40B4-BE49-F238E27FC236}">
                <a16:creationId xmlns:a16="http://schemas.microsoft.com/office/drawing/2014/main" id="{34FC8109-BC09-7F83-2809-541D686F52F9}"/>
              </a:ext>
            </a:extLst>
          </p:cNvPr>
          <p:cNvSpPr txBox="1">
            <a:spLocks/>
          </p:cNvSpPr>
          <p:nvPr/>
        </p:nvSpPr>
        <p:spPr>
          <a:xfrm>
            <a:off x="360892" y="838200"/>
            <a:ext cx="11602508" cy="418445"/>
          </a:xfrm>
          <a:prstGeom prst="rect">
            <a:avLst/>
          </a:prstGeom>
        </p:spPr>
        <p:txBody>
          <a:bodyPr anchor="t"/>
          <a:lstStyle>
            <a:lvl1pPr eaLnBrk="1" hangingPunct="1">
              <a:lnSpc>
                <a:spcPts val="4600"/>
              </a:lnSpc>
              <a:defRPr sz="4400" b="0" i="0" spc="100" baseline="0">
                <a:solidFill>
                  <a:srgbClr val="012A2D"/>
                </a:solidFill>
                <a:latin typeface="Financier Display" panose="02020503070506060203" pitchFamily="18" charset="77"/>
                <a:ea typeface="+mj-ea"/>
                <a:cs typeface="+mj-cs"/>
              </a:defRPr>
            </a:lvl1pPr>
          </a:lstStyle>
          <a:p>
            <a:pPr marL="0" marR="0" lvl="0" indent="0" algn="l" defTabSz="914400" rtl="0" eaLnBrk="1" fontAlgn="auto" latinLnBrk="0" hangingPunct="1">
              <a:lnSpc>
                <a:spcPts val="3400"/>
              </a:lnSpc>
              <a:spcBef>
                <a:spcPts val="0"/>
              </a:spcBef>
              <a:spcAft>
                <a:spcPts val="0"/>
              </a:spcAft>
              <a:buClrTx/>
              <a:buSzTx/>
              <a:buFontTx/>
              <a:buNone/>
              <a:tabLst/>
              <a:defRPr/>
            </a:pPr>
            <a:r>
              <a:rPr kumimoji="0" lang="en-US" sz="3600" b="0" i="0" u="none" strike="noStrike" kern="0" cap="none" spc="0" normalizeH="0" baseline="0" noProof="0" dirty="0">
                <a:ln>
                  <a:noFill/>
                </a:ln>
                <a:solidFill>
                  <a:srgbClr val="435254"/>
                </a:solidFill>
                <a:effectLst/>
                <a:uLnTx/>
                <a:uFillTx/>
                <a:latin typeface="Financier Display" panose="02020503070506060203" pitchFamily="18" charset="77"/>
                <a:ea typeface="+mj-ea"/>
                <a:cs typeface="+mj-cs"/>
              </a:rPr>
              <a:t>Global inflation is trending down </a:t>
            </a:r>
          </a:p>
        </p:txBody>
      </p:sp>
      <p:sp>
        <p:nvSpPr>
          <p:cNvPr id="8" name="TextBox 7">
            <a:extLst>
              <a:ext uri="{FF2B5EF4-FFF2-40B4-BE49-F238E27FC236}">
                <a16:creationId xmlns:a16="http://schemas.microsoft.com/office/drawing/2014/main" id="{93259CC3-2374-F5E4-B4FA-460CF0F7B741}"/>
              </a:ext>
            </a:extLst>
          </p:cNvPr>
          <p:cNvSpPr txBox="1"/>
          <p:nvPr/>
        </p:nvSpPr>
        <p:spPr>
          <a:xfrm>
            <a:off x="533400" y="1332845"/>
            <a:ext cx="9143999" cy="228654"/>
          </a:xfrm>
          <a:prstGeom prst="rect">
            <a:avLst/>
          </a:prstGeom>
          <a:noFill/>
        </p:spPr>
        <p:txBody>
          <a:bodyPr wrap="square" lIns="0" tIns="0" rIns="0" bIns="0" rtlCol="0">
            <a:noAutofit/>
          </a:bodyPr>
          <a:lstStyle/>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sz="2400" b="0" i="0" u="none" strike="noStrike" kern="1200" cap="none" spc="0" normalizeH="0" baseline="0" noProof="0" dirty="0">
                <a:ln>
                  <a:noFill/>
                </a:ln>
                <a:solidFill>
                  <a:srgbClr val="435254"/>
                </a:solidFill>
                <a:effectLst/>
                <a:uLnTx/>
                <a:uFillTx/>
                <a:latin typeface="Calibre Semibold" panose="020B0703030202060203" pitchFamily="34" charset="0"/>
                <a:ea typeface="+mn-ea"/>
                <a:cs typeface="+mn-cs"/>
              </a:rPr>
              <a:t>Core CPI, YoY, %</a:t>
            </a:r>
          </a:p>
        </p:txBody>
      </p:sp>
      <p:sp>
        <p:nvSpPr>
          <p:cNvPr id="4" name="object 3">
            <a:extLst>
              <a:ext uri="{FF2B5EF4-FFF2-40B4-BE49-F238E27FC236}">
                <a16:creationId xmlns:a16="http://schemas.microsoft.com/office/drawing/2014/main" id="{F6608A03-711D-0E9D-CE0C-CE5BE0C872B8}"/>
              </a:ext>
            </a:extLst>
          </p:cNvPr>
          <p:cNvSpPr txBox="1"/>
          <p:nvPr/>
        </p:nvSpPr>
        <p:spPr>
          <a:xfrm>
            <a:off x="381000" y="6248400"/>
            <a:ext cx="7593088" cy="162505"/>
          </a:xfrm>
          <a:prstGeom prst="rect">
            <a:avLst/>
          </a:prstGeom>
        </p:spPr>
        <p:txBody>
          <a:bodyPr vert="horz" wrap="square" lIns="0" tIns="2310" rIns="0" bIns="0" rtlCol="0">
            <a:spAutoFit/>
          </a:bodyPr>
          <a:lstStyle/>
          <a:p>
            <a:pPr marL="558728" marR="3081" lvl="0" indent="-551411" algn="l" defTabSz="554492" rtl="0" eaLnBrk="1" fontAlgn="auto" latinLnBrk="0" hangingPunct="1">
              <a:lnSpc>
                <a:spcPct val="105700"/>
              </a:lnSpc>
              <a:spcBef>
                <a:spcPts val="0"/>
              </a:spcBef>
              <a:spcAft>
                <a:spcPts val="0"/>
              </a:spcAft>
              <a:buClrTx/>
              <a:buSzTx/>
              <a:buFontTx/>
              <a:buNone/>
              <a:tabLst/>
              <a:defRPr/>
            </a:pPr>
            <a:r>
              <a:rPr kumimoji="0" lang="en-US" sz="1050" b="0" i="0" u="none" strike="noStrike" kern="0" cap="none" spc="6" normalizeH="0" baseline="0" noProof="0" dirty="0">
                <a:ln>
                  <a:noFill/>
                </a:ln>
                <a:solidFill>
                  <a:srgbClr val="435254"/>
                </a:solidFill>
                <a:effectLst/>
                <a:uLnTx/>
                <a:uFillTx/>
                <a:latin typeface="Calibre Semibold" panose="020B0703030202060203" pitchFamily="34" charset="0"/>
                <a:ea typeface="+mn-ea"/>
                <a:cs typeface="Calibre"/>
              </a:rPr>
              <a:t>Source:</a:t>
            </a:r>
            <a:r>
              <a:rPr kumimoji="0" lang="en-US" sz="1050" b="0" i="0" u="none" strike="noStrike" kern="0" cap="none" spc="6" normalizeH="0" baseline="0" noProof="0" dirty="0">
                <a:ln>
                  <a:noFill/>
                </a:ln>
                <a:solidFill>
                  <a:srgbClr val="435254"/>
                </a:solidFill>
                <a:effectLst/>
                <a:uLnTx/>
                <a:uFillTx/>
                <a:latin typeface="Calibre"/>
                <a:ea typeface="+mn-ea"/>
                <a:cs typeface="Calibre"/>
              </a:rPr>
              <a:t> US BLS, </a:t>
            </a:r>
            <a:r>
              <a:rPr kumimoji="0" lang="en-US" sz="1050" b="0" i="0" u="none" strike="noStrike" kern="0" cap="none" spc="6" normalizeH="0" baseline="0" noProof="0" dirty="0" err="1">
                <a:ln>
                  <a:noFill/>
                </a:ln>
                <a:solidFill>
                  <a:srgbClr val="435254"/>
                </a:solidFill>
                <a:effectLst/>
                <a:uLnTx/>
                <a:uFillTx/>
                <a:latin typeface="Calibre"/>
                <a:ea typeface="+mn-ea"/>
                <a:cs typeface="Calibre"/>
              </a:rPr>
              <a:t>EuroStat</a:t>
            </a:r>
            <a:r>
              <a:rPr kumimoji="0" lang="en-US" sz="1050" b="0" i="0" u="none" strike="noStrike" kern="0" cap="none" spc="6" normalizeH="0" baseline="0" noProof="0" dirty="0">
                <a:ln>
                  <a:noFill/>
                </a:ln>
                <a:solidFill>
                  <a:srgbClr val="435254"/>
                </a:solidFill>
                <a:effectLst/>
                <a:uLnTx/>
                <a:uFillTx/>
                <a:latin typeface="Calibre"/>
                <a:ea typeface="+mn-ea"/>
                <a:cs typeface="Calibre"/>
              </a:rPr>
              <a:t>, UK Office for National Stats, China NBS, Japanese Statistics Bureau</a:t>
            </a:r>
          </a:p>
        </p:txBody>
      </p:sp>
      <p:graphicFrame>
        <p:nvGraphicFramePr>
          <p:cNvPr id="2" name="Chart 1">
            <a:extLst>
              <a:ext uri="{FF2B5EF4-FFF2-40B4-BE49-F238E27FC236}">
                <a16:creationId xmlns:a16="http://schemas.microsoft.com/office/drawing/2014/main" id="{723DB218-1941-394C-EE2C-699FA45CB513}"/>
              </a:ext>
            </a:extLst>
          </p:cNvPr>
          <p:cNvGraphicFramePr>
            <a:graphicFrameLocks/>
          </p:cNvGraphicFramePr>
          <p:nvPr>
            <p:extLst>
              <p:ext uri="{D42A27DB-BD31-4B8C-83A1-F6EECF244321}">
                <p14:modId xmlns:p14="http://schemas.microsoft.com/office/powerpoint/2010/main" val="2708512632"/>
              </p:ext>
            </p:extLst>
          </p:nvPr>
        </p:nvGraphicFramePr>
        <p:xfrm>
          <a:off x="360892" y="1713899"/>
          <a:ext cx="11430000" cy="4572000"/>
        </p:xfrm>
        <a:graphic>
          <a:graphicData uri="http://schemas.openxmlformats.org/drawingml/2006/chart">
            <c:chart xmlns:c="http://schemas.openxmlformats.org/drawingml/2006/chart" xmlns:r="http://schemas.openxmlformats.org/officeDocument/2006/relationships" r:id="rId3"/>
          </a:graphicData>
        </a:graphic>
      </p:graphicFrame>
      <p:sp>
        <p:nvSpPr>
          <p:cNvPr id="3" name="Rectangle 2">
            <a:extLst>
              <a:ext uri="{FF2B5EF4-FFF2-40B4-BE49-F238E27FC236}">
                <a16:creationId xmlns:a16="http://schemas.microsoft.com/office/drawing/2014/main" id="{5047545D-529A-40B0-251E-1C182AF70B43}"/>
              </a:ext>
            </a:extLst>
          </p:cNvPr>
          <p:cNvSpPr/>
          <p:nvPr/>
        </p:nvSpPr>
        <p:spPr>
          <a:xfrm>
            <a:off x="381000" y="6410905"/>
            <a:ext cx="2362200" cy="294695"/>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117604579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図 1">
            <a:extLst>
              <a:ext uri="{FF2B5EF4-FFF2-40B4-BE49-F238E27FC236}">
                <a16:creationId xmlns:a16="http://schemas.microsoft.com/office/drawing/2014/main" id="{6527DA90-78F4-1C59-5775-EB6C803454C0}"/>
              </a:ext>
            </a:extLst>
          </p:cNvPr>
          <p:cNvPicPr>
            <a:picLocks noChangeAspect="1"/>
          </p:cNvPicPr>
          <p:nvPr/>
        </p:nvPicPr>
        <p:blipFill>
          <a:blip r:embed="rId2"/>
          <a:stretch>
            <a:fillRect/>
          </a:stretch>
        </p:blipFill>
        <p:spPr>
          <a:xfrm>
            <a:off x="6239350" y="2708984"/>
            <a:ext cx="5435515" cy="3724567"/>
          </a:xfrm>
          <a:prstGeom prst="rect">
            <a:avLst/>
          </a:prstGeom>
        </p:spPr>
      </p:pic>
      <p:sp>
        <p:nvSpPr>
          <p:cNvPr id="4" name="テキスト ボックス 3">
            <a:extLst>
              <a:ext uri="{FF2B5EF4-FFF2-40B4-BE49-F238E27FC236}">
                <a16:creationId xmlns:a16="http://schemas.microsoft.com/office/drawing/2014/main" id="{68DECD49-7E74-8334-081A-728858F20BA1}"/>
              </a:ext>
            </a:extLst>
          </p:cNvPr>
          <p:cNvSpPr txBox="1"/>
          <p:nvPr/>
        </p:nvSpPr>
        <p:spPr>
          <a:xfrm>
            <a:off x="7349245" y="2381624"/>
            <a:ext cx="3624523" cy="268141"/>
          </a:xfrm>
          <a:prstGeom prst="rect">
            <a:avLst/>
          </a:prstGeom>
          <a:noFill/>
        </p:spPr>
        <p:txBody>
          <a:bodyPr wrap="square" rtlCol="0">
            <a:noAutofit/>
          </a:bodyPr>
          <a:lstStyle/>
          <a:p>
            <a:pPr algn="ctr"/>
            <a:r>
              <a:rPr lang="en-US" altLang="ja-JP" sz="1200" b="1" dirty="0">
                <a:latin typeface="Arial" panose="020B0604020202020204" pitchFamily="34" charset="0"/>
                <a:ea typeface="ＭＳ Ｐゴシック" panose="020B0600070205080204" pitchFamily="50" charset="-128"/>
                <a:cs typeface="Arial" panose="020B0604020202020204" pitchFamily="34" charset="0"/>
              </a:rPr>
              <a:t>Number of Flexible Offices (Tokyo 23 wards) </a:t>
            </a:r>
          </a:p>
          <a:p>
            <a:pPr algn="ctr"/>
            <a:endParaRPr lang="en-US" altLang="ja-JP" sz="1200" b="1" dirty="0">
              <a:latin typeface="Arial" panose="020B0604020202020204" pitchFamily="34" charset="0"/>
              <a:ea typeface="ＭＳ Ｐゴシック" panose="020B0600070205080204" pitchFamily="50" charset="-128"/>
              <a:cs typeface="Arial" panose="020B0604020202020204" pitchFamily="34" charset="0"/>
            </a:endParaRPr>
          </a:p>
        </p:txBody>
      </p:sp>
      <p:sp>
        <p:nvSpPr>
          <p:cNvPr id="6" name="テキスト ボックス 5">
            <a:extLst>
              <a:ext uri="{FF2B5EF4-FFF2-40B4-BE49-F238E27FC236}">
                <a16:creationId xmlns:a16="http://schemas.microsoft.com/office/drawing/2014/main" id="{6FD79225-41CD-F732-04A5-DC3717CC8FB0}"/>
              </a:ext>
            </a:extLst>
          </p:cNvPr>
          <p:cNvSpPr txBox="1"/>
          <p:nvPr/>
        </p:nvSpPr>
        <p:spPr>
          <a:xfrm>
            <a:off x="6199269" y="6475615"/>
            <a:ext cx="4032490" cy="205527"/>
          </a:xfrm>
          <a:prstGeom prst="rect">
            <a:avLst/>
          </a:prstGeom>
        </p:spPr>
        <p:txBody>
          <a:bodyPr lIns="55715" tIns="27857" rIns="55715" bIns="27857">
            <a:noAutofit/>
          </a:bodyPr>
          <a:lstStyle>
            <a:defPPr>
              <a:defRPr lang="ja-JP"/>
            </a:defPPr>
            <a:lvl1pPr indent="0" defTabSz="957263" eaLnBrk="0" fontAlgn="base" hangingPunct="0">
              <a:spcBef>
                <a:spcPct val="20000"/>
              </a:spcBef>
              <a:spcAft>
                <a:spcPct val="0"/>
              </a:spcAft>
              <a:buNone/>
              <a:defRPr sz="800" kern="0">
                <a:latin typeface="メイリオ" panose="020B0604030504040204" pitchFamily="50" charset="-128"/>
                <a:ea typeface="メイリオ" panose="020B0604030504040204" pitchFamily="50" charset="-128"/>
                <a:cs typeface="メイリオ" panose="020B0604030504040204" pitchFamily="50" charset="-128"/>
              </a:defRPr>
            </a:lvl1pPr>
            <a:lvl2pPr marL="777875" indent="-298450" defTabSz="957263" eaLnBrk="0" fontAlgn="base" hangingPunct="0">
              <a:spcBef>
                <a:spcPct val="20000"/>
              </a:spcBef>
              <a:spcAft>
                <a:spcPct val="0"/>
              </a:spcAft>
              <a:buChar char="–"/>
              <a:defRPr sz="2900"/>
            </a:lvl2pPr>
            <a:lvl3pPr marL="1196975" indent="-239713" defTabSz="957263" eaLnBrk="0" fontAlgn="base" hangingPunct="0">
              <a:spcBef>
                <a:spcPct val="20000"/>
              </a:spcBef>
              <a:spcAft>
                <a:spcPct val="0"/>
              </a:spcAft>
              <a:buChar char="•"/>
              <a:defRPr sz="2500"/>
            </a:lvl3pPr>
            <a:lvl4pPr marL="1676400" indent="-239713" defTabSz="957263" eaLnBrk="0" fontAlgn="base" hangingPunct="0">
              <a:spcBef>
                <a:spcPct val="20000"/>
              </a:spcBef>
              <a:spcAft>
                <a:spcPct val="0"/>
              </a:spcAft>
              <a:buChar char="–"/>
              <a:defRPr sz="2100"/>
            </a:lvl4pPr>
            <a:lvl5pPr marL="2152650" indent="-236538" defTabSz="957263" eaLnBrk="0" fontAlgn="base" hangingPunct="0">
              <a:spcBef>
                <a:spcPct val="20000"/>
              </a:spcBef>
              <a:spcAft>
                <a:spcPct val="0"/>
              </a:spcAft>
              <a:buChar char="»"/>
              <a:defRPr sz="2100"/>
            </a:lvl5pPr>
            <a:lvl6pPr marL="2609850" indent="-236538" defTabSz="957263" fontAlgn="base">
              <a:spcBef>
                <a:spcPct val="20000"/>
              </a:spcBef>
              <a:spcAft>
                <a:spcPct val="0"/>
              </a:spcAft>
              <a:buChar char="»"/>
              <a:defRPr sz="2100"/>
            </a:lvl6pPr>
            <a:lvl7pPr marL="3067050" indent="-236538" defTabSz="957263" fontAlgn="base">
              <a:spcBef>
                <a:spcPct val="20000"/>
              </a:spcBef>
              <a:spcAft>
                <a:spcPct val="0"/>
              </a:spcAft>
              <a:buChar char="»"/>
              <a:defRPr sz="2100"/>
            </a:lvl7pPr>
            <a:lvl8pPr marL="3524250" indent="-236538" defTabSz="957263" fontAlgn="base">
              <a:spcBef>
                <a:spcPct val="20000"/>
              </a:spcBef>
              <a:spcAft>
                <a:spcPct val="0"/>
              </a:spcAft>
              <a:buChar char="»"/>
              <a:defRPr sz="2100"/>
            </a:lvl8pPr>
            <a:lvl9pPr marL="3981450" indent="-236538" defTabSz="957263" fontAlgn="base">
              <a:spcBef>
                <a:spcPct val="20000"/>
              </a:spcBef>
              <a:spcAft>
                <a:spcPct val="0"/>
              </a:spcAft>
              <a:buChar char="»"/>
              <a:defRPr sz="2100"/>
            </a:lvl9pPr>
          </a:lstStyle>
          <a:p>
            <a:pPr defTabSz="583332">
              <a:defRPr/>
            </a:pPr>
            <a:r>
              <a:rPr kumimoji="1" lang="en-US" sz="1000" dirty="0">
                <a:solidFill>
                  <a:prstClr val="black"/>
                </a:solidFill>
                <a:latin typeface="Arial" panose="020B0604020202020204" pitchFamily="34" charset="0"/>
                <a:cs typeface="Arial" panose="020B0604020202020204" pitchFamily="34" charset="0"/>
              </a:rPr>
              <a:t>Source: XYMAX REI “Flexible Office Market Survey 2023”</a:t>
            </a:r>
          </a:p>
        </p:txBody>
      </p:sp>
      <p:sp>
        <p:nvSpPr>
          <p:cNvPr id="10" name="テキスト ボックス 9">
            <a:extLst>
              <a:ext uri="{FF2B5EF4-FFF2-40B4-BE49-F238E27FC236}">
                <a16:creationId xmlns:a16="http://schemas.microsoft.com/office/drawing/2014/main" id="{25AFC17D-2431-46DA-22CA-68FDD1D0541B}"/>
              </a:ext>
            </a:extLst>
          </p:cNvPr>
          <p:cNvSpPr txBox="1"/>
          <p:nvPr/>
        </p:nvSpPr>
        <p:spPr>
          <a:xfrm>
            <a:off x="304800" y="2943642"/>
            <a:ext cx="5334000" cy="3024418"/>
          </a:xfrm>
          <a:prstGeom prst="rect">
            <a:avLst/>
          </a:prstGeom>
          <a:noFill/>
        </p:spPr>
        <p:txBody>
          <a:bodyPr wrap="square" rtlCol="0">
            <a:spAutoFit/>
          </a:bodyPr>
          <a:lstStyle/>
          <a:p>
            <a:pPr marL="285750" indent="-285750" defTabSz="371475">
              <a:lnSpc>
                <a:spcPts val="2000"/>
              </a:lnSpc>
              <a:spcBef>
                <a:spcPts val="0"/>
              </a:spcBef>
              <a:spcAft>
                <a:spcPts val="600"/>
              </a:spcAft>
              <a:buFont typeface="Arial" panose="020B0604020202020204" pitchFamily="34" charset="0"/>
              <a:buChar char="•"/>
              <a:defRPr/>
            </a:pP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Mainstream of corporate workplace strategy is </a:t>
            </a:r>
            <a:r>
              <a:rPr lang="en-US" sz="1600" dirty="0">
                <a:solidFill>
                  <a:srgbClr val="FF0000"/>
                </a:solidFill>
                <a:latin typeface="Arial" panose="020B0604020202020204" pitchFamily="34" charset="0"/>
                <a:ea typeface="メイリオ" panose="020B0604030504040204" pitchFamily="50" charset="-128"/>
                <a:cs typeface="Arial" panose="020B0604020202020204" pitchFamily="34" charset="0"/>
              </a:rPr>
              <a:t>“</a:t>
            </a:r>
            <a:r>
              <a:rPr lang="en-US" sz="1600" b="1" dirty="0">
                <a:solidFill>
                  <a:srgbClr val="FF0000"/>
                </a:solidFill>
                <a:latin typeface="Arial" panose="020B0604020202020204" pitchFamily="34" charset="0"/>
                <a:ea typeface="メイリオ" panose="020B0604030504040204" pitchFamily="50" charset="-128"/>
                <a:cs typeface="Arial" panose="020B0604020202020204" pitchFamily="34" charset="0"/>
              </a:rPr>
              <a:t>Hybrid</a:t>
            </a:r>
            <a:r>
              <a:rPr lang="en-US" sz="1600" dirty="0">
                <a:solidFill>
                  <a:srgbClr val="FF0000"/>
                </a:solidFill>
                <a:latin typeface="Arial" panose="020B0604020202020204" pitchFamily="34" charset="0"/>
                <a:ea typeface="メイリオ" panose="020B0604030504040204" pitchFamily="50" charset="-128"/>
                <a:cs typeface="Arial" panose="020B0604020202020204" pitchFamily="34" charset="0"/>
              </a:rPr>
              <a:t>” work</a:t>
            </a: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a:t>
            </a:r>
          </a:p>
          <a:p>
            <a:pPr marL="285750" indent="-285750" defTabSz="371475">
              <a:lnSpc>
                <a:spcPts val="2000"/>
              </a:lnSpc>
              <a:spcBef>
                <a:spcPts val="0"/>
              </a:spcBef>
              <a:spcAft>
                <a:spcPts val="600"/>
              </a:spcAft>
              <a:buFont typeface="Arial" panose="020B0604020202020204" pitchFamily="34" charset="0"/>
              <a:buChar char="•"/>
              <a:defRPr/>
            </a:pP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Many companies start to adopt flexible offices for employee’s teleworking place. </a:t>
            </a:r>
          </a:p>
          <a:p>
            <a:pPr marL="285750" indent="-285750" defTabSz="371475">
              <a:lnSpc>
                <a:spcPts val="2000"/>
              </a:lnSpc>
              <a:spcBef>
                <a:spcPts val="0"/>
              </a:spcBef>
              <a:spcAft>
                <a:spcPts val="600"/>
              </a:spcAft>
              <a:buFont typeface="Arial" panose="020B0604020202020204" pitchFamily="34" charset="0"/>
              <a:buChar char="•"/>
              <a:defRPr/>
            </a:pP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There are 1,260 flexible offices spanning approx. 239,000 tsubo (8.5 mil </a:t>
            </a:r>
            <a:r>
              <a:rPr lang="en-US" sz="1600" dirty="0" err="1">
                <a:solidFill>
                  <a:srgbClr val="1C1C1C"/>
                </a:solidFill>
                <a:latin typeface="Arial" panose="020B0604020202020204" pitchFamily="34" charset="0"/>
                <a:ea typeface="メイリオ" panose="020B0604030504040204" pitchFamily="50" charset="-128"/>
                <a:cs typeface="Arial" panose="020B0604020202020204" pitchFamily="34" charset="0"/>
              </a:rPr>
              <a:t>sq.ft</a:t>
            </a: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 in the Tokyo 23 Wards. The number has been increasing year by year. </a:t>
            </a:r>
          </a:p>
          <a:p>
            <a:pPr marL="285750" indent="-285750" defTabSz="371475">
              <a:lnSpc>
                <a:spcPts val="2000"/>
              </a:lnSpc>
              <a:spcBef>
                <a:spcPts val="0"/>
              </a:spcBef>
              <a:spcAft>
                <a:spcPts val="600"/>
              </a:spcAft>
              <a:buFont typeface="Arial" panose="020B0604020202020204" pitchFamily="34" charset="0"/>
              <a:buChar char="•"/>
              <a:defRPr/>
            </a:pP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The total floor area of flexible offices in the Tokyo 23 Wards is </a:t>
            </a:r>
            <a:r>
              <a:rPr lang="en-US" sz="1600" b="1" dirty="0">
                <a:solidFill>
                  <a:srgbClr val="FF0000"/>
                </a:solidFill>
                <a:latin typeface="Arial" panose="020B0604020202020204" pitchFamily="34" charset="0"/>
                <a:ea typeface="メイリオ" panose="020B0604030504040204" pitchFamily="50" charset="-128"/>
                <a:cs typeface="Arial" panose="020B0604020202020204" pitchFamily="34" charset="0"/>
              </a:rPr>
              <a:t>more than 2%</a:t>
            </a:r>
            <a:r>
              <a:rPr lang="en-US" sz="1600" b="1" dirty="0">
                <a:solidFill>
                  <a:srgbClr val="1C1C1C"/>
                </a:solidFill>
                <a:latin typeface="Arial" panose="020B0604020202020204" pitchFamily="34" charset="0"/>
                <a:ea typeface="メイリオ" panose="020B0604030504040204" pitchFamily="50" charset="-128"/>
                <a:cs typeface="Arial" panose="020B0604020202020204" pitchFamily="34" charset="0"/>
              </a:rPr>
              <a:t> </a:t>
            </a: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of the office stock. </a:t>
            </a:r>
          </a:p>
          <a:p>
            <a:pPr marL="285750" indent="-285750" defTabSz="371475">
              <a:lnSpc>
                <a:spcPts val="2000"/>
              </a:lnSpc>
              <a:spcBef>
                <a:spcPts val="600"/>
              </a:spcBef>
              <a:spcAft>
                <a:spcPts val="600"/>
              </a:spcAft>
              <a:buFont typeface="Arial" panose="020B0604020202020204" pitchFamily="34" charset="0"/>
              <a:buChar char="•"/>
              <a:defRPr/>
            </a:pPr>
            <a:endPar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endParaRPr>
          </a:p>
        </p:txBody>
      </p:sp>
      <p:sp>
        <p:nvSpPr>
          <p:cNvPr id="12" name="タイトル 1">
            <a:extLst>
              <a:ext uri="{FF2B5EF4-FFF2-40B4-BE49-F238E27FC236}">
                <a16:creationId xmlns:a16="http://schemas.microsoft.com/office/drawing/2014/main" id="{81F69390-8C9C-0991-24AE-DB50A6C2E133}"/>
              </a:ext>
            </a:extLst>
          </p:cNvPr>
          <p:cNvSpPr txBox="1">
            <a:spLocks/>
          </p:cNvSpPr>
          <p:nvPr/>
        </p:nvSpPr>
        <p:spPr>
          <a:xfrm>
            <a:off x="1277815" y="786672"/>
            <a:ext cx="10073357" cy="719089"/>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kumimoji="1" sz="2400" b="0" kern="1200">
                <a:solidFill>
                  <a:srgbClr val="1E2380"/>
                </a:solidFill>
                <a:latin typeface="Arial" panose="020B0604020202020204" pitchFamily="34" charset="0"/>
                <a:ea typeface="ＭＳ Ｐゴシック" panose="020B0600070205080204" pitchFamily="50" charset="-128"/>
                <a:cs typeface="メイリオ" pitchFamily="50" charset="-128"/>
              </a:defRPr>
            </a:lvl1pPr>
          </a:lstStyle>
          <a:p>
            <a:r>
              <a:rPr lang="en-US" altLang="ja-JP" sz="4000" dirty="0">
                <a:solidFill>
                  <a:srgbClr val="1C1C1C"/>
                </a:solidFill>
                <a:latin typeface="+mj-lt"/>
                <a:ea typeface="+mj-ea"/>
                <a:cs typeface="Arial" panose="020B0604020202020204" pitchFamily="34" charset="0"/>
              </a:rPr>
              <a:t>Continuous demand growth on flexible office </a:t>
            </a:r>
          </a:p>
        </p:txBody>
      </p:sp>
      <p:pic>
        <p:nvPicPr>
          <p:cNvPr id="3" name="図 2">
            <a:extLst>
              <a:ext uri="{FF2B5EF4-FFF2-40B4-BE49-F238E27FC236}">
                <a16:creationId xmlns:a16="http://schemas.microsoft.com/office/drawing/2014/main" id="{7C91E8E9-489D-08C9-2D47-8D4A942822E6}"/>
              </a:ext>
            </a:extLst>
          </p:cNvPr>
          <p:cNvPicPr>
            <a:picLocks noChangeAspect="1"/>
          </p:cNvPicPr>
          <p:nvPr/>
        </p:nvPicPr>
        <p:blipFill>
          <a:blip r:embed="rId3"/>
          <a:stretch>
            <a:fillRect/>
          </a:stretch>
        </p:blipFill>
        <p:spPr>
          <a:xfrm flipH="1">
            <a:off x="11701191" y="1023589"/>
            <a:ext cx="419653" cy="279699"/>
          </a:xfrm>
          <a:prstGeom prst="rect">
            <a:avLst/>
          </a:prstGeom>
        </p:spPr>
      </p:pic>
    </p:spTree>
    <p:extLst>
      <p:ext uri="{BB962C8B-B14F-4D97-AF65-F5344CB8AC3E}">
        <p14:creationId xmlns:p14="http://schemas.microsoft.com/office/powerpoint/2010/main" val="38503427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図 1">
            <a:extLst>
              <a:ext uri="{FF2B5EF4-FFF2-40B4-BE49-F238E27FC236}">
                <a16:creationId xmlns:a16="http://schemas.microsoft.com/office/drawing/2014/main" id="{DFEEB04A-C947-281F-A14C-1E514242DEF1}"/>
              </a:ext>
            </a:extLst>
          </p:cNvPr>
          <p:cNvPicPr>
            <a:picLocks noChangeAspect="1"/>
          </p:cNvPicPr>
          <p:nvPr/>
        </p:nvPicPr>
        <p:blipFill rotWithShape="1">
          <a:blip r:embed="rId2"/>
          <a:srcRect l="5653" t="1601" r="5129" b="2135"/>
          <a:stretch/>
        </p:blipFill>
        <p:spPr>
          <a:xfrm>
            <a:off x="5082639" y="3090039"/>
            <a:ext cx="7060324" cy="3290533"/>
          </a:xfrm>
          <a:prstGeom prst="rect">
            <a:avLst/>
          </a:prstGeom>
        </p:spPr>
      </p:pic>
      <p:sp>
        <p:nvSpPr>
          <p:cNvPr id="4" name="サブタイトル 2">
            <a:extLst>
              <a:ext uri="{FF2B5EF4-FFF2-40B4-BE49-F238E27FC236}">
                <a16:creationId xmlns:a16="http://schemas.microsoft.com/office/drawing/2014/main" id="{FD7007CA-36A9-554E-ACF0-38F03BDD51DB}"/>
              </a:ext>
            </a:extLst>
          </p:cNvPr>
          <p:cNvSpPr txBox="1">
            <a:spLocks/>
          </p:cNvSpPr>
          <p:nvPr/>
        </p:nvSpPr>
        <p:spPr>
          <a:xfrm>
            <a:off x="7437040" y="2751083"/>
            <a:ext cx="2807602" cy="276142"/>
          </a:xfrm>
          <a:prstGeom prst="rect">
            <a:avLst/>
          </a:prstGeom>
          <a:noFill/>
        </p:spPr>
        <p:txBody>
          <a:bodyPr vert="horz" lIns="68580" tIns="34290" rIns="68580" bIns="34290" rtlCol="0">
            <a:noAutofit/>
          </a:bodyPr>
          <a:lstStyle>
            <a:lvl1pPr marL="0" indent="0" algn="ctr" defTabSz="914400" rtl="0" eaLnBrk="1" latinLnBrk="0" hangingPunct="1">
              <a:spcBef>
                <a:spcPct val="20000"/>
              </a:spcBef>
              <a:buFont typeface="Arial" panose="020B0604020202020204" pitchFamily="34" charset="0"/>
              <a:buNone/>
              <a:defRPr kumimoji="1" sz="3200" kern="1200">
                <a:solidFill>
                  <a:schemeClr val="tx1">
                    <a:tint val="75000"/>
                  </a:schemeClr>
                </a:solidFill>
                <a:latin typeface="+mn-lt"/>
                <a:ea typeface="+mn-ea"/>
                <a:cs typeface="+mn-cs"/>
              </a:defRPr>
            </a:lvl1pPr>
            <a:lvl2pPr marL="457200" indent="0" algn="ctr" defTabSz="914400" rtl="0" eaLnBrk="1" latinLnBrk="0" hangingPunct="1">
              <a:spcBef>
                <a:spcPct val="20000"/>
              </a:spcBef>
              <a:buFont typeface="Arial" panose="020B0604020202020204" pitchFamily="34" charset="0"/>
              <a:buNone/>
              <a:defRPr kumimoji="1" sz="2800" kern="1200">
                <a:solidFill>
                  <a:schemeClr val="tx1">
                    <a:tint val="75000"/>
                  </a:schemeClr>
                </a:solidFill>
                <a:latin typeface="+mn-lt"/>
                <a:ea typeface="+mn-ea"/>
                <a:cs typeface="+mn-cs"/>
              </a:defRPr>
            </a:lvl2pPr>
            <a:lvl3pPr marL="914400" indent="0" algn="ctr" defTabSz="914400" rtl="0" eaLnBrk="1" latinLnBrk="0" hangingPunct="1">
              <a:spcBef>
                <a:spcPct val="20000"/>
              </a:spcBef>
              <a:buFont typeface="Arial" panose="020B0604020202020204" pitchFamily="34" charset="0"/>
              <a:buNone/>
              <a:defRPr kumimoji="1" sz="2400" kern="1200">
                <a:solidFill>
                  <a:schemeClr val="tx1">
                    <a:tint val="75000"/>
                  </a:schemeClr>
                </a:solidFill>
                <a:latin typeface="+mn-lt"/>
                <a:ea typeface="+mn-ea"/>
                <a:cs typeface="+mn-cs"/>
              </a:defRPr>
            </a:lvl3pPr>
            <a:lvl4pPr marL="1371600" indent="0" algn="ctr" defTabSz="914400" rtl="0" eaLnBrk="1" latinLnBrk="0" hangingPunct="1">
              <a:spcBef>
                <a:spcPct val="20000"/>
              </a:spcBef>
              <a:buFont typeface="Arial" panose="020B0604020202020204" pitchFamily="34" charset="0"/>
              <a:buNone/>
              <a:defRPr kumimoji="1" sz="2000" kern="1200">
                <a:solidFill>
                  <a:schemeClr val="tx1">
                    <a:tint val="75000"/>
                  </a:schemeClr>
                </a:solidFill>
                <a:latin typeface="+mn-lt"/>
                <a:ea typeface="+mn-ea"/>
                <a:cs typeface="+mn-cs"/>
              </a:defRPr>
            </a:lvl4pPr>
            <a:lvl5pPr marL="1828800" indent="0" algn="ctr" defTabSz="914400" rtl="0" eaLnBrk="1" latinLnBrk="0" hangingPunct="1">
              <a:spcBef>
                <a:spcPct val="20000"/>
              </a:spcBef>
              <a:buFont typeface="Arial" panose="020B0604020202020204" pitchFamily="34" charset="0"/>
              <a:buNone/>
              <a:defRPr kumimoji="1" sz="2000" kern="1200">
                <a:solidFill>
                  <a:schemeClr val="tx1">
                    <a:tint val="75000"/>
                  </a:schemeClr>
                </a:solidFill>
                <a:latin typeface="+mn-lt"/>
                <a:ea typeface="+mn-ea"/>
                <a:cs typeface="+mn-cs"/>
              </a:defRPr>
            </a:lvl5pPr>
            <a:lvl6pPr marL="2286000" indent="0" algn="ctr" defTabSz="914400" rtl="0" eaLnBrk="1" latinLnBrk="0" hangingPunct="1">
              <a:spcBef>
                <a:spcPct val="20000"/>
              </a:spcBef>
              <a:buFont typeface="Arial" panose="020B0604020202020204" pitchFamily="34" charset="0"/>
              <a:buNone/>
              <a:defRPr kumimoji="1" sz="2000" kern="1200">
                <a:solidFill>
                  <a:schemeClr val="tx1">
                    <a:tint val="75000"/>
                  </a:schemeClr>
                </a:solidFill>
                <a:latin typeface="+mn-lt"/>
                <a:ea typeface="+mn-ea"/>
                <a:cs typeface="+mn-cs"/>
              </a:defRPr>
            </a:lvl6pPr>
            <a:lvl7pPr marL="2743200" indent="0" algn="ctr" defTabSz="914400" rtl="0" eaLnBrk="1" latinLnBrk="0" hangingPunct="1">
              <a:spcBef>
                <a:spcPct val="20000"/>
              </a:spcBef>
              <a:buFont typeface="Arial" panose="020B0604020202020204" pitchFamily="34" charset="0"/>
              <a:buNone/>
              <a:defRPr kumimoji="1" sz="2000" kern="1200">
                <a:solidFill>
                  <a:schemeClr val="tx1">
                    <a:tint val="75000"/>
                  </a:schemeClr>
                </a:solidFill>
                <a:latin typeface="+mn-lt"/>
                <a:ea typeface="+mn-ea"/>
                <a:cs typeface="+mn-cs"/>
              </a:defRPr>
            </a:lvl7pPr>
            <a:lvl8pPr marL="3200400" indent="0" algn="ctr" defTabSz="914400" rtl="0" eaLnBrk="1" latinLnBrk="0" hangingPunct="1">
              <a:spcBef>
                <a:spcPct val="20000"/>
              </a:spcBef>
              <a:buFont typeface="Arial" panose="020B0604020202020204" pitchFamily="34" charset="0"/>
              <a:buNone/>
              <a:defRPr kumimoji="1" sz="2000" kern="1200">
                <a:solidFill>
                  <a:schemeClr val="tx1">
                    <a:tint val="75000"/>
                  </a:schemeClr>
                </a:solidFill>
                <a:latin typeface="+mn-lt"/>
                <a:ea typeface="+mn-ea"/>
                <a:cs typeface="+mn-cs"/>
              </a:defRPr>
            </a:lvl8pPr>
            <a:lvl9pPr marL="3657600" indent="0" algn="ctr" defTabSz="914400" rtl="0" eaLnBrk="1" latinLnBrk="0" hangingPunct="1">
              <a:spcBef>
                <a:spcPct val="20000"/>
              </a:spcBef>
              <a:buFont typeface="Arial" panose="020B0604020202020204" pitchFamily="34" charset="0"/>
              <a:buNone/>
              <a:defRPr kumimoji="1" sz="2000" kern="1200">
                <a:solidFill>
                  <a:schemeClr val="tx1">
                    <a:tint val="75000"/>
                  </a:schemeClr>
                </a:solidFill>
                <a:latin typeface="+mn-lt"/>
                <a:ea typeface="+mn-ea"/>
                <a:cs typeface="+mn-cs"/>
              </a:defRPr>
            </a:lvl9pPr>
          </a:lstStyle>
          <a:p>
            <a:pPr defTabSz="742950">
              <a:defRPr/>
            </a:pPr>
            <a:r>
              <a:rPr lang="en-US" sz="1200" b="1" dirty="0">
                <a:solidFill>
                  <a:srgbClr val="203864"/>
                </a:solidFill>
                <a:latin typeface="Arial" panose="020B0604020202020204" pitchFamily="34" charset="0"/>
                <a:ea typeface="メイリオ" panose="020B0604030504040204" pitchFamily="50" charset="-128"/>
                <a:cs typeface="Arial" panose="020B0604020202020204" pitchFamily="34" charset="0"/>
              </a:rPr>
              <a:t>Future Change in Office Size</a:t>
            </a:r>
          </a:p>
        </p:txBody>
      </p:sp>
      <p:sp>
        <p:nvSpPr>
          <p:cNvPr id="6" name="テキスト ボックス 5">
            <a:extLst>
              <a:ext uri="{FF2B5EF4-FFF2-40B4-BE49-F238E27FC236}">
                <a16:creationId xmlns:a16="http://schemas.microsoft.com/office/drawing/2014/main" id="{0E6B6E98-0648-7016-128E-600EF21CF4A1}"/>
              </a:ext>
            </a:extLst>
          </p:cNvPr>
          <p:cNvSpPr txBox="1"/>
          <p:nvPr/>
        </p:nvSpPr>
        <p:spPr>
          <a:xfrm>
            <a:off x="5218386" y="6394108"/>
            <a:ext cx="5026256" cy="225178"/>
          </a:xfrm>
          <a:prstGeom prst="rect">
            <a:avLst/>
          </a:prstGeom>
        </p:spPr>
        <p:txBody>
          <a:bodyPr lIns="55715" tIns="27857" rIns="55715" bIns="27857">
            <a:noAutofit/>
          </a:bodyPr>
          <a:lstStyle>
            <a:defPPr>
              <a:defRPr lang="ja-JP"/>
            </a:defPPr>
            <a:lvl1pPr indent="0" defTabSz="957263" eaLnBrk="0" fontAlgn="base" hangingPunct="0">
              <a:spcBef>
                <a:spcPct val="20000"/>
              </a:spcBef>
              <a:spcAft>
                <a:spcPct val="0"/>
              </a:spcAft>
              <a:buNone/>
              <a:defRPr sz="800" kern="0">
                <a:latin typeface="メイリオ" panose="020B0604030504040204" pitchFamily="50" charset="-128"/>
                <a:ea typeface="メイリオ" panose="020B0604030504040204" pitchFamily="50" charset="-128"/>
                <a:cs typeface="メイリオ" panose="020B0604030504040204" pitchFamily="50" charset="-128"/>
              </a:defRPr>
            </a:lvl1pPr>
            <a:lvl2pPr marL="777875" indent="-298450" defTabSz="957263" eaLnBrk="0" fontAlgn="base" hangingPunct="0">
              <a:spcBef>
                <a:spcPct val="20000"/>
              </a:spcBef>
              <a:spcAft>
                <a:spcPct val="0"/>
              </a:spcAft>
              <a:buChar char="–"/>
              <a:defRPr sz="2900"/>
            </a:lvl2pPr>
            <a:lvl3pPr marL="1196975" indent="-239713" defTabSz="957263" eaLnBrk="0" fontAlgn="base" hangingPunct="0">
              <a:spcBef>
                <a:spcPct val="20000"/>
              </a:spcBef>
              <a:spcAft>
                <a:spcPct val="0"/>
              </a:spcAft>
              <a:buChar char="•"/>
              <a:defRPr sz="2500"/>
            </a:lvl3pPr>
            <a:lvl4pPr marL="1676400" indent="-239713" defTabSz="957263" eaLnBrk="0" fontAlgn="base" hangingPunct="0">
              <a:spcBef>
                <a:spcPct val="20000"/>
              </a:spcBef>
              <a:spcAft>
                <a:spcPct val="0"/>
              </a:spcAft>
              <a:buChar char="–"/>
              <a:defRPr sz="2100"/>
            </a:lvl4pPr>
            <a:lvl5pPr marL="2152650" indent="-236538" defTabSz="957263" eaLnBrk="0" fontAlgn="base" hangingPunct="0">
              <a:spcBef>
                <a:spcPct val="20000"/>
              </a:spcBef>
              <a:spcAft>
                <a:spcPct val="0"/>
              </a:spcAft>
              <a:buChar char="»"/>
              <a:defRPr sz="2100"/>
            </a:lvl5pPr>
            <a:lvl6pPr marL="2609850" indent="-236538" defTabSz="957263" fontAlgn="base">
              <a:spcBef>
                <a:spcPct val="20000"/>
              </a:spcBef>
              <a:spcAft>
                <a:spcPct val="0"/>
              </a:spcAft>
              <a:buChar char="»"/>
              <a:defRPr sz="2100"/>
            </a:lvl6pPr>
            <a:lvl7pPr marL="3067050" indent="-236538" defTabSz="957263" fontAlgn="base">
              <a:spcBef>
                <a:spcPct val="20000"/>
              </a:spcBef>
              <a:spcAft>
                <a:spcPct val="0"/>
              </a:spcAft>
              <a:buChar char="»"/>
              <a:defRPr sz="2100"/>
            </a:lvl7pPr>
            <a:lvl8pPr marL="3524250" indent="-236538" defTabSz="957263" fontAlgn="base">
              <a:spcBef>
                <a:spcPct val="20000"/>
              </a:spcBef>
              <a:spcAft>
                <a:spcPct val="0"/>
              </a:spcAft>
              <a:buChar char="»"/>
              <a:defRPr sz="2100"/>
            </a:lvl8pPr>
            <a:lvl9pPr marL="3981450" indent="-236538" defTabSz="957263" fontAlgn="base">
              <a:spcBef>
                <a:spcPct val="20000"/>
              </a:spcBef>
              <a:spcAft>
                <a:spcPct val="0"/>
              </a:spcAft>
              <a:buChar char="»"/>
              <a:defRPr sz="2100"/>
            </a:lvl9pPr>
          </a:lstStyle>
          <a:p>
            <a:pPr defTabSz="583332">
              <a:defRPr/>
            </a:pPr>
            <a:r>
              <a:rPr kumimoji="1" lang="en-US" sz="1000" dirty="0">
                <a:solidFill>
                  <a:prstClr val="black"/>
                </a:solidFill>
                <a:latin typeface="Arial" panose="020B0604020202020204" pitchFamily="34" charset="0"/>
                <a:cs typeface="Arial" panose="020B0604020202020204" pitchFamily="34" charset="0"/>
              </a:rPr>
              <a:t>Source: XYMAX REI “Metropolitan Areas Office Demand Survey Spring 2024”</a:t>
            </a:r>
          </a:p>
        </p:txBody>
      </p:sp>
      <p:sp>
        <p:nvSpPr>
          <p:cNvPr id="7" name="テキスト ボックス 6">
            <a:extLst>
              <a:ext uri="{FF2B5EF4-FFF2-40B4-BE49-F238E27FC236}">
                <a16:creationId xmlns:a16="http://schemas.microsoft.com/office/drawing/2014/main" id="{44DF2AD2-83D0-88F1-5F3D-94F4DA9F80FD}"/>
              </a:ext>
            </a:extLst>
          </p:cNvPr>
          <p:cNvSpPr txBox="1"/>
          <p:nvPr/>
        </p:nvSpPr>
        <p:spPr>
          <a:xfrm>
            <a:off x="57746" y="3070530"/>
            <a:ext cx="5070122" cy="2759730"/>
          </a:xfrm>
          <a:prstGeom prst="rect">
            <a:avLst/>
          </a:prstGeom>
          <a:noFill/>
        </p:spPr>
        <p:txBody>
          <a:bodyPr wrap="square" rtlCol="0">
            <a:spAutoFit/>
          </a:bodyPr>
          <a:lstStyle/>
          <a:p>
            <a:pPr marL="285750" indent="-285750" defTabSz="371475">
              <a:lnSpc>
                <a:spcPts val="1900"/>
              </a:lnSpc>
              <a:spcBef>
                <a:spcPts val="0"/>
              </a:spcBef>
              <a:spcAft>
                <a:spcPts val="0"/>
              </a:spcAft>
              <a:buFont typeface="Arial" panose="020B0604020202020204" pitchFamily="34" charset="0"/>
              <a:buChar char="•"/>
              <a:defRPr/>
            </a:pP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Around 35% feel current main office is “very small” or “somewhat small”.</a:t>
            </a:r>
          </a:p>
          <a:p>
            <a:pPr marL="285750" indent="-285750" defTabSz="371475">
              <a:lnSpc>
                <a:spcPts val="1900"/>
              </a:lnSpc>
              <a:spcBef>
                <a:spcPts val="600"/>
              </a:spcBef>
              <a:spcAft>
                <a:spcPts val="0"/>
              </a:spcAft>
              <a:buFont typeface="Arial" panose="020B0604020202020204" pitchFamily="34" charset="0"/>
              <a:buChar char="•"/>
              <a:defRPr/>
            </a:pPr>
            <a:r>
              <a:rPr lang="en-US" altLang="ja-JP" sz="1600" dirty="0">
                <a:solidFill>
                  <a:srgbClr val="1C1C1C"/>
                </a:solidFill>
                <a:latin typeface="Arial" panose="020B0604020202020204" pitchFamily="34" charset="0"/>
                <a:ea typeface="メイリオ" panose="020B0604030504040204" pitchFamily="50" charset="-128"/>
                <a:cs typeface="Arial" panose="020B0604020202020204" pitchFamily="34" charset="0"/>
              </a:rPr>
              <a:t>“Want to expand” office size is increasing.</a:t>
            </a:r>
          </a:p>
          <a:p>
            <a:pPr marL="285750" indent="-285750" defTabSz="371475">
              <a:lnSpc>
                <a:spcPts val="1900"/>
              </a:lnSpc>
              <a:spcBef>
                <a:spcPts val="600"/>
              </a:spcBef>
              <a:spcAft>
                <a:spcPts val="0"/>
              </a:spcAft>
              <a:buFont typeface="Arial" panose="020B0604020202020204" pitchFamily="34" charset="0"/>
              <a:buChar char="•"/>
              <a:defRPr/>
            </a:pPr>
            <a:r>
              <a:rPr lang="en-US" altLang="ja-JP" sz="1600" dirty="0">
                <a:solidFill>
                  <a:srgbClr val="1C1C1C"/>
                </a:solidFill>
                <a:latin typeface="Arial" panose="020B0604020202020204" pitchFamily="34" charset="0"/>
                <a:ea typeface="メイリオ" panose="020B0604030504040204" pitchFamily="50" charset="-128"/>
                <a:cs typeface="Arial" panose="020B0604020202020204" pitchFamily="34" charset="0"/>
              </a:rPr>
              <a:t>Top five reasons for office expansion:</a:t>
            </a:r>
          </a:p>
          <a:p>
            <a:pPr marL="342900" indent="-342900" defTabSz="371475">
              <a:lnSpc>
                <a:spcPts val="1900"/>
              </a:lnSpc>
              <a:spcBef>
                <a:spcPts val="600"/>
              </a:spcBef>
              <a:spcAft>
                <a:spcPts val="0"/>
              </a:spcAft>
              <a:buFont typeface="+mj-lt"/>
              <a:buAutoNum type="arabicPeriod"/>
              <a:defRPr/>
            </a:pPr>
            <a:r>
              <a:rPr lang="en-US" altLang="ja-JP" sz="1400" dirty="0">
                <a:solidFill>
                  <a:srgbClr val="1C1C1C"/>
                </a:solidFill>
                <a:latin typeface="Arial" panose="020B0604020202020204" pitchFamily="34" charset="0"/>
                <a:ea typeface="メイリオ" panose="020B0604030504040204" pitchFamily="50" charset="-128"/>
                <a:cs typeface="Arial" panose="020B0604020202020204" pitchFamily="34" charset="0"/>
              </a:rPr>
              <a:t>Not enough meeting rooms (53.7%)</a:t>
            </a:r>
          </a:p>
          <a:p>
            <a:pPr marL="342900" indent="-342900" defTabSz="371475">
              <a:lnSpc>
                <a:spcPts val="1900"/>
              </a:lnSpc>
              <a:spcBef>
                <a:spcPts val="0"/>
              </a:spcBef>
              <a:spcAft>
                <a:spcPts val="0"/>
              </a:spcAft>
              <a:buFont typeface="+mj-lt"/>
              <a:buAutoNum type="arabicPeriod"/>
              <a:defRPr/>
            </a:pPr>
            <a:r>
              <a:rPr lang="en-US" altLang="ja-JP" sz="1400" dirty="0">
                <a:solidFill>
                  <a:srgbClr val="1C1C1C"/>
                </a:solidFill>
                <a:latin typeface="Arial" panose="020B0604020202020204" pitchFamily="34" charset="0"/>
                <a:ea typeface="メイリオ" panose="020B0604030504040204" pitchFamily="50" charset="-128"/>
                <a:cs typeface="Arial" panose="020B0604020202020204" pitchFamily="34" charset="0"/>
              </a:rPr>
              <a:t>To improve comfort of office environment (50.9%)</a:t>
            </a:r>
          </a:p>
          <a:p>
            <a:pPr marL="342900" indent="-342900" defTabSz="371475">
              <a:lnSpc>
                <a:spcPts val="1900"/>
              </a:lnSpc>
              <a:spcBef>
                <a:spcPts val="0"/>
              </a:spcBef>
              <a:spcAft>
                <a:spcPts val="0"/>
              </a:spcAft>
              <a:buFont typeface="+mj-lt"/>
              <a:buAutoNum type="arabicPeriod"/>
              <a:defRPr/>
            </a:pPr>
            <a:r>
              <a:rPr lang="en-US" altLang="ja-JP" sz="1400" dirty="0">
                <a:solidFill>
                  <a:srgbClr val="1C1C1C"/>
                </a:solidFill>
                <a:latin typeface="Arial" panose="020B0604020202020204" pitchFamily="34" charset="0"/>
                <a:ea typeface="メイリオ" panose="020B0604030504040204" pitchFamily="50" charset="-128"/>
                <a:cs typeface="Arial" panose="020B0604020202020204" pitchFamily="34" charset="0"/>
              </a:rPr>
              <a:t>Increase in number of people (50.0%)</a:t>
            </a:r>
          </a:p>
          <a:p>
            <a:pPr marL="342900" indent="-342900" defTabSz="371475">
              <a:lnSpc>
                <a:spcPts val="1900"/>
              </a:lnSpc>
              <a:spcBef>
                <a:spcPts val="0"/>
              </a:spcBef>
              <a:spcAft>
                <a:spcPts val="0"/>
              </a:spcAft>
              <a:buFont typeface="+mj-lt"/>
              <a:buAutoNum type="arabicPeriod"/>
              <a:defRPr/>
            </a:pPr>
            <a:r>
              <a:rPr lang="en-US" altLang="ja-JP" sz="1400" dirty="0">
                <a:solidFill>
                  <a:srgbClr val="1C1C1C"/>
                </a:solidFill>
                <a:latin typeface="Arial" panose="020B0604020202020204" pitchFamily="34" charset="0"/>
                <a:ea typeface="メイリオ" panose="020B0604030504040204" pitchFamily="50" charset="-128"/>
                <a:cs typeface="Arial" panose="020B0604020202020204" pitchFamily="34" charset="0"/>
              </a:rPr>
              <a:t>To accommodate personnel increase due to future intensified hiring (40.9%)</a:t>
            </a:r>
          </a:p>
          <a:p>
            <a:pPr marL="342900" indent="-342900" defTabSz="371475">
              <a:lnSpc>
                <a:spcPts val="1900"/>
              </a:lnSpc>
              <a:spcBef>
                <a:spcPts val="0"/>
              </a:spcBef>
              <a:spcAft>
                <a:spcPts val="0"/>
              </a:spcAft>
              <a:buFont typeface="+mj-lt"/>
              <a:buAutoNum type="arabicPeriod"/>
              <a:defRPr/>
            </a:pPr>
            <a:r>
              <a:rPr lang="en-US" altLang="ja-JP" sz="1400" dirty="0">
                <a:solidFill>
                  <a:srgbClr val="1C1C1C"/>
                </a:solidFill>
                <a:latin typeface="Arial" panose="020B0604020202020204" pitchFamily="34" charset="0"/>
                <a:ea typeface="メイリオ" panose="020B0604030504040204" pitchFamily="50" charset="-128"/>
                <a:cs typeface="Arial" panose="020B0604020202020204" pitchFamily="34" charset="0"/>
              </a:rPr>
              <a:t>To motivate employees (35.8%) </a:t>
            </a:r>
          </a:p>
        </p:txBody>
      </p:sp>
      <p:sp>
        <p:nvSpPr>
          <p:cNvPr id="10" name="タイトル 1">
            <a:extLst>
              <a:ext uri="{FF2B5EF4-FFF2-40B4-BE49-F238E27FC236}">
                <a16:creationId xmlns:a16="http://schemas.microsoft.com/office/drawing/2014/main" id="{872358F7-6363-3FC8-1B94-1FF1EACB170F}"/>
              </a:ext>
            </a:extLst>
          </p:cNvPr>
          <p:cNvSpPr txBox="1">
            <a:spLocks/>
          </p:cNvSpPr>
          <p:nvPr/>
        </p:nvSpPr>
        <p:spPr>
          <a:xfrm>
            <a:off x="1277815" y="786672"/>
            <a:ext cx="10073357" cy="719089"/>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kumimoji="1" sz="2400" b="0" kern="1200">
                <a:solidFill>
                  <a:srgbClr val="1E2380"/>
                </a:solidFill>
                <a:latin typeface="Arial" panose="020B0604020202020204" pitchFamily="34" charset="0"/>
                <a:ea typeface="ＭＳ Ｐゴシック" panose="020B0600070205080204" pitchFamily="50" charset="-128"/>
                <a:cs typeface="メイリオ" pitchFamily="50" charset="-128"/>
              </a:defRPr>
            </a:lvl1pPr>
          </a:lstStyle>
          <a:p>
            <a:r>
              <a:rPr lang="en-US" altLang="ja-JP" sz="4000" dirty="0">
                <a:solidFill>
                  <a:srgbClr val="1C1C1C"/>
                </a:solidFill>
                <a:latin typeface="+mj-lt"/>
                <a:ea typeface="+mj-ea"/>
                <a:cs typeface="Arial" panose="020B0604020202020204" pitchFamily="34" charset="0"/>
              </a:rPr>
              <a:t>Demand on office expansion is increasing  </a:t>
            </a:r>
          </a:p>
        </p:txBody>
      </p:sp>
      <p:pic>
        <p:nvPicPr>
          <p:cNvPr id="3" name="図 2">
            <a:extLst>
              <a:ext uri="{FF2B5EF4-FFF2-40B4-BE49-F238E27FC236}">
                <a16:creationId xmlns:a16="http://schemas.microsoft.com/office/drawing/2014/main" id="{9CFFD236-6AF6-8CD1-B134-B2DFB57991CA}"/>
              </a:ext>
            </a:extLst>
          </p:cNvPr>
          <p:cNvPicPr>
            <a:picLocks noChangeAspect="1"/>
          </p:cNvPicPr>
          <p:nvPr/>
        </p:nvPicPr>
        <p:blipFill>
          <a:blip r:embed="rId3"/>
          <a:stretch>
            <a:fillRect/>
          </a:stretch>
        </p:blipFill>
        <p:spPr>
          <a:xfrm flipH="1">
            <a:off x="11701191" y="1023589"/>
            <a:ext cx="419653" cy="279699"/>
          </a:xfrm>
          <a:prstGeom prst="rect">
            <a:avLst/>
          </a:prstGeom>
        </p:spPr>
      </p:pic>
    </p:spTree>
    <p:extLst>
      <p:ext uri="{BB962C8B-B14F-4D97-AF65-F5344CB8AC3E}">
        <p14:creationId xmlns:p14="http://schemas.microsoft.com/office/powerpoint/2010/main" val="92325703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テキスト ボックス 1">
            <a:extLst>
              <a:ext uri="{FF2B5EF4-FFF2-40B4-BE49-F238E27FC236}">
                <a16:creationId xmlns:a16="http://schemas.microsoft.com/office/drawing/2014/main" id="{807E2861-6F3D-88D2-2C83-6445ECC05F52}"/>
              </a:ext>
            </a:extLst>
          </p:cNvPr>
          <p:cNvSpPr txBox="1"/>
          <p:nvPr/>
        </p:nvSpPr>
        <p:spPr>
          <a:xfrm>
            <a:off x="5791285" y="6346533"/>
            <a:ext cx="5909906" cy="235570"/>
          </a:xfrm>
          <a:prstGeom prst="rect">
            <a:avLst/>
          </a:prstGeom>
        </p:spPr>
        <p:txBody>
          <a:bodyPr lIns="55715" tIns="27857" rIns="55715" bIns="27857">
            <a:noAutofit/>
          </a:bodyPr>
          <a:lstStyle>
            <a:defPPr>
              <a:defRPr lang="ja-JP"/>
            </a:defPPr>
            <a:lvl1pPr indent="0" defTabSz="957263" eaLnBrk="0" fontAlgn="base" hangingPunct="0">
              <a:spcBef>
                <a:spcPct val="20000"/>
              </a:spcBef>
              <a:spcAft>
                <a:spcPct val="0"/>
              </a:spcAft>
              <a:buNone/>
              <a:defRPr sz="800" kern="0">
                <a:latin typeface="メイリオ" panose="020B0604030504040204" pitchFamily="50" charset="-128"/>
                <a:ea typeface="メイリオ" panose="020B0604030504040204" pitchFamily="50" charset="-128"/>
                <a:cs typeface="メイリオ" panose="020B0604030504040204" pitchFamily="50" charset="-128"/>
              </a:defRPr>
            </a:lvl1pPr>
            <a:lvl2pPr marL="777875" indent="-298450" defTabSz="957263" eaLnBrk="0" fontAlgn="base" hangingPunct="0">
              <a:spcBef>
                <a:spcPct val="20000"/>
              </a:spcBef>
              <a:spcAft>
                <a:spcPct val="0"/>
              </a:spcAft>
              <a:buChar char="–"/>
              <a:defRPr sz="2900"/>
            </a:lvl2pPr>
            <a:lvl3pPr marL="1196975" indent="-239713" defTabSz="957263" eaLnBrk="0" fontAlgn="base" hangingPunct="0">
              <a:spcBef>
                <a:spcPct val="20000"/>
              </a:spcBef>
              <a:spcAft>
                <a:spcPct val="0"/>
              </a:spcAft>
              <a:buChar char="•"/>
              <a:defRPr sz="2500"/>
            </a:lvl3pPr>
            <a:lvl4pPr marL="1676400" indent="-239713" defTabSz="957263" eaLnBrk="0" fontAlgn="base" hangingPunct="0">
              <a:spcBef>
                <a:spcPct val="20000"/>
              </a:spcBef>
              <a:spcAft>
                <a:spcPct val="0"/>
              </a:spcAft>
              <a:buChar char="–"/>
              <a:defRPr sz="2100"/>
            </a:lvl4pPr>
            <a:lvl5pPr marL="2152650" indent="-236538" defTabSz="957263" eaLnBrk="0" fontAlgn="base" hangingPunct="0">
              <a:spcBef>
                <a:spcPct val="20000"/>
              </a:spcBef>
              <a:spcAft>
                <a:spcPct val="0"/>
              </a:spcAft>
              <a:buChar char="»"/>
              <a:defRPr sz="2100"/>
            </a:lvl5pPr>
            <a:lvl6pPr marL="2609850" indent="-236538" defTabSz="957263" fontAlgn="base">
              <a:spcBef>
                <a:spcPct val="20000"/>
              </a:spcBef>
              <a:spcAft>
                <a:spcPct val="0"/>
              </a:spcAft>
              <a:buChar char="»"/>
              <a:defRPr sz="2100"/>
            </a:lvl6pPr>
            <a:lvl7pPr marL="3067050" indent="-236538" defTabSz="957263" fontAlgn="base">
              <a:spcBef>
                <a:spcPct val="20000"/>
              </a:spcBef>
              <a:spcAft>
                <a:spcPct val="0"/>
              </a:spcAft>
              <a:buChar char="»"/>
              <a:defRPr sz="2100"/>
            </a:lvl7pPr>
            <a:lvl8pPr marL="3524250" indent="-236538" defTabSz="957263" fontAlgn="base">
              <a:spcBef>
                <a:spcPct val="20000"/>
              </a:spcBef>
              <a:spcAft>
                <a:spcPct val="0"/>
              </a:spcAft>
              <a:buChar char="»"/>
              <a:defRPr sz="2100"/>
            </a:lvl8pPr>
            <a:lvl9pPr marL="3981450" indent="-236538" defTabSz="957263" fontAlgn="base">
              <a:spcBef>
                <a:spcPct val="20000"/>
              </a:spcBef>
              <a:spcAft>
                <a:spcPct val="0"/>
              </a:spcAft>
              <a:buChar char="»"/>
              <a:defRPr sz="2100"/>
            </a:lvl9pPr>
          </a:lstStyle>
          <a:p>
            <a:pPr defTabSz="583332">
              <a:defRPr/>
            </a:pPr>
            <a:r>
              <a:rPr kumimoji="1" lang="en-US" sz="1000" dirty="0">
                <a:solidFill>
                  <a:prstClr val="black"/>
                </a:solidFill>
                <a:latin typeface="Arial" panose="020B0604020202020204" pitchFamily="34" charset="0"/>
                <a:cs typeface="Arial" panose="020B0604020202020204" pitchFamily="34" charset="0"/>
              </a:rPr>
              <a:t>Source: JLL Japan Research May 2024 Investment Market Summary Japan Capital Flow 1Q2024</a:t>
            </a:r>
          </a:p>
        </p:txBody>
      </p:sp>
      <p:sp>
        <p:nvSpPr>
          <p:cNvPr id="4" name="テキスト ボックス 3">
            <a:extLst>
              <a:ext uri="{FF2B5EF4-FFF2-40B4-BE49-F238E27FC236}">
                <a16:creationId xmlns:a16="http://schemas.microsoft.com/office/drawing/2014/main" id="{92F85EE0-A979-A941-969E-6D02A22DA950}"/>
              </a:ext>
            </a:extLst>
          </p:cNvPr>
          <p:cNvSpPr txBox="1"/>
          <p:nvPr/>
        </p:nvSpPr>
        <p:spPr>
          <a:xfrm>
            <a:off x="6741712" y="2808016"/>
            <a:ext cx="4171667" cy="268141"/>
          </a:xfrm>
          <a:prstGeom prst="rect">
            <a:avLst/>
          </a:prstGeom>
          <a:noFill/>
        </p:spPr>
        <p:txBody>
          <a:bodyPr wrap="square" rtlCol="0">
            <a:noAutofit/>
          </a:bodyPr>
          <a:lstStyle/>
          <a:p>
            <a:r>
              <a:rPr lang="en-US" altLang="ja-JP" sz="1200" b="1" dirty="0">
                <a:latin typeface="Arial" panose="020B0604020202020204" pitchFamily="34" charset="0"/>
                <a:ea typeface="ＭＳ Ｐゴシック" panose="020B0600070205080204" pitchFamily="50" charset="-128"/>
                <a:cs typeface="Arial" panose="020B0604020202020204" pitchFamily="34" charset="0"/>
              </a:rPr>
              <a:t>Global City Ranking by Investment Volume (Q1 2024)</a:t>
            </a:r>
          </a:p>
        </p:txBody>
      </p:sp>
      <p:sp>
        <p:nvSpPr>
          <p:cNvPr id="7" name="テキスト ボックス 6">
            <a:extLst>
              <a:ext uri="{FF2B5EF4-FFF2-40B4-BE49-F238E27FC236}">
                <a16:creationId xmlns:a16="http://schemas.microsoft.com/office/drawing/2014/main" id="{FE9AEAA1-5E8F-F52B-5EBF-FE68C721ABAF}"/>
              </a:ext>
            </a:extLst>
          </p:cNvPr>
          <p:cNvSpPr txBox="1"/>
          <p:nvPr/>
        </p:nvSpPr>
        <p:spPr>
          <a:xfrm>
            <a:off x="228600" y="3174950"/>
            <a:ext cx="5137349" cy="2690993"/>
          </a:xfrm>
          <a:prstGeom prst="rect">
            <a:avLst/>
          </a:prstGeom>
          <a:noFill/>
        </p:spPr>
        <p:txBody>
          <a:bodyPr wrap="square" rtlCol="0">
            <a:spAutoFit/>
          </a:bodyPr>
          <a:lstStyle/>
          <a:p>
            <a:pPr marL="285750" indent="-285750" defTabSz="371475">
              <a:lnSpc>
                <a:spcPts val="2000"/>
              </a:lnSpc>
              <a:spcBef>
                <a:spcPts val="600"/>
              </a:spcBef>
              <a:spcAft>
                <a:spcPts val="600"/>
              </a:spcAft>
              <a:buFont typeface="Arial" panose="020B0604020202020204" pitchFamily="34" charset="0"/>
              <a:buChar char="•"/>
              <a:defRPr/>
            </a:pPr>
            <a:r>
              <a:rPr lang="en-US" sz="1600" b="1" dirty="0">
                <a:solidFill>
                  <a:srgbClr val="FF0000"/>
                </a:solidFill>
                <a:latin typeface="Arial" panose="020B0604020202020204" pitchFamily="34" charset="0"/>
                <a:ea typeface="メイリオ" panose="020B0604030504040204" pitchFamily="50" charset="-128"/>
                <a:cs typeface="Arial" panose="020B0604020202020204" pitchFamily="34" charset="0"/>
              </a:rPr>
              <a:t>Japan</a:t>
            </a:r>
            <a:r>
              <a:rPr lang="en-US" sz="1600" dirty="0">
                <a:solidFill>
                  <a:srgbClr val="002060"/>
                </a:solidFill>
                <a:latin typeface="Arial" panose="020B0604020202020204" pitchFamily="34" charset="0"/>
                <a:ea typeface="メイリオ" panose="020B0604030504040204" pitchFamily="50" charset="-128"/>
                <a:cs typeface="Arial" panose="020B0604020202020204" pitchFamily="34" charset="0"/>
              </a:rPr>
              <a:t> remains top market for cross-boarder investment (by CBRE 2024 Asia Pacific Investor Intensions Survey).</a:t>
            </a:r>
          </a:p>
          <a:p>
            <a:pPr marL="285750" indent="-285750" defTabSz="371475">
              <a:lnSpc>
                <a:spcPts val="2000"/>
              </a:lnSpc>
              <a:spcBef>
                <a:spcPts val="600"/>
              </a:spcBef>
              <a:spcAft>
                <a:spcPts val="600"/>
              </a:spcAft>
              <a:buFont typeface="Arial" panose="020B0604020202020204" pitchFamily="34" charset="0"/>
              <a:buChar char="•"/>
              <a:defRPr/>
            </a:pPr>
            <a:r>
              <a:rPr lang="en-US" sz="1600" b="1" dirty="0">
                <a:solidFill>
                  <a:srgbClr val="FF0000"/>
                </a:solidFill>
                <a:latin typeface="Arial" panose="020B0604020202020204" pitchFamily="34" charset="0"/>
                <a:ea typeface="メイリオ" panose="020B0604030504040204" pitchFamily="50" charset="-128"/>
                <a:cs typeface="Arial" panose="020B0604020202020204" pitchFamily="34" charset="0"/>
              </a:rPr>
              <a:t>Tokyo</a:t>
            </a:r>
            <a:r>
              <a:rPr lang="en-US" sz="1600" dirty="0">
                <a:solidFill>
                  <a:srgbClr val="002060"/>
                </a:solidFill>
                <a:latin typeface="Arial" panose="020B0604020202020204" pitchFamily="34" charset="0"/>
                <a:ea typeface="メイリオ" panose="020B0604030504040204" pitchFamily="50" charset="-128"/>
                <a:cs typeface="Arial" panose="020B0604020202020204" pitchFamily="34" charset="0"/>
              </a:rPr>
              <a:t> was first with a total investment volume of USD 7.65 billion in Q1 2024, up from fifth place for the full year 2023. </a:t>
            </a:r>
          </a:p>
          <a:p>
            <a:pPr marL="285750" indent="-285750" defTabSz="371475">
              <a:lnSpc>
                <a:spcPts val="2000"/>
              </a:lnSpc>
              <a:spcBef>
                <a:spcPts val="600"/>
              </a:spcBef>
              <a:spcAft>
                <a:spcPts val="600"/>
              </a:spcAft>
              <a:buFont typeface="Arial" panose="020B0604020202020204" pitchFamily="34" charset="0"/>
              <a:buChar char="•"/>
              <a:defRPr/>
            </a:pPr>
            <a:r>
              <a:rPr lang="en-US" sz="1600" b="1" dirty="0">
                <a:solidFill>
                  <a:srgbClr val="FF0000"/>
                </a:solidFill>
                <a:latin typeface="Arial" panose="020B0604020202020204" pitchFamily="34" charset="0"/>
                <a:ea typeface="メイリオ" panose="020B0604030504040204" pitchFamily="50" charset="-128"/>
                <a:cs typeface="Arial" panose="020B0604020202020204" pitchFamily="34" charset="0"/>
              </a:rPr>
              <a:t>Osaka</a:t>
            </a:r>
            <a:r>
              <a:rPr lang="en-US" sz="1600" dirty="0">
                <a:solidFill>
                  <a:srgbClr val="002060"/>
                </a:solidFill>
                <a:latin typeface="Arial" panose="020B0604020202020204" pitchFamily="34" charset="0"/>
                <a:ea typeface="メイリオ" panose="020B0604030504040204" pitchFamily="50" charset="-128"/>
                <a:cs typeface="Arial" panose="020B0604020202020204" pitchFamily="34" charset="0"/>
              </a:rPr>
              <a:t> was in 16th place at USD 1.84 billion, significantly up from 36th place for the full year 2023.</a:t>
            </a:r>
          </a:p>
        </p:txBody>
      </p:sp>
      <p:grpSp>
        <p:nvGrpSpPr>
          <p:cNvPr id="10" name="グループ化 9">
            <a:extLst>
              <a:ext uri="{FF2B5EF4-FFF2-40B4-BE49-F238E27FC236}">
                <a16:creationId xmlns:a16="http://schemas.microsoft.com/office/drawing/2014/main" id="{F05939A0-B0F9-8BF2-2670-BA49252A15FA}"/>
              </a:ext>
            </a:extLst>
          </p:cNvPr>
          <p:cNvGrpSpPr/>
          <p:nvPr/>
        </p:nvGrpSpPr>
        <p:grpSpPr>
          <a:xfrm>
            <a:off x="5791285" y="3172435"/>
            <a:ext cx="6024329" cy="3110715"/>
            <a:chOff x="5587618" y="3199527"/>
            <a:chExt cx="6024329" cy="3110715"/>
          </a:xfrm>
        </p:grpSpPr>
        <p:pic>
          <p:nvPicPr>
            <p:cNvPr id="6" name="図 5">
              <a:extLst>
                <a:ext uri="{FF2B5EF4-FFF2-40B4-BE49-F238E27FC236}">
                  <a16:creationId xmlns:a16="http://schemas.microsoft.com/office/drawing/2014/main" id="{0C89446F-691A-93CA-54BE-54EB4EEF9E1B}"/>
                </a:ext>
              </a:extLst>
            </p:cNvPr>
            <p:cNvPicPr>
              <a:picLocks noChangeAspect="1"/>
            </p:cNvPicPr>
            <p:nvPr/>
          </p:nvPicPr>
          <p:blipFill rotWithShape="1">
            <a:blip r:embed="rId2"/>
            <a:srcRect t="14477" b="12763"/>
            <a:stretch/>
          </p:blipFill>
          <p:spPr>
            <a:xfrm>
              <a:off x="5587618" y="3199527"/>
              <a:ext cx="6024329" cy="3110715"/>
            </a:xfrm>
            <a:prstGeom prst="rect">
              <a:avLst/>
            </a:prstGeom>
          </p:spPr>
        </p:pic>
        <p:sp>
          <p:nvSpPr>
            <p:cNvPr id="8" name="テキスト ボックス 7">
              <a:extLst>
                <a:ext uri="{FF2B5EF4-FFF2-40B4-BE49-F238E27FC236}">
                  <a16:creationId xmlns:a16="http://schemas.microsoft.com/office/drawing/2014/main" id="{F41E6AD1-8397-DADD-2FFE-2AA02A2A708E}"/>
                </a:ext>
              </a:extLst>
            </p:cNvPr>
            <p:cNvSpPr txBox="1"/>
            <p:nvPr/>
          </p:nvSpPr>
          <p:spPr>
            <a:xfrm>
              <a:off x="5758496" y="3275111"/>
              <a:ext cx="706651" cy="276999"/>
            </a:xfrm>
            <a:prstGeom prst="rect">
              <a:avLst/>
            </a:prstGeom>
            <a:solidFill>
              <a:srgbClr val="FFFF99"/>
            </a:solidFill>
          </p:spPr>
          <p:txBody>
            <a:bodyPr wrap="square" rtlCol="0">
              <a:spAutoFit/>
            </a:bodyPr>
            <a:lstStyle/>
            <a:p>
              <a:pPr algn="ctr"/>
              <a:r>
                <a:rPr kumimoji="1" lang="en-US" altLang="ja-JP" sz="1200" b="1" dirty="0">
                  <a:solidFill>
                    <a:srgbClr val="FF0000"/>
                  </a:solidFill>
                </a:rPr>
                <a:t>#1 </a:t>
              </a:r>
              <a:r>
                <a:rPr kumimoji="1" lang="en-US" altLang="ja-JP" sz="1200" dirty="0">
                  <a:solidFill>
                    <a:srgbClr val="FF0000"/>
                  </a:solidFill>
                </a:rPr>
                <a:t>(#5)</a:t>
              </a:r>
              <a:endParaRPr kumimoji="1" lang="ja-JP" altLang="en-US" sz="1200" dirty="0">
                <a:solidFill>
                  <a:srgbClr val="FF0000"/>
                </a:solidFill>
              </a:endParaRPr>
            </a:p>
          </p:txBody>
        </p:sp>
        <p:sp>
          <p:nvSpPr>
            <p:cNvPr id="9" name="テキスト ボックス 8">
              <a:extLst>
                <a:ext uri="{FF2B5EF4-FFF2-40B4-BE49-F238E27FC236}">
                  <a16:creationId xmlns:a16="http://schemas.microsoft.com/office/drawing/2014/main" id="{542554D7-D8AA-6A7B-21E6-3571BFBA2B23}"/>
                </a:ext>
              </a:extLst>
            </p:cNvPr>
            <p:cNvSpPr txBox="1"/>
            <p:nvPr/>
          </p:nvSpPr>
          <p:spPr>
            <a:xfrm>
              <a:off x="5587618" y="5383392"/>
              <a:ext cx="781174" cy="276999"/>
            </a:xfrm>
            <a:prstGeom prst="rect">
              <a:avLst/>
            </a:prstGeom>
            <a:solidFill>
              <a:srgbClr val="FFFF99"/>
            </a:solidFill>
          </p:spPr>
          <p:txBody>
            <a:bodyPr wrap="square" rtlCol="0">
              <a:spAutoFit/>
            </a:bodyPr>
            <a:lstStyle/>
            <a:p>
              <a:pPr algn="ctr"/>
              <a:r>
                <a:rPr kumimoji="1" lang="en-US" altLang="ja-JP" sz="1200" b="1" dirty="0">
                  <a:solidFill>
                    <a:srgbClr val="FF0000"/>
                  </a:solidFill>
                </a:rPr>
                <a:t>#16 </a:t>
              </a:r>
              <a:r>
                <a:rPr kumimoji="1" lang="en-US" altLang="ja-JP" sz="1200" dirty="0">
                  <a:solidFill>
                    <a:srgbClr val="FF0000"/>
                  </a:solidFill>
                </a:rPr>
                <a:t>(#36)</a:t>
              </a:r>
              <a:endParaRPr kumimoji="1" lang="ja-JP" altLang="en-US" sz="1200" dirty="0">
                <a:solidFill>
                  <a:srgbClr val="FF0000"/>
                </a:solidFill>
              </a:endParaRPr>
            </a:p>
          </p:txBody>
        </p:sp>
      </p:grpSp>
      <p:sp>
        <p:nvSpPr>
          <p:cNvPr id="13" name="タイトル 1">
            <a:extLst>
              <a:ext uri="{FF2B5EF4-FFF2-40B4-BE49-F238E27FC236}">
                <a16:creationId xmlns:a16="http://schemas.microsoft.com/office/drawing/2014/main" id="{D848C689-8C5A-2DBB-5DFA-9E0C46E207C4}"/>
              </a:ext>
            </a:extLst>
          </p:cNvPr>
          <p:cNvSpPr txBox="1">
            <a:spLocks/>
          </p:cNvSpPr>
          <p:nvPr/>
        </p:nvSpPr>
        <p:spPr>
          <a:xfrm>
            <a:off x="1277815" y="786672"/>
            <a:ext cx="10073357" cy="719089"/>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kumimoji="1" sz="2400" b="0" kern="1200">
                <a:solidFill>
                  <a:srgbClr val="1E2380"/>
                </a:solidFill>
                <a:latin typeface="Arial" panose="020B0604020202020204" pitchFamily="34" charset="0"/>
                <a:ea typeface="ＭＳ Ｐゴシック" panose="020B0600070205080204" pitchFamily="50" charset="-128"/>
                <a:cs typeface="メイリオ" pitchFamily="50" charset="-128"/>
              </a:defRPr>
            </a:lvl1pPr>
          </a:lstStyle>
          <a:p>
            <a:r>
              <a:rPr lang="en-US" altLang="ja-JP" sz="4000" dirty="0">
                <a:solidFill>
                  <a:srgbClr val="1C1C1C"/>
                </a:solidFill>
                <a:latin typeface="+mj-lt"/>
                <a:ea typeface="+mj-ea"/>
                <a:cs typeface="Arial" panose="020B0604020202020204" pitchFamily="34" charset="0"/>
              </a:rPr>
              <a:t>Capital market: Japan is a key destination</a:t>
            </a:r>
          </a:p>
        </p:txBody>
      </p:sp>
      <p:pic>
        <p:nvPicPr>
          <p:cNvPr id="11" name="図 10">
            <a:extLst>
              <a:ext uri="{FF2B5EF4-FFF2-40B4-BE49-F238E27FC236}">
                <a16:creationId xmlns:a16="http://schemas.microsoft.com/office/drawing/2014/main" id="{A4CA7DB9-7C20-2CAF-2308-3A8C1693F2FB}"/>
              </a:ext>
            </a:extLst>
          </p:cNvPr>
          <p:cNvPicPr>
            <a:picLocks noChangeAspect="1"/>
          </p:cNvPicPr>
          <p:nvPr/>
        </p:nvPicPr>
        <p:blipFill>
          <a:blip r:embed="rId3"/>
          <a:stretch>
            <a:fillRect/>
          </a:stretch>
        </p:blipFill>
        <p:spPr>
          <a:xfrm flipH="1">
            <a:off x="11701191" y="1023589"/>
            <a:ext cx="419653" cy="279699"/>
          </a:xfrm>
          <a:prstGeom prst="rect">
            <a:avLst/>
          </a:prstGeom>
        </p:spPr>
      </p:pic>
    </p:spTree>
    <p:extLst>
      <p:ext uri="{BB962C8B-B14F-4D97-AF65-F5344CB8AC3E}">
        <p14:creationId xmlns:p14="http://schemas.microsoft.com/office/powerpoint/2010/main" val="1156770612"/>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タイトル 1">
            <a:extLst>
              <a:ext uri="{FF2B5EF4-FFF2-40B4-BE49-F238E27FC236}">
                <a16:creationId xmlns:a16="http://schemas.microsoft.com/office/drawing/2014/main" id="{C92CB178-0C48-C000-93E4-297E71927DDA}"/>
              </a:ext>
            </a:extLst>
          </p:cNvPr>
          <p:cNvSpPr txBox="1">
            <a:spLocks/>
          </p:cNvSpPr>
          <p:nvPr/>
        </p:nvSpPr>
        <p:spPr>
          <a:xfrm>
            <a:off x="1277815" y="786672"/>
            <a:ext cx="10073357" cy="719089"/>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kumimoji="1" sz="2400" b="0" kern="1200">
                <a:solidFill>
                  <a:srgbClr val="1E2380"/>
                </a:solidFill>
                <a:latin typeface="Arial" panose="020B0604020202020204" pitchFamily="34" charset="0"/>
                <a:ea typeface="ＭＳ Ｐゴシック" panose="020B0600070205080204" pitchFamily="50" charset="-128"/>
                <a:cs typeface="メイリオ" pitchFamily="50" charset="-128"/>
              </a:defRPr>
            </a:lvl1pPr>
          </a:lstStyle>
          <a:p>
            <a:r>
              <a:rPr lang="en-US" altLang="ja-JP" sz="4000" dirty="0">
                <a:solidFill>
                  <a:srgbClr val="1C1C1C"/>
                </a:solidFill>
                <a:latin typeface="+mj-lt"/>
                <a:ea typeface="+mj-ea"/>
                <a:cs typeface="Arial" panose="020B0604020202020204" pitchFamily="34" charset="0"/>
              </a:rPr>
              <a:t>Major reasons for investing in Tokyo</a:t>
            </a:r>
          </a:p>
        </p:txBody>
      </p:sp>
      <p:sp>
        <p:nvSpPr>
          <p:cNvPr id="4" name="テキスト ボックス 3">
            <a:extLst>
              <a:ext uri="{FF2B5EF4-FFF2-40B4-BE49-F238E27FC236}">
                <a16:creationId xmlns:a16="http://schemas.microsoft.com/office/drawing/2014/main" id="{7720271D-9AD6-9D6E-4F63-CE8BB9AA8040}"/>
              </a:ext>
            </a:extLst>
          </p:cNvPr>
          <p:cNvSpPr txBox="1"/>
          <p:nvPr/>
        </p:nvSpPr>
        <p:spPr>
          <a:xfrm>
            <a:off x="6435046" y="6463703"/>
            <a:ext cx="4032490" cy="178263"/>
          </a:xfrm>
          <a:prstGeom prst="rect">
            <a:avLst/>
          </a:prstGeom>
        </p:spPr>
        <p:txBody>
          <a:bodyPr lIns="55715" tIns="27857" rIns="55715" bIns="27857">
            <a:noAutofit/>
          </a:bodyPr>
          <a:lstStyle>
            <a:defPPr>
              <a:defRPr lang="ja-JP"/>
            </a:defPPr>
            <a:lvl1pPr indent="0" defTabSz="957263" eaLnBrk="0" fontAlgn="base" hangingPunct="0">
              <a:spcBef>
                <a:spcPct val="20000"/>
              </a:spcBef>
              <a:spcAft>
                <a:spcPct val="0"/>
              </a:spcAft>
              <a:buNone/>
              <a:defRPr sz="800" kern="0">
                <a:latin typeface="メイリオ" panose="020B0604030504040204" pitchFamily="50" charset="-128"/>
                <a:ea typeface="メイリオ" panose="020B0604030504040204" pitchFamily="50" charset="-128"/>
                <a:cs typeface="メイリオ" panose="020B0604030504040204" pitchFamily="50" charset="-128"/>
              </a:defRPr>
            </a:lvl1pPr>
            <a:lvl2pPr marL="777875" indent="-298450" defTabSz="957263" eaLnBrk="0" fontAlgn="base" hangingPunct="0">
              <a:spcBef>
                <a:spcPct val="20000"/>
              </a:spcBef>
              <a:spcAft>
                <a:spcPct val="0"/>
              </a:spcAft>
              <a:buChar char="–"/>
              <a:defRPr sz="2900"/>
            </a:lvl2pPr>
            <a:lvl3pPr marL="1196975" indent="-239713" defTabSz="957263" eaLnBrk="0" fontAlgn="base" hangingPunct="0">
              <a:spcBef>
                <a:spcPct val="20000"/>
              </a:spcBef>
              <a:spcAft>
                <a:spcPct val="0"/>
              </a:spcAft>
              <a:buChar char="•"/>
              <a:defRPr sz="2500"/>
            </a:lvl3pPr>
            <a:lvl4pPr marL="1676400" indent="-239713" defTabSz="957263" eaLnBrk="0" fontAlgn="base" hangingPunct="0">
              <a:spcBef>
                <a:spcPct val="20000"/>
              </a:spcBef>
              <a:spcAft>
                <a:spcPct val="0"/>
              </a:spcAft>
              <a:buChar char="–"/>
              <a:defRPr sz="2100"/>
            </a:lvl4pPr>
            <a:lvl5pPr marL="2152650" indent="-236538" defTabSz="957263" eaLnBrk="0" fontAlgn="base" hangingPunct="0">
              <a:spcBef>
                <a:spcPct val="20000"/>
              </a:spcBef>
              <a:spcAft>
                <a:spcPct val="0"/>
              </a:spcAft>
              <a:buChar char="»"/>
              <a:defRPr sz="2100"/>
            </a:lvl5pPr>
            <a:lvl6pPr marL="2609850" indent="-236538" defTabSz="957263" fontAlgn="base">
              <a:spcBef>
                <a:spcPct val="20000"/>
              </a:spcBef>
              <a:spcAft>
                <a:spcPct val="0"/>
              </a:spcAft>
              <a:buChar char="»"/>
              <a:defRPr sz="2100"/>
            </a:lvl6pPr>
            <a:lvl7pPr marL="3067050" indent="-236538" defTabSz="957263" fontAlgn="base">
              <a:spcBef>
                <a:spcPct val="20000"/>
              </a:spcBef>
              <a:spcAft>
                <a:spcPct val="0"/>
              </a:spcAft>
              <a:buChar char="»"/>
              <a:defRPr sz="2100"/>
            </a:lvl7pPr>
            <a:lvl8pPr marL="3524250" indent="-236538" defTabSz="957263" fontAlgn="base">
              <a:spcBef>
                <a:spcPct val="20000"/>
              </a:spcBef>
              <a:spcAft>
                <a:spcPct val="0"/>
              </a:spcAft>
              <a:buChar char="»"/>
              <a:defRPr sz="2100"/>
            </a:lvl8pPr>
            <a:lvl9pPr marL="3981450" indent="-236538" defTabSz="957263" fontAlgn="base">
              <a:spcBef>
                <a:spcPct val="20000"/>
              </a:spcBef>
              <a:spcAft>
                <a:spcPct val="0"/>
              </a:spcAft>
              <a:buChar char="»"/>
              <a:defRPr sz="2100"/>
            </a:lvl9pPr>
          </a:lstStyle>
          <a:p>
            <a:pPr defTabSz="583332">
              <a:defRPr/>
            </a:pPr>
            <a:r>
              <a:rPr kumimoji="1" lang="en-US" sz="1000" dirty="0">
                <a:solidFill>
                  <a:prstClr val="black"/>
                </a:solidFill>
                <a:latin typeface="Arial" panose="020B0604020202020204" pitchFamily="34" charset="0"/>
                <a:cs typeface="Arial" panose="020B0604020202020204" pitchFamily="34" charset="0"/>
              </a:rPr>
              <a:t>Source: DWS “Japan Real Estate Market Outlook Report May 2024”</a:t>
            </a:r>
          </a:p>
          <a:p>
            <a:pPr defTabSz="583332">
              <a:defRPr/>
            </a:pPr>
            <a:endParaRPr kumimoji="1" lang="en-US" sz="1000" dirty="0">
              <a:solidFill>
                <a:prstClr val="black"/>
              </a:solidFill>
              <a:latin typeface="Arial" panose="020B0604020202020204" pitchFamily="34" charset="0"/>
              <a:cs typeface="Arial" panose="020B0604020202020204" pitchFamily="34" charset="0"/>
            </a:endParaRPr>
          </a:p>
        </p:txBody>
      </p:sp>
      <p:pic>
        <p:nvPicPr>
          <p:cNvPr id="6" name="図 5">
            <a:extLst>
              <a:ext uri="{FF2B5EF4-FFF2-40B4-BE49-F238E27FC236}">
                <a16:creationId xmlns:a16="http://schemas.microsoft.com/office/drawing/2014/main" id="{7A5F4943-2A7B-AAF6-1A6E-2D56DAC890BC}"/>
              </a:ext>
            </a:extLst>
          </p:cNvPr>
          <p:cNvPicPr>
            <a:picLocks noChangeAspect="1"/>
          </p:cNvPicPr>
          <p:nvPr/>
        </p:nvPicPr>
        <p:blipFill>
          <a:blip r:embed="rId2"/>
          <a:stretch>
            <a:fillRect/>
          </a:stretch>
        </p:blipFill>
        <p:spPr>
          <a:xfrm>
            <a:off x="6436666" y="2677321"/>
            <a:ext cx="5071241" cy="3762752"/>
          </a:xfrm>
          <a:prstGeom prst="rect">
            <a:avLst/>
          </a:prstGeom>
        </p:spPr>
      </p:pic>
      <p:sp>
        <p:nvSpPr>
          <p:cNvPr id="7" name="テキスト ボックス 6">
            <a:extLst>
              <a:ext uri="{FF2B5EF4-FFF2-40B4-BE49-F238E27FC236}">
                <a16:creationId xmlns:a16="http://schemas.microsoft.com/office/drawing/2014/main" id="{68298980-FA25-33AC-70DC-6C721BCA15A0}"/>
              </a:ext>
            </a:extLst>
          </p:cNvPr>
          <p:cNvSpPr txBox="1"/>
          <p:nvPr/>
        </p:nvSpPr>
        <p:spPr>
          <a:xfrm>
            <a:off x="7549525" y="2327216"/>
            <a:ext cx="3206665" cy="268141"/>
          </a:xfrm>
          <a:prstGeom prst="rect">
            <a:avLst/>
          </a:prstGeom>
          <a:noFill/>
        </p:spPr>
        <p:txBody>
          <a:bodyPr wrap="square" rtlCol="0">
            <a:noAutofit/>
          </a:bodyPr>
          <a:lstStyle/>
          <a:p>
            <a:r>
              <a:rPr lang="en-US" altLang="ja-JP" sz="1200" b="1" dirty="0">
                <a:latin typeface="Arial" panose="020B0604020202020204" pitchFamily="34" charset="0"/>
                <a:ea typeface="ＭＳ Ｐゴシック" panose="020B0600070205080204" pitchFamily="50" charset="-128"/>
                <a:cs typeface="Arial" panose="020B0604020202020204" pitchFamily="34" charset="0"/>
              </a:rPr>
              <a:t>Office Yield Spread (Average Transacted) </a:t>
            </a:r>
          </a:p>
        </p:txBody>
      </p:sp>
      <p:sp>
        <p:nvSpPr>
          <p:cNvPr id="8" name="テキスト ボックス 7">
            <a:extLst>
              <a:ext uri="{FF2B5EF4-FFF2-40B4-BE49-F238E27FC236}">
                <a16:creationId xmlns:a16="http://schemas.microsoft.com/office/drawing/2014/main" id="{E879D1BF-7BDC-B48A-AF22-8FF587587596}"/>
              </a:ext>
            </a:extLst>
          </p:cNvPr>
          <p:cNvSpPr txBox="1"/>
          <p:nvPr/>
        </p:nvSpPr>
        <p:spPr>
          <a:xfrm>
            <a:off x="679739" y="2819400"/>
            <a:ext cx="4982690" cy="2992358"/>
          </a:xfrm>
          <a:prstGeom prst="rect">
            <a:avLst/>
          </a:prstGeom>
          <a:noFill/>
        </p:spPr>
        <p:txBody>
          <a:bodyPr wrap="square" rtlCol="0">
            <a:spAutoFit/>
          </a:bodyPr>
          <a:lstStyle/>
          <a:p>
            <a:pPr marL="342900" indent="-342900" defTabSz="371475">
              <a:lnSpc>
                <a:spcPts val="2200"/>
              </a:lnSpc>
              <a:spcBef>
                <a:spcPts val="0"/>
              </a:spcBef>
              <a:spcAft>
                <a:spcPts val="600"/>
              </a:spcAft>
              <a:buFont typeface="+mj-lt"/>
              <a:buAutoNum type="arabicPeriod"/>
              <a:defRPr/>
            </a:pP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The largest metropolis with 38 million population in the world</a:t>
            </a:r>
          </a:p>
          <a:p>
            <a:pPr marL="342900" indent="-342900" defTabSz="371475">
              <a:lnSpc>
                <a:spcPts val="2200"/>
              </a:lnSpc>
              <a:spcBef>
                <a:spcPts val="0"/>
              </a:spcBef>
              <a:spcAft>
                <a:spcPts val="600"/>
              </a:spcAft>
              <a:buFont typeface="+mj-lt"/>
              <a:buAutoNum type="arabicPeriod"/>
              <a:defRPr/>
            </a:pP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Low country risk and stable real estate market</a:t>
            </a:r>
          </a:p>
          <a:p>
            <a:pPr marL="342900" indent="-342900" defTabSz="371475">
              <a:lnSpc>
                <a:spcPts val="2200"/>
              </a:lnSpc>
              <a:spcBef>
                <a:spcPts val="0"/>
              </a:spcBef>
              <a:spcAft>
                <a:spcPts val="600"/>
              </a:spcAft>
              <a:buFont typeface="+mj-lt"/>
              <a:buAutoNum type="arabicPeriod"/>
              <a:defRPr/>
            </a:pP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High liquidity with many players</a:t>
            </a:r>
          </a:p>
          <a:p>
            <a:pPr marL="342900" indent="-342900" defTabSz="371475">
              <a:lnSpc>
                <a:spcPts val="2200"/>
              </a:lnSpc>
              <a:spcBef>
                <a:spcPts val="0"/>
              </a:spcBef>
              <a:spcAft>
                <a:spcPts val="600"/>
              </a:spcAft>
              <a:buFont typeface="+mj-lt"/>
              <a:buAutoNum type="arabicPeriod"/>
              <a:defRPr/>
            </a:pP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Relatively wide and stable yield spread comparing with other major markets (see chart)</a:t>
            </a:r>
          </a:p>
          <a:p>
            <a:pPr marL="342900" indent="-342900" defTabSz="371475">
              <a:lnSpc>
                <a:spcPts val="2200"/>
              </a:lnSpc>
              <a:spcBef>
                <a:spcPts val="0"/>
              </a:spcBef>
              <a:spcAft>
                <a:spcPts val="600"/>
              </a:spcAft>
              <a:buFont typeface="+mj-lt"/>
              <a:buAutoNum type="arabicPeriod"/>
              <a:defRPr/>
            </a:pP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Accessibility of finance and low financing cost </a:t>
            </a:r>
          </a:p>
          <a:p>
            <a:pPr marL="342900" indent="-342900" defTabSz="371475">
              <a:lnSpc>
                <a:spcPts val="2200"/>
              </a:lnSpc>
              <a:spcBef>
                <a:spcPts val="0"/>
              </a:spcBef>
              <a:spcAft>
                <a:spcPts val="600"/>
              </a:spcAft>
              <a:buFont typeface="+mj-lt"/>
              <a:buAutoNum type="arabicPeriod"/>
              <a:defRPr/>
            </a:pPr>
            <a:r>
              <a:rPr lang="en-US" sz="1600" dirty="0">
                <a:solidFill>
                  <a:srgbClr val="1C1C1C"/>
                </a:solidFill>
                <a:latin typeface="Arial" panose="020B0604020202020204" pitchFamily="34" charset="0"/>
                <a:ea typeface="メイリオ" panose="020B0604030504040204" pitchFamily="50" charset="-128"/>
                <a:cs typeface="Arial" panose="020B0604020202020204" pitchFamily="34" charset="0"/>
              </a:rPr>
              <a:t>Recent weak Yen exchange rate (benefitted to inbound investors)</a:t>
            </a:r>
          </a:p>
        </p:txBody>
      </p:sp>
      <p:pic>
        <p:nvPicPr>
          <p:cNvPr id="9" name="図 8">
            <a:extLst>
              <a:ext uri="{FF2B5EF4-FFF2-40B4-BE49-F238E27FC236}">
                <a16:creationId xmlns:a16="http://schemas.microsoft.com/office/drawing/2014/main" id="{B7CFCF73-5EDE-6C1D-3C80-BAE22995E25B}"/>
              </a:ext>
            </a:extLst>
          </p:cNvPr>
          <p:cNvPicPr>
            <a:picLocks noChangeAspect="1"/>
          </p:cNvPicPr>
          <p:nvPr/>
        </p:nvPicPr>
        <p:blipFill>
          <a:blip r:embed="rId3"/>
          <a:stretch>
            <a:fillRect/>
          </a:stretch>
        </p:blipFill>
        <p:spPr>
          <a:xfrm flipH="1">
            <a:off x="11701191" y="1023589"/>
            <a:ext cx="419653" cy="279699"/>
          </a:xfrm>
          <a:prstGeom prst="rect">
            <a:avLst/>
          </a:prstGeom>
        </p:spPr>
      </p:pic>
      <p:sp>
        <p:nvSpPr>
          <p:cNvPr id="10" name="矢印: 右 9">
            <a:extLst>
              <a:ext uri="{FF2B5EF4-FFF2-40B4-BE49-F238E27FC236}">
                <a16:creationId xmlns:a16="http://schemas.microsoft.com/office/drawing/2014/main" id="{E42C87AC-1E9C-6FB4-4B14-6ABEA0EA5E95}"/>
              </a:ext>
            </a:extLst>
          </p:cNvPr>
          <p:cNvSpPr/>
          <p:nvPr/>
        </p:nvSpPr>
        <p:spPr>
          <a:xfrm rot="10800000">
            <a:off x="11433177" y="3484179"/>
            <a:ext cx="268014" cy="208754"/>
          </a:xfrm>
          <a:prstGeom prst="rightArrow">
            <a:avLst/>
          </a:prstGeom>
          <a:solidFill>
            <a:srgbClr val="FF0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kumimoji="1" lang="ja-JP" altLang="en-US"/>
          </a:p>
        </p:txBody>
      </p:sp>
    </p:spTree>
    <p:extLst>
      <p:ext uri="{BB962C8B-B14F-4D97-AF65-F5344CB8AC3E}">
        <p14:creationId xmlns:p14="http://schemas.microsoft.com/office/powerpoint/2010/main" val="1800208207"/>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タイトル 1">
            <a:extLst>
              <a:ext uri="{FF2B5EF4-FFF2-40B4-BE49-F238E27FC236}">
                <a16:creationId xmlns:a16="http://schemas.microsoft.com/office/drawing/2014/main" id="{67A9EB13-0626-903B-D0CA-BA97F378642A}"/>
              </a:ext>
            </a:extLst>
          </p:cNvPr>
          <p:cNvSpPr txBox="1">
            <a:spLocks/>
          </p:cNvSpPr>
          <p:nvPr/>
        </p:nvSpPr>
        <p:spPr>
          <a:xfrm>
            <a:off x="1277815" y="786672"/>
            <a:ext cx="10073357" cy="719089"/>
          </a:xfrm>
          <a:prstGeom prst="rect">
            <a:avLst/>
          </a:prstGeom>
        </p:spPr>
        <p:txBody>
          <a:bodyPr vert="horz" lIns="91440" tIns="45720" rIns="91440" bIns="45720" rtlCol="0" anchor="ctr">
            <a:noAutofit/>
          </a:bodyPr>
          <a:lstStyle>
            <a:lvl1pPr algn="l" defTabSz="914400" rtl="0" eaLnBrk="1" latinLnBrk="0" hangingPunct="1">
              <a:lnSpc>
                <a:spcPct val="90000"/>
              </a:lnSpc>
              <a:spcBef>
                <a:spcPct val="0"/>
              </a:spcBef>
              <a:buNone/>
              <a:defRPr kumimoji="1" sz="2400" b="0" kern="1200">
                <a:solidFill>
                  <a:srgbClr val="1E2380"/>
                </a:solidFill>
                <a:latin typeface="Arial" panose="020B0604020202020204" pitchFamily="34" charset="0"/>
                <a:ea typeface="ＭＳ Ｐゴシック" panose="020B0600070205080204" pitchFamily="50" charset="-128"/>
                <a:cs typeface="メイリオ" pitchFamily="50" charset="-128"/>
              </a:defRPr>
            </a:lvl1pPr>
          </a:lstStyle>
          <a:p>
            <a:r>
              <a:rPr lang="en-US" altLang="ja-JP" sz="4000" dirty="0">
                <a:solidFill>
                  <a:srgbClr val="1C1C1C"/>
                </a:solidFill>
                <a:latin typeface="+mj-lt"/>
                <a:ea typeface="+mj-ea"/>
                <a:cs typeface="Arial" panose="020B0604020202020204" pitchFamily="34" charset="0"/>
              </a:rPr>
              <a:t>Cap Rate Trends by Asset Type</a:t>
            </a:r>
          </a:p>
        </p:txBody>
      </p:sp>
      <p:sp>
        <p:nvSpPr>
          <p:cNvPr id="4" name="テキスト ボックス 3">
            <a:extLst>
              <a:ext uri="{FF2B5EF4-FFF2-40B4-BE49-F238E27FC236}">
                <a16:creationId xmlns:a16="http://schemas.microsoft.com/office/drawing/2014/main" id="{DD758FA6-99AA-FAEC-DF72-4C9435506AB9}"/>
              </a:ext>
            </a:extLst>
          </p:cNvPr>
          <p:cNvSpPr txBox="1"/>
          <p:nvPr/>
        </p:nvSpPr>
        <p:spPr>
          <a:xfrm>
            <a:off x="2935900" y="6664183"/>
            <a:ext cx="7017766" cy="203939"/>
          </a:xfrm>
          <a:prstGeom prst="rect">
            <a:avLst/>
          </a:prstGeom>
        </p:spPr>
        <p:txBody>
          <a:bodyPr lIns="55715" tIns="27857" rIns="55715" bIns="27857">
            <a:noAutofit/>
          </a:bodyPr>
          <a:lstStyle>
            <a:defPPr>
              <a:defRPr lang="ja-JP"/>
            </a:defPPr>
            <a:lvl1pPr indent="0" defTabSz="957263" eaLnBrk="0" fontAlgn="base" hangingPunct="0">
              <a:spcBef>
                <a:spcPct val="20000"/>
              </a:spcBef>
              <a:spcAft>
                <a:spcPct val="0"/>
              </a:spcAft>
              <a:buNone/>
              <a:defRPr sz="800" kern="0">
                <a:latin typeface="メイリオ" panose="020B0604030504040204" pitchFamily="50" charset="-128"/>
                <a:ea typeface="メイリオ" panose="020B0604030504040204" pitchFamily="50" charset="-128"/>
                <a:cs typeface="メイリオ" panose="020B0604030504040204" pitchFamily="50" charset="-128"/>
              </a:defRPr>
            </a:lvl1pPr>
            <a:lvl2pPr marL="777875" indent="-298450" defTabSz="957263" eaLnBrk="0" fontAlgn="base" hangingPunct="0">
              <a:spcBef>
                <a:spcPct val="20000"/>
              </a:spcBef>
              <a:spcAft>
                <a:spcPct val="0"/>
              </a:spcAft>
              <a:buChar char="–"/>
              <a:defRPr sz="2900"/>
            </a:lvl2pPr>
            <a:lvl3pPr marL="1196975" indent="-239713" defTabSz="957263" eaLnBrk="0" fontAlgn="base" hangingPunct="0">
              <a:spcBef>
                <a:spcPct val="20000"/>
              </a:spcBef>
              <a:spcAft>
                <a:spcPct val="0"/>
              </a:spcAft>
              <a:buChar char="•"/>
              <a:defRPr sz="2500"/>
            </a:lvl3pPr>
            <a:lvl4pPr marL="1676400" indent="-239713" defTabSz="957263" eaLnBrk="0" fontAlgn="base" hangingPunct="0">
              <a:spcBef>
                <a:spcPct val="20000"/>
              </a:spcBef>
              <a:spcAft>
                <a:spcPct val="0"/>
              </a:spcAft>
              <a:buChar char="–"/>
              <a:defRPr sz="2100"/>
            </a:lvl4pPr>
            <a:lvl5pPr marL="2152650" indent="-236538" defTabSz="957263" eaLnBrk="0" fontAlgn="base" hangingPunct="0">
              <a:spcBef>
                <a:spcPct val="20000"/>
              </a:spcBef>
              <a:spcAft>
                <a:spcPct val="0"/>
              </a:spcAft>
              <a:buChar char="»"/>
              <a:defRPr sz="2100"/>
            </a:lvl5pPr>
            <a:lvl6pPr marL="2609850" indent="-236538" defTabSz="957263" fontAlgn="base">
              <a:spcBef>
                <a:spcPct val="20000"/>
              </a:spcBef>
              <a:spcAft>
                <a:spcPct val="0"/>
              </a:spcAft>
              <a:buChar char="»"/>
              <a:defRPr sz="2100"/>
            </a:lvl6pPr>
            <a:lvl7pPr marL="3067050" indent="-236538" defTabSz="957263" fontAlgn="base">
              <a:spcBef>
                <a:spcPct val="20000"/>
              </a:spcBef>
              <a:spcAft>
                <a:spcPct val="0"/>
              </a:spcAft>
              <a:buChar char="»"/>
              <a:defRPr sz="2100"/>
            </a:lvl7pPr>
            <a:lvl8pPr marL="3524250" indent="-236538" defTabSz="957263" fontAlgn="base">
              <a:spcBef>
                <a:spcPct val="20000"/>
              </a:spcBef>
              <a:spcAft>
                <a:spcPct val="0"/>
              </a:spcAft>
              <a:buChar char="»"/>
              <a:defRPr sz="2100"/>
            </a:lvl8pPr>
            <a:lvl9pPr marL="3981450" indent="-236538" defTabSz="957263" fontAlgn="base">
              <a:spcBef>
                <a:spcPct val="20000"/>
              </a:spcBef>
              <a:spcAft>
                <a:spcPct val="0"/>
              </a:spcAft>
              <a:buChar char="»"/>
              <a:defRPr sz="2100"/>
            </a:lvl9pPr>
          </a:lstStyle>
          <a:p>
            <a:pPr defTabSz="583332">
              <a:defRPr/>
            </a:pPr>
            <a:r>
              <a:rPr kumimoji="1" lang="en-US" sz="1000" dirty="0">
                <a:solidFill>
                  <a:prstClr val="black"/>
                </a:solidFill>
                <a:latin typeface="Arial" panose="020B0604020202020204" pitchFamily="34" charset="0"/>
                <a:cs typeface="Arial" panose="020B0604020202020204" pitchFamily="34" charset="0"/>
              </a:rPr>
              <a:t>Source: Compiled by XYMAX REI based on Japan Real Estate Institute “Real Estate Investor Survey”</a:t>
            </a:r>
          </a:p>
        </p:txBody>
      </p:sp>
      <p:grpSp>
        <p:nvGrpSpPr>
          <p:cNvPr id="6" name="グループ化 5">
            <a:extLst>
              <a:ext uri="{FF2B5EF4-FFF2-40B4-BE49-F238E27FC236}">
                <a16:creationId xmlns:a16="http://schemas.microsoft.com/office/drawing/2014/main" id="{23A26364-72FD-6371-63A3-6A250E5061B7}"/>
              </a:ext>
            </a:extLst>
          </p:cNvPr>
          <p:cNvGrpSpPr/>
          <p:nvPr/>
        </p:nvGrpSpPr>
        <p:grpSpPr>
          <a:xfrm>
            <a:off x="2935900" y="1763355"/>
            <a:ext cx="7741105" cy="4877334"/>
            <a:chOff x="2904406" y="1355203"/>
            <a:chExt cx="6484322" cy="4877334"/>
          </a:xfrm>
        </p:grpSpPr>
        <p:grpSp>
          <p:nvGrpSpPr>
            <p:cNvPr id="7" name="グループ化 6">
              <a:extLst>
                <a:ext uri="{FF2B5EF4-FFF2-40B4-BE49-F238E27FC236}">
                  <a16:creationId xmlns:a16="http://schemas.microsoft.com/office/drawing/2014/main" id="{996DDA5E-4ADD-2BFC-196E-2B92D14BC327}"/>
                </a:ext>
              </a:extLst>
            </p:cNvPr>
            <p:cNvGrpSpPr/>
            <p:nvPr/>
          </p:nvGrpSpPr>
          <p:grpSpPr>
            <a:xfrm>
              <a:off x="2904406" y="1355203"/>
              <a:ext cx="5221335" cy="4877334"/>
              <a:chOff x="1160844" y="1300682"/>
              <a:chExt cx="5221335" cy="4877334"/>
            </a:xfrm>
          </p:grpSpPr>
          <p:pic>
            <p:nvPicPr>
              <p:cNvPr id="14" name="図 13">
                <a:extLst>
                  <a:ext uri="{FF2B5EF4-FFF2-40B4-BE49-F238E27FC236}">
                    <a16:creationId xmlns:a16="http://schemas.microsoft.com/office/drawing/2014/main" id="{D7443335-5F0C-CDD5-65F6-90E78EF8CE14}"/>
                  </a:ext>
                </a:extLst>
              </p:cNvPr>
              <p:cNvPicPr>
                <a:picLocks noChangeAspect="1"/>
              </p:cNvPicPr>
              <p:nvPr/>
            </p:nvPicPr>
            <p:blipFill rotWithShape="1">
              <a:blip r:embed="rId2"/>
              <a:srcRect t="6543"/>
              <a:stretch/>
            </p:blipFill>
            <p:spPr>
              <a:xfrm>
                <a:off x="1160844" y="1592317"/>
                <a:ext cx="5221335" cy="4585699"/>
              </a:xfrm>
              <a:prstGeom prst="rect">
                <a:avLst/>
              </a:prstGeom>
            </p:spPr>
          </p:pic>
          <p:cxnSp>
            <p:nvCxnSpPr>
              <p:cNvPr id="15" name="直線コネクタ 14">
                <a:extLst>
                  <a:ext uri="{FF2B5EF4-FFF2-40B4-BE49-F238E27FC236}">
                    <a16:creationId xmlns:a16="http://schemas.microsoft.com/office/drawing/2014/main" id="{E2C05382-CA7B-EE32-892F-58D4DA46E9AE}"/>
                  </a:ext>
                </a:extLst>
              </p:cNvPr>
              <p:cNvCxnSpPr>
                <a:cxnSpLocks/>
              </p:cNvCxnSpPr>
              <p:nvPr/>
            </p:nvCxnSpPr>
            <p:spPr>
              <a:xfrm>
                <a:off x="5143836" y="1623130"/>
                <a:ext cx="0" cy="3762854"/>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テキスト ボックス 15">
                <a:extLst>
                  <a:ext uri="{FF2B5EF4-FFF2-40B4-BE49-F238E27FC236}">
                    <a16:creationId xmlns:a16="http://schemas.microsoft.com/office/drawing/2014/main" id="{CECCB32D-33F1-F7CD-7958-855513FF7044}"/>
                  </a:ext>
                </a:extLst>
              </p:cNvPr>
              <p:cNvSpPr txBox="1"/>
              <p:nvPr/>
            </p:nvSpPr>
            <p:spPr>
              <a:xfrm>
                <a:off x="1973117" y="5061215"/>
                <a:ext cx="699138" cy="324769"/>
              </a:xfrm>
              <a:prstGeom prst="rect">
                <a:avLst/>
              </a:prstGeom>
              <a:noFill/>
            </p:spPr>
            <p:txBody>
              <a:bodyPr wrap="square" rtlCol="0">
                <a:spAutoFit/>
              </a:bodyPr>
              <a:lstStyle/>
              <a:p>
                <a:pPr>
                  <a:lnSpc>
                    <a:spcPts val="900"/>
                  </a:lnSpc>
                </a:pPr>
                <a:r>
                  <a:rPr kumimoji="1" lang="en-US" altLang="ja-JP" sz="900" b="1" dirty="0">
                    <a:solidFill>
                      <a:srgbClr val="FF0000"/>
                    </a:solidFill>
                  </a:rPr>
                  <a:t>Lehman shock  </a:t>
                </a:r>
                <a:endParaRPr kumimoji="1" lang="ja-JP" altLang="en-US" sz="900" b="1" dirty="0">
                  <a:solidFill>
                    <a:srgbClr val="FF0000"/>
                  </a:solidFill>
                </a:endParaRPr>
              </a:p>
            </p:txBody>
          </p:sp>
          <p:sp>
            <p:nvSpPr>
              <p:cNvPr id="17" name="テキスト ボックス 16">
                <a:extLst>
                  <a:ext uri="{FF2B5EF4-FFF2-40B4-BE49-F238E27FC236}">
                    <a16:creationId xmlns:a16="http://schemas.microsoft.com/office/drawing/2014/main" id="{3C72B1E1-22FE-25AB-53E1-9AFC207FB177}"/>
                  </a:ext>
                </a:extLst>
              </p:cNvPr>
              <p:cNvSpPr txBox="1"/>
              <p:nvPr/>
            </p:nvSpPr>
            <p:spPr>
              <a:xfrm>
                <a:off x="4953253" y="5119107"/>
                <a:ext cx="699138" cy="324769"/>
              </a:xfrm>
              <a:prstGeom prst="rect">
                <a:avLst/>
              </a:prstGeom>
              <a:noFill/>
            </p:spPr>
            <p:txBody>
              <a:bodyPr wrap="square" rtlCol="0">
                <a:spAutoFit/>
              </a:bodyPr>
              <a:lstStyle/>
              <a:p>
                <a:pPr>
                  <a:lnSpc>
                    <a:spcPts val="900"/>
                  </a:lnSpc>
                </a:pPr>
                <a:r>
                  <a:rPr kumimoji="1" lang="en-US" altLang="ja-JP" sz="900" b="1" dirty="0">
                    <a:solidFill>
                      <a:srgbClr val="FF0000"/>
                    </a:solidFill>
                  </a:rPr>
                  <a:t>COVID 19 starts</a:t>
                </a:r>
                <a:endParaRPr kumimoji="1" lang="ja-JP" altLang="en-US" sz="900" b="1" dirty="0">
                  <a:solidFill>
                    <a:srgbClr val="FF0000"/>
                  </a:solidFill>
                </a:endParaRPr>
              </a:p>
            </p:txBody>
          </p:sp>
          <p:sp>
            <p:nvSpPr>
              <p:cNvPr id="18" name="テキスト ボックス 17">
                <a:extLst>
                  <a:ext uri="{FF2B5EF4-FFF2-40B4-BE49-F238E27FC236}">
                    <a16:creationId xmlns:a16="http://schemas.microsoft.com/office/drawing/2014/main" id="{FC792FA1-712A-12D1-7CC2-CAA563205421}"/>
                  </a:ext>
                </a:extLst>
              </p:cNvPr>
              <p:cNvSpPr txBox="1"/>
              <p:nvPr/>
            </p:nvSpPr>
            <p:spPr>
              <a:xfrm>
                <a:off x="2841892" y="1300682"/>
                <a:ext cx="2179195" cy="268141"/>
              </a:xfrm>
              <a:prstGeom prst="rect">
                <a:avLst/>
              </a:prstGeom>
              <a:noFill/>
            </p:spPr>
            <p:txBody>
              <a:bodyPr wrap="square" rtlCol="0">
                <a:noAutofit/>
              </a:bodyPr>
              <a:lstStyle/>
              <a:p>
                <a:r>
                  <a:rPr lang="en-US" altLang="ja-JP" sz="1200" b="1" dirty="0">
                    <a:latin typeface="Arial" panose="020B0604020202020204" pitchFamily="34" charset="0"/>
                    <a:ea typeface="ＭＳ Ｐゴシック" panose="020B0600070205080204" pitchFamily="50" charset="-128"/>
                    <a:cs typeface="Arial" panose="020B0604020202020204" pitchFamily="34" charset="0"/>
                  </a:rPr>
                  <a:t>Cap Rate Trends by Asset Type</a:t>
                </a:r>
              </a:p>
            </p:txBody>
          </p:sp>
          <p:cxnSp>
            <p:nvCxnSpPr>
              <p:cNvPr id="19" name="直線コネクタ 18">
                <a:extLst>
                  <a:ext uri="{FF2B5EF4-FFF2-40B4-BE49-F238E27FC236}">
                    <a16:creationId xmlns:a16="http://schemas.microsoft.com/office/drawing/2014/main" id="{BDB2157B-5660-DABE-349F-FE1E0BFA27A7}"/>
                  </a:ext>
                </a:extLst>
              </p:cNvPr>
              <p:cNvCxnSpPr>
                <a:cxnSpLocks/>
              </p:cNvCxnSpPr>
              <p:nvPr/>
            </p:nvCxnSpPr>
            <p:spPr>
              <a:xfrm>
                <a:off x="2222938" y="1592317"/>
                <a:ext cx="0" cy="3802268"/>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grpSp>
        <p:sp>
          <p:nvSpPr>
            <p:cNvPr id="8" name="テキスト ボックス 7">
              <a:extLst>
                <a:ext uri="{FF2B5EF4-FFF2-40B4-BE49-F238E27FC236}">
                  <a16:creationId xmlns:a16="http://schemas.microsoft.com/office/drawing/2014/main" id="{FF724CCF-E02D-2BFF-F9A1-BCF0EC336F15}"/>
                </a:ext>
              </a:extLst>
            </p:cNvPr>
            <p:cNvSpPr txBox="1"/>
            <p:nvPr/>
          </p:nvSpPr>
          <p:spPr>
            <a:xfrm>
              <a:off x="7928238" y="5074403"/>
              <a:ext cx="844323" cy="261610"/>
            </a:xfrm>
            <a:prstGeom prst="rect">
              <a:avLst/>
            </a:prstGeom>
            <a:noFill/>
          </p:spPr>
          <p:txBody>
            <a:bodyPr wrap="square" rtlCol="0">
              <a:spAutoFit/>
            </a:bodyPr>
            <a:lstStyle/>
            <a:p>
              <a:r>
                <a:rPr kumimoji="1" lang="ja-JP" altLang="en-US" sz="1100" dirty="0">
                  <a:latin typeface="Arial" panose="020B0604020202020204" pitchFamily="34" charset="0"/>
                  <a:cs typeface="Arial" panose="020B0604020202020204" pitchFamily="34" charset="0"/>
                </a:rPr>
                <a:t>①</a:t>
              </a:r>
              <a:r>
                <a:rPr kumimoji="1" lang="en-US" altLang="ja-JP" sz="1100" dirty="0">
                  <a:latin typeface="Arial" panose="020B0604020202020204" pitchFamily="34" charset="0"/>
                  <a:cs typeface="Arial" panose="020B0604020202020204" pitchFamily="34" charset="0"/>
                </a:rPr>
                <a:t>Office</a:t>
              </a:r>
              <a:endParaRPr kumimoji="1" lang="ja-JP" altLang="en-US" sz="1100" dirty="0">
                <a:latin typeface="Arial" panose="020B0604020202020204" pitchFamily="34" charset="0"/>
                <a:cs typeface="Arial" panose="020B0604020202020204" pitchFamily="34" charset="0"/>
              </a:endParaRPr>
            </a:p>
          </p:txBody>
        </p:sp>
        <p:sp>
          <p:nvSpPr>
            <p:cNvPr id="9" name="テキスト ボックス 8">
              <a:extLst>
                <a:ext uri="{FF2B5EF4-FFF2-40B4-BE49-F238E27FC236}">
                  <a16:creationId xmlns:a16="http://schemas.microsoft.com/office/drawing/2014/main" id="{344B0E02-B3E0-371E-DEA5-EE12F8341B6C}"/>
                </a:ext>
              </a:extLst>
            </p:cNvPr>
            <p:cNvSpPr txBox="1"/>
            <p:nvPr/>
          </p:nvSpPr>
          <p:spPr>
            <a:xfrm>
              <a:off x="7923914" y="4556582"/>
              <a:ext cx="1464814" cy="261610"/>
            </a:xfrm>
            <a:prstGeom prst="rect">
              <a:avLst/>
            </a:prstGeom>
            <a:noFill/>
          </p:spPr>
          <p:txBody>
            <a:bodyPr wrap="square" rtlCol="0">
              <a:spAutoFit/>
            </a:bodyPr>
            <a:lstStyle/>
            <a:p>
              <a:r>
                <a:rPr kumimoji="1" lang="ja-JP" altLang="en-US" sz="1100" dirty="0">
                  <a:latin typeface="Arial" panose="020B0604020202020204" pitchFamily="34" charset="0"/>
                  <a:cs typeface="Arial" panose="020B0604020202020204" pitchFamily="34" charset="0"/>
                </a:rPr>
                <a:t>③</a:t>
              </a:r>
              <a:r>
                <a:rPr kumimoji="1" lang="en-US" altLang="ja-JP" sz="1100" dirty="0">
                  <a:latin typeface="Arial" panose="020B0604020202020204" pitchFamily="34" charset="0"/>
                  <a:cs typeface="Arial" panose="020B0604020202020204" pitchFamily="34" charset="0"/>
                </a:rPr>
                <a:t>High-end Retail</a:t>
              </a:r>
              <a:endParaRPr kumimoji="1" lang="ja-JP" altLang="en-US" sz="1100" dirty="0">
                <a:latin typeface="Arial" panose="020B0604020202020204" pitchFamily="34" charset="0"/>
                <a:cs typeface="Arial" panose="020B0604020202020204" pitchFamily="34" charset="0"/>
              </a:endParaRPr>
            </a:p>
          </p:txBody>
        </p:sp>
        <p:sp>
          <p:nvSpPr>
            <p:cNvPr id="10" name="テキスト ボックス 9">
              <a:extLst>
                <a:ext uri="{FF2B5EF4-FFF2-40B4-BE49-F238E27FC236}">
                  <a16:creationId xmlns:a16="http://schemas.microsoft.com/office/drawing/2014/main" id="{F743CE1F-990C-5E8F-EF39-8E90CA2EA16E}"/>
                </a:ext>
              </a:extLst>
            </p:cNvPr>
            <p:cNvSpPr txBox="1"/>
            <p:nvPr/>
          </p:nvSpPr>
          <p:spPr>
            <a:xfrm>
              <a:off x="7507435" y="4000200"/>
              <a:ext cx="1464814" cy="261610"/>
            </a:xfrm>
            <a:prstGeom prst="rect">
              <a:avLst/>
            </a:prstGeom>
            <a:noFill/>
          </p:spPr>
          <p:txBody>
            <a:bodyPr wrap="square" rtlCol="0">
              <a:spAutoFit/>
            </a:bodyPr>
            <a:lstStyle/>
            <a:p>
              <a:r>
                <a:rPr kumimoji="1" lang="ja-JP" altLang="en-US" sz="1100" dirty="0">
                  <a:latin typeface="Arial" panose="020B0604020202020204" pitchFamily="34" charset="0"/>
                  <a:cs typeface="Arial" panose="020B0604020202020204" pitchFamily="34" charset="0"/>
                </a:rPr>
                <a:t>②</a:t>
              </a:r>
              <a:r>
                <a:rPr kumimoji="1" lang="en-US" altLang="ja-JP" sz="1100" dirty="0">
                  <a:latin typeface="Arial" panose="020B0604020202020204" pitchFamily="34" charset="0"/>
                  <a:cs typeface="Arial" panose="020B0604020202020204" pitchFamily="34" charset="0"/>
                </a:rPr>
                <a:t>Residential</a:t>
              </a:r>
              <a:endParaRPr kumimoji="1" lang="ja-JP" altLang="en-US" sz="1100" dirty="0">
                <a:latin typeface="Arial" panose="020B0604020202020204" pitchFamily="34" charset="0"/>
                <a:cs typeface="Arial" panose="020B0604020202020204" pitchFamily="34" charset="0"/>
              </a:endParaRPr>
            </a:p>
          </p:txBody>
        </p:sp>
        <p:sp>
          <p:nvSpPr>
            <p:cNvPr id="11" name="テキスト ボックス 10">
              <a:extLst>
                <a:ext uri="{FF2B5EF4-FFF2-40B4-BE49-F238E27FC236}">
                  <a16:creationId xmlns:a16="http://schemas.microsoft.com/office/drawing/2014/main" id="{8C4F5765-FD95-5CA4-EF61-D18D6D3500F1}"/>
                </a:ext>
              </a:extLst>
            </p:cNvPr>
            <p:cNvSpPr txBox="1"/>
            <p:nvPr/>
          </p:nvSpPr>
          <p:spPr>
            <a:xfrm>
              <a:off x="6854008" y="4140087"/>
              <a:ext cx="871014" cy="261610"/>
            </a:xfrm>
            <a:prstGeom prst="rect">
              <a:avLst/>
            </a:prstGeom>
            <a:noFill/>
          </p:spPr>
          <p:txBody>
            <a:bodyPr wrap="square" rtlCol="0">
              <a:spAutoFit/>
            </a:bodyPr>
            <a:lstStyle/>
            <a:p>
              <a:r>
                <a:rPr kumimoji="1" lang="ja-JP" altLang="en-US" sz="1100" dirty="0">
                  <a:latin typeface="Arial" panose="020B0604020202020204" pitchFamily="34" charset="0"/>
                  <a:cs typeface="Arial" panose="020B0604020202020204" pitchFamily="34" charset="0"/>
                </a:rPr>
                <a:t>⑥</a:t>
              </a:r>
              <a:r>
                <a:rPr kumimoji="1" lang="en-US" altLang="ja-JP" sz="1100" dirty="0">
                  <a:latin typeface="Arial" panose="020B0604020202020204" pitchFamily="34" charset="0"/>
                  <a:cs typeface="Arial" panose="020B0604020202020204" pitchFamily="34" charset="0"/>
                </a:rPr>
                <a:t>Logistics</a:t>
              </a:r>
              <a:endParaRPr kumimoji="1" lang="ja-JP" altLang="en-US" sz="1100" dirty="0">
                <a:latin typeface="Arial" panose="020B0604020202020204" pitchFamily="34" charset="0"/>
                <a:cs typeface="Arial" panose="020B0604020202020204" pitchFamily="34" charset="0"/>
              </a:endParaRPr>
            </a:p>
          </p:txBody>
        </p:sp>
        <p:sp>
          <p:nvSpPr>
            <p:cNvPr id="12" name="テキスト ボックス 11">
              <a:extLst>
                <a:ext uri="{FF2B5EF4-FFF2-40B4-BE49-F238E27FC236}">
                  <a16:creationId xmlns:a16="http://schemas.microsoft.com/office/drawing/2014/main" id="{B7CED237-E3A0-2C6E-2E79-0BE83D18010C}"/>
                </a:ext>
              </a:extLst>
            </p:cNvPr>
            <p:cNvSpPr txBox="1"/>
            <p:nvPr/>
          </p:nvSpPr>
          <p:spPr>
            <a:xfrm>
              <a:off x="7898651" y="3796261"/>
              <a:ext cx="971191" cy="261610"/>
            </a:xfrm>
            <a:prstGeom prst="rect">
              <a:avLst/>
            </a:prstGeom>
            <a:noFill/>
          </p:spPr>
          <p:txBody>
            <a:bodyPr wrap="square" rtlCol="0">
              <a:spAutoFit/>
            </a:bodyPr>
            <a:lstStyle/>
            <a:p>
              <a:r>
                <a:rPr kumimoji="1" lang="ja-JP" altLang="en-US" sz="1100" dirty="0">
                  <a:latin typeface="Arial" panose="020B0604020202020204" pitchFamily="34" charset="0"/>
                  <a:cs typeface="Arial" panose="020B0604020202020204" pitchFamily="34" charset="0"/>
                </a:rPr>
                <a:t>⑥</a:t>
              </a:r>
              <a:r>
                <a:rPr kumimoji="1" lang="en-US" altLang="ja-JP" sz="1100" dirty="0">
                  <a:latin typeface="Arial" panose="020B0604020202020204" pitchFamily="34" charset="0"/>
                  <a:cs typeface="Arial" panose="020B0604020202020204" pitchFamily="34" charset="0"/>
                </a:rPr>
                <a:t>Hotel</a:t>
              </a:r>
              <a:endParaRPr kumimoji="1" lang="ja-JP" altLang="en-US" sz="1100" dirty="0">
                <a:latin typeface="Arial" panose="020B0604020202020204" pitchFamily="34" charset="0"/>
                <a:cs typeface="Arial" panose="020B0604020202020204" pitchFamily="34" charset="0"/>
              </a:endParaRPr>
            </a:p>
          </p:txBody>
        </p:sp>
        <p:sp>
          <p:nvSpPr>
            <p:cNvPr id="13" name="テキスト ボックス 12">
              <a:extLst>
                <a:ext uri="{FF2B5EF4-FFF2-40B4-BE49-F238E27FC236}">
                  <a16:creationId xmlns:a16="http://schemas.microsoft.com/office/drawing/2014/main" id="{AF628974-A94A-EB73-268F-5476796B5762}"/>
                </a:ext>
              </a:extLst>
            </p:cNvPr>
            <p:cNvSpPr txBox="1"/>
            <p:nvPr/>
          </p:nvSpPr>
          <p:spPr>
            <a:xfrm>
              <a:off x="7915293" y="3121996"/>
              <a:ext cx="1372301" cy="261610"/>
            </a:xfrm>
            <a:prstGeom prst="rect">
              <a:avLst/>
            </a:prstGeom>
            <a:noFill/>
          </p:spPr>
          <p:txBody>
            <a:bodyPr wrap="square" rtlCol="0">
              <a:spAutoFit/>
            </a:bodyPr>
            <a:lstStyle/>
            <a:p>
              <a:r>
                <a:rPr kumimoji="1" lang="ja-JP" altLang="en-US" sz="1100" dirty="0">
                  <a:latin typeface="Arial" panose="020B0604020202020204" pitchFamily="34" charset="0"/>
                  <a:cs typeface="Arial" panose="020B0604020202020204" pitchFamily="34" charset="0"/>
                </a:rPr>
                <a:t>④</a:t>
              </a:r>
              <a:r>
                <a:rPr kumimoji="1" lang="en-US" altLang="ja-JP" sz="1100" dirty="0">
                  <a:latin typeface="Arial" panose="020B0604020202020204" pitchFamily="34" charset="0"/>
                  <a:cs typeface="Arial" panose="020B0604020202020204" pitchFamily="34" charset="0"/>
                </a:rPr>
                <a:t>Shopping Center</a:t>
              </a:r>
              <a:endParaRPr kumimoji="1" lang="ja-JP" altLang="en-US" sz="1100" dirty="0">
                <a:latin typeface="Arial" panose="020B0604020202020204" pitchFamily="34" charset="0"/>
                <a:cs typeface="Arial" panose="020B0604020202020204" pitchFamily="34" charset="0"/>
              </a:endParaRPr>
            </a:p>
          </p:txBody>
        </p:sp>
      </p:grpSp>
      <p:pic>
        <p:nvPicPr>
          <p:cNvPr id="20" name="図 19">
            <a:extLst>
              <a:ext uri="{FF2B5EF4-FFF2-40B4-BE49-F238E27FC236}">
                <a16:creationId xmlns:a16="http://schemas.microsoft.com/office/drawing/2014/main" id="{1673C049-FF5B-47C8-6AEB-4E384C1B5670}"/>
              </a:ext>
            </a:extLst>
          </p:cNvPr>
          <p:cNvPicPr>
            <a:picLocks noChangeAspect="1"/>
          </p:cNvPicPr>
          <p:nvPr/>
        </p:nvPicPr>
        <p:blipFill>
          <a:blip r:embed="rId3"/>
          <a:stretch>
            <a:fillRect/>
          </a:stretch>
        </p:blipFill>
        <p:spPr>
          <a:xfrm flipH="1">
            <a:off x="11701191" y="1023589"/>
            <a:ext cx="419653" cy="279699"/>
          </a:xfrm>
          <a:prstGeom prst="rect">
            <a:avLst/>
          </a:prstGeom>
        </p:spPr>
      </p:pic>
    </p:spTree>
    <p:extLst>
      <p:ext uri="{BB962C8B-B14F-4D97-AF65-F5344CB8AC3E}">
        <p14:creationId xmlns:p14="http://schemas.microsoft.com/office/powerpoint/2010/main" val="390124112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9">
            <a:extLst>
              <a:ext uri="{FF2B5EF4-FFF2-40B4-BE49-F238E27FC236}">
                <a16:creationId xmlns:a16="http://schemas.microsoft.com/office/drawing/2014/main" id="{34FC8109-BC09-7F83-2809-541D686F52F9}"/>
              </a:ext>
            </a:extLst>
          </p:cNvPr>
          <p:cNvSpPr txBox="1">
            <a:spLocks/>
          </p:cNvSpPr>
          <p:nvPr/>
        </p:nvSpPr>
        <p:spPr>
          <a:xfrm>
            <a:off x="360892" y="838200"/>
            <a:ext cx="11602508" cy="418445"/>
          </a:xfrm>
          <a:prstGeom prst="rect">
            <a:avLst/>
          </a:prstGeom>
        </p:spPr>
        <p:txBody>
          <a:bodyPr anchor="t"/>
          <a:lstStyle>
            <a:lvl1pPr eaLnBrk="1" hangingPunct="1">
              <a:lnSpc>
                <a:spcPts val="4600"/>
              </a:lnSpc>
              <a:defRPr sz="4400" b="0" i="0" spc="100" baseline="0">
                <a:solidFill>
                  <a:srgbClr val="012A2D"/>
                </a:solidFill>
                <a:latin typeface="Financier Display" panose="02020503070506060203" pitchFamily="18" charset="77"/>
                <a:ea typeface="+mj-ea"/>
                <a:cs typeface="+mj-cs"/>
              </a:defRPr>
            </a:lvl1pPr>
          </a:lstStyle>
          <a:p>
            <a:pPr marL="0" marR="0" lvl="0" indent="0" algn="l" defTabSz="914400" rtl="0" eaLnBrk="1" fontAlgn="auto" latinLnBrk="0" hangingPunct="1">
              <a:lnSpc>
                <a:spcPts val="3400"/>
              </a:lnSpc>
              <a:spcBef>
                <a:spcPts val="0"/>
              </a:spcBef>
              <a:spcAft>
                <a:spcPts val="0"/>
              </a:spcAft>
              <a:buClrTx/>
              <a:buSzTx/>
              <a:buFontTx/>
              <a:buNone/>
              <a:tabLst/>
              <a:defRPr/>
            </a:pPr>
            <a:r>
              <a:rPr kumimoji="0" lang="en-US" sz="3600" b="0" i="0" u="none" strike="noStrike" kern="0" cap="none" spc="0" normalizeH="0" baseline="0" noProof="0" dirty="0">
                <a:ln>
                  <a:noFill/>
                </a:ln>
                <a:solidFill>
                  <a:srgbClr val="435254"/>
                </a:solidFill>
                <a:effectLst/>
                <a:uLnTx/>
                <a:uFillTx/>
                <a:latin typeface="Financier Display" panose="02020503070506060203" pitchFamily="18" charset="77"/>
                <a:ea typeface="+mj-ea"/>
                <a:cs typeface="+mj-cs"/>
              </a:rPr>
              <a:t>Central Bank interest rates have started to fall</a:t>
            </a:r>
          </a:p>
        </p:txBody>
      </p:sp>
      <p:sp>
        <p:nvSpPr>
          <p:cNvPr id="8" name="TextBox 7">
            <a:extLst>
              <a:ext uri="{FF2B5EF4-FFF2-40B4-BE49-F238E27FC236}">
                <a16:creationId xmlns:a16="http://schemas.microsoft.com/office/drawing/2014/main" id="{93259CC3-2374-F5E4-B4FA-460CF0F7B741}"/>
              </a:ext>
            </a:extLst>
          </p:cNvPr>
          <p:cNvSpPr txBox="1"/>
          <p:nvPr/>
        </p:nvSpPr>
        <p:spPr>
          <a:xfrm>
            <a:off x="533400" y="1332845"/>
            <a:ext cx="9143999" cy="228654"/>
          </a:xfrm>
          <a:prstGeom prst="rect">
            <a:avLst/>
          </a:prstGeom>
          <a:noFill/>
        </p:spPr>
        <p:txBody>
          <a:bodyPr wrap="square" lIns="0" tIns="0" rIns="0" bIns="0" rtlCol="0">
            <a:noAutofit/>
          </a:bodyPr>
          <a:lstStyle/>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sz="2400" b="0" i="0" u="none" strike="noStrike" kern="1200" cap="none" spc="0" normalizeH="0" baseline="0" noProof="0" dirty="0">
                <a:ln>
                  <a:noFill/>
                </a:ln>
                <a:solidFill>
                  <a:srgbClr val="435254"/>
                </a:solidFill>
                <a:effectLst/>
                <a:uLnTx/>
                <a:uFillTx/>
                <a:latin typeface="Calibre Semibold" panose="020B0703030202060203" pitchFamily="34" charset="0"/>
                <a:ea typeface="+mn-ea"/>
                <a:cs typeface="+mn-cs"/>
              </a:rPr>
              <a:t>Global Central Bank interest rates, %</a:t>
            </a:r>
          </a:p>
        </p:txBody>
      </p:sp>
      <p:sp>
        <p:nvSpPr>
          <p:cNvPr id="4" name="object 3">
            <a:extLst>
              <a:ext uri="{FF2B5EF4-FFF2-40B4-BE49-F238E27FC236}">
                <a16:creationId xmlns:a16="http://schemas.microsoft.com/office/drawing/2014/main" id="{F6608A03-711D-0E9D-CE0C-CE5BE0C872B8}"/>
              </a:ext>
            </a:extLst>
          </p:cNvPr>
          <p:cNvSpPr txBox="1"/>
          <p:nvPr/>
        </p:nvSpPr>
        <p:spPr>
          <a:xfrm>
            <a:off x="381000" y="6248400"/>
            <a:ext cx="7593088" cy="162505"/>
          </a:xfrm>
          <a:prstGeom prst="rect">
            <a:avLst/>
          </a:prstGeom>
        </p:spPr>
        <p:txBody>
          <a:bodyPr vert="horz" wrap="square" lIns="0" tIns="2310" rIns="0" bIns="0" rtlCol="0">
            <a:spAutoFit/>
          </a:bodyPr>
          <a:lstStyle/>
          <a:p>
            <a:pPr marL="558728" marR="3081" lvl="0" indent="-551411" algn="l" defTabSz="554492" rtl="0" eaLnBrk="1" fontAlgn="auto" latinLnBrk="0" hangingPunct="1">
              <a:lnSpc>
                <a:spcPct val="105700"/>
              </a:lnSpc>
              <a:spcBef>
                <a:spcPts val="0"/>
              </a:spcBef>
              <a:spcAft>
                <a:spcPts val="0"/>
              </a:spcAft>
              <a:buClrTx/>
              <a:buSzTx/>
              <a:buFontTx/>
              <a:buNone/>
              <a:tabLst/>
              <a:defRPr/>
            </a:pPr>
            <a:r>
              <a:rPr kumimoji="0" lang="en-US" sz="1050" b="0" i="0" u="none" strike="noStrike" kern="0" cap="none" spc="6" normalizeH="0" baseline="0" noProof="0" dirty="0">
                <a:ln>
                  <a:noFill/>
                </a:ln>
                <a:solidFill>
                  <a:srgbClr val="435254"/>
                </a:solidFill>
                <a:effectLst/>
                <a:uLnTx/>
                <a:uFillTx/>
                <a:latin typeface="Calibre Semibold" panose="020B0703030202060203" pitchFamily="34" charset="0"/>
                <a:ea typeface="+mn-ea"/>
                <a:cs typeface="Calibre"/>
              </a:rPr>
              <a:t>Source:</a:t>
            </a:r>
            <a:r>
              <a:rPr kumimoji="0" lang="en-US" sz="1050" b="0" i="0" u="none" strike="noStrike" kern="0" cap="none" spc="6" normalizeH="0" baseline="0" noProof="0" dirty="0">
                <a:ln>
                  <a:noFill/>
                </a:ln>
                <a:solidFill>
                  <a:srgbClr val="435254"/>
                </a:solidFill>
                <a:effectLst/>
                <a:uLnTx/>
                <a:uFillTx/>
                <a:latin typeface="Calibre"/>
                <a:ea typeface="+mn-ea"/>
                <a:cs typeface="Calibre"/>
              </a:rPr>
              <a:t> </a:t>
            </a:r>
            <a:r>
              <a:rPr lang="en-US" sz="1050" spc="6" dirty="0">
                <a:solidFill>
                  <a:srgbClr val="435254"/>
                </a:solidFill>
                <a:latin typeface="Calibre"/>
                <a:cs typeface="Calibre"/>
              </a:rPr>
              <a:t>Federal Reserve, Bank of England, ECB, Bank of Canada, People’s Bank of China, Bank of Japan</a:t>
            </a:r>
            <a:r>
              <a:rPr kumimoji="0" lang="en-US" sz="1050" b="0" i="0" u="none" strike="noStrike" kern="0" cap="none" spc="6" normalizeH="0" baseline="0" noProof="0" dirty="0">
                <a:ln>
                  <a:noFill/>
                </a:ln>
                <a:solidFill>
                  <a:srgbClr val="435254"/>
                </a:solidFill>
                <a:effectLst/>
                <a:uLnTx/>
                <a:uFillTx/>
                <a:latin typeface="Calibre"/>
                <a:ea typeface="+mn-ea"/>
                <a:cs typeface="Calibre"/>
              </a:rPr>
              <a:t>, June 2024. </a:t>
            </a:r>
          </a:p>
        </p:txBody>
      </p:sp>
      <p:graphicFrame>
        <p:nvGraphicFramePr>
          <p:cNvPr id="7" name="Chart 6">
            <a:extLst>
              <a:ext uri="{FF2B5EF4-FFF2-40B4-BE49-F238E27FC236}">
                <a16:creationId xmlns:a16="http://schemas.microsoft.com/office/drawing/2014/main" id="{2936A060-1F56-410A-8BF9-FC0F3327A2E9}"/>
              </a:ext>
            </a:extLst>
          </p:cNvPr>
          <p:cNvGraphicFramePr>
            <a:graphicFrameLocks/>
          </p:cNvGraphicFramePr>
          <p:nvPr>
            <p:extLst>
              <p:ext uri="{D42A27DB-BD31-4B8C-83A1-F6EECF244321}">
                <p14:modId xmlns:p14="http://schemas.microsoft.com/office/powerpoint/2010/main" val="970700014"/>
              </p:ext>
            </p:extLst>
          </p:nvPr>
        </p:nvGraphicFramePr>
        <p:xfrm>
          <a:off x="381000" y="1716831"/>
          <a:ext cx="11430000" cy="4572000"/>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5" name="Table 4">
            <a:extLst>
              <a:ext uri="{FF2B5EF4-FFF2-40B4-BE49-F238E27FC236}">
                <a16:creationId xmlns:a16="http://schemas.microsoft.com/office/drawing/2014/main" id="{AAEE0928-A5AD-567A-9AD2-BA33E05C0B09}"/>
              </a:ext>
            </a:extLst>
          </p:cNvPr>
          <p:cNvGraphicFramePr>
            <a:graphicFrameLocks noGrp="1"/>
          </p:cNvGraphicFramePr>
          <p:nvPr>
            <p:extLst>
              <p:ext uri="{D42A27DB-BD31-4B8C-83A1-F6EECF244321}">
                <p14:modId xmlns:p14="http://schemas.microsoft.com/office/powerpoint/2010/main" val="3022793633"/>
              </p:ext>
            </p:extLst>
          </p:nvPr>
        </p:nvGraphicFramePr>
        <p:xfrm>
          <a:off x="4724401" y="1828800"/>
          <a:ext cx="7238999" cy="845193"/>
        </p:xfrm>
        <a:graphic>
          <a:graphicData uri="http://schemas.openxmlformats.org/drawingml/2006/table">
            <a:tbl>
              <a:tblPr/>
              <a:tblGrid>
                <a:gridCol w="1003157">
                  <a:extLst>
                    <a:ext uri="{9D8B030D-6E8A-4147-A177-3AD203B41FA5}">
                      <a16:colId xmlns:a16="http://schemas.microsoft.com/office/drawing/2014/main" val="3649972285"/>
                    </a:ext>
                  </a:extLst>
                </a:gridCol>
                <a:gridCol w="1039307">
                  <a:extLst>
                    <a:ext uri="{9D8B030D-6E8A-4147-A177-3AD203B41FA5}">
                      <a16:colId xmlns:a16="http://schemas.microsoft.com/office/drawing/2014/main" val="2849145293"/>
                    </a:ext>
                  </a:extLst>
                </a:gridCol>
                <a:gridCol w="1039307">
                  <a:extLst>
                    <a:ext uri="{9D8B030D-6E8A-4147-A177-3AD203B41FA5}">
                      <a16:colId xmlns:a16="http://schemas.microsoft.com/office/drawing/2014/main" val="3569403890"/>
                    </a:ext>
                  </a:extLst>
                </a:gridCol>
                <a:gridCol w="1039307">
                  <a:extLst>
                    <a:ext uri="{9D8B030D-6E8A-4147-A177-3AD203B41FA5}">
                      <a16:colId xmlns:a16="http://schemas.microsoft.com/office/drawing/2014/main" val="2251861248"/>
                    </a:ext>
                  </a:extLst>
                </a:gridCol>
                <a:gridCol w="1039307">
                  <a:extLst>
                    <a:ext uri="{9D8B030D-6E8A-4147-A177-3AD203B41FA5}">
                      <a16:colId xmlns:a16="http://schemas.microsoft.com/office/drawing/2014/main" val="400341963"/>
                    </a:ext>
                  </a:extLst>
                </a:gridCol>
                <a:gridCol w="1039307">
                  <a:extLst>
                    <a:ext uri="{9D8B030D-6E8A-4147-A177-3AD203B41FA5}">
                      <a16:colId xmlns:a16="http://schemas.microsoft.com/office/drawing/2014/main" val="2770476211"/>
                    </a:ext>
                  </a:extLst>
                </a:gridCol>
                <a:gridCol w="1039307">
                  <a:extLst>
                    <a:ext uri="{9D8B030D-6E8A-4147-A177-3AD203B41FA5}">
                      <a16:colId xmlns:a16="http://schemas.microsoft.com/office/drawing/2014/main" val="985720701"/>
                    </a:ext>
                  </a:extLst>
                </a:gridCol>
              </a:tblGrid>
              <a:tr h="238165">
                <a:tc>
                  <a:txBody>
                    <a:bodyPr/>
                    <a:lstStyle/>
                    <a:p>
                      <a:pPr algn="l" fontAlgn="ctr"/>
                      <a:r>
                        <a:rPr lang="en-US" sz="1400" b="0" i="0" u="none" strike="noStrike" dirty="0">
                          <a:solidFill>
                            <a:srgbClr val="FFFFFF"/>
                          </a:solidFill>
                          <a:effectLst/>
                          <a:highlight>
                            <a:srgbClr val="80BBAD"/>
                          </a:highlight>
                          <a:latin typeface="Calibre" panose="020B0503030202060203" pitchFamily="34" charset="0"/>
                        </a:rPr>
                        <a:t> </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80BBAD"/>
                    </a:solidFill>
                  </a:tcPr>
                </a:tc>
                <a:tc>
                  <a:txBody>
                    <a:bodyPr/>
                    <a:lstStyle/>
                    <a:p>
                      <a:pPr algn="ctr" fontAlgn="ctr"/>
                      <a:r>
                        <a:rPr lang="en-US" sz="1400" b="0" i="0" u="none" strike="noStrike">
                          <a:solidFill>
                            <a:srgbClr val="FFFFFF"/>
                          </a:solidFill>
                          <a:effectLst/>
                          <a:highlight>
                            <a:srgbClr val="80BBAD"/>
                          </a:highlight>
                          <a:latin typeface="Calibre" panose="020B0503030202060203" pitchFamily="34" charset="0"/>
                        </a:rPr>
                        <a:t>U.S.</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80BBAD"/>
                    </a:solidFill>
                  </a:tcPr>
                </a:tc>
                <a:tc>
                  <a:txBody>
                    <a:bodyPr/>
                    <a:lstStyle/>
                    <a:p>
                      <a:pPr algn="ctr" fontAlgn="ctr"/>
                      <a:r>
                        <a:rPr lang="en-US" sz="1400" b="0" i="0" u="none" strike="noStrike" dirty="0">
                          <a:solidFill>
                            <a:srgbClr val="FFFFFF"/>
                          </a:solidFill>
                          <a:effectLst/>
                          <a:highlight>
                            <a:srgbClr val="80BBAD"/>
                          </a:highlight>
                          <a:latin typeface="Calibre" panose="020B0503030202060203" pitchFamily="34" charset="0"/>
                        </a:rPr>
                        <a:t>U.K.</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80BBAD"/>
                    </a:solidFill>
                  </a:tcPr>
                </a:tc>
                <a:tc>
                  <a:txBody>
                    <a:bodyPr/>
                    <a:lstStyle/>
                    <a:p>
                      <a:pPr algn="ctr" fontAlgn="ctr"/>
                      <a:r>
                        <a:rPr lang="en-US" sz="1400" b="0" i="0" u="none" strike="noStrike">
                          <a:solidFill>
                            <a:srgbClr val="FFFFFF"/>
                          </a:solidFill>
                          <a:effectLst/>
                          <a:highlight>
                            <a:srgbClr val="80BBAD"/>
                          </a:highlight>
                          <a:latin typeface="Calibre" panose="020B0503030202060203" pitchFamily="34" charset="0"/>
                        </a:rPr>
                        <a:t>EU</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80BBAD"/>
                    </a:solidFill>
                  </a:tcPr>
                </a:tc>
                <a:tc>
                  <a:txBody>
                    <a:bodyPr/>
                    <a:lstStyle/>
                    <a:p>
                      <a:pPr algn="ctr" fontAlgn="ctr"/>
                      <a:r>
                        <a:rPr lang="en-US" sz="1400" b="0" i="0" u="none" strike="noStrike">
                          <a:solidFill>
                            <a:srgbClr val="FFFFFF"/>
                          </a:solidFill>
                          <a:effectLst/>
                          <a:highlight>
                            <a:srgbClr val="80BBAD"/>
                          </a:highlight>
                          <a:latin typeface="Calibre" panose="020B0503030202060203" pitchFamily="34" charset="0"/>
                        </a:rPr>
                        <a:t>Canada</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80BBAD"/>
                    </a:solidFill>
                  </a:tcPr>
                </a:tc>
                <a:tc>
                  <a:txBody>
                    <a:bodyPr/>
                    <a:lstStyle/>
                    <a:p>
                      <a:pPr algn="ctr" fontAlgn="ctr"/>
                      <a:r>
                        <a:rPr lang="en-US" sz="1400" b="0" i="0" u="none" strike="noStrike" dirty="0">
                          <a:solidFill>
                            <a:srgbClr val="FFFFFF"/>
                          </a:solidFill>
                          <a:effectLst/>
                          <a:highlight>
                            <a:srgbClr val="80BBAD"/>
                          </a:highlight>
                          <a:latin typeface="Calibre" panose="020B0503030202060203" pitchFamily="34" charset="0"/>
                        </a:rPr>
                        <a:t>China</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80BBAD"/>
                    </a:solidFill>
                  </a:tcPr>
                </a:tc>
                <a:tc>
                  <a:txBody>
                    <a:bodyPr/>
                    <a:lstStyle/>
                    <a:p>
                      <a:pPr algn="ctr" fontAlgn="ctr"/>
                      <a:r>
                        <a:rPr lang="en-US" sz="1400" b="0" i="0" u="none" strike="noStrike">
                          <a:solidFill>
                            <a:srgbClr val="FFFFFF"/>
                          </a:solidFill>
                          <a:effectLst/>
                          <a:highlight>
                            <a:srgbClr val="80BBAD"/>
                          </a:highlight>
                          <a:latin typeface="Calibre" panose="020B0503030202060203" pitchFamily="34" charset="0"/>
                        </a:rPr>
                        <a:t>Japan</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80BBAD"/>
                    </a:solidFill>
                  </a:tcPr>
                </a:tc>
                <a:extLst>
                  <a:ext uri="{0D108BD9-81ED-4DB2-BD59-A6C34878D82A}">
                    <a16:rowId xmlns:a16="http://schemas.microsoft.com/office/drawing/2014/main" val="1463070819"/>
                  </a:ext>
                </a:extLst>
              </a:tr>
              <a:tr h="303514">
                <a:tc>
                  <a:txBody>
                    <a:bodyPr/>
                    <a:lstStyle/>
                    <a:p>
                      <a:pPr algn="ctr" fontAlgn="ctr"/>
                      <a:r>
                        <a:rPr lang="en-US" sz="1400" b="1" i="0" u="none" strike="noStrike" dirty="0">
                          <a:solidFill>
                            <a:srgbClr val="435254"/>
                          </a:solidFill>
                          <a:effectLst/>
                          <a:highlight>
                            <a:srgbClr val="FFFFFF"/>
                          </a:highlight>
                          <a:latin typeface="Calibre" panose="020B0503030202060203" pitchFamily="34" charset="0"/>
                        </a:rPr>
                        <a:t>Recent High</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dirty="0">
                          <a:solidFill>
                            <a:srgbClr val="435254"/>
                          </a:solidFill>
                          <a:effectLst/>
                          <a:highlight>
                            <a:srgbClr val="FFFFFF"/>
                          </a:highlight>
                          <a:latin typeface="Calibre" panose="020B0503030202060203" pitchFamily="34" charset="0"/>
                        </a:rPr>
                        <a:t>5.50%</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a:solidFill>
                            <a:srgbClr val="435254"/>
                          </a:solidFill>
                          <a:effectLst/>
                          <a:highlight>
                            <a:srgbClr val="FFFFFF"/>
                          </a:highlight>
                          <a:latin typeface="Calibre" panose="020B0503030202060203" pitchFamily="34" charset="0"/>
                        </a:rPr>
                        <a:t>5.25%</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a:solidFill>
                            <a:srgbClr val="435254"/>
                          </a:solidFill>
                          <a:effectLst/>
                          <a:highlight>
                            <a:srgbClr val="FFFFFF"/>
                          </a:highlight>
                          <a:latin typeface="Calibre" panose="020B0503030202060203" pitchFamily="34" charset="0"/>
                        </a:rPr>
                        <a:t>4.50%</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a:solidFill>
                            <a:srgbClr val="435254"/>
                          </a:solidFill>
                          <a:effectLst/>
                          <a:highlight>
                            <a:srgbClr val="FFFFFF"/>
                          </a:highlight>
                          <a:latin typeface="Calibre" panose="020B0503030202060203" pitchFamily="34" charset="0"/>
                        </a:rPr>
                        <a:t>5.00%</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dirty="0">
                          <a:solidFill>
                            <a:srgbClr val="435254"/>
                          </a:solidFill>
                          <a:effectLst/>
                          <a:highlight>
                            <a:srgbClr val="FFFFFF"/>
                          </a:highlight>
                          <a:latin typeface="Calibre" panose="020B0503030202060203" pitchFamily="34" charset="0"/>
                        </a:rPr>
                        <a:t>4.35%</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a:solidFill>
                            <a:srgbClr val="435254"/>
                          </a:solidFill>
                          <a:effectLst/>
                          <a:highlight>
                            <a:srgbClr val="FFFFFF"/>
                          </a:highlight>
                          <a:latin typeface="Calibre" panose="020B0503030202060203" pitchFamily="34" charset="0"/>
                        </a:rPr>
                        <a:t>-0.10%</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extLst>
                  <a:ext uri="{0D108BD9-81ED-4DB2-BD59-A6C34878D82A}">
                    <a16:rowId xmlns:a16="http://schemas.microsoft.com/office/drawing/2014/main" val="2592011321"/>
                  </a:ext>
                </a:extLst>
              </a:tr>
              <a:tr h="303514">
                <a:tc>
                  <a:txBody>
                    <a:bodyPr/>
                    <a:lstStyle/>
                    <a:p>
                      <a:pPr algn="ctr" fontAlgn="ctr"/>
                      <a:r>
                        <a:rPr lang="en-US" sz="1400" b="1" i="0" u="none" strike="noStrike" dirty="0">
                          <a:solidFill>
                            <a:srgbClr val="435254"/>
                          </a:solidFill>
                          <a:effectLst/>
                          <a:highlight>
                            <a:srgbClr val="FFFFFF"/>
                          </a:highlight>
                          <a:latin typeface="Calibre" panose="020B0503030202060203" pitchFamily="34" charset="0"/>
                        </a:rPr>
                        <a:t>Current Rate</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a:solidFill>
                            <a:srgbClr val="435254"/>
                          </a:solidFill>
                          <a:effectLst/>
                          <a:highlight>
                            <a:srgbClr val="FFFFFF"/>
                          </a:highlight>
                          <a:latin typeface="Calibre" panose="020B0503030202060203" pitchFamily="34" charset="0"/>
                        </a:rPr>
                        <a:t>5.50%</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a:solidFill>
                            <a:srgbClr val="435254"/>
                          </a:solidFill>
                          <a:effectLst/>
                          <a:highlight>
                            <a:srgbClr val="FFFFFF"/>
                          </a:highlight>
                          <a:latin typeface="Calibre" panose="020B0503030202060203" pitchFamily="34" charset="0"/>
                        </a:rPr>
                        <a:t>5.25%</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a:solidFill>
                            <a:srgbClr val="435254"/>
                          </a:solidFill>
                          <a:effectLst/>
                          <a:highlight>
                            <a:srgbClr val="FFFFFF"/>
                          </a:highlight>
                          <a:latin typeface="Calibre" panose="020B0503030202060203" pitchFamily="34" charset="0"/>
                        </a:rPr>
                        <a:t>4.25%</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dirty="0">
                          <a:solidFill>
                            <a:srgbClr val="435254"/>
                          </a:solidFill>
                          <a:effectLst/>
                          <a:highlight>
                            <a:srgbClr val="FFFFFF"/>
                          </a:highlight>
                          <a:latin typeface="Calibre" panose="020B0503030202060203" pitchFamily="34" charset="0"/>
                        </a:rPr>
                        <a:t>4.75%</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dirty="0">
                          <a:solidFill>
                            <a:srgbClr val="435254"/>
                          </a:solidFill>
                          <a:effectLst/>
                          <a:highlight>
                            <a:srgbClr val="FFFFFF"/>
                          </a:highlight>
                          <a:latin typeface="Calibre" panose="020B0503030202060203" pitchFamily="34" charset="0"/>
                        </a:rPr>
                        <a:t>4.35%</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tc>
                  <a:txBody>
                    <a:bodyPr/>
                    <a:lstStyle/>
                    <a:p>
                      <a:pPr algn="ctr" fontAlgn="ctr"/>
                      <a:r>
                        <a:rPr lang="en-US" sz="1400" b="1" i="0" u="none" strike="noStrike" dirty="0">
                          <a:solidFill>
                            <a:srgbClr val="435254"/>
                          </a:solidFill>
                          <a:effectLst/>
                          <a:highlight>
                            <a:srgbClr val="FFFFFF"/>
                          </a:highlight>
                          <a:latin typeface="Calibre" panose="020B0503030202060203" pitchFamily="34" charset="0"/>
                        </a:rPr>
                        <a:t>0.10%</a:t>
                      </a:r>
                    </a:p>
                  </a:txBody>
                  <a:tcPr marL="0" marR="0" marT="0" marB="0" anchor="ctr">
                    <a:lnL w="6350" cap="flat" cmpd="sng" algn="ctr">
                      <a:solidFill>
                        <a:srgbClr val="435254"/>
                      </a:solidFill>
                      <a:prstDash val="solid"/>
                      <a:round/>
                      <a:headEnd type="none" w="med" len="med"/>
                      <a:tailEnd type="none" w="med" len="med"/>
                    </a:lnL>
                    <a:lnR w="6350" cap="flat" cmpd="sng" algn="ctr">
                      <a:solidFill>
                        <a:srgbClr val="435254"/>
                      </a:solidFill>
                      <a:prstDash val="solid"/>
                      <a:round/>
                      <a:headEnd type="none" w="med" len="med"/>
                      <a:tailEnd type="none" w="med" len="med"/>
                    </a:lnR>
                    <a:lnT w="6350" cap="flat" cmpd="sng" algn="ctr">
                      <a:solidFill>
                        <a:srgbClr val="435254"/>
                      </a:solidFill>
                      <a:prstDash val="solid"/>
                      <a:round/>
                      <a:headEnd type="none" w="med" len="med"/>
                      <a:tailEnd type="none" w="med" len="med"/>
                    </a:lnT>
                    <a:lnB w="6350" cap="flat" cmpd="sng" algn="ctr">
                      <a:solidFill>
                        <a:srgbClr val="435254"/>
                      </a:solidFill>
                      <a:prstDash val="solid"/>
                      <a:round/>
                      <a:headEnd type="none" w="med" len="med"/>
                      <a:tailEnd type="none" w="med" len="med"/>
                    </a:lnB>
                    <a:solidFill>
                      <a:srgbClr val="FFFFFF"/>
                    </a:solidFill>
                  </a:tcPr>
                </a:tc>
                <a:extLst>
                  <a:ext uri="{0D108BD9-81ED-4DB2-BD59-A6C34878D82A}">
                    <a16:rowId xmlns:a16="http://schemas.microsoft.com/office/drawing/2014/main" val="735975364"/>
                  </a:ext>
                </a:extLst>
              </a:tr>
            </a:tbl>
          </a:graphicData>
        </a:graphic>
      </p:graphicFrame>
      <p:sp>
        <p:nvSpPr>
          <p:cNvPr id="3" name="Rectangle 2">
            <a:extLst>
              <a:ext uri="{FF2B5EF4-FFF2-40B4-BE49-F238E27FC236}">
                <a16:creationId xmlns:a16="http://schemas.microsoft.com/office/drawing/2014/main" id="{7148E18E-8843-3876-5044-7C3FEA4A4341}"/>
              </a:ext>
            </a:extLst>
          </p:cNvPr>
          <p:cNvSpPr/>
          <p:nvPr/>
        </p:nvSpPr>
        <p:spPr>
          <a:xfrm>
            <a:off x="381000" y="6444163"/>
            <a:ext cx="2286000" cy="261437"/>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73618475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9">
            <a:extLst>
              <a:ext uri="{FF2B5EF4-FFF2-40B4-BE49-F238E27FC236}">
                <a16:creationId xmlns:a16="http://schemas.microsoft.com/office/drawing/2014/main" id="{34FC8109-BC09-7F83-2809-541D686F52F9}"/>
              </a:ext>
            </a:extLst>
          </p:cNvPr>
          <p:cNvSpPr txBox="1">
            <a:spLocks/>
          </p:cNvSpPr>
          <p:nvPr/>
        </p:nvSpPr>
        <p:spPr>
          <a:xfrm>
            <a:off x="360892" y="838200"/>
            <a:ext cx="11602508" cy="418445"/>
          </a:xfrm>
          <a:prstGeom prst="rect">
            <a:avLst/>
          </a:prstGeom>
        </p:spPr>
        <p:txBody>
          <a:bodyPr anchor="t"/>
          <a:lstStyle>
            <a:lvl1pPr eaLnBrk="1" hangingPunct="1">
              <a:lnSpc>
                <a:spcPts val="4600"/>
              </a:lnSpc>
              <a:defRPr sz="4400" b="0" i="0" spc="100" baseline="0">
                <a:solidFill>
                  <a:srgbClr val="012A2D"/>
                </a:solidFill>
                <a:latin typeface="Financier Display" panose="02020503070506060203" pitchFamily="18" charset="77"/>
                <a:ea typeface="+mj-ea"/>
                <a:cs typeface="+mj-cs"/>
              </a:defRPr>
            </a:lvl1pPr>
          </a:lstStyle>
          <a:p>
            <a:pPr marL="0" marR="0" lvl="0" indent="0" algn="l" defTabSz="914400" rtl="0" eaLnBrk="1" fontAlgn="auto" latinLnBrk="0" hangingPunct="1">
              <a:lnSpc>
                <a:spcPts val="3400"/>
              </a:lnSpc>
              <a:spcBef>
                <a:spcPts val="0"/>
              </a:spcBef>
              <a:spcAft>
                <a:spcPts val="0"/>
              </a:spcAft>
              <a:buClrTx/>
              <a:buSzTx/>
              <a:buFontTx/>
              <a:buNone/>
              <a:tabLst/>
              <a:defRPr/>
            </a:pPr>
            <a:r>
              <a:rPr kumimoji="0" lang="en-US" sz="3600" b="0" i="0" u="none" strike="noStrike" kern="0" cap="none" spc="0" normalizeH="0" baseline="0" noProof="0" dirty="0">
                <a:ln>
                  <a:noFill/>
                </a:ln>
                <a:solidFill>
                  <a:srgbClr val="435254"/>
                </a:solidFill>
                <a:effectLst/>
                <a:uLnTx/>
                <a:uFillTx/>
                <a:latin typeface="Financier Display" panose="02020503070506060203" pitchFamily="18" charset="77"/>
                <a:ea typeface="+mj-ea"/>
                <a:cs typeface="+mj-cs"/>
              </a:rPr>
              <a:t>A soft landing is underway </a:t>
            </a:r>
          </a:p>
        </p:txBody>
      </p:sp>
      <p:sp>
        <p:nvSpPr>
          <p:cNvPr id="8" name="TextBox 7">
            <a:extLst>
              <a:ext uri="{FF2B5EF4-FFF2-40B4-BE49-F238E27FC236}">
                <a16:creationId xmlns:a16="http://schemas.microsoft.com/office/drawing/2014/main" id="{93259CC3-2374-F5E4-B4FA-460CF0F7B741}"/>
              </a:ext>
            </a:extLst>
          </p:cNvPr>
          <p:cNvSpPr txBox="1"/>
          <p:nvPr/>
        </p:nvSpPr>
        <p:spPr>
          <a:xfrm>
            <a:off x="533400" y="1332845"/>
            <a:ext cx="9143999" cy="228654"/>
          </a:xfrm>
          <a:prstGeom prst="rect">
            <a:avLst/>
          </a:prstGeom>
          <a:noFill/>
        </p:spPr>
        <p:txBody>
          <a:bodyPr wrap="square" lIns="0" tIns="0" rIns="0" bIns="0" rtlCol="0">
            <a:noAutofit/>
          </a:bodyPr>
          <a:lstStyle/>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sz="2400" b="0" i="0" u="none" strike="noStrike" kern="1200" cap="none" spc="0" normalizeH="0" baseline="0" noProof="0" dirty="0">
                <a:ln>
                  <a:noFill/>
                </a:ln>
                <a:solidFill>
                  <a:srgbClr val="435254"/>
                </a:solidFill>
                <a:effectLst/>
                <a:uLnTx/>
                <a:uFillTx/>
                <a:latin typeface="Calibre Semibold" panose="020B0703030202060203" pitchFamily="34" charset="0"/>
                <a:ea typeface="+mn-ea"/>
                <a:cs typeface="+mn-cs"/>
              </a:rPr>
              <a:t>GDP Growth Comparisons (Annual Averages)</a:t>
            </a:r>
          </a:p>
        </p:txBody>
      </p:sp>
      <p:sp>
        <p:nvSpPr>
          <p:cNvPr id="4" name="object 3">
            <a:extLst>
              <a:ext uri="{FF2B5EF4-FFF2-40B4-BE49-F238E27FC236}">
                <a16:creationId xmlns:a16="http://schemas.microsoft.com/office/drawing/2014/main" id="{F6608A03-711D-0E9D-CE0C-CE5BE0C872B8}"/>
              </a:ext>
            </a:extLst>
          </p:cNvPr>
          <p:cNvSpPr txBox="1"/>
          <p:nvPr/>
        </p:nvSpPr>
        <p:spPr>
          <a:xfrm>
            <a:off x="381000" y="6248400"/>
            <a:ext cx="7593088" cy="162505"/>
          </a:xfrm>
          <a:prstGeom prst="rect">
            <a:avLst/>
          </a:prstGeom>
        </p:spPr>
        <p:txBody>
          <a:bodyPr vert="horz" wrap="square" lIns="0" tIns="2310" rIns="0" bIns="0" rtlCol="0">
            <a:spAutoFit/>
          </a:bodyPr>
          <a:lstStyle/>
          <a:p>
            <a:pPr marL="558728" marR="3081" lvl="0" indent="-551411" algn="l" defTabSz="554492" rtl="0" eaLnBrk="1" fontAlgn="auto" latinLnBrk="0" hangingPunct="1">
              <a:lnSpc>
                <a:spcPct val="105700"/>
              </a:lnSpc>
              <a:spcBef>
                <a:spcPts val="0"/>
              </a:spcBef>
              <a:spcAft>
                <a:spcPts val="0"/>
              </a:spcAft>
              <a:buClrTx/>
              <a:buSzTx/>
              <a:buFontTx/>
              <a:buNone/>
              <a:tabLst/>
              <a:defRPr/>
            </a:pPr>
            <a:r>
              <a:rPr kumimoji="0" lang="en-US" sz="1050" b="0" i="0" u="none" strike="noStrike" kern="0" cap="none" spc="6" normalizeH="0" baseline="0" noProof="0" dirty="0">
                <a:ln>
                  <a:noFill/>
                </a:ln>
                <a:solidFill>
                  <a:srgbClr val="435254"/>
                </a:solidFill>
                <a:effectLst/>
                <a:uLnTx/>
                <a:uFillTx/>
                <a:latin typeface="Calibre Semibold" panose="020B0703030202060203" pitchFamily="34" charset="0"/>
                <a:ea typeface="+mn-ea"/>
                <a:cs typeface="Calibre"/>
              </a:rPr>
              <a:t>Source:</a:t>
            </a:r>
            <a:r>
              <a:rPr kumimoji="0" lang="en-US" sz="1050" b="0" i="0" u="none" strike="noStrike" kern="0" cap="none" spc="6" normalizeH="0" baseline="0" noProof="0" dirty="0">
                <a:ln>
                  <a:noFill/>
                </a:ln>
                <a:solidFill>
                  <a:srgbClr val="435254"/>
                </a:solidFill>
                <a:effectLst/>
                <a:uLnTx/>
                <a:uFillTx/>
                <a:latin typeface="Calibre"/>
                <a:ea typeface="+mn-ea"/>
                <a:cs typeface="Calibre"/>
              </a:rPr>
              <a:t> CBRE House View June 2024</a:t>
            </a:r>
          </a:p>
        </p:txBody>
      </p:sp>
      <p:graphicFrame>
        <p:nvGraphicFramePr>
          <p:cNvPr id="2" name="Content Placeholder 9">
            <a:extLst>
              <a:ext uri="{FF2B5EF4-FFF2-40B4-BE49-F238E27FC236}">
                <a16:creationId xmlns:a16="http://schemas.microsoft.com/office/drawing/2014/main" id="{FE1C59C8-E76A-7763-1BAC-624F13635D90}"/>
              </a:ext>
            </a:extLst>
          </p:cNvPr>
          <p:cNvGraphicFramePr>
            <a:graphicFrameLocks/>
          </p:cNvGraphicFramePr>
          <p:nvPr>
            <p:extLst>
              <p:ext uri="{D42A27DB-BD31-4B8C-83A1-F6EECF244321}">
                <p14:modId xmlns:p14="http://schemas.microsoft.com/office/powerpoint/2010/main" val="1763545626"/>
              </p:ext>
            </p:extLst>
          </p:nvPr>
        </p:nvGraphicFramePr>
        <p:xfrm>
          <a:off x="381000" y="1676400"/>
          <a:ext cx="11430000" cy="4572000"/>
        </p:xfrm>
        <a:graphic>
          <a:graphicData uri="http://schemas.openxmlformats.org/drawingml/2006/chart">
            <c:chart xmlns:c="http://schemas.openxmlformats.org/drawingml/2006/chart" xmlns:r="http://schemas.openxmlformats.org/officeDocument/2006/relationships" r:id="rId3"/>
          </a:graphicData>
        </a:graphic>
      </p:graphicFrame>
      <p:grpSp>
        <p:nvGrpSpPr>
          <p:cNvPr id="5" name="Group 4">
            <a:extLst>
              <a:ext uri="{FF2B5EF4-FFF2-40B4-BE49-F238E27FC236}">
                <a16:creationId xmlns:a16="http://schemas.microsoft.com/office/drawing/2014/main" id="{B1B4B6CF-727E-2EA7-6486-99A956E518D2}"/>
              </a:ext>
            </a:extLst>
          </p:cNvPr>
          <p:cNvGrpSpPr/>
          <p:nvPr/>
        </p:nvGrpSpPr>
        <p:grpSpPr>
          <a:xfrm>
            <a:off x="1066800" y="2565382"/>
            <a:ext cx="10439400" cy="1607766"/>
            <a:chOff x="3865050" y="2613197"/>
            <a:chExt cx="10439400" cy="1607766"/>
          </a:xfrm>
        </p:grpSpPr>
        <p:cxnSp>
          <p:nvCxnSpPr>
            <p:cNvPr id="7" name="Straight Connector 6">
              <a:extLst>
                <a:ext uri="{FF2B5EF4-FFF2-40B4-BE49-F238E27FC236}">
                  <a16:creationId xmlns:a16="http://schemas.microsoft.com/office/drawing/2014/main" id="{0D772350-4BFC-08B4-E4E0-D2E56087A98B}"/>
                </a:ext>
              </a:extLst>
            </p:cNvPr>
            <p:cNvCxnSpPr>
              <a:cxnSpLocks/>
            </p:cNvCxnSpPr>
            <p:nvPr/>
          </p:nvCxnSpPr>
          <p:spPr>
            <a:xfrm>
              <a:off x="11104050" y="3629215"/>
              <a:ext cx="3200400" cy="0"/>
            </a:xfrm>
            <a:prstGeom prst="line">
              <a:avLst/>
            </a:prstGeom>
            <a:ln w="19050"/>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9C49D558-2123-D905-70AB-E4BDFE063BB4}"/>
                </a:ext>
              </a:extLst>
            </p:cNvPr>
            <p:cNvCxnSpPr>
              <a:cxnSpLocks/>
            </p:cNvCxnSpPr>
            <p:nvPr/>
          </p:nvCxnSpPr>
          <p:spPr>
            <a:xfrm>
              <a:off x="3865050" y="4220963"/>
              <a:ext cx="3200400" cy="0"/>
            </a:xfrm>
            <a:prstGeom prst="line">
              <a:avLst/>
            </a:prstGeom>
            <a:ln w="15875"/>
          </p:spPr>
          <p:style>
            <a:lnRef idx="1">
              <a:schemeClr val="accent1"/>
            </a:lnRef>
            <a:fillRef idx="0">
              <a:schemeClr val="accent1"/>
            </a:fillRef>
            <a:effectRef idx="0">
              <a:schemeClr val="accent1"/>
            </a:effectRef>
            <a:fontRef idx="minor">
              <a:schemeClr val="tx1"/>
            </a:fontRef>
          </p:style>
        </p:cxnSp>
        <p:sp>
          <p:nvSpPr>
            <p:cNvPr id="10" name="TextBox 9">
              <a:extLst>
                <a:ext uri="{FF2B5EF4-FFF2-40B4-BE49-F238E27FC236}">
                  <a16:creationId xmlns:a16="http://schemas.microsoft.com/office/drawing/2014/main" id="{D31A198B-4C2E-0E14-CDEF-1D21B6425924}"/>
                </a:ext>
              </a:extLst>
            </p:cNvPr>
            <p:cNvSpPr txBox="1"/>
            <p:nvPr/>
          </p:nvSpPr>
          <p:spPr>
            <a:xfrm>
              <a:off x="5878692" y="2613197"/>
              <a:ext cx="6163407" cy="286948"/>
            </a:xfrm>
            <a:prstGeom prst="rect">
              <a:avLst/>
            </a:prstGeom>
            <a:noFill/>
          </p:spPr>
          <p:txBody>
            <a:bodyPr wrap="square" lIns="0" tIns="0" rIns="0" bIns="0" rtlCol="0">
              <a:noAutofit/>
            </a:bodyPr>
            <a:lstStyle/>
            <a:p>
              <a:pPr marL="0" marR="0" lvl="0" indent="0" algn="ctr" defTabSz="914400" rtl="0" eaLnBrk="1" fontAlgn="auto" latinLnBrk="0" hangingPunct="1">
                <a:lnSpc>
                  <a:spcPct val="100000"/>
                </a:lnSpc>
                <a:spcBef>
                  <a:spcPts val="600"/>
                </a:spcBef>
                <a:spcAft>
                  <a:spcPts val="600"/>
                </a:spcAft>
                <a:buClrTx/>
                <a:buSzTx/>
                <a:buFontTx/>
                <a:buNone/>
                <a:tabLst/>
                <a:defRPr/>
              </a:pPr>
              <a:r>
                <a:rPr kumimoji="0" lang="en-GB" sz="1400" b="0" i="0" u="none" strike="noStrike" kern="1200" cap="none" spc="0" normalizeH="0" baseline="0" noProof="0" dirty="0">
                  <a:ln>
                    <a:noFill/>
                  </a:ln>
                  <a:solidFill>
                    <a:srgbClr val="425254"/>
                  </a:solidFill>
                  <a:effectLst/>
                  <a:uLnTx/>
                  <a:uFillTx/>
                  <a:latin typeface="Calibre"/>
                  <a:ea typeface="+mn-ea"/>
                  <a:cs typeface="+mn-cs"/>
                </a:rPr>
                <a:t>Horizontal bars show and numbers show average 2010-19 growth rates</a:t>
              </a:r>
            </a:p>
          </p:txBody>
        </p:sp>
        <p:sp>
          <p:nvSpPr>
            <p:cNvPr id="11" name="TextBox 10">
              <a:extLst>
                <a:ext uri="{FF2B5EF4-FFF2-40B4-BE49-F238E27FC236}">
                  <a16:creationId xmlns:a16="http://schemas.microsoft.com/office/drawing/2014/main" id="{5EAB5226-DA8B-A5CE-12AA-2C02E637A378}"/>
                </a:ext>
              </a:extLst>
            </p:cNvPr>
            <p:cNvSpPr txBox="1"/>
            <p:nvPr/>
          </p:nvSpPr>
          <p:spPr>
            <a:xfrm>
              <a:off x="9199050" y="3934015"/>
              <a:ext cx="466928" cy="286948"/>
            </a:xfrm>
            <a:prstGeom prst="rect">
              <a:avLst/>
            </a:prstGeom>
            <a:noFill/>
          </p:spPr>
          <p:txBody>
            <a:bodyPr wrap="square" lIns="0" tIns="0" rIns="0" bIns="0" rtlCol="0">
              <a:noAutofit/>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kumimoji="0" lang="en-GB" sz="1600" b="0" i="0" u="none" strike="noStrike" kern="1200" cap="none" spc="0" normalizeH="0" baseline="0" noProof="0" dirty="0">
                  <a:ln>
                    <a:noFill/>
                  </a:ln>
                  <a:solidFill>
                    <a:srgbClr val="425254"/>
                  </a:solidFill>
                  <a:effectLst/>
                  <a:uLnTx/>
                  <a:uFillTx/>
                </a:rPr>
                <a:t>1.8%</a:t>
              </a:r>
            </a:p>
          </p:txBody>
        </p:sp>
      </p:grpSp>
      <p:sp>
        <p:nvSpPr>
          <p:cNvPr id="3" name="Rectangle 2">
            <a:extLst>
              <a:ext uri="{FF2B5EF4-FFF2-40B4-BE49-F238E27FC236}">
                <a16:creationId xmlns:a16="http://schemas.microsoft.com/office/drawing/2014/main" id="{9145508E-B731-7EBA-50EC-AAD9D1B4F1E1}"/>
              </a:ext>
            </a:extLst>
          </p:cNvPr>
          <p:cNvSpPr/>
          <p:nvPr/>
        </p:nvSpPr>
        <p:spPr>
          <a:xfrm>
            <a:off x="381000" y="6410905"/>
            <a:ext cx="2286000" cy="294695"/>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348358494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Chart 1">
            <a:extLst>
              <a:ext uri="{FF2B5EF4-FFF2-40B4-BE49-F238E27FC236}">
                <a16:creationId xmlns:a16="http://schemas.microsoft.com/office/drawing/2014/main" id="{84E76B66-D7CC-DFA9-184B-5614B3C8BD60}"/>
              </a:ext>
            </a:extLst>
          </p:cNvPr>
          <p:cNvGraphicFramePr>
            <a:graphicFrameLocks/>
          </p:cNvGraphicFramePr>
          <p:nvPr>
            <p:extLst>
              <p:ext uri="{D42A27DB-BD31-4B8C-83A1-F6EECF244321}">
                <p14:modId xmlns:p14="http://schemas.microsoft.com/office/powerpoint/2010/main" val="241893811"/>
              </p:ext>
            </p:extLst>
          </p:nvPr>
        </p:nvGraphicFramePr>
        <p:xfrm>
          <a:off x="381000" y="1676400"/>
          <a:ext cx="11430000" cy="4572000"/>
        </p:xfrm>
        <a:graphic>
          <a:graphicData uri="http://schemas.openxmlformats.org/drawingml/2006/chart">
            <c:chart xmlns:c="http://schemas.openxmlformats.org/drawingml/2006/chart" xmlns:r="http://schemas.openxmlformats.org/officeDocument/2006/relationships" r:id="rId3"/>
          </a:graphicData>
        </a:graphic>
      </p:graphicFrame>
      <p:sp>
        <p:nvSpPr>
          <p:cNvPr id="6" name="Title 9">
            <a:extLst>
              <a:ext uri="{FF2B5EF4-FFF2-40B4-BE49-F238E27FC236}">
                <a16:creationId xmlns:a16="http://schemas.microsoft.com/office/drawing/2014/main" id="{34FC8109-BC09-7F83-2809-541D686F52F9}"/>
              </a:ext>
            </a:extLst>
          </p:cNvPr>
          <p:cNvSpPr txBox="1">
            <a:spLocks/>
          </p:cNvSpPr>
          <p:nvPr/>
        </p:nvSpPr>
        <p:spPr>
          <a:xfrm>
            <a:off x="360892" y="838146"/>
            <a:ext cx="11602508" cy="418445"/>
          </a:xfrm>
          <a:prstGeom prst="rect">
            <a:avLst/>
          </a:prstGeom>
        </p:spPr>
        <p:txBody>
          <a:bodyPr anchor="t"/>
          <a:lstStyle>
            <a:lvl1pPr eaLnBrk="1" hangingPunct="1">
              <a:lnSpc>
                <a:spcPts val="4600"/>
              </a:lnSpc>
              <a:defRPr sz="4400" b="0" i="0" spc="100" baseline="0">
                <a:solidFill>
                  <a:srgbClr val="012A2D"/>
                </a:solidFill>
                <a:latin typeface="Financier Display" panose="02020503070506060203" pitchFamily="18" charset="77"/>
                <a:ea typeface="+mj-ea"/>
                <a:cs typeface="+mj-cs"/>
              </a:defRPr>
            </a:lvl1pPr>
          </a:lstStyle>
          <a:p>
            <a:pPr marL="0" marR="0" lvl="0" indent="0" algn="l" defTabSz="914400" rtl="0" eaLnBrk="1" fontAlgn="auto" latinLnBrk="0" hangingPunct="1">
              <a:lnSpc>
                <a:spcPts val="3400"/>
              </a:lnSpc>
              <a:spcBef>
                <a:spcPts val="0"/>
              </a:spcBef>
              <a:spcAft>
                <a:spcPts val="0"/>
              </a:spcAft>
              <a:buClrTx/>
              <a:buSzTx/>
              <a:buFontTx/>
              <a:buNone/>
              <a:tabLst/>
              <a:defRPr/>
            </a:pPr>
            <a:r>
              <a:rPr kumimoji="0" lang="en-US" sz="3500" b="0" i="0" u="none" strike="noStrike" kern="0" cap="none" spc="0" normalizeH="0" baseline="0" noProof="0" dirty="0">
                <a:ln>
                  <a:noFill/>
                </a:ln>
                <a:solidFill>
                  <a:srgbClr val="435254"/>
                </a:solidFill>
                <a:effectLst/>
                <a:uLnTx/>
                <a:uFillTx/>
                <a:latin typeface="Financier Display" panose="02020503070506060203" pitchFamily="18" charset="77"/>
                <a:ea typeface="+mj-ea"/>
                <a:cs typeface="+mj-cs"/>
              </a:rPr>
              <a:t>Government finances – the problem no one wants to deal with</a:t>
            </a:r>
          </a:p>
        </p:txBody>
      </p:sp>
      <p:sp>
        <p:nvSpPr>
          <p:cNvPr id="8" name="TextBox 7">
            <a:extLst>
              <a:ext uri="{FF2B5EF4-FFF2-40B4-BE49-F238E27FC236}">
                <a16:creationId xmlns:a16="http://schemas.microsoft.com/office/drawing/2014/main" id="{93259CC3-2374-F5E4-B4FA-460CF0F7B741}"/>
              </a:ext>
            </a:extLst>
          </p:cNvPr>
          <p:cNvSpPr txBox="1"/>
          <p:nvPr/>
        </p:nvSpPr>
        <p:spPr>
          <a:xfrm>
            <a:off x="533400" y="1295346"/>
            <a:ext cx="9143999" cy="228654"/>
          </a:xfrm>
          <a:prstGeom prst="rect">
            <a:avLst/>
          </a:prstGeom>
          <a:noFill/>
        </p:spPr>
        <p:txBody>
          <a:bodyPr wrap="square" lIns="0" tIns="0" rIns="0" bIns="0" rtlCol="0">
            <a:noAutofit/>
          </a:body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US" sz="2400" kern="1200" dirty="0">
                <a:solidFill>
                  <a:srgbClr val="435254"/>
                </a:solidFill>
                <a:latin typeface="Calibre Semibold" panose="020B0703030202060203" pitchFamily="34" charset="0"/>
              </a:rPr>
              <a:t>Government Balance, % of GDP</a:t>
            </a:r>
            <a:endParaRPr kumimoji="0" lang="en-US" sz="2400" b="0" i="0" u="none" strike="noStrike" kern="1200" cap="none" spc="0" normalizeH="0" baseline="0" noProof="0" dirty="0">
              <a:ln>
                <a:noFill/>
              </a:ln>
              <a:solidFill>
                <a:srgbClr val="435254"/>
              </a:solidFill>
              <a:effectLst/>
              <a:uLnTx/>
              <a:uFillTx/>
              <a:latin typeface="Calibre Semibold" panose="020B0703030202060203" pitchFamily="34" charset="0"/>
              <a:ea typeface="+mn-ea"/>
              <a:cs typeface="+mn-cs"/>
            </a:endParaRPr>
          </a:p>
        </p:txBody>
      </p:sp>
      <p:sp>
        <p:nvSpPr>
          <p:cNvPr id="4" name="object 3">
            <a:extLst>
              <a:ext uri="{FF2B5EF4-FFF2-40B4-BE49-F238E27FC236}">
                <a16:creationId xmlns:a16="http://schemas.microsoft.com/office/drawing/2014/main" id="{F6608A03-711D-0E9D-CE0C-CE5BE0C872B8}"/>
              </a:ext>
            </a:extLst>
          </p:cNvPr>
          <p:cNvSpPr txBox="1"/>
          <p:nvPr/>
        </p:nvSpPr>
        <p:spPr>
          <a:xfrm>
            <a:off x="381000" y="6248400"/>
            <a:ext cx="7593088" cy="162505"/>
          </a:xfrm>
          <a:prstGeom prst="rect">
            <a:avLst/>
          </a:prstGeom>
        </p:spPr>
        <p:txBody>
          <a:bodyPr vert="horz" wrap="square" lIns="0" tIns="2310" rIns="0" bIns="0" rtlCol="0">
            <a:spAutoFit/>
          </a:bodyPr>
          <a:lstStyle/>
          <a:p>
            <a:pPr marL="558728" marR="3081" lvl="0" indent="-551411" algn="l" defTabSz="554492" rtl="0" eaLnBrk="1" fontAlgn="auto" latinLnBrk="0" hangingPunct="1">
              <a:lnSpc>
                <a:spcPct val="105700"/>
              </a:lnSpc>
              <a:spcBef>
                <a:spcPts val="0"/>
              </a:spcBef>
              <a:spcAft>
                <a:spcPts val="0"/>
              </a:spcAft>
              <a:buClrTx/>
              <a:buSzTx/>
              <a:buFontTx/>
              <a:buNone/>
              <a:tabLst/>
              <a:defRPr/>
            </a:pPr>
            <a:r>
              <a:rPr kumimoji="0" lang="en-US" sz="1050" b="0" i="0" u="none" strike="noStrike" kern="0" cap="none" spc="6" normalizeH="0" baseline="0" noProof="0" dirty="0">
                <a:ln>
                  <a:noFill/>
                </a:ln>
                <a:solidFill>
                  <a:srgbClr val="435254"/>
                </a:solidFill>
                <a:effectLst/>
                <a:uLnTx/>
                <a:uFillTx/>
                <a:latin typeface="Calibre Semibold" panose="020B0703030202060203" pitchFamily="34" charset="0"/>
                <a:ea typeface="+mn-ea"/>
                <a:cs typeface="Calibre"/>
              </a:rPr>
              <a:t>Source:</a:t>
            </a:r>
            <a:r>
              <a:rPr kumimoji="0" lang="en-US" sz="1050" b="0" i="0" u="none" strike="noStrike" kern="0" cap="none" spc="6" normalizeH="0" baseline="0" noProof="0" dirty="0">
                <a:ln>
                  <a:noFill/>
                </a:ln>
                <a:solidFill>
                  <a:srgbClr val="435254"/>
                </a:solidFill>
                <a:effectLst/>
                <a:uLnTx/>
                <a:uFillTx/>
                <a:latin typeface="Calibre"/>
                <a:ea typeface="+mn-ea"/>
                <a:cs typeface="Calibre"/>
              </a:rPr>
              <a:t> Oxford Economics, July 2024</a:t>
            </a:r>
          </a:p>
        </p:txBody>
      </p:sp>
      <p:pic>
        <p:nvPicPr>
          <p:cNvPr id="5" name="Picture 4">
            <a:extLst>
              <a:ext uri="{FF2B5EF4-FFF2-40B4-BE49-F238E27FC236}">
                <a16:creationId xmlns:a16="http://schemas.microsoft.com/office/drawing/2014/main" id="{B2C548AB-62B7-A2AD-8ECF-634AB62D5DB2}"/>
              </a:ext>
            </a:extLst>
          </p:cNvPr>
          <p:cNvPicPr>
            <a:picLocks noChangeAspect="1"/>
          </p:cNvPicPr>
          <p:nvPr/>
        </p:nvPicPr>
        <p:blipFill>
          <a:blip r:embed="rId4"/>
          <a:stretch>
            <a:fillRect/>
          </a:stretch>
        </p:blipFill>
        <p:spPr>
          <a:xfrm>
            <a:off x="762000" y="4452960"/>
            <a:ext cx="3657600" cy="1457280"/>
          </a:xfrm>
          <a:prstGeom prst="rect">
            <a:avLst/>
          </a:prstGeom>
        </p:spPr>
      </p:pic>
      <p:sp>
        <p:nvSpPr>
          <p:cNvPr id="7" name="Rectangle 6">
            <a:extLst>
              <a:ext uri="{FF2B5EF4-FFF2-40B4-BE49-F238E27FC236}">
                <a16:creationId xmlns:a16="http://schemas.microsoft.com/office/drawing/2014/main" id="{DF9780E1-6311-A4D7-B13A-ED7F926C041C}"/>
              </a:ext>
            </a:extLst>
          </p:cNvPr>
          <p:cNvSpPr/>
          <p:nvPr/>
        </p:nvSpPr>
        <p:spPr>
          <a:xfrm>
            <a:off x="304800" y="6466895"/>
            <a:ext cx="2286000" cy="162505"/>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50926092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9">
            <a:extLst>
              <a:ext uri="{FF2B5EF4-FFF2-40B4-BE49-F238E27FC236}">
                <a16:creationId xmlns:a16="http://schemas.microsoft.com/office/drawing/2014/main" id="{34FC8109-BC09-7F83-2809-541D686F52F9}"/>
              </a:ext>
            </a:extLst>
          </p:cNvPr>
          <p:cNvSpPr txBox="1">
            <a:spLocks/>
          </p:cNvSpPr>
          <p:nvPr/>
        </p:nvSpPr>
        <p:spPr>
          <a:xfrm>
            <a:off x="360892" y="838200"/>
            <a:ext cx="11250147" cy="418445"/>
          </a:xfrm>
          <a:prstGeom prst="rect">
            <a:avLst/>
          </a:prstGeom>
        </p:spPr>
        <p:txBody>
          <a:bodyPr anchor="t"/>
          <a:lstStyle>
            <a:lvl1pPr eaLnBrk="1" hangingPunct="1">
              <a:lnSpc>
                <a:spcPts val="4600"/>
              </a:lnSpc>
              <a:defRPr sz="4400" b="0" i="0" spc="100" baseline="0">
                <a:solidFill>
                  <a:srgbClr val="012A2D"/>
                </a:solidFill>
                <a:latin typeface="Financier Display" panose="02020503070506060203" pitchFamily="18" charset="77"/>
                <a:ea typeface="+mj-ea"/>
                <a:cs typeface="+mj-cs"/>
              </a:defRPr>
            </a:lvl1pPr>
          </a:lstStyle>
          <a:p>
            <a:pPr marL="0" marR="0" lvl="0" indent="0" algn="l" defTabSz="914400" rtl="0" eaLnBrk="1" fontAlgn="auto" latinLnBrk="0" hangingPunct="1">
              <a:lnSpc>
                <a:spcPts val="3400"/>
              </a:lnSpc>
              <a:spcBef>
                <a:spcPts val="0"/>
              </a:spcBef>
              <a:spcAft>
                <a:spcPts val="0"/>
              </a:spcAft>
              <a:buClrTx/>
              <a:buSzTx/>
              <a:buFontTx/>
              <a:buNone/>
              <a:tabLst/>
              <a:defRPr/>
            </a:pPr>
            <a:r>
              <a:rPr kumimoji="0" lang="en-US" sz="3600" b="0" i="0" u="none" strike="noStrike" kern="0" cap="none" spc="0" normalizeH="0" baseline="0" noProof="0" dirty="0">
                <a:ln>
                  <a:noFill/>
                </a:ln>
                <a:solidFill>
                  <a:srgbClr val="435254"/>
                </a:solidFill>
                <a:effectLst/>
                <a:uLnTx/>
                <a:uFillTx/>
                <a:latin typeface="Financier Display" panose="02020503070506060203" pitchFamily="18" charset="77"/>
                <a:ea typeface="+mj-ea"/>
                <a:cs typeface="+mj-cs"/>
              </a:rPr>
              <a:t>Bond rates are elevated and volatile </a:t>
            </a:r>
          </a:p>
        </p:txBody>
      </p:sp>
      <p:sp>
        <p:nvSpPr>
          <p:cNvPr id="7" name="object 3">
            <a:extLst>
              <a:ext uri="{FF2B5EF4-FFF2-40B4-BE49-F238E27FC236}">
                <a16:creationId xmlns:a16="http://schemas.microsoft.com/office/drawing/2014/main" id="{55566DD1-2BCC-89BC-5D47-AAB1E5410123}"/>
              </a:ext>
            </a:extLst>
          </p:cNvPr>
          <p:cNvSpPr txBox="1"/>
          <p:nvPr/>
        </p:nvSpPr>
        <p:spPr>
          <a:xfrm>
            <a:off x="433779" y="6258386"/>
            <a:ext cx="7593088" cy="162505"/>
          </a:xfrm>
          <a:prstGeom prst="rect">
            <a:avLst/>
          </a:prstGeom>
        </p:spPr>
        <p:txBody>
          <a:bodyPr vert="horz" wrap="square" lIns="0" tIns="2310" rIns="0" bIns="0" rtlCol="0">
            <a:spAutoFit/>
          </a:bodyPr>
          <a:lstStyle/>
          <a:p>
            <a:pPr marL="558728" marR="3081" lvl="0" indent="-551411" algn="l" defTabSz="554492" rtl="0" eaLnBrk="1" fontAlgn="auto" latinLnBrk="0" hangingPunct="1">
              <a:lnSpc>
                <a:spcPct val="105700"/>
              </a:lnSpc>
              <a:spcBef>
                <a:spcPts val="0"/>
              </a:spcBef>
              <a:spcAft>
                <a:spcPts val="0"/>
              </a:spcAft>
              <a:buClrTx/>
              <a:buSzTx/>
              <a:buFontTx/>
              <a:buNone/>
              <a:tabLst/>
              <a:defRPr/>
            </a:pPr>
            <a:r>
              <a:rPr kumimoji="0" lang="en-US" sz="1050" b="0" i="0" u="none" strike="noStrike" kern="0" cap="none" spc="6" normalizeH="0" baseline="0" noProof="0" dirty="0">
                <a:ln>
                  <a:noFill/>
                </a:ln>
                <a:solidFill>
                  <a:srgbClr val="435254"/>
                </a:solidFill>
                <a:effectLst/>
                <a:uLnTx/>
                <a:uFillTx/>
                <a:latin typeface="Calibre Semibold" panose="020B0703030202060203" pitchFamily="34" charset="0"/>
                <a:ea typeface="+mn-ea"/>
                <a:cs typeface="Calibre"/>
              </a:rPr>
              <a:t>Source:</a:t>
            </a:r>
            <a:r>
              <a:rPr kumimoji="0" lang="en-US" sz="1050" b="0" i="0" u="none" strike="noStrike" kern="0" cap="none" spc="6" normalizeH="0" baseline="0" noProof="0" dirty="0">
                <a:ln>
                  <a:noFill/>
                </a:ln>
                <a:solidFill>
                  <a:srgbClr val="435254"/>
                </a:solidFill>
                <a:effectLst/>
                <a:uLnTx/>
                <a:uFillTx/>
                <a:latin typeface="Calibre"/>
                <a:ea typeface="+mn-ea"/>
                <a:cs typeface="Calibre"/>
              </a:rPr>
              <a:t> </a:t>
            </a:r>
            <a:r>
              <a:rPr lang="en-US" sz="1050" spc="6" dirty="0">
                <a:solidFill>
                  <a:srgbClr val="435254"/>
                </a:solidFill>
                <a:latin typeface="Calibre"/>
                <a:cs typeface="Calibre"/>
              </a:rPr>
              <a:t>Macrobond</a:t>
            </a:r>
            <a:endParaRPr kumimoji="0" lang="en-US" sz="1050" b="0" i="0" u="none" strike="noStrike" kern="0" cap="none" spc="6" normalizeH="0" baseline="0" noProof="0" dirty="0">
              <a:ln>
                <a:noFill/>
              </a:ln>
              <a:solidFill>
                <a:srgbClr val="435254"/>
              </a:solidFill>
              <a:effectLst/>
              <a:uLnTx/>
              <a:uFillTx/>
              <a:latin typeface="Calibre"/>
              <a:ea typeface="+mn-ea"/>
              <a:cs typeface="Calibre"/>
            </a:endParaRPr>
          </a:p>
        </p:txBody>
      </p:sp>
      <p:sp>
        <p:nvSpPr>
          <p:cNvPr id="8" name="TextBox 7">
            <a:extLst>
              <a:ext uri="{FF2B5EF4-FFF2-40B4-BE49-F238E27FC236}">
                <a16:creationId xmlns:a16="http://schemas.microsoft.com/office/drawing/2014/main" id="{93259CC3-2374-F5E4-B4FA-460CF0F7B741}"/>
              </a:ext>
            </a:extLst>
          </p:cNvPr>
          <p:cNvSpPr txBox="1"/>
          <p:nvPr/>
        </p:nvSpPr>
        <p:spPr>
          <a:xfrm>
            <a:off x="561079" y="1295400"/>
            <a:ext cx="8430521" cy="228654"/>
          </a:xfrm>
          <a:prstGeom prst="rect">
            <a:avLst/>
          </a:prstGeom>
          <a:noFill/>
        </p:spPr>
        <p:txBody>
          <a:bodyPr wrap="square" lIns="0" tIns="0" rIns="0" bIns="0" rtlCol="0">
            <a:noAutofit/>
          </a:bodyPr>
          <a:lstStyle/>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sz="2400" b="0" i="0" u="none" strike="noStrike" kern="1200" cap="none" spc="0" normalizeH="0" baseline="0" noProof="0" dirty="0">
                <a:ln>
                  <a:noFill/>
                </a:ln>
                <a:solidFill>
                  <a:srgbClr val="435254"/>
                </a:solidFill>
                <a:effectLst/>
                <a:uLnTx/>
                <a:uFillTx/>
                <a:latin typeface="Calibre Semibold" panose="020B0703030202060203" pitchFamily="34" charset="0"/>
                <a:ea typeface="+mn-ea"/>
                <a:cs typeface="+mn-cs"/>
              </a:rPr>
              <a:t>Global 10 Year Government Bond Rates</a:t>
            </a:r>
          </a:p>
        </p:txBody>
      </p:sp>
      <p:graphicFrame>
        <p:nvGraphicFramePr>
          <p:cNvPr id="5" name="Chart 4">
            <a:extLst>
              <a:ext uri="{FF2B5EF4-FFF2-40B4-BE49-F238E27FC236}">
                <a16:creationId xmlns:a16="http://schemas.microsoft.com/office/drawing/2014/main" id="{84AF3F51-959A-F950-567B-D42D850E02E0}"/>
              </a:ext>
            </a:extLst>
          </p:cNvPr>
          <p:cNvGraphicFramePr>
            <a:graphicFrameLocks/>
          </p:cNvGraphicFramePr>
          <p:nvPr>
            <p:extLst>
              <p:ext uri="{D42A27DB-BD31-4B8C-83A1-F6EECF244321}">
                <p14:modId xmlns:p14="http://schemas.microsoft.com/office/powerpoint/2010/main" val="1274068208"/>
              </p:ext>
            </p:extLst>
          </p:nvPr>
        </p:nvGraphicFramePr>
        <p:xfrm>
          <a:off x="381000" y="1752600"/>
          <a:ext cx="11430000" cy="4572000"/>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164331654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9">
            <a:extLst>
              <a:ext uri="{FF2B5EF4-FFF2-40B4-BE49-F238E27FC236}">
                <a16:creationId xmlns:a16="http://schemas.microsoft.com/office/drawing/2014/main" id="{34FC8109-BC09-7F83-2809-541D686F52F9}"/>
              </a:ext>
            </a:extLst>
          </p:cNvPr>
          <p:cNvSpPr txBox="1">
            <a:spLocks/>
          </p:cNvSpPr>
          <p:nvPr/>
        </p:nvSpPr>
        <p:spPr>
          <a:xfrm>
            <a:off x="360892" y="838146"/>
            <a:ext cx="11250147" cy="418445"/>
          </a:xfrm>
          <a:prstGeom prst="rect">
            <a:avLst/>
          </a:prstGeom>
        </p:spPr>
        <p:txBody>
          <a:bodyPr anchor="t"/>
          <a:lstStyle>
            <a:lvl1pPr eaLnBrk="1" hangingPunct="1">
              <a:lnSpc>
                <a:spcPts val="4600"/>
              </a:lnSpc>
              <a:defRPr sz="4400" b="0" i="0" spc="100" baseline="0">
                <a:solidFill>
                  <a:srgbClr val="012A2D"/>
                </a:solidFill>
                <a:latin typeface="Financier Display" panose="02020503070506060203" pitchFamily="18" charset="77"/>
                <a:ea typeface="+mj-ea"/>
                <a:cs typeface="+mj-cs"/>
              </a:defRPr>
            </a:lvl1pPr>
          </a:lstStyle>
          <a:p>
            <a:pPr marL="0" marR="0" lvl="0" indent="0" algn="l" defTabSz="914400" rtl="0" eaLnBrk="1" fontAlgn="auto" latinLnBrk="0" hangingPunct="1">
              <a:lnSpc>
                <a:spcPts val="3400"/>
              </a:lnSpc>
              <a:spcBef>
                <a:spcPts val="0"/>
              </a:spcBef>
              <a:spcAft>
                <a:spcPts val="0"/>
              </a:spcAft>
              <a:buClrTx/>
              <a:buSzTx/>
              <a:buFontTx/>
              <a:buNone/>
              <a:tabLst/>
              <a:defRPr/>
            </a:pPr>
            <a:r>
              <a:rPr kumimoji="0" lang="en-US" sz="3600" b="0" i="0" u="none" strike="noStrike" kern="0" cap="none" spc="0" normalizeH="0" baseline="0" noProof="0" dirty="0">
                <a:ln>
                  <a:noFill/>
                </a:ln>
                <a:solidFill>
                  <a:srgbClr val="435254"/>
                </a:solidFill>
                <a:effectLst/>
                <a:uLnTx/>
                <a:uFillTx/>
                <a:latin typeface="Financier Display" panose="02020503070506060203" pitchFamily="18" charset="77"/>
                <a:ea typeface="+mj-ea"/>
                <a:cs typeface="+mj-cs"/>
              </a:rPr>
              <a:t>Capital values continue to drift down – or do they?</a:t>
            </a:r>
          </a:p>
        </p:txBody>
      </p:sp>
      <p:sp>
        <p:nvSpPr>
          <p:cNvPr id="7" name="object 3">
            <a:extLst>
              <a:ext uri="{FF2B5EF4-FFF2-40B4-BE49-F238E27FC236}">
                <a16:creationId xmlns:a16="http://schemas.microsoft.com/office/drawing/2014/main" id="{55566DD1-2BCC-89BC-5D47-AAB1E5410123}"/>
              </a:ext>
            </a:extLst>
          </p:cNvPr>
          <p:cNvSpPr txBox="1"/>
          <p:nvPr/>
        </p:nvSpPr>
        <p:spPr>
          <a:xfrm>
            <a:off x="433779" y="6258386"/>
            <a:ext cx="7593088" cy="162505"/>
          </a:xfrm>
          <a:prstGeom prst="rect">
            <a:avLst/>
          </a:prstGeom>
        </p:spPr>
        <p:txBody>
          <a:bodyPr vert="horz" wrap="square" lIns="0" tIns="2310" rIns="0" bIns="0" rtlCol="0">
            <a:spAutoFit/>
          </a:bodyPr>
          <a:lstStyle/>
          <a:p>
            <a:pPr marL="558728" marR="3081" lvl="0" indent="-551411" algn="l" defTabSz="554492" rtl="0" eaLnBrk="1" fontAlgn="auto" latinLnBrk="0" hangingPunct="1">
              <a:lnSpc>
                <a:spcPct val="105700"/>
              </a:lnSpc>
              <a:spcBef>
                <a:spcPts val="0"/>
              </a:spcBef>
              <a:spcAft>
                <a:spcPts val="0"/>
              </a:spcAft>
              <a:buClrTx/>
              <a:buSzTx/>
              <a:buFontTx/>
              <a:buNone/>
              <a:tabLst/>
              <a:defRPr/>
            </a:pPr>
            <a:r>
              <a:rPr kumimoji="0" lang="en-US" sz="1050" b="0" i="0" u="none" strike="noStrike" kern="0" cap="none" spc="6" normalizeH="0" baseline="0" noProof="0" dirty="0">
                <a:ln>
                  <a:noFill/>
                </a:ln>
                <a:solidFill>
                  <a:srgbClr val="435254"/>
                </a:solidFill>
                <a:effectLst/>
                <a:uLnTx/>
                <a:uFillTx/>
                <a:latin typeface="Calibre Semibold" panose="020B0703030202060203" pitchFamily="34" charset="0"/>
                <a:ea typeface="+mn-ea"/>
                <a:cs typeface="Calibre"/>
              </a:rPr>
              <a:t>Source:</a:t>
            </a:r>
            <a:r>
              <a:rPr kumimoji="0" lang="en-US" sz="1050" b="0" i="0" u="none" strike="noStrike" kern="0" cap="none" spc="6" normalizeH="0" baseline="0" noProof="0" dirty="0">
                <a:ln>
                  <a:noFill/>
                </a:ln>
                <a:solidFill>
                  <a:srgbClr val="435254"/>
                </a:solidFill>
                <a:effectLst/>
                <a:uLnTx/>
                <a:uFillTx/>
                <a:latin typeface="Calibre"/>
                <a:ea typeface="+mn-ea"/>
                <a:cs typeface="Calibre"/>
              </a:rPr>
              <a:t> CBRE Research, CBRE Economic Advisors, Q2 2024 (Prelim) </a:t>
            </a:r>
          </a:p>
        </p:txBody>
      </p:sp>
      <p:sp>
        <p:nvSpPr>
          <p:cNvPr id="8" name="TextBox 7">
            <a:extLst>
              <a:ext uri="{FF2B5EF4-FFF2-40B4-BE49-F238E27FC236}">
                <a16:creationId xmlns:a16="http://schemas.microsoft.com/office/drawing/2014/main" id="{93259CC3-2374-F5E4-B4FA-460CF0F7B741}"/>
              </a:ext>
            </a:extLst>
          </p:cNvPr>
          <p:cNvSpPr txBox="1"/>
          <p:nvPr/>
        </p:nvSpPr>
        <p:spPr>
          <a:xfrm>
            <a:off x="561079" y="1295346"/>
            <a:ext cx="8430521" cy="228654"/>
          </a:xfrm>
          <a:prstGeom prst="rect">
            <a:avLst/>
          </a:prstGeom>
          <a:noFill/>
        </p:spPr>
        <p:txBody>
          <a:bodyPr wrap="square" lIns="0" tIns="0" rIns="0" bIns="0" rtlCol="0">
            <a:noAutofit/>
          </a:bodyPr>
          <a:lstStyle/>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sz="2400" b="0" i="0" u="none" strike="noStrike" kern="1200" cap="none" spc="0" normalizeH="0" baseline="0" noProof="0" dirty="0">
                <a:ln>
                  <a:noFill/>
                </a:ln>
                <a:solidFill>
                  <a:srgbClr val="435254"/>
                </a:solidFill>
                <a:effectLst/>
                <a:uLnTx/>
                <a:uFillTx/>
                <a:latin typeface="Calibre Semibold" panose="020B0703030202060203" pitchFamily="34" charset="0"/>
                <a:ea typeface="+mn-ea"/>
                <a:cs typeface="+mn-cs"/>
              </a:rPr>
              <a:t>Global Capital Values Index, 2003 Q1 =100 </a:t>
            </a:r>
          </a:p>
        </p:txBody>
      </p:sp>
      <p:graphicFrame>
        <p:nvGraphicFramePr>
          <p:cNvPr id="4" name="Chart 3">
            <a:extLst>
              <a:ext uri="{FF2B5EF4-FFF2-40B4-BE49-F238E27FC236}">
                <a16:creationId xmlns:a16="http://schemas.microsoft.com/office/drawing/2014/main" id="{B71EB06D-14BB-5EDF-2E6D-2361E61BA4CC}"/>
              </a:ext>
            </a:extLst>
          </p:cNvPr>
          <p:cNvGraphicFramePr>
            <a:graphicFrameLocks/>
          </p:cNvGraphicFramePr>
          <p:nvPr>
            <p:extLst>
              <p:ext uri="{D42A27DB-BD31-4B8C-83A1-F6EECF244321}">
                <p14:modId xmlns:p14="http://schemas.microsoft.com/office/powerpoint/2010/main" val="1124111925"/>
              </p:ext>
            </p:extLst>
          </p:nvPr>
        </p:nvGraphicFramePr>
        <p:xfrm>
          <a:off x="325331" y="1676400"/>
          <a:ext cx="11430000" cy="4572000"/>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199826397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9A5148-2FE6-4B4A-6187-9598843C41A6}"/>
            </a:ext>
          </a:extLst>
        </p:cNvPr>
        <p:cNvGrpSpPr/>
        <p:nvPr/>
      </p:nvGrpSpPr>
      <p:grpSpPr>
        <a:xfrm>
          <a:off x="0" y="0"/>
          <a:ext cx="0" cy="0"/>
          <a:chOff x="0" y="0"/>
          <a:chExt cx="0" cy="0"/>
        </a:xfrm>
      </p:grpSpPr>
      <p:sp>
        <p:nvSpPr>
          <p:cNvPr id="10" name="TextBox 9">
            <a:extLst>
              <a:ext uri="{FF2B5EF4-FFF2-40B4-BE49-F238E27FC236}">
                <a16:creationId xmlns:a16="http://schemas.microsoft.com/office/drawing/2014/main" id="{A64D358E-26F8-5593-02B3-9D7C4F6BFAC3}"/>
              </a:ext>
            </a:extLst>
          </p:cNvPr>
          <p:cNvSpPr txBox="1"/>
          <p:nvPr/>
        </p:nvSpPr>
        <p:spPr>
          <a:xfrm>
            <a:off x="1093678" y="2705119"/>
            <a:ext cx="2558925" cy="1447762"/>
          </a:xfrm>
          <a:prstGeom prst="rect">
            <a:avLst/>
          </a:prstGeom>
          <a:noFill/>
        </p:spPr>
        <p:txBody>
          <a:bodyPr wrap="square" lIns="76800" tIns="76800" rIns="76800" bIns="76800" rtlCol="0">
            <a:spAutoFit/>
          </a:bodyPr>
          <a:lstStyle/>
          <a:p>
            <a:pPr marL="0" marR="0" lvl="0" indent="0" algn="l" defTabSz="121914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435254"/>
                </a:solidFill>
                <a:effectLst/>
                <a:uLnTx/>
                <a:uFillTx/>
                <a:latin typeface="Futura Md BT Medium" charset="0"/>
                <a:ea typeface="Futura Md BT Medium" charset="0"/>
                <a:cs typeface="Futura Md BT Medium" charset="0"/>
              </a:rPr>
              <a:t>Dr. Richard Barkham</a:t>
            </a:r>
          </a:p>
          <a:p>
            <a:pPr marL="0" marR="0" lvl="0" indent="0" algn="l" defTabSz="121914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435254"/>
                </a:solidFill>
                <a:effectLst/>
                <a:uLnTx/>
                <a:uFillTx/>
                <a:latin typeface="Futura Md BT Medium" panose="020B0602020204020303" pitchFamily="34" charset="0"/>
                <a:ea typeface="Futura Md BT Medium" charset="0"/>
                <a:cs typeface="Futura Md BT Medium" charset="0"/>
              </a:rPr>
              <a:t>Global Chief Economist &amp; </a:t>
            </a:r>
          </a:p>
          <a:p>
            <a:pPr marL="0" marR="0" lvl="0" indent="0" algn="l" defTabSz="121914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435254"/>
                </a:solidFill>
                <a:effectLst/>
                <a:uLnTx/>
                <a:uFillTx/>
                <a:latin typeface="Futura Md BT Medium" panose="020B0602020204020303" pitchFamily="34" charset="0"/>
                <a:ea typeface="Futura Md BT Medium" charset="0"/>
                <a:cs typeface="Futura Md BT Medium" charset="0"/>
              </a:rPr>
              <a:t>Head of Americas Research </a:t>
            </a:r>
          </a:p>
          <a:p>
            <a:pPr marL="0" marR="0" lvl="0" indent="0" algn="l" defTabSz="121914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435254"/>
                </a:solidFill>
                <a:effectLst/>
                <a:uLnTx/>
                <a:uFillTx/>
                <a:latin typeface="Futura Md BT Medium" panose="020B0602020204020303" pitchFamily="34" charset="0"/>
                <a:ea typeface="Futura Md BT Medium" charset="0"/>
                <a:cs typeface="Futura Md BT Medium" charset="0"/>
              </a:rPr>
              <a:t>CBRE Research </a:t>
            </a:r>
          </a:p>
          <a:p>
            <a:pPr marL="0" marR="0" lvl="0" indent="0" algn="l" defTabSz="121914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435254"/>
                </a:solidFill>
                <a:effectLst/>
                <a:uLnTx/>
                <a:uFillTx/>
                <a:latin typeface="Futura Md BT Medium" panose="020B0602020204020303" pitchFamily="34" charset="0"/>
                <a:ea typeface="Futura Md BT Medium" charset="0"/>
                <a:cs typeface="Futura Md BT Medium" charset="0"/>
              </a:rPr>
              <a:t>+1 617 912 5215</a:t>
            </a:r>
          </a:p>
          <a:p>
            <a:pPr marL="0" marR="0" lvl="0" indent="0" algn="l" defTabSz="121914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435254"/>
                </a:solidFill>
                <a:effectLst/>
                <a:uLnTx/>
                <a:uFillTx/>
                <a:latin typeface="Futura Md BT Medium" panose="020B0602020204020303" pitchFamily="34" charset="0"/>
                <a:ea typeface="Futura Md BT Medium" charset="0"/>
                <a:cs typeface="Futura Md BT Medium" charset="0"/>
                <a:hlinkClick r:id="rId3">
                  <a:extLst>
                    <a:ext uri="{A12FA001-AC4F-418D-AE19-62706E023703}">
                      <ahyp:hlinkClr xmlns:ahyp="http://schemas.microsoft.com/office/drawing/2018/hyperlinkcolor" val="tx"/>
                    </a:ext>
                  </a:extLst>
                </a:hlinkClick>
              </a:rPr>
              <a:t>richard.barkham@cbre.com</a:t>
            </a:r>
            <a:r>
              <a:rPr kumimoji="0" lang="en-US" sz="1400" b="0" i="0" u="none" strike="noStrike" kern="1200" cap="none" spc="0" normalizeH="0" baseline="0" noProof="0" dirty="0">
                <a:ln>
                  <a:noFill/>
                </a:ln>
                <a:solidFill>
                  <a:srgbClr val="435254"/>
                </a:solidFill>
                <a:effectLst/>
                <a:uLnTx/>
                <a:uFillTx/>
                <a:latin typeface="Futura Md BT Medium" panose="020B0602020204020303" pitchFamily="34" charset="0"/>
                <a:ea typeface="Futura Md BT Medium" charset="0"/>
                <a:cs typeface="Futura Md BT Medium" charset="0"/>
              </a:rPr>
              <a:t> </a:t>
            </a:r>
          </a:p>
        </p:txBody>
      </p:sp>
      <p:sp>
        <p:nvSpPr>
          <p:cNvPr id="12" name="TextBox 11">
            <a:extLst>
              <a:ext uri="{FF2B5EF4-FFF2-40B4-BE49-F238E27FC236}">
                <a16:creationId xmlns:a16="http://schemas.microsoft.com/office/drawing/2014/main" id="{D7596E62-FC90-8D1D-E187-2FA18F2F5B03}"/>
              </a:ext>
            </a:extLst>
          </p:cNvPr>
          <p:cNvSpPr txBox="1"/>
          <p:nvPr/>
        </p:nvSpPr>
        <p:spPr>
          <a:xfrm>
            <a:off x="4436474" y="2705119"/>
            <a:ext cx="3004232" cy="1447762"/>
          </a:xfrm>
          <a:prstGeom prst="rect">
            <a:avLst/>
          </a:prstGeom>
          <a:noFill/>
        </p:spPr>
        <p:txBody>
          <a:bodyPr wrap="square" lIns="76800" tIns="76800" rIns="76800" bIns="76800" rtlCol="0" anchor="t">
            <a:spAutoFit/>
          </a:bodyPr>
          <a:lstStyle/>
          <a:p>
            <a:pPr algn="l" defTabSz="1219140" rtl="0">
              <a:spcBef>
                <a:spcPts val="0"/>
              </a:spcBef>
              <a:spcAft>
                <a:spcPts val="0"/>
              </a:spcAft>
              <a:defRPr/>
            </a:pPr>
            <a:r>
              <a:rPr lang="en-US" sz="1400" kern="1200" dirty="0">
                <a:solidFill>
                  <a:srgbClr val="435254"/>
                </a:solidFill>
                <a:latin typeface="Futura Md BT Medium"/>
                <a:ea typeface="Futura Md BT Medium" charset="0"/>
                <a:cs typeface="Futura Md BT Medium" charset="0"/>
              </a:rPr>
              <a:t>Jacob Cottrell</a:t>
            </a:r>
            <a:endParaRPr kumimoji="0" lang="en-US" sz="1400" b="0" i="0" u="none" strike="noStrike" kern="1200" cap="none" spc="0" normalizeH="0" baseline="0" noProof="0" dirty="0">
              <a:ln>
                <a:noFill/>
              </a:ln>
              <a:solidFill>
                <a:srgbClr val="435254"/>
              </a:solidFill>
              <a:effectLst/>
              <a:uLnTx/>
              <a:uFillTx/>
              <a:latin typeface="Futura Md BT Medium"/>
              <a:ea typeface="Futura Md BT Medium" charset="0"/>
              <a:cs typeface="Futura Md BT Medium" charset="0"/>
            </a:endParaRPr>
          </a:p>
          <a:p>
            <a:pPr algn="l" defTabSz="1219140" rtl="0">
              <a:spcBef>
                <a:spcPts val="0"/>
              </a:spcBef>
              <a:spcAft>
                <a:spcPts val="0"/>
              </a:spcAft>
              <a:defRPr/>
            </a:pPr>
            <a:r>
              <a:rPr lang="en-US" sz="1400" kern="1200" dirty="0">
                <a:solidFill>
                  <a:srgbClr val="435254"/>
                </a:solidFill>
                <a:latin typeface="Futura Md BT Medium"/>
                <a:ea typeface="Futura Md BT Medium" charset="0"/>
                <a:cs typeface="Futura Md BT Medium" charset="0"/>
              </a:rPr>
              <a:t>Senior Research Analyst</a:t>
            </a:r>
            <a:endParaRPr lang="en-US" sz="1400" b="0" i="0" u="none" strike="noStrike" kern="1200" cap="none" spc="0" normalizeH="0" baseline="0" noProof="0" dirty="0">
              <a:ln>
                <a:noFill/>
              </a:ln>
              <a:solidFill>
                <a:srgbClr val="435254"/>
              </a:solidFill>
              <a:effectLst/>
              <a:uLnTx/>
              <a:uFillTx/>
              <a:latin typeface="Futura Md BT Medium"/>
              <a:ea typeface="Futura Md BT Medium" charset="0"/>
              <a:cs typeface="Futura Md BT Medium" charset="0"/>
            </a:endParaRPr>
          </a:p>
          <a:p>
            <a:pPr marL="0" marR="0" lvl="0" indent="0" algn="l" defTabSz="121914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435254"/>
                </a:solidFill>
                <a:effectLst/>
                <a:uLnTx/>
                <a:uFillTx/>
                <a:latin typeface="Futura Md BT Medium" panose="020B0602020204020303" pitchFamily="34" charset="0"/>
                <a:ea typeface="Futura Md BT Medium" charset="0"/>
                <a:cs typeface="Futura Md BT Medium" charset="0"/>
              </a:rPr>
              <a:t>Global Research </a:t>
            </a:r>
          </a:p>
          <a:p>
            <a:pPr marL="0" marR="0" lvl="0" indent="0" algn="l" defTabSz="121914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435254"/>
                </a:solidFill>
                <a:effectLst/>
                <a:uLnTx/>
                <a:uFillTx/>
                <a:latin typeface="Futura Md BT Medium" panose="020B0602020204020303" pitchFamily="34" charset="0"/>
                <a:ea typeface="Futura Md BT Medium" charset="0"/>
                <a:cs typeface="Futura Md BT Medium" charset="0"/>
              </a:rPr>
              <a:t>CBRE Research </a:t>
            </a:r>
          </a:p>
          <a:p>
            <a:pPr algn="l" defTabSz="1219140" rtl="0">
              <a:spcBef>
                <a:spcPts val="0"/>
              </a:spcBef>
              <a:spcAft>
                <a:spcPts val="0"/>
              </a:spcAft>
              <a:defRPr/>
            </a:pPr>
            <a:r>
              <a:rPr kumimoji="0" lang="en-US" sz="1400" b="0" i="0" u="none" strike="noStrike" kern="1200" cap="none" spc="0" normalizeH="0" baseline="0" noProof="0" dirty="0">
                <a:ln>
                  <a:noFill/>
                </a:ln>
                <a:solidFill>
                  <a:srgbClr val="435254"/>
                </a:solidFill>
                <a:effectLst/>
                <a:uLnTx/>
                <a:uFillTx/>
                <a:latin typeface="Futura Md BT Medium"/>
                <a:ea typeface="Futura Md BT Medium" charset="0"/>
                <a:cs typeface="Futura Md BT Medium" charset="0"/>
              </a:rPr>
              <a:t>+1 </a:t>
            </a:r>
            <a:r>
              <a:rPr lang="en-US" sz="1400" kern="1200" dirty="0">
                <a:solidFill>
                  <a:srgbClr val="435254"/>
                </a:solidFill>
                <a:latin typeface="Futura Md BT Medium"/>
                <a:ea typeface="Futura Md BT Medium" charset="0"/>
                <a:cs typeface="Futura Md BT Medium" charset="0"/>
              </a:rPr>
              <a:t>618 407 8353</a:t>
            </a:r>
            <a:endParaRPr lang="en-US" sz="1400" b="0" i="0" u="none" strike="noStrike" kern="1200" cap="none" spc="0" normalizeH="0" baseline="0" noProof="0" dirty="0">
              <a:ln>
                <a:noFill/>
              </a:ln>
              <a:solidFill>
                <a:srgbClr val="435254"/>
              </a:solidFill>
              <a:effectLst/>
              <a:uLnTx/>
              <a:uFillTx/>
              <a:latin typeface="Futura Md BT Medium"/>
              <a:ea typeface="Futura Md BT Medium" charset="0"/>
              <a:cs typeface="Futura Md BT Medium" charset="0"/>
            </a:endParaRPr>
          </a:p>
          <a:p>
            <a:pPr algn="l" defTabSz="1219140">
              <a:spcBef>
                <a:spcPts val="0"/>
              </a:spcBef>
              <a:spcAft>
                <a:spcPts val="0"/>
              </a:spcAft>
              <a:defRPr/>
            </a:pPr>
            <a:r>
              <a:rPr lang="en-US" sz="1400" kern="1200" dirty="0">
                <a:solidFill>
                  <a:srgbClr val="435254"/>
                </a:solidFill>
                <a:latin typeface="Futura Md BT Medium" panose="020B0602020204020303" pitchFamily="34" charset="0"/>
                <a:hlinkClick r:id="rId4">
                  <a:extLst>
                    <a:ext uri="{A12FA001-AC4F-418D-AE19-62706E023703}">
                      <ahyp:hlinkClr xmlns:ahyp="http://schemas.microsoft.com/office/drawing/2018/hyperlinkcolor" val="tx"/>
                    </a:ext>
                  </a:extLst>
                </a:hlinkClick>
              </a:rPr>
              <a:t>jacob.cottrell@cbre.com</a:t>
            </a:r>
            <a:r>
              <a:rPr lang="en-US" sz="1400" kern="1200" dirty="0">
                <a:solidFill>
                  <a:srgbClr val="435254"/>
                </a:solidFill>
                <a:latin typeface="Futura Md BT Medium" panose="020B0602020204020303" pitchFamily="34" charset="0"/>
              </a:rPr>
              <a:t> </a:t>
            </a:r>
          </a:p>
        </p:txBody>
      </p:sp>
      <p:sp>
        <p:nvSpPr>
          <p:cNvPr id="13" name="Title 3">
            <a:extLst>
              <a:ext uri="{FF2B5EF4-FFF2-40B4-BE49-F238E27FC236}">
                <a16:creationId xmlns:a16="http://schemas.microsoft.com/office/drawing/2014/main" id="{1CFAC0E4-62F7-C3E8-A80E-DF80F85FEF0F}"/>
              </a:ext>
            </a:extLst>
          </p:cNvPr>
          <p:cNvSpPr txBox="1">
            <a:spLocks/>
          </p:cNvSpPr>
          <p:nvPr/>
        </p:nvSpPr>
        <p:spPr>
          <a:xfrm>
            <a:off x="1093678" y="914400"/>
            <a:ext cx="7585236" cy="3687979"/>
          </a:xfrm>
          <a:prstGeom prst="rect">
            <a:avLst/>
          </a:prstGeom>
        </p:spPr>
        <p:txBody>
          <a:bodyPr vert="horz" lIns="0" tIns="0" rIns="0" bIns="0" rtlCol="0" anchor="t">
            <a:noAutofit/>
          </a:bodyPr>
          <a:lstStyle>
            <a:lvl1pPr eaLnBrk="1" hangingPunct="1">
              <a:lnSpc>
                <a:spcPct val="85000"/>
              </a:lnSpc>
              <a:defRPr sz="4400">
                <a:solidFill>
                  <a:schemeClr val="bg1"/>
                </a:solidFill>
                <a:latin typeface="+mj-lt"/>
                <a:ea typeface="+mj-ea"/>
                <a:cs typeface="+mj-cs"/>
              </a:defRPr>
            </a:lvl1pPr>
          </a:lstStyle>
          <a:p>
            <a:pPr marL="0" marR="0" lvl="0" indent="0" algn="l" defTabSz="914400" rtl="0" eaLnBrk="1" fontAlgn="auto" latinLnBrk="0" hangingPunct="1">
              <a:lnSpc>
                <a:spcPct val="85000"/>
              </a:lnSpc>
              <a:spcBef>
                <a:spcPts val="0"/>
              </a:spcBef>
              <a:spcAft>
                <a:spcPts val="0"/>
              </a:spcAft>
              <a:buClrTx/>
              <a:buSzTx/>
              <a:buFontTx/>
              <a:buNone/>
              <a:tabLst/>
              <a:defRPr/>
            </a:pPr>
            <a:r>
              <a:rPr kumimoji="0" lang="en-US" sz="6600" b="0" i="0" u="none" strike="noStrike" kern="0" cap="none" spc="0" normalizeH="0" baseline="0" noProof="0" dirty="0">
                <a:ln>
                  <a:noFill/>
                </a:ln>
                <a:solidFill>
                  <a:srgbClr val="435254"/>
                </a:solidFill>
                <a:effectLst/>
                <a:uLnTx/>
                <a:uFillTx/>
                <a:latin typeface="Financier Display"/>
                <a:ea typeface="+mj-ea"/>
                <a:cs typeface="+mj-cs"/>
              </a:rPr>
              <a:t>Thank You.</a:t>
            </a:r>
          </a:p>
        </p:txBody>
      </p:sp>
      <p:sp>
        <p:nvSpPr>
          <p:cNvPr id="14" name="TextBox 13">
            <a:extLst>
              <a:ext uri="{FF2B5EF4-FFF2-40B4-BE49-F238E27FC236}">
                <a16:creationId xmlns:a16="http://schemas.microsoft.com/office/drawing/2014/main" id="{2F65A3D7-3936-5C1A-2CA2-B7522CD86AE8}"/>
              </a:ext>
            </a:extLst>
          </p:cNvPr>
          <p:cNvSpPr txBox="1"/>
          <p:nvPr/>
        </p:nvSpPr>
        <p:spPr>
          <a:xfrm>
            <a:off x="1093678" y="4802109"/>
            <a:ext cx="10482580" cy="1327274"/>
          </a:xfrm>
          <a:prstGeom prst="rect">
            <a:avLst/>
          </a:prstGeom>
          <a:noFill/>
        </p:spPr>
        <p:txBody>
          <a:bodyPr wrap="square" lIns="48000" tIns="48000" rIns="48000" bIns="48000" rtlCol="0">
            <a:spAutoFit/>
          </a:bodyPr>
          <a:lstStyle/>
          <a:p>
            <a:pPr marL="0" marR="0" lvl="0" indent="0" algn="just" defTabSz="1219170" rtl="0" eaLnBrk="1" fontAlgn="auto" latinLnBrk="0" hangingPunct="1">
              <a:lnSpc>
                <a:spcPct val="100000"/>
              </a:lnSpc>
              <a:spcBef>
                <a:spcPts val="0"/>
              </a:spcBef>
              <a:spcAft>
                <a:spcPts val="0"/>
              </a:spcAft>
              <a:buClrTx/>
              <a:buSzTx/>
              <a:buFontTx/>
              <a:buNone/>
              <a:tabLst/>
              <a:defRPr/>
            </a:pPr>
            <a:r>
              <a:rPr kumimoji="0" lang="en-US" sz="1333" b="0" i="0" u="none" strike="noStrike" kern="1200" cap="none" spc="0" normalizeH="0" baseline="30000" noProof="0" dirty="0">
                <a:ln>
                  <a:noFill/>
                </a:ln>
                <a:solidFill>
                  <a:srgbClr val="435254"/>
                </a:solidFill>
                <a:effectLst/>
                <a:uLnTx/>
                <a:uFillTx/>
                <a:latin typeface="Futura Bk BT Book" panose="020B0502020204020303" pitchFamily="34" charset="0"/>
                <a:ea typeface="+mn-ea"/>
                <a:cs typeface="Arial Narrow"/>
              </a:rPr>
              <a:t>This presentation has been prepared in good faith based on CBRE’s current views of the commercial real-estate market.  Although CBRE believes its views reflect market conditions on the date of this presentation, they are subject to significant uncertainties and contingencies, many of which are beyond CBRE’s control.  In addition, many of CBRE’s views are opinion and/or projections based on CBRE’s subjective analyses of current market circumstances.  Other firms may have different opinions, projections and analyses, and actual market conditions in the future may cause CBRE’s current views to later be incorrect.  CBRE has no obligation to update its views herein if its opinions, projections, analyses or market circumstances later change.</a:t>
            </a:r>
          </a:p>
          <a:p>
            <a:pPr marL="0" marR="0" lvl="0" indent="0" algn="just" defTabSz="1219170" rtl="0" eaLnBrk="1" fontAlgn="auto" latinLnBrk="0" hangingPunct="1">
              <a:lnSpc>
                <a:spcPct val="100000"/>
              </a:lnSpc>
              <a:spcBef>
                <a:spcPts val="0"/>
              </a:spcBef>
              <a:spcAft>
                <a:spcPts val="0"/>
              </a:spcAft>
              <a:buClrTx/>
              <a:buSzTx/>
              <a:buFontTx/>
              <a:buNone/>
              <a:tabLst/>
              <a:defRPr/>
            </a:pPr>
            <a:r>
              <a:rPr kumimoji="0" lang="en-US" sz="1333" b="0" i="0" u="none" strike="noStrike" kern="1200" cap="none" spc="0" normalizeH="0" baseline="30000" noProof="0" dirty="0">
                <a:ln>
                  <a:noFill/>
                </a:ln>
                <a:solidFill>
                  <a:srgbClr val="435254"/>
                </a:solidFill>
                <a:effectLst/>
                <a:uLnTx/>
                <a:uFillTx/>
                <a:latin typeface="Futura Bk BT Book" panose="020B0502020204020303" pitchFamily="34" charset="0"/>
                <a:ea typeface="+mn-ea"/>
                <a:cs typeface="Arial Narrow"/>
              </a:rPr>
              <a:t>Nothing in this presentation should be construed as an indicator of the future performance of CBRE’s securities or of the performance of any other company’s securities.  You should not purchase or sell securities – of CBRE or any other company – based on the views herein.  CBRE disclaims all liability for securities purchased or sold based on information herein, and by viewing this presentation, you waive all claims against CBRE and the presenter as well as against CBRE’s affiliates, officers, directors, employees, agents, advisers and representatives arising out of the accuracy, completeness, adequacy or your use of the information herein.</a:t>
            </a:r>
          </a:p>
          <a:p>
            <a:pPr marL="0" marR="0" lvl="0" indent="0" algn="just" defTabSz="1219170" rtl="0" eaLnBrk="1" fontAlgn="auto" latinLnBrk="0" hangingPunct="1">
              <a:lnSpc>
                <a:spcPct val="100000"/>
              </a:lnSpc>
              <a:spcBef>
                <a:spcPts val="0"/>
              </a:spcBef>
              <a:spcAft>
                <a:spcPts val="0"/>
              </a:spcAft>
              <a:buClrTx/>
              <a:buSzTx/>
              <a:buFontTx/>
              <a:buNone/>
              <a:tabLst/>
              <a:defRPr/>
            </a:pPr>
            <a:r>
              <a:rPr kumimoji="0" lang="en-US" sz="1333" b="0" i="0" u="none" strike="noStrike" kern="1200" cap="none" spc="0" normalizeH="0" baseline="30000" noProof="0" dirty="0">
                <a:ln>
                  <a:noFill/>
                </a:ln>
                <a:solidFill>
                  <a:srgbClr val="435254"/>
                </a:solidFill>
                <a:effectLst/>
                <a:uLnTx/>
                <a:uFillTx/>
                <a:latin typeface="Futura Bk BT Book" panose="020B0502020204020303" pitchFamily="34" charset="0"/>
                <a:ea typeface="+mn-ea"/>
                <a:cs typeface="Arial Narrow"/>
              </a:rPr>
              <a:t>© Copyright 2021 CBRE </a:t>
            </a:r>
          </a:p>
        </p:txBody>
      </p:sp>
      <p:sp>
        <p:nvSpPr>
          <p:cNvPr id="2" name="Rectangle 1">
            <a:extLst>
              <a:ext uri="{FF2B5EF4-FFF2-40B4-BE49-F238E27FC236}">
                <a16:creationId xmlns:a16="http://schemas.microsoft.com/office/drawing/2014/main" id="{7E5ECF5B-0FDA-988F-A015-6F0EF0C9D3DB}"/>
              </a:ext>
            </a:extLst>
          </p:cNvPr>
          <p:cNvSpPr/>
          <p:nvPr/>
        </p:nvSpPr>
        <p:spPr>
          <a:xfrm>
            <a:off x="381000" y="6393098"/>
            <a:ext cx="2819400" cy="236302"/>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algn="ctr">
              <a:spcAft>
                <a:spcPts val="300"/>
              </a:spcAft>
            </a:pPr>
            <a:endParaRPr lang="en-US" dirty="0">
              <a:solidFill>
                <a:schemeClr val="bg1"/>
              </a:solidFill>
            </a:endParaRPr>
          </a:p>
        </p:txBody>
      </p:sp>
    </p:spTree>
    <p:extLst>
      <p:ext uri="{BB962C8B-B14F-4D97-AF65-F5344CB8AC3E}">
        <p14:creationId xmlns:p14="http://schemas.microsoft.com/office/powerpoint/2010/main" val="127238296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0B14DF79-0C2E-484D-B570-C39BC6495510}"/>
              </a:ext>
            </a:extLst>
          </p:cNvPr>
          <p:cNvSpPr>
            <a:spLocks noGrp="1"/>
          </p:cNvSpPr>
          <p:nvPr>
            <p:ph type="body" idx="4294967295"/>
          </p:nvPr>
        </p:nvSpPr>
        <p:spPr>
          <a:xfrm>
            <a:off x="9790113" y="5834063"/>
            <a:ext cx="2401887" cy="412750"/>
          </a:xfrm>
        </p:spPr>
        <p:txBody>
          <a:bodyPr/>
          <a:lstStyle/>
          <a:p>
            <a:r>
              <a:rPr lang="en-US" sz="1800" b="0" dirty="0">
                <a:latin typeface="+mn-lt"/>
              </a:rPr>
              <a:t>July 24</a:t>
            </a:r>
            <a:r>
              <a:rPr lang="en-US" sz="1800" b="0" baseline="30000" dirty="0">
                <a:latin typeface="+mn-lt"/>
              </a:rPr>
              <a:t>th</a:t>
            </a:r>
            <a:r>
              <a:rPr lang="en-US" sz="1800" b="0" dirty="0">
                <a:latin typeface="+mn-lt"/>
              </a:rPr>
              <a:t>, 2024</a:t>
            </a:r>
          </a:p>
        </p:txBody>
      </p:sp>
      <p:sp>
        <p:nvSpPr>
          <p:cNvPr id="4" name="Title 3">
            <a:extLst>
              <a:ext uri="{FF2B5EF4-FFF2-40B4-BE49-F238E27FC236}">
                <a16:creationId xmlns:a16="http://schemas.microsoft.com/office/drawing/2014/main" id="{EA2F7B7B-585B-402E-9F47-DD47DB7E1FDF}"/>
              </a:ext>
            </a:extLst>
          </p:cNvPr>
          <p:cNvSpPr>
            <a:spLocks noGrp="1"/>
          </p:cNvSpPr>
          <p:nvPr>
            <p:ph type="title" idx="4294967295"/>
          </p:nvPr>
        </p:nvSpPr>
        <p:spPr>
          <a:xfrm>
            <a:off x="1035636" y="1752600"/>
            <a:ext cx="9513888" cy="1398588"/>
          </a:xfrm>
        </p:spPr>
        <p:txBody>
          <a:bodyPr/>
          <a:lstStyle/>
          <a:p>
            <a:r>
              <a:rPr lang="en-US" sz="5400" dirty="0"/>
              <a:t>Global Property Markets 2024:</a:t>
            </a:r>
            <a:br>
              <a:rPr lang="en-US" sz="5400" dirty="0"/>
            </a:br>
            <a:r>
              <a:rPr lang="en-US" sz="4800" i="1" dirty="0"/>
              <a:t>Trends. Cultures. Perspectives.</a:t>
            </a:r>
            <a:endParaRPr lang="en-US" sz="4000" dirty="0"/>
          </a:p>
        </p:txBody>
      </p:sp>
      <p:sp>
        <p:nvSpPr>
          <p:cNvPr id="7" name="Text Placeholder 6">
            <a:extLst>
              <a:ext uri="{FF2B5EF4-FFF2-40B4-BE49-F238E27FC236}">
                <a16:creationId xmlns:a16="http://schemas.microsoft.com/office/drawing/2014/main" id="{FB3C7724-357D-4B1E-A460-48D816E7F7A0}"/>
              </a:ext>
            </a:extLst>
          </p:cNvPr>
          <p:cNvSpPr txBox="1">
            <a:spLocks/>
          </p:cNvSpPr>
          <p:nvPr/>
        </p:nvSpPr>
        <p:spPr>
          <a:xfrm>
            <a:off x="3471259" y="4110881"/>
            <a:ext cx="3767741" cy="1998786"/>
          </a:xfrm>
          <a:prstGeom prst="rect">
            <a:avLst/>
          </a:prstGeom>
        </p:spPr>
        <p:txBody>
          <a:bodyPr/>
          <a:lstStyle>
            <a:lvl1pPr marL="0" eaLnBrk="1" hangingPunct="1">
              <a:spcBef>
                <a:spcPts val="1200"/>
              </a:spcBef>
              <a:spcAft>
                <a:spcPts val="1200"/>
              </a:spcAft>
              <a:defRPr sz="2200">
                <a:solidFill>
                  <a:schemeClr val="tx1"/>
                </a:solidFill>
                <a:latin typeface="Calibre Light" panose="020B0303030202060203" pitchFamily="34" charset="0"/>
                <a:ea typeface="+mn-ea"/>
                <a:cs typeface="+mn-cs"/>
              </a:defRPr>
            </a:lvl1pPr>
            <a:lvl2pPr marL="0" indent="0" eaLnBrk="1" hangingPunct="1">
              <a:spcAft>
                <a:spcPts val="600"/>
              </a:spcAft>
              <a:defRPr sz="1600" b="0">
                <a:solidFill>
                  <a:schemeClr val="tx1"/>
                </a:solidFill>
                <a:latin typeface="Calibre Semibold" panose="020B0703030202060203" pitchFamily="34" charset="0"/>
                <a:ea typeface="+mn-ea"/>
                <a:cs typeface="+mn-cs"/>
              </a:defRPr>
            </a:lvl2pPr>
            <a:lvl3pPr marL="0" indent="0" eaLnBrk="1" hangingPunct="1">
              <a:spcBef>
                <a:spcPts val="300"/>
              </a:spcBef>
              <a:spcAft>
                <a:spcPts val="300"/>
              </a:spcAft>
              <a:defRPr sz="1200">
                <a:solidFill>
                  <a:schemeClr val="tx1"/>
                </a:solidFill>
                <a:latin typeface="+mn-lt"/>
                <a:ea typeface="+mn-ea"/>
                <a:cs typeface="+mn-cs"/>
              </a:defRPr>
            </a:lvl3pPr>
            <a:lvl4pPr marL="171450" indent="-171450" eaLnBrk="1" hangingPunct="1">
              <a:spcBef>
                <a:spcPts val="300"/>
              </a:spcBef>
              <a:spcAft>
                <a:spcPts val="300"/>
              </a:spcAft>
              <a:buClr>
                <a:schemeClr val="tx1"/>
              </a:buClr>
              <a:buFont typeface="SwissReSansOTLight" panose="04000400000000000000" pitchFamily="82" charset="0"/>
              <a:buChar char="–"/>
              <a:defRPr sz="1200">
                <a:solidFill>
                  <a:schemeClr val="tx1"/>
                </a:solidFill>
                <a:latin typeface="+mn-lt"/>
                <a:ea typeface="+mn-ea"/>
                <a:cs typeface="+mn-cs"/>
              </a:defRPr>
            </a:lvl4pPr>
            <a:lvl5pPr marL="360363" indent="-184150" eaLnBrk="1" hangingPunct="1">
              <a:spcBef>
                <a:spcPts val="300"/>
              </a:spcBef>
              <a:spcAft>
                <a:spcPts val="300"/>
              </a:spcAft>
              <a:buFont typeface="SwissReSansOTLight" panose="04000400000000000000" pitchFamily="82" charset="0"/>
              <a:buChar char="–"/>
              <a:defRPr sz="1200" b="0">
                <a:solidFill>
                  <a:schemeClr val="tx1"/>
                </a:solidFill>
                <a:latin typeface="+mn-lt"/>
                <a:ea typeface="+mn-ea"/>
                <a:cs typeface="+mn-cs"/>
              </a:defRPr>
            </a:lvl5pPr>
            <a:lvl6pPr marL="0" indent="0" eaLnBrk="1" hangingPunct="1">
              <a:spcBef>
                <a:spcPts val="600"/>
              </a:spcBef>
              <a:spcAft>
                <a:spcPts val="0"/>
              </a:spcAft>
              <a:buClr>
                <a:schemeClr val="tx1"/>
              </a:buClr>
              <a:buFontTx/>
              <a:buNone/>
              <a:defRPr sz="1200">
                <a:solidFill>
                  <a:schemeClr val="tx1"/>
                </a:solidFill>
                <a:latin typeface="Calibre Semibold" panose="020B0703030202060203" pitchFamily="34" charset="0"/>
                <a:ea typeface="+mn-ea"/>
                <a:cs typeface="+mn-cs"/>
              </a:defRPr>
            </a:lvl6pPr>
            <a:lvl7pPr marL="0" indent="0" eaLnBrk="1" hangingPunct="1">
              <a:spcBef>
                <a:spcPts val="600"/>
              </a:spcBef>
              <a:defRPr sz="1050">
                <a:solidFill>
                  <a:schemeClr val="tx1"/>
                </a:solidFill>
                <a:latin typeface="Calibre Semibold" panose="020B0703030202060203" pitchFamily="34" charset="0"/>
                <a:ea typeface="+mn-ea"/>
                <a:cs typeface="+mn-cs"/>
              </a:defRPr>
            </a:lvl7pPr>
            <a:lvl8pPr marL="0" indent="0" eaLnBrk="1" hangingPunct="1">
              <a:spcBef>
                <a:spcPts val="300"/>
              </a:spcBef>
              <a:spcAft>
                <a:spcPts val="300"/>
              </a:spcAft>
              <a:defRPr sz="1050" b="0">
                <a:solidFill>
                  <a:schemeClr val="tx1"/>
                </a:solidFill>
                <a:latin typeface="+mn-lt"/>
                <a:ea typeface="+mn-ea"/>
                <a:cs typeface="+mn-cs"/>
              </a:defRPr>
            </a:lvl8pPr>
            <a:lvl9pPr marL="171450" indent="-171450" eaLnBrk="1" hangingPunct="1">
              <a:spcBef>
                <a:spcPts val="200"/>
              </a:spcBef>
              <a:spcAft>
                <a:spcPts val="200"/>
              </a:spcAft>
              <a:buFont typeface="SwissReSansOTLight" panose="04000400000000000000" pitchFamily="82" charset="0"/>
              <a:buChar char="–"/>
              <a:defRPr sz="1050">
                <a:solidFill>
                  <a:schemeClr val="tx1"/>
                </a:solidFill>
                <a:latin typeface="+mn-lt"/>
                <a:ea typeface="+mn-ea"/>
                <a:cs typeface="+mn-cs"/>
              </a:defRPr>
            </a:lvl9pPr>
          </a:lstStyle>
          <a:p>
            <a:pPr marL="0" marR="0" lvl="1" indent="0" algn="l" defTabSz="914400" rtl="0" eaLnBrk="1" fontAlgn="auto" latinLnBrk="0" hangingPunct="1">
              <a:lnSpc>
                <a:spcPct val="100000"/>
              </a:lnSpc>
              <a:spcBef>
                <a:spcPts val="0"/>
              </a:spcBef>
              <a:spcAft>
                <a:spcPts val="600"/>
              </a:spcAft>
              <a:buClrTx/>
              <a:buSzTx/>
              <a:buFontTx/>
              <a:buNone/>
              <a:tabLst/>
              <a:defRPr/>
            </a:pPr>
            <a:r>
              <a:rPr kumimoji="0" lang="en-GB" sz="1600" b="0" i="0" u="none" strike="noStrike" kern="0" cap="none" spc="0" normalizeH="0" baseline="0" noProof="0" dirty="0">
                <a:ln>
                  <a:noFill/>
                </a:ln>
                <a:solidFill>
                  <a:srgbClr val="435254"/>
                </a:solidFill>
                <a:effectLst/>
                <a:uLnTx/>
                <a:uFillTx/>
                <a:latin typeface="Calibre Semibold" panose="020B0703030202060203" pitchFamily="34" charset="0"/>
                <a:ea typeface="+mn-ea"/>
                <a:cs typeface="+mn-cs"/>
              </a:rPr>
              <a:t>Dennis Schoenmaker, Ph.D.</a:t>
            </a:r>
          </a:p>
          <a:p>
            <a:pPr marL="0" marR="0" lvl="2" indent="0" algn="l" defTabSz="914400" rtl="0" eaLnBrk="1" fontAlgn="auto" latinLnBrk="0" hangingPunct="1">
              <a:lnSpc>
                <a:spcPct val="100000"/>
              </a:lnSpc>
              <a:spcBef>
                <a:spcPts val="0"/>
              </a:spcBef>
              <a:spcAft>
                <a:spcPts val="300"/>
              </a:spcAft>
              <a:buClrTx/>
              <a:buSzTx/>
              <a:buFontTx/>
              <a:buNone/>
              <a:tabLst/>
              <a:defRPr/>
            </a:pPr>
            <a:r>
              <a:rPr kumimoji="0" lang="en-GB" sz="1200" b="0" i="0" u="none" strike="noStrike" kern="0" cap="none" spc="0" normalizeH="0" baseline="0" noProof="0" dirty="0">
                <a:ln>
                  <a:noFill/>
                </a:ln>
                <a:solidFill>
                  <a:srgbClr val="435254"/>
                </a:solidFill>
                <a:effectLst/>
                <a:uLnTx/>
                <a:uFillTx/>
                <a:latin typeface="Calibre"/>
                <a:ea typeface="+mn-ea"/>
                <a:cs typeface="+mn-cs"/>
              </a:rPr>
              <a:t>Executive Director &amp;</a:t>
            </a:r>
          </a:p>
          <a:p>
            <a:pPr marL="0" marR="0" lvl="2" indent="0" algn="l" defTabSz="914400" rtl="0" eaLnBrk="1" fontAlgn="auto" latinLnBrk="0" hangingPunct="1">
              <a:lnSpc>
                <a:spcPct val="100000"/>
              </a:lnSpc>
              <a:spcBef>
                <a:spcPts val="0"/>
              </a:spcBef>
              <a:spcAft>
                <a:spcPts val="300"/>
              </a:spcAft>
              <a:buClrTx/>
              <a:buSzTx/>
              <a:buFontTx/>
              <a:buNone/>
              <a:tabLst/>
              <a:defRPr/>
            </a:pPr>
            <a:r>
              <a:rPr kumimoji="0" lang="en-GB" sz="1200" b="0" i="0" u="none" strike="noStrike" kern="0" cap="none" spc="0" normalizeH="0" baseline="0" noProof="0" dirty="0">
                <a:ln>
                  <a:noFill/>
                </a:ln>
                <a:solidFill>
                  <a:srgbClr val="435254"/>
                </a:solidFill>
                <a:effectLst/>
                <a:uLnTx/>
                <a:uFillTx/>
                <a:latin typeface="Calibre"/>
                <a:ea typeface="+mn-ea"/>
                <a:cs typeface="+mn-cs"/>
              </a:rPr>
              <a:t>Global co-Head of </a:t>
            </a:r>
            <a:r>
              <a:rPr lang="en-GB" dirty="0">
                <a:solidFill>
                  <a:srgbClr val="435254"/>
                </a:solidFill>
                <a:latin typeface="Calibre"/>
              </a:rPr>
              <a:t>Forecasting &amp; Data Analytics</a:t>
            </a:r>
            <a:endParaRPr kumimoji="0" lang="en-GB" sz="1200" b="0" i="0" u="none" strike="noStrike" kern="0" cap="none" spc="0" normalizeH="0" baseline="0" noProof="0" dirty="0">
              <a:ln>
                <a:noFill/>
              </a:ln>
              <a:solidFill>
                <a:srgbClr val="435254"/>
              </a:solidFill>
              <a:effectLst/>
              <a:uLnTx/>
              <a:uFillTx/>
              <a:latin typeface="Calibre"/>
              <a:ea typeface="+mn-ea"/>
              <a:cs typeface="+mn-cs"/>
            </a:endParaRPr>
          </a:p>
        </p:txBody>
      </p:sp>
      <p:sp>
        <p:nvSpPr>
          <p:cNvPr id="3" name="Rectangle 2">
            <a:extLst>
              <a:ext uri="{FF2B5EF4-FFF2-40B4-BE49-F238E27FC236}">
                <a16:creationId xmlns:a16="http://schemas.microsoft.com/office/drawing/2014/main" id="{BCAC5769-6979-17B4-E812-B377871A46AC}"/>
              </a:ext>
            </a:extLst>
          </p:cNvPr>
          <p:cNvSpPr/>
          <p:nvPr/>
        </p:nvSpPr>
        <p:spPr>
          <a:xfrm>
            <a:off x="457200" y="6477000"/>
            <a:ext cx="2133600" cy="228600"/>
          </a:xfrm>
          <a:prstGeom prst="rect">
            <a:avLst/>
          </a:prstGeom>
          <a:solidFill>
            <a:srgbClr val="F0F0F0"/>
          </a:solidFill>
          <a:ln w="12700">
            <a:noFill/>
          </a:ln>
        </p:spPr>
        <p:style>
          <a:lnRef idx="2">
            <a:schemeClr val="accent1">
              <a:shade val="50000"/>
            </a:schemeClr>
          </a:lnRef>
          <a:fillRef idx="1">
            <a:schemeClr val="accent1"/>
          </a:fillRef>
          <a:effectRef idx="0">
            <a:schemeClr val="accent1"/>
          </a:effectRef>
          <a:fontRef idx="minor">
            <a:schemeClr val="lt1"/>
          </a:fontRef>
        </p:style>
        <p:txBody>
          <a:bodyPr lIns="45720" tIns="0" rIns="45720" bIns="0" rtlCol="0" anchor="ctr"/>
          <a:lstStyle/>
          <a:p>
            <a:pPr marL="0" marR="0" lvl="0" indent="0" algn="ctr" defTabSz="914400" eaLnBrk="1" fontAlgn="auto" latinLnBrk="0" hangingPunct="1">
              <a:lnSpc>
                <a:spcPct val="100000"/>
              </a:lnSpc>
              <a:spcBef>
                <a:spcPts val="1200"/>
              </a:spcBef>
              <a:spcAft>
                <a:spcPts val="300"/>
              </a:spcAft>
              <a:buClrTx/>
              <a:buSzTx/>
              <a:buFontTx/>
              <a:buNone/>
              <a:tabLst/>
              <a:defRPr/>
            </a:pPr>
            <a:endParaRPr kumimoji="0" lang="en-US" sz="2200" b="0" i="0" u="none" strike="noStrike" kern="0" cap="none" spc="0" normalizeH="0" baseline="0" noProof="0" dirty="0">
              <a:ln>
                <a:noFill/>
              </a:ln>
              <a:solidFill>
                <a:srgbClr val="FFFFFF"/>
              </a:solidFill>
              <a:effectLst/>
              <a:uLnTx/>
              <a:uFillTx/>
              <a:latin typeface="Calibre"/>
              <a:ea typeface="+mn-ea"/>
              <a:cs typeface="+mn-cs"/>
            </a:endParaRPr>
          </a:p>
        </p:txBody>
      </p:sp>
      <p:pic>
        <p:nvPicPr>
          <p:cNvPr id="6" name="Picture 5" descr="A person in a suit&#10;&#10;Description automatically generated">
            <a:extLst>
              <a:ext uri="{FF2B5EF4-FFF2-40B4-BE49-F238E27FC236}">
                <a16:creationId xmlns:a16="http://schemas.microsoft.com/office/drawing/2014/main" id="{3F5D63CF-9662-F967-CB15-5E0463874B5B}"/>
              </a:ext>
            </a:extLst>
          </p:cNvPr>
          <p:cNvPicPr>
            <a:picLocks noChangeAspect="1"/>
          </p:cNvPicPr>
          <p:nvPr/>
        </p:nvPicPr>
        <p:blipFill>
          <a:blip r:embed="rId3" cstate="email">
            <a:extLst>
              <a:ext uri="{28A0092B-C50C-407E-A947-70E740481C1C}">
                <a14:useLocalDpi xmlns:a14="http://schemas.microsoft.com/office/drawing/2010/main" val="0"/>
              </a:ext>
            </a:extLst>
          </a:blip>
          <a:stretch>
            <a:fillRect/>
          </a:stretch>
        </p:blipFill>
        <p:spPr>
          <a:xfrm>
            <a:off x="1676400" y="4110881"/>
            <a:ext cx="1566259" cy="1566259"/>
          </a:xfrm>
          <a:prstGeom prst="rect">
            <a:avLst/>
          </a:prstGeom>
        </p:spPr>
      </p:pic>
    </p:spTree>
    <p:extLst>
      <p:ext uri="{BB962C8B-B14F-4D97-AF65-F5344CB8AC3E}">
        <p14:creationId xmlns:p14="http://schemas.microsoft.com/office/powerpoint/2010/main" val="1843249007"/>
      </p:ext>
    </p:extLst>
  </p:cSld>
  <p:clrMapOvr>
    <a:masterClrMapping/>
  </p:clrMapOvr>
</p:sld>
</file>

<file path=ppt/theme/theme1.xml><?xml version="1.0" encoding="utf-8"?>
<a:theme xmlns:a="http://schemas.openxmlformats.org/drawingml/2006/main" name="GWS Emerald Master 20211104">
  <a:themeElements>
    <a:clrScheme name="CBRE Emerald">
      <a:dk1>
        <a:srgbClr val="435254"/>
      </a:dk1>
      <a:lt1>
        <a:srgbClr val="FFFFFF"/>
      </a:lt1>
      <a:dk2>
        <a:srgbClr val="DBD99A"/>
      </a:dk2>
      <a:lt2>
        <a:srgbClr val="80BBAD"/>
      </a:lt2>
      <a:accent1>
        <a:srgbClr val="1F3765"/>
      </a:accent1>
      <a:accent2>
        <a:srgbClr val="3E7CA6"/>
      </a:accent2>
      <a:accent3>
        <a:srgbClr val="CAD1D3"/>
      </a:accent3>
      <a:accent4>
        <a:srgbClr val="96B3B6"/>
      </a:accent4>
      <a:accent5>
        <a:srgbClr val="7F8481"/>
      </a:accent5>
      <a:accent6>
        <a:srgbClr val="003F2D"/>
      </a:accent6>
      <a:hlink>
        <a:srgbClr val="538184"/>
      </a:hlink>
      <a:folHlink>
        <a:srgbClr val="538184"/>
      </a:folHlink>
    </a:clrScheme>
    <a:fontScheme name="CBRE">
      <a:majorFont>
        <a:latin typeface="Financier Display"/>
        <a:ea typeface=""/>
        <a:cs typeface=""/>
      </a:majorFont>
      <a:minorFont>
        <a:latin typeface="Calibr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bg2"/>
        </a:solidFill>
        <a:ln w="12700">
          <a:noFill/>
        </a:ln>
      </a:spPr>
      <a:bodyPr lIns="45720" tIns="0" rIns="45720" bIns="0" rtlCol="0" anchor="ctr"/>
      <a:lstStyle>
        <a:defPPr algn="ctr">
          <a:spcAft>
            <a:spcPts val="300"/>
          </a:spcAft>
          <a:defRPr dirty="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tx1"/>
          </a:solidFill>
          <a:miter lim="800000"/>
        </a:ln>
      </a:spPr>
      <a:bodyPr/>
      <a:lstStyle/>
      <a:style>
        <a:lnRef idx="1">
          <a:schemeClr val="accent1"/>
        </a:lnRef>
        <a:fillRef idx="0">
          <a:schemeClr val="accent1"/>
        </a:fillRef>
        <a:effectRef idx="0">
          <a:schemeClr val="accent1"/>
        </a:effectRef>
        <a:fontRef idx="minor">
          <a:schemeClr val="tx1"/>
        </a:fontRef>
      </a:style>
    </a:lnDef>
    <a:txDef>
      <a:spPr>
        <a:noFill/>
      </a:spPr>
      <a:bodyPr wrap="none" lIns="0" tIns="0" rIns="0" bIns="0" rtlCol="0">
        <a:noAutofit/>
      </a:bodyPr>
      <a:lstStyle>
        <a:defPPr algn="l">
          <a:defRPr dirty="0" smtClean="0"/>
        </a:defPPr>
      </a:lstStyle>
    </a:txDef>
  </a:objectDefaults>
  <a:extraClrSchemeLst/>
  <a:custClrLst>
    <a:custClr name="Celadon (Data Viz 1)">
      <a:srgbClr val="80BBAD"/>
    </a:custClr>
    <a:custClr name="Dark Grey (Data Viz 2)">
      <a:srgbClr val="435254"/>
    </a:custClr>
    <a:custClr name="Accent Green (Data Viz 3)">
      <a:srgbClr val="17E88F"/>
    </a:custClr>
    <a:custClr name="Wheat (Data Viz 4)">
      <a:srgbClr val="DBD99A"/>
    </a:custClr>
    <a:custClr name="Data Orange (Data Viz 5)">
      <a:srgbClr val="D2785A"/>
    </a:custClr>
    <a:custClr name="Data Purple (Data Viz 6)">
      <a:srgbClr val="885073"/>
    </a:custClr>
    <a:custClr name="Data Lt. Purple (Data Viz 7)">
      <a:srgbClr val="A388BF"/>
    </a:custClr>
    <a:custClr name="Data Blue (Data Viz 8)">
      <a:srgbClr val="1F3765"/>
    </a:custClr>
    <a:custClr name="Data Lt. Blue (Data Viz 9)">
      <a:srgbClr val="3E7CA6"/>
    </a:custClr>
    <a:custClr name="Light Grey (Data Viz 10)">
      <a:srgbClr val="CAD1D3"/>
    </a:custClr>
    <a:custClr name="Negative Value Red">
      <a:srgbClr val="AD2A2A"/>
    </a:custClr>
    <a:custClr name="DataViz Background (20% Lt. Grey)">
      <a:srgbClr val="F6F6F6"/>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 ">
      <a:srgbClr val="FFFFFF"/>
    </a:custClr>
    <a:custClr name="Primary Green (Primary)">
      <a:srgbClr val="003F2D"/>
    </a:custClr>
    <a:custClr name="Accent Green (Primary)">
      <a:srgbClr val="17E88F"/>
    </a:custClr>
    <a:custClr name="Dark Green (Primary)">
      <a:srgbClr val="012A2D"/>
    </a:custClr>
    <a:custClr name="Dark Grey (Primary)">
      <a:srgbClr val="435254"/>
    </a:custClr>
    <a:custClr name="Light Grey (Primary)">
      <a:srgbClr val="CAD1D3"/>
    </a:custClr>
    <a:custClr name="Midnight (Secondary)">
      <a:srgbClr val="032842"/>
    </a:custClr>
    <a:custClr name="Sage (Secondary)">
      <a:srgbClr val="538184"/>
    </a:custClr>
    <a:custClr name="Celadon (Secondary)">
      <a:srgbClr val="80BBAD"/>
    </a:custClr>
    <a:custClr name="Wheat (Secondary)">
      <a:srgbClr val="DBD99A"/>
    </a:custClr>
    <a:custClr name="Cement (Secondary)">
      <a:srgbClr val="7F8480"/>
    </a:custClr>
    <a:custClr name=" ">
      <a:srgbClr val="FFFFFF"/>
    </a:custClr>
    <a:custClr name=" ">
      <a:srgbClr val="FFFFFF"/>
    </a:custClr>
    <a:custClr name=" ">
      <a:srgbClr val="FFFFFF"/>
    </a:custClr>
    <a:custClr name=" ">
      <a:srgbClr val="FFFFFF"/>
    </a:custClr>
    <a:custClr name=" ">
      <a:srgbClr val="FFFFFF"/>
    </a:custClr>
    <a:custClr name="Midnight Tint (Secondary)">
      <a:srgbClr val="778F9C"/>
    </a:custClr>
    <a:custClr name="Sage Tint (Secondary)">
      <a:srgbClr val="96B3B6"/>
    </a:custClr>
    <a:custClr name="Celadon Tint (Secondary)">
      <a:srgbClr val="C0D4CB"/>
    </a:custClr>
    <a:custClr name="Wheat Tint (Secondary)">
      <a:srgbClr val="EFECD2"/>
    </a:custClr>
    <a:custClr name="Cement Tint (Secondary)">
      <a:srgbClr val="CBCDCB"/>
    </a:custClr>
  </a:custClrLst>
  <a:extLst>
    <a:ext uri="{05A4C25C-085E-4340-85A3-A5531E510DB2}">
      <thm15:themeFamily xmlns:thm15="http://schemas.microsoft.com/office/thememl/2012/main" name="CBRE Emerald 16x9 ALL Template (US English) - v20220422.potx" id="{1DA56ADE-730E-4585-8868-747E5078C91D}" vid="{51D84EEE-59AC-4566-A1E3-C0A37136F7A9}"/>
    </a:ext>
  </a:extLst>
</a:theme>
</file>

<file path=ppt/theme/theme2.xml><?xml version="1.0" encoding="utf-8"?>
<a:theme xmlns:a="http://schemas.openxmlformats.org/drawingml/2006/main" name="MASTER">
  <a:themeElements>
    <a:clrScheme name="Custom 8">
      <a:dk1>
        <a:srgbClr val="435254"/>
      </a:dk1>
      <a:lt1>
        <a:srgbClr val="FFFFFF"/>
      </a:lt1>
      <a:dk2>
        <a:srgbClr val="DBD99A"/>
      </a:dk2>
      <a:lt2>
        <a:srgbClr val="80BBAD"/>
      </a:lt2>
      <a:accent1>
        <a:srgbClr val="1F3765"/>
      </a:accent1>
      <a:accent2>
        <a:srgbClr val="3E7CA6"/>
      </a:accent2>
      <a:accent3>
        <a:srgbClr val="CAD1D3"/>
      </a:accent3>
      <a:accent4>
        <a:srgbClr val="96B3B6"/>
      </a:accent4>
      <a:accent5>
        <a:srgbClr val="7F8481"/>
      </a:accent5>
      <a:accent6>
        <a:srgbClr val="003D30"/>
      </a:accent6>
      <a:hlink>
        <a:srgbClr val="80BBAD"/>
      </a:hlink>
      <a:folHlink>
        <a:srgbClr val="D1D1D3"/>
      </a:folHlink>
    </a:clrScheme>
    <a:fontScheme name="CBRE">
      <a:majorFont>
        <a:latin typeface="Financier Display"/>
        <a:ea typeface=""/>
        <a:cs typeface=""/>
      </a:majorFont>
      <a:minorFont>
        <a:latin typeface="Calibr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txDef>
      <a:spPr>
        <a:noFill/>
      </a:spPr>
      <a:bodyPr wrap="none" lIns="0" tIns="0" rIns="0" bIns="0" rtlCol="0">
        <a:noAutofit/>
      </a:bodyPr>
      <a:lstStyle>
        <a:defPPr algn="l">
          <a:defRPr dirty="0" smtClean="0"/>
        </a:defPPr>
      </a:lstStyle>
    </a:txDef>
  </a:objectDefaults>
  <a:extraClrSchemeLst/>
  <a:custClrLst>
    <a:custClr name="Data Viz 1">
      <a:srgbClr val="80BBAD"/>
    </a:custClr>
    <a:custClr name="Data Viz 2">
      <a:srgbClr val="435254"/>
    </a:custClr>
    <a:custClr name="Data Viz 3">
      <a:srgbClr val="17E88F"/>
    </a:custClr>
    <a:custClr name="Custom Color 4">
      <a:srgbClr val="DBD99A"/>
    </a:custClr>
    <a:custClr name="Data Viz 5">
      <a:srgbClr val="D2785A"/>
    </a:custClr>
    <a:custClr name="Data Viz 6">
      <a:srgbClr val="885073"/>
    </a:custClr>
    <a:custClr name="Data Viz 7">
      <a:srgbClr val="A388BF"/>
    </a:custClr>
    <a:custClr name="Custom Color 8">
      <a:srgbClr val="1F3765"/>
    </a:custClr>
    <a:custClr name="Data Viz 9">
      <a:srgbClr val="3E7CA6"/>
    </a:custClr>
    <a:custClr name="Data Viz 10">
      <a:srgbClr val="CAD1D3"/>
    </a:custClr>
    <a:custClr name="Financial Indicator">
      <a:srgbClr val="AD2A2A"/>
    </a:custClr>
  </a:custClrLst>
  <a:extLst>
    <a:ext uri="{05A4C25C-085E-4340-85A3-A5531E510DB2}">
      <thm15:themeFamily xmlns:thm15="http://schemas.microsoft.com/office/thememl/2012/main" name="16x9 Text Template CBRE 2021_071521.potx" id="{8BC98CF4-E998-4AB4-A8ED-DE72A14152B5}" vid="{E67182C6-DEFC-4EEB-A87F-2F2629F97E2E}"/>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CBRE Emerald">
    <a:dk1>
      <a:srgbClr val="435254"/>
    </a:dk1>
    <a:lt1>
      <a:srgbClr val="FFFFFF"/>
    </a:lt1>
    <a:dk2>
      <a:srgbClr val="DBD99A"/>
    </a:dk2>
    <a:lt2>
      <a:srgbClr val="80BBAD"/>
    </a:lt2>
    <a:accent1>
      <a:srgbClr val="1F3765"/>
    </a:accent1>
    <a:accent2>
      <a:srgbClr val="3E7CA6"/>
    </a:accent2>
    <a:accent3>
      <a:srgbClr val="CAD1D3"/>
    </a:accent3>
    <a:accent4>
      <a:srgbClr val="96B3B6"/>
    </a:accent4>
    <a:accent5>
      <a:srgbClr val="7F8481"/>
    </a:accent5>
    <a:accent6>
      <a:srgbClr val="003F2D"/>
    </a:accent6>
    <a:hlink>
      <a:srgbClr val="538184"/>
    </a:hlink>
    <a:folHlink>
      <a:srgbClr val="538184"/>
    </a:folHlink>
  </a:clrScheme>
  <a:fontScheme name="CBRE">
    <a:majorFont>
      <a:latin typeface="Financier Display"/>
      <a:ea typeface=""/>
      <a:cs typeface=""/>
    </a:majorFont>
    <a:minorFont>
      <a:latin typeface="Calibr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2.xml><?xml version="1.0" encoding="utf-8"?>
<a:themeOverride xmlns:a="http://schemas.openxmlformats.org/drawingml/2006/main">
  <a:clrScheme name="CBRE Emerald">
    <a:dk1>
      <a:srgbClr val="435254"/>
    </a:dk1>
    <a:lt1>
      <a:srgbClr val="FFFFFF"/>
    </a:lt1>
    <a:dk2>
      <a:srgbClr val="DBD99A"/>
    </a:dk2>
    <a:lt2>
      <a:srgbClr val="80BBAD"/>
    </a:lt2>
    <a:accent1>
      <a:srgbClr val="1F3765"/>
    </a:accent1>
    <a:accent2>
      <a:srgbClr val="3E7CA6"/>
    </a:accent2>
    <a:accent3>
      <a:srgbClr val="CAD1D3"/>
    </a:accent3>
    <a:accent4>
      <a:srgbClr val="96B3B6"/>
    </a:accent4>
    <a:accent5>
      <a:srgbClr val="7F8481"/>
    </a:accent5>
    <a:accent6>
      <a:srgbClr val="003F2D"/>
    </a:accent6>
    <a:hlink>
      <a:srgbClr val="538184"/>
    </a:hlink>
    <a:folHlink>
      <a:srgbClr val="538184"/>
    </a:folHlink>
  </a:clrScheme>
  <a:fontScheme name="CBRE">
    <a:majorFont>
      <a:latin typeface="Financier Display"/>
      <a:ea typeface=""/>
      <a:cs typeface=""/>
    </a:majorFont>
    <a:minorFont>
      <a:latin typeface="Calibr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3.xml><?xml version="1.0" encoding="utf-8"?>
<a:themeOverride xmlns:a="http://schemas.openxmlformats.org/drawingml/2006/main">
  <a:clrScheme name="CBRE Emerald">
    <a:dk1>
      <a:srgbClr val="435254"/>
    </a:dk1>
    <a:lt1>
      <a:srgbClr val="FFFFFF"/>
    </a:lt1>
    <a:dk2>
      <a:srgbClr val="DBD99A"/>
    </a:dk2>
    <a:lt2>
      <a:srgbClr val="80BBAD"/>
    </a:lt2>
    <a:accent1>
      <a:srgbClr val="1F3765"/>
    </a:accent1>
    <a:accent2>
      <a:srgbClr val="3E7CA6"/>
    </a:accent2>
    <a:accent3>
      <a:srgbClr val="CAD1D3"/>
    </a:accent3>
    <a:accent4>
      <a:srgbClr val="96B3B6"/>
    </a:accent4>
    <a:accent5>
      <a:srgbClr val="7F8481"/>
    </a:accent5>
    <a:accent6>
      <a:srgbClr val="003F2D"/>
    </a:accent6>
    <a:hlink>
      <a:srgbClr val="538184"/>
    </a:hlink>
    <a:folHlink>
      <a:srgbClr val="538184"/>
    </a:folHlink>
  </a:clrScheme>
  <a:fontScheme name="CBRE">
    <a:majorFont>
      <a:latin typeface="Financier Display"/>
      <a:ea typeface=""/>
      <a:cs typeface=""/>
    </a:majorFont>
    <a:minorFont>
      <a:latin typeface="Calibr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TemplateConfiguration><![CDATA[{"slideVersion":1,"isValidatorEnabled":false,"isLocked":false,"elementsMetadata":[],"slideId":"638114747057322817","enableDocumentContentUpdater":false,"version":"2.0"}]]></TemplafySlideTemplateConfiguration>
</file>

<file path=customXml/item2.xml><?xml version="1.0" encoding="utf-8"?>
<TemplafyTemplateConfiguration><![CDATA[{"elementsMetadata":[],"transformationConfigurations":[],"templateName":"CBRE Blank - Jan 2023e","templateDescription":"","enableDocumentContentUpdater":false,"version":"2.0"}]]></TemplafyTemplateConfiguration>
</file>

<file path=customXml/item3.xml><?xml version="1.0" encoding="utf-8"?>
<TemplafyFormConfiguration><![CDATA[{"formFields":[],"formDataEntries":[]}]]></TemplafyFormConfiguration>
</file>

<file path=customXml/item4.xml><?xml version="1.0" encoding="utf-8"?>
<TemplafySlideTemplateConfiguration><![CDATA[{"slideVersion":1,"isValidatorEnabled":false,"isLocked":false,"elementsMetadata":[],"slideId":"637812533291832374","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F49E34AD-FF9B-4D38-8421-9BD1C72A2BD6}">
  <ds:schemaRefs/>
</ds:datastoreItem>
</file>

<file path=customXml/itemProps2.xml><?xml version="1.0" encoding="utf-8"?>
<ds:datastoreItem xmlns:ds="http://schemas.openxmlformats.org/officeDocument/2006/customXml" ds:itemID="{1B35FCC8-7A4D-4C02-A2F6-C15E3FC8A58F}">
  <ds:schemaRefs/>
</ds:datastoreItem>
</file>

<file path=customXml/itemProps3.xml><?xml version="1.0" encoding="utf-8"?>
<ds:datastoreItem xmlns:ds="http://schemas.openxmlformats.org/officeDocument/2006/customXml" ds:itemID="{19B8902C-D796-4218-8ABB-C25999B37244}">
  <ds:schemaRefs/>
</ds:datastoreItem>
</file>

<file path=customXml/itemProps4.xml><?xml version="1.0" encoding="utf-8"?>
<ds:datastoreItem xmlns:ds="http://schemas.openxmlformats.org/officeDocument/2006/customXml" ds:itemID="{8E761B22-C8A9-43FE-BDE2-122F6AFE48A1}">
  <ds:schemaRefs/>
</ds:datastoreItem>
</file>

<file path=customXml/itemProps5.xml><?xml version="1.0" encoding="utf-8"?>
<ds:datastoreItem xmlns:ds="http://schemas.openxmlformats.org/officeDocument/2006/customXml" ds:itemID="{6CF16260-604F-4CF0-BA77-806E74188B42}">
  <ds:schemaRefs/>
</ds:datastoreItem>
</file>

<file path=customXml/itemProps6.xml><?xml version="1.0" encoding="utf-8"?>
<ds:datastoreItem xmlns:ds="http://schemas.openxmlformats.org/officeDocument/2006/customXml" ds:itemID="{2DE97FE6-5C2E-4FB7-BE66-21002FC0C82A}">
  <ds:schemaRefs/>
</ds:datastoreItem>
</file>

<file path=docMetadata/LabelInfo.xml><?xml version="1.0" encoding="utf-8"?>
<clbl:labelList xmlns:clbl="http://schemas.microsoft.com/office/2020/mipLabelMetadata">
  <clbl:label id="{9e767a3e-36d8-4341-a9b3-8a01d66037db}" enabled="1" method="Privileged" siteId="{0159e9d0-09a0-4edf-96ba-a3deea363c28}" contentBits="0" removed="0"/>
</clbl:labelList>
</file>

<file path=docProps/app.xml><?xml version="1.0" encoding="utf-8"?>
<Properties xmlns="http://schemas.openxmlformats.org/officeDocument/2006/extended-properties" xmlns:vt="http://schemas.openxmlformats.org/officeDocument/2006/docPropsVTypes">
  <Template>16x9 Template (US English)</Template>
  <TotalTime>56421</TotalTime>
  <Words>2367</Words>
  <Application>Microsoft Office PowerPoint</Application>
  <PresentationFormat>Widescreen</PresentationFormat>
  <Paragraphs>340</Paragraphs>
  <Slides>24</Slides>
  <Notes>15</Notes>
  <HiddenSlides>0</HiddenSlides>
  <MMClips>0</MMClips>
  <ScaleCrop>false</ScaleCrop>
  <HeadingPairs>
    <vt:vector size="6" baseType="variant">
      <vt:variant>
        <vt:lpstr>Fonts Used</vt:lpstr>
      </vt:variant>
      <vt:variant>
        <vt:i4>18</vt:i4>
      </vt:variant>
      <vt:variant>
        <vt:lpstr>Theme</vt:lpstr>
      </vt:variant>
      <vt:variant>
        <vt:i4>2</vt:i4>
      </vt:variant>
      <vt:variant>
        <vt:lpstr>Slide Titles</vt:lpstr>
      </vt:variant>
      <vt:variant>
        <vt:i4>24</vt:i4>
      </vt:variant>
    </vt:vector>
  </HeadingPairs>
  <TitlesOfParts>
    <vt:vector size="44" baseType="lpstr">
      <vt:lpstr>Arial</vt:lpstr>
      <vt:lpstr>Barlow Condensed</vt:lpstr>
      <vt:lpstr>Calibre</vt:lpstr>
      <vt:lpstr>Calibre Bold</vt:lpstr>
      <vt:lpstr>Calibre Light</vt:lpstr>
      <vt:lpstr>Calibre Medium</vt:lpstr>
      <vt:lpstr>Calibre Semibold</vt:lpstr>
      <vt:lpstr>Calibre-Light</vt:lpstr>
      <vt:lpstr>Calibre-Semibold</vt:lpstr>
      <vt:lpstr>Calibri</vt:lpstr>
      <vt:lpstr>Courier New</vt:lpstr>
      <vt:lpstr>Financier Display</vt:lpstr>
      <vt:lpstr>Financier Display Medium</vt:lpstr>
      <vt:lpstr>Financier Display Semibold</vt:lpstr>
      <vt:lpstr>Futura Bk BT Book</vt:lpstr>
      <vt:lpstr>Futura Md BT Medium</vt:lpstr>
      <vt:lpstr>Space Mono</vt:lpstr>
      <vt:lpstr>SwissReSansOTLight</vt:lpstr>
      <vt:lpstr>GWS Emerald Master 20211104</vt:lpstr>
      <vt:lpstr>MASTER</vt:lpstr>
      <vt:lpstr>Global Property Markets 2024: Trends. Cultures. Perspectives.</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Global Property Markets 2024: Trends. Cultures. Perspectives.</vt:lpstr>
      <vt:lpstr>Investment volumes off to a slow start but positive signals ahead?</vt:lpstr>
      <vt:lpstr>But what about Distress? Different impacts across the globe</vt:lpstr>
      <vt:lpstr>Why offices? The working from home trend demystified</vt:lpstr>
      <vt:lpstr>Flight from commodity office stock and the flight to ‘prime offices’</vt:lpstr>
      <vt:lpstr>Global Property Markets 2024: Trends. Cultures. Perspectives.</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astern Lenders Association Conference</dc:title>
  <dc:creator>Jacob.Cottrell@cbre.com</dc:creator>
  <cp:lastModifiedBy>Shea Shumpert</cp:lastModifiedBy>
  <cp:revision>465</cp:revision>
  <dcterms:created xsi:type="dcterms:W3CDTF">2023-06-26T05:47:07Z</dcterms:created>
  <dcterms:modified xsi:type="dcterms:W3CDTF">2024-07-23T14:41:5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2-08T17:38:25</vt:lpwstr>
  </property>
  <property fmtid="{D5CDD505-2E9C-101B-9397-08002B2CF9AE}" pid="3" name="TemplafyTenantId">
    <vt:lpwstr>cbre</vt:lpwstr>
  </property>
  <property fmtid="{D5CDD505-2E9C-101B-9397-08002B2CF9AE}" pid="4" name="TemplafyTemplateId">
    <vt:lpwstr>638114747044338295</vt:lpwstr>
  </property>
  <property fmtid="{D5CDD505-2E9C-101B-9397-08002B2CF9AE}" pid="5" name="TemplafyUserProfileId">
    <vt:lpwstr>637816567288854958</vt:lpwstr>
  </property>
  <property fmtid="{D5CDD505-2E9C-101B-9397-08002B2CF9AE}" pid="6" name="TemplafyFromBlank">
    <vt:bool>true</vt:bool>
  </property>
  <property fmtid="{D5CDD505-2E9C-101B-9397-08002B2CF9AE}" pid="7" name="HasRun">
    <vt:lpwstr>true</vt:lpwstr>
  </property>
</Properties>
</file>